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Default Extension="data" ContentType="application/vnd.openxmlformats-officedocument.model+data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524063\Documents\Class Documents\Math Seminar\"/>
    </mc:Choice>
  </mc:AlternateContent>
  <bookViews>
    <workbookView xWindow="0" yWindow="0" windowWidth="15345" windowHeight="3945" activeTab="2"/>
  </bookViews>
  <sheets>
    <sheet name="Data" sheetId="17" r:id="rId1"/>
    <sheet name="OMB  Map" sheetId="18" r:id="rId2"/>
    <sheet name="MicroMetro" sheetId="15" r:id="rId3"/>
  </sheets>
  <definedNames>
    <definedName name="_xlnm._FilterDatabase" localSheetId="0" hidden="1">Data!$A$1:$DO$2563</definedName>
    <definedName name="_xlnm._FilterDatabase" localSheetId="2" hidden="1">MicroMetro!$A$1:$DO$127</definedName>
    <definedName name="Data">Data!$A$1:$DO$2563</definedName>
    <definedName name="Totals">#REF!</definedName>
  </definedNames>
  <calcPr calcId="162913"/>
  <extLst>
    <ext xmlns:x15="http://schemas.microsoft.com/office/spreadsheetml/2010/11/main" uri="{FCE2AD5D-F65C-4FA6-A056-5C36A1767C68}">
      <x15:dataModel>
        <x15:modelTables>
          <x15:modelTable id="CountyCodes  2_b3073cb6-f91e-463b-ae36-4b698a459839" name="CountyCodes  2" connection="Query - CountyCodes (2)"/>
          <x15:modelTable id="Data1_30f7ab32-6e4c-47ed-8371-eedcb0bcb661" name="Data1" connection="Query - Data1"/>
        </x15:modelTables>
      </x15:dataModel>
    </ext>
  </extLst>
</workbook>
</file>

<file path=xl/connections.xml><?xml version="1.0" encoding="utf-8"?>
<connections xmlns="http://schemas.openxmlformats.org/spreadsheetml/2006/main">
  <connection id="1" name="Query - CountyCodes (2)" description="Connection to the 'CountyCodes (2)' query in the workbook." type="100" refreshedVersion="6" minRefreshableVersion="5">
    <extLst>
      <ext xmlns:x15="http://schemas.microsoft.com/office/spreadsheetml/2010/11/main" uri="{DE250136-89BD-433C-8126-D09CA5730AF9}">
        <x15:connection id="edc592dd-fe48-49a7-b152-0aff87741548"/>
      </ext>
    </extLst>
  </connection>
  <connection id="2" name="Query - Data1" description="Connection to the 'Data1' query in the workbook." type="100" refreshedVersion="6" minRefreshableVersion="5">
    <extLst>
      <ext xmlns:x15="http://schemas.microsoft.com/office/spreadsheetml/2010/11/main" uri="{DE250136-89BD-433C-8126-D09CA5730AF9}">
        <x15:connection id="d0c53a9a-fc67-4781-a410-fe012467ab70">
          <x15:oledbPr connection="Provider=Microsoft.Mashup.OleDb.1;Data Source=$Workbook$;Location=Data1">
            <x15:dbTables>
              <x15:dbTable name="Data1"/>
            </x15:dbTables>
          </x15:oledbPr>
        </x15:connection>
      </ext>
    </extLst>
  </connection>
  <connection id="3" keepAlive="1" name="ThisWorkbookDataModel" description="Data Model" type="5" refreshedVersion="6" minRefreshableVersion="5" background="1">
    <dbPr connection="Data Model Connection" command="Model" commandType="1"/>
    <olapPr sendLocale="1" rowDrillCount="1000"/>
    <extLst>
      <ext xmlns:x15="http://schemas.microsoft.com/office/spreadsheetml/2010/11/main" uri="{DE250136-89BD-433C-8126-D09CA5730AF9}">
        <x15:connection id="" model="1"/>
      </ext>
    </extLst>
  </connection>
</connections>
</file>

<file path=xl/sharedStrings.xml><?xml version="1.0" encoding="utf-8"?>
<sst xmlns="http://schemas.openxmlformats.org/spreadsheetml/2006/main" count="33645" uniqueCount="795">
  <si>
    <t>Description</t>
  </si>
  <si>
    <t>11</t>
  </si>
  <si>
    <t>Crop and Animal Production</t>
  </si>
  <si>
    <t>2001 Jobs</t>
  </si>
  <si>
    <t>2002 Jobs</t>
  </si>
  <si>
    <t>2003 Jobs</t>
  </si>
  <si>
    <t>2004 Jobs</t>
  </si>
  <si>
    <t>2005 Jobs</t>
  </si>
  <si>
    <t>2006 Jobs</t>
  </si>
  <si>
    <t>2007 Jobs</t>
  </si>
  <si>
    <t>2008 Jobs</t>
  </si>
  <si>
    <t>2009 Jobs</t>
  </si>
  <si>
    <t>2010 Jobs</t>
  </si>
  <si>
    <t>2011 Jobs</t>
  </si>
  <si>
    <t>2012 Jobs</t>
  </si>
  <si>
    <t>2013 Jobs</t>
  </si>
  <si>
    <t>2014 Jobs</t>
  </si>
  <si>
    <t>2015 Jobs</t>
  </si>
  <si>
    <t>2016 Jobs</t>
  </si>
  <si>
    <t>2017 Jobs</t>
  </si>
  <si>
    <t>2004 Payrolled Business Locations</t>
  </si>
  <si>
    <t>2005 Payrolled Business Locations</t>
  </si>
  <si>
    <t>2006 Payrolled Business Locations</t>
  </si>
  <si>
    <t>2007 Payrolled Business Locations</t>
  </si>
  <si>
    <t>2008 Payrolled Business Locations</t>
  </si>
  <si>
    <t>2009 Payrolled Business Locations</t>
  </si>
  <si>
    <t>2010 Payrolled Business Locations</t>
  </si>
  <si>
    <t>2011 Payrolled Business Locations</t>
  </si>
  <si>
    <t>2012 Payrolled Business Locations</t>
  </si>
  <si>
    <t>2013 Payrolled Business Locations</t>
  </si>
  <si>
    <t>2014 Payrolled Business Locations</t>
  </si>
  <si>
    <t>2015 Payrolled Business Locations</t>
  </si>
  <si>
    <t>2016 Payrolled Business Locations</t>
  </si>
  <si>
    <t>Competitive Effect</t>
  </si>
  <si>
    <t>Ind. Mix Effect</t>
  </si>
  <si>
    <t>Nat'l Growth Effect</t>
  </si>
  <si>
    <t>Expected Change</t>
  </si>
  <si>
    <t>2001 Location Quotient</t>
  </si>
  <si>
    <t>2002 Location Quotient</t>
  </si>
  <si>
    <t>2003 Location Quotient</t>
  </si>
  <si>
    <t>2004 Location Quotient</t>
  </si>
  <si>
    <t>2005 Location Quotient</t>
  </si>
  <si>
    <t>2006 Location Quotient</t>
  </si>
  <si>
    <t>2007 Location Quotient</t>
  </si>
  <si>
    <t>2008 Location Quotient</t>
  </si>
  <si>
    <t>2009 Location Quotient</t>
  </si>
  <si>
    <t>2010 Location Quotient</t>
  </si>
  <si>
    <t>2011 Location Quotient</t>
  </si>
  <si>
    <t>2012 Location Quotient</t>
  </si>
  <si>
    <t>2013 Location Quotient</t>
  </si>
  <si>
    <t>2014 Location Quotient</t>
  </si>
  <si>
    <t>2015 Location Quotient</t>
  </si>
  <si>
    <t>2016 Location Quotient</t>
  </si>
  <si>
    <t>2017 Location Quotient</t>
  </si>
  <si>
    <t>29135</t>
  </si>
  <si>
    <t>29037</t>
  </si>
  <si>
    <t>29207</t>
  </si>
  <si>
    <t>29129</t>
  </si>
  <si>
    <t>29007</t>
  </si>
  <si>
    <t>29033</t>
  </si>
  <si>
    <t>29081</t>
  </si>
  <si>
    <t>29143</t>
  </si>
  <si>
    <t>29085</t>
  </si>
  <si>
    <t>29133</t>
  </si>
  <si>
    <t>29177</t>
  </si>
  <si>
    <t>29009</t>
  </si>
  <si>
    <t>29105</t>
  </si>
  <si>
    <t>29201</t>
  </si>
  <si>
    <t>29137</t>
  </si>
  <si>
    <t>29013</t>
  </si>
  <si>
    <t>29069</t>
  </si>
  <si>
    <t>29005</t>
  </si>
  <si>
    <t>29127</t>
  </si>
  <si>
    <t>29223</t>
  </si>
  <si>
    <t>29053</t>
  </si>
  <si>
    <t>29225</t>
  </si>
  <si>
    <t>29039</t>
  </si>
  <si>
    <t>29027</t>
  </si>
  <si>
    <t>29205</t>
  </si>
  <si>
    <t>29109</t>
  </si>
  <si>
    <t>29159</t>
  </si>
  <si>
    <t>29165</t>
  </si>
  <si>
    <t>29121</t>
  </si>
  <si>
    <t>29073</t>
  </si>
  <si>
    <t>29153</t>
  </si>
  <si>
    <t>29219</t>
  </si>
  <si>
    <t>29093</t>
  </si>
  <si>
    <t>29221</t>
  </si>
  <si>
    <t>29045</t>
  </si>
  <si>
    <t>29099</t>
  </si>
  <si>
    <t>29117</t>
  </si>
  <si>
    <t>29171</t>
  </si>
  <si>
    <t>29041</t>
  </si>
  <si>
    <t>29055</t>
  </si>
  <si>
    <t>29185</t>
  </si>
  <si>
    <t>29079</t>
  </si>
  <si>
    <t>29089</t>
  </si>
  <si>
    <t>29103</t>
  </si>
  <si>
    <t>29139</t>
  </si>
  <si>
    <t>29123</t>
  </si>
  <si>
    <t>29131</t>
  </si>
  <si>
    <t>29229</t>
  </si>
  <si>
    <t>29025</t>
  </si>
  <si>
    <t>29077</t>
  </si>
  <si>
    <t>29063</t>
  </si>
  <si>
    <t>29199</t>
  </si>
  <si>
    <t>29015</t>
  </si>
  <si>
    <t>29001</t>
  </si>
  <si>
    <t>29149</t>
  </si>
  <si>
    <t>29181</t>
  </si>
  <si>
    <t>29209</t>
  </si>
  <si>
    <t>29213</t>
  </si>
  <si>
    <t>29031</t>
  </si>
  <si>
    <t>29227</t>
  </si>
  <si>
    <t>29125</t>
  </si>
  <si>
    <t>29011</t>
  </si>
  <si>
    <t>29203</t>
  </si>
  <si>
    <t>29065</t>
  </si>
  <si>
    <t>29169</t>
  </si>
  <si>
    <t>29017</t>
  </si>
  <si>
    <t>29067</t>
  </si>
  <si>
    <t>29167</t>
  </si>
  <si>
    <t>29083</t>
  </si>
  <si>
    <t>29003</t>
  </si>
  <si>
    <t>29043</t>
  </si>
  <si>
    <t>29157</t>
  </si>
  <si>
    <t>29115</t>
  </si>
  <si>
    <t>29019</t>
  </si>
  <si>
    <t>29107</t>
  </si>
  <si>
    <t>29087</t>
  </si>
  <si>
    <t>29173</t>
  </si>
  <si>
    <t>29155</t>
  </si>
  <si>
    <t>29023</t>
  </si>
  <si>
    <t>29215</t>
  </si>
  <si>
    <t>29175</t>
  </si>
  <si>
    <t>29179</t>
  </si>
  <si>
    <t>29075</t>
  </si>
  <si>
    <t>29197</t>
  </si>
  <si>
    <t>29510</t>
  </si>
  <si>
    <t>29035</t>
  </si>
  <si>
    <t>29091</t>
  </si>
  <si>
    <t>29211</t>
  </si>
  <si>
    <t>29186</t>
  </si>
  <si>
    <t>29097</t>
  </si>
  <si>
    <t>29051</t>
  </si>
  <si>
    <t>29147</t>
  </si>
  <si>
    <t>29101</t>
  </si>
  <si>
    <t>29029</t>
  </si>
  <si>
    <t>29059</t>
  </si>
  <si>
    <t>29151</t>
  </si>
  <si>
    <t>29195</t>
  </si>
  <si>
    <t>29141</t>
  </si>
  <si>
    <t>29111</t>
  </si>
  <si>
    <t>29021</t>
  </si>
  <si>
    <t>29217</t>
  </si>
  <si>
    <t>29999</t>
  </si>
  <si>
    <t>[Missouri, county not reported]</t>
  </si>
  <si>
    <t>29187</t>
  </si>
  <si>
    <t>29049</t>
  </si>
  <si>
    <t>29161</t>
  </si>
  <si>
    <t>29047</t>
  </si>
  <si>
    <t>29163</t>
  </si>
  <si>
    <t>29119</t>
  </si>
  <si>
    <t>29183</t>
  </si>
  <si>
    <t>29113</t>
  </si>
  <si>
    <t>29095</t>
  </si>
  <si>
    <t>29061</t>
  </si>
  <si>
    <t>29145</t>
  </si>
  <si>
    <t>29071</t>
  </si>
  <si>
    <t>29057</t>
  </si>
  <si>
    <t>29189</t>
  </si>
  <si>
    <t>Sector</t>
  </si>
  <si>
    <t>Missouri</t>
  </si>
  <si>
    <t>Mining, Quarrying, and Oil and Gas Extraction</t>
  </si>
  <si>
    <t>Utilities</t>
  </si>
  <si>
    <t>Construction</t>
  </si>
  <si>
    <t>31-33</t>
  </si>
  <si>
    <t>Manufacturing</t>
  </si>
  <si>
    <t>Wholesale Trade</t>
  </si>
  <si>
    <t>44-45</t>
  </si>
  <si>
    <t>Retail Trade</t>
  </si>
  <si>
    <t>48-49</t>
  </si>
  <si>
    <t>Transportation and Warehousing</t>
  </si>
  <si>
    <t>Information</t>
  </si>
  <si>
    <t>Finance and Insurance</t>
  </si>
  <si>
    <t>Real Estate and Rental and Leasing</t>
  </si>
  <si>
    <t>Professional, Scientific, and Technical Services</t>
  </si>
  <si>
    <t>Management of Companies and Enterprises</t>
  </si>
  <si>
    <t>Administrative and Support and Waste Management and Remediation Services</t>
  </si>
  <si>
    <t>Educational Services</t>
  </si>
  <si>
    <t>Health Care and Social Assistance</t>
  </si>
  <si>
    <t>Arts, Entertainment, and Recreation</t>
  </si>
  <si>
    <t>Accomodation and Food Services</t>
  </si>
  <si>
    <t>Other Services</t>
  </si>
  <si>
    <t>Government</t>
  </si>
  <si>
    <t>Moniteau</t>
  </si>
  <si>
    <t>Cass</t>
  </si>
  <si>
    <t>Stoddard</t>
  </si>
  <si>
    <t>Mercer</t>
  </si>
  <si>
    <t>Audrain</t>
  </si>
  <si>
    <t>Carroll</t>
  </si>
  <si>
    <t>Harrison</t>
  </si>
  <si>
    <t>New Madrid</t>
  </si>
  <si>
    <t>Hickory</t>
  </si>
  <si>
    <t>Mississippi</t>
  </si>
  <si>
    <t>Ray</t>
  </si>
  <si>
    <t>Barry</t>
  </si>
  <si>
    <t>Laclede</t>
  </si>
  <si>
    <t>Scott</t>
  </si>
  <si>
    <t>Monroe</t>
  </si>
  <si>
    <t>Bates</t>
  </si>
  <si>
    <t>Dunklin</t>
  </si>
  <si>
    <t>Atchison</t>
  </si>
  <si>
    <t>Marion</t>
  </si>
  <si>
    <t>Wayne</t>
  </si>
  <si>
    <t>Cooper</t>
  </si>
  <si>
    <t>Webster</t>
  </si>
  <si>
    <t>Cedar</t>
  </si>
  <si>
    <t>Callaway</t>
  </si>
  <si>
    <t>Shelby</t>
  </si>
  <si>
    <t>Lawrence</t>
  </si>
  <si>
    <t>Pettis</t>
  </si>
  <si>
    <t>Platte</t>
  </si>
  <si>
    <t>Macon</t>
  </si>
  <si>
    <t>Gasconade</t>
  </si>
  <si>
    <t>Ozark</t>
  </si>
  <si>
    <t>Warren</t>
  </si>
  <si>
    <t>Iron</t>
  </si>
  <si>
    <t>Washington</t>
  </si>
  <si>
    <t>Clark</t>
  </si>
  <si>
    <t>Jefferson</t>
  </si>
  <si>
    <t>Livingston</t>
  </si>
  <si>
    <t>Putnam</t>
  </si>
  <si>
    <t>Chariton</t>
  </si>
  <si>
    <t>Crawford</t>
  </si>
  <si>
    <t>St. Clair</t>
  </si>
  <si>
    <t>Grundy</t>
  </si>
  <si>
    <t>Howard</t>
  </si>
  <si>
    <t>Knox</t>
  </si>
  <si>
    <t>Montgomery</t>
  </si>
  <si>
    <t>Madison</t>
  </si>
  <si>
    <t>Miller</t>
  </si>
  <si>
    <t>Wright</t>
  </si>
  <si>
    <t>Caldwell</t>
  </si>
  <si>
    <t>Greene</t>
  </si>
  <si>
    <t>DeKalb</t>
  </si>
  <si>
    <t>Scotland</t>
  </si>
  <si>
    <t>Benton</t>
  </si>
  <si>
    <t>Adair</t>
  </si>
  <si>
    <t>Oregon</t>
  </si>
  <si>
    <t>Ripley</t>
  </si>
  <si>
    <t>Stone</t>
  </si>
  <si>
    <t>Taney</t>
  </si>
  <si>
    <t>Cape Girardeau</t>
  </si>
  <si>
    <t>Worth</t>
  </si>
  <si>
    <t>Maries</t>
  </si>
  <si>
    <t>Barton</t>
  </si>
  <si>
    <t>Shannon</t>
  </si>
  <si>
    <t>Dent</t>
  </si>
  <si>
    <t>Pulaski</t>
  </si>
  <si>
    <t>Bollinger</t>
  </si>
  <si>
    <t>Douglas</t>
  </si>
  <si>
    <t>Polk</t>
  </si>
  <si>
    <t>Henry</t>
  </si>
  <si>
    <t>Andrew</t>
  </si>
  <si>
    <t>Christian</t>
  </si>
  <si>
    <t>Perry</t>
  </si>
  <si>
    <t>Linn</t>
  </si>
  <si>
    <t>Boone</t>
  </si>
  <si>
    <t>Lafayette</t>
  </si>
  <si>
    <t>Holt</t>
  </si>
  <si>
    <t>Ralls</t>
  </si>
  <si>
    <t>Pemiscot</t>
  </si>
  <si>
    <t>Butler</t>
  </si>
  <si>
    <t>Texas</t>
  </si>
  <si>
    <t>Randolph</t>
  </si>
  <si>
    <t>Reynolds</t>
  </si>
  <si>
    <t>Gentry</t>
  </si>
  <si>
    <t>Schuyler</t>
  </si>
  <si>
    <t>St. Louis City</t>
  </si>
  <si>
    <t>Carter</t>
  </si>
  <si>
    <t>Howell</t>
  </si>
  <si>
    <t>Sullivan</t>
  </si>
  <si>
    <t>Ste. Genevieve</t>
  </si>
  <si>
    <t>Jasper</t>
  </si>
  <si>
    <t>Cole</t>
  </si>
  <si>
    <t>Nodaway</t>
  </si>
  <si>
    <t>Johnson</t>
  </si>
  <si>
    <t>Camden</t>
  </si>
  <si>
    <t>Dallas</t>
  </si>
  <si>
    <t>Osage</t>
  </si>
  <si>
    <t>Saline</t>
  </si>
  <si>
    <t>Morgan</t>
  </si>
  <si>
    <t>Lewis</t>
  </si>
  <si>
    <t>Buchanan</t>
  </si>
  <si>
    <t>Vernon</t>
  </si>
  <si>
    <t>St. Francois</t>
  </si>
  <si>
    <t>Clinton</t>
  </si>
  <si>
    <t>Phelps</t>
  </si>
  <si>
    <t>Clay</t>
  </si>
  <si>
    <t>Pike</t>
  </si>
  <si>
    <t>McDonald</t>
  </si>
  <si>
    <t>St. Charles</t>
  </si>
  <si>
    <t>Lincoln</t>
  </si>
  <si>
    <t>Jackson</t>
  </si>
  <si>
    <t>Daviess</t>
  </si>
  <si>
    <t>Newton</t>
  </si>
  <si>
    <t>Franklin</t>
  </si>
  <si>
    <t>Dade</t>
  </si>
  <si>
    <t>St. Louis</t>
  </si>
  <si>
    <t>21</t>
  </si>
  <si>
    <t>22</t>
  </si>
  <si>
    <t>23</t>
  </si>
  <si>
    <t>42</t>
  </si>
  <si>
    <t>51</t>
  </si>
  <si>
    <t>52</t>
  </si>
  <si>
    <t>53</t>
  </si>
  <si>
    <t>54</t>
  </si>
  <si>
    <t>55</t>
  </si>
  <si>
    <t>56</t>
  </si>
  <si>
    <t>61</t>
  </si>
  <si>
    <t>62</t>
  </si>
  <si>
    <t>71</t>
  </si>
  <si>
    <t>72</t>
  </si>
  <si>
    <t>Accommodation and Food Services</t>
  </si>
  <si>
    <t>81</t>
  </si>
  <si>
    <t>Other Services (except Public Administration)</t>
  </si>
  <si>
    <t>90</t>
  </si>
  <si>
    <t>Metro Outlying</t>
  </si>
  <si>
    <t>Total</t>
  </si>
  <si>
    <t>Micropolitan</t>
  </si>
  <si>
    <t>Metropolitan</t>
  </si>
  <si>
    <t>Micropolitan Outlying</t>
  </si>
  <si>
    <t>Rural</t>
  </si>
  <si>
    <t>29000</t>
  </si>
  <si>
    <t>29992</t>
  </si>
  <si>
    <t>29993</t>
  </si>
  <si>
    <t>29991</t>
  </si>
  <si>
    <t>29994</t>
  </si>
  <si>
    <t>29995</t>
  </si>
  <si>
    <t>FIPS</t>
  </si>
  <si>
    <t>Name</t>
  </si>
  <si>
    <t>GIS Join Match Code</t>
  </si>
  <si>
    <t>County Name</t>
  </si>
  <si>
    <t>CNTYFIPS</t>
  </si>
  <si>
    <t>Strikeforce</t>
  </si>
  <si>
    <t>CBSA_Code</t>
  </si>
  <si>
    <t>CSA_Code</t>
  </si>
  <si>
    <t>CBSA_Title</t>
  </si>
  <si>
    <t>Metropolit</t>
  </si>
  <si>
    <t>Central_Ou</t>
  </si>
  <si>
    <t>MicroMetro</t>
  </si>
  <si>
    <t>CSA_Title</t>
  </si>
  <si>
    <t>FIPS_State</t>
  </si>
  <si>
    <t>FIPS_Count</t>
  </si>
  <si>
    <t>UIC_2013</t>
  </si>
  <si>
    <t>UIC_2013De</t>
  </si>
  <si>
    <t>RUCC_2013</t>
  </si>
  <si>
    <t>RUCC_2013D</t>
  </si>
  <si>
    <t>G2900010</t>
  </si>
  <si>
    <t xml:space="preserve">Adair </t>
  </si>
  <si>
    <t>28860</t>
  </si>
  <si>
    <t>Kirksville, MO</t>
  </si>
  <si>
    <t>Micropolitan Statistical Area</t>
  </si>
  <si>
    <t>Central</t>
  </si>
  <si>
    <t>Micro Central</t>
  </si>
  <si>
    <t>29</t>
  </si>
  <si>
    <t>001</t>
  </si>
  <si>
    <t>Micropolitan not adjacent to a metro area</t>
  </si>
  <si>
    <t>Nonmetro - Urban population of 2,500 to 19,999, not adjacent to a metro area</t>
  </si>
  <si>
    <t>G2900030</t>
  </si>
  <si>
    <t xml:space="preserve">Andrew </t>
  </si>
  <si>
    <t>41140</t>
  </si>
  <si>
    <t>312</t>
  </si>
  <si>
    <t>St. Joseph, MO-KS</t>
  </si>
  <si>
    <t>Metropolitan Statistical Area</t>
  </si>
  <si>
    <t>Outlying</t>
  </si>
  <si>
    <t>Kansas City-Overland Park-Kansas City, MO-KS</t>
  </si>
  <si>
    <t>003</t>
  </si>
  <si>
    <t>Small-in a metro area with fewer than 1 million residents</t>
  </si>
  <si>
    <t>Metro - Counties in metro areas of fewer than 250,000 population</t>
  </si>
  <si>
    <t>G2900050</t>
  </si>
  <si>
    <t xml:space="preserve">Atchison </t>
  </si>
  <si>
    <t>Noncore adjacent to micro area and does not contain a town of at least 2,500 residents</t>
  </si>
  <si>
    <t>Nonmetro - Completely rural or less than 2,500 urban population, not adjacent to a metro area</t>
  </si>
  <si>
    <t>G2900070</t>
  </si>
  <si>
    <t xml:space="preserve">Audrain </t>
  </si>
  <si>
    <t>33020</t>
  </si>
  <si>
    <t>190</t>
  </si>
  <si>
    <t>Mexico, MO</t>
  </si>
  <si>
    <t>Columbia-Moberly-Mexico, MO</t>
  </si>
  <si>
    <t>007</t>
  </si>
  <si>
    <t>Micropolitan adjacent to a small metro area</t>
  </si>
  <si>
    <t>Nonmetro - Urban population of 2,500 to 19,999, adjacent to a metro area</t>
  </si>
  <si>
    <t>G2900090</t>
  </si>
  <si>
    <t xml:space="preserve">Barry </t>
  </si>
  <si>
    <t>Noncore adjacent to a small metro with town of at least 2,500 residents</t>
  </si>
  <si>
    <t>G2900110</t>
  </si>
  <si>
    <t xml:space="preserve">Barton </t>
  </si>
  <si>
    <t>G2900130</t>
  </si>
  <si>
    <t xml:space="preserve">Bates </t>
  </si>
  <si>
    <t>28140</t>
  </si>
  <si>
    <t>Kansas City, MO-KS</t>
  </si>
  <si>
    <t>013</t>
  </si>
  <si>
    <t>Large-in a metro area with at least 1 million residents or more</t>
  </si>
  <si>
    <t>Metro - Counties in metro areas of 1 million population or more</t>
  </si>
  <si>
    <t>G2900150</t>
  </si>
  <si>
    <t xml:space="preserve">Benton </t>
  </si>
  <si>
    <t>G2900170</t>
  </si>
  <si>
    <t xml:space="preserve">Bollinger </t>
  </si>
  <si>
    <t>16020</t>
  </si>
  <si>
    <t>164</t>
  </si>
  <si>
    <t>Cape Girardeau, MO-IL</t>
  </si>
  <si>
    <t>Cape Girardeau-Sikeston, MO-IL</t>
  </si>
  <si>
    <t>017</t>
  </si>
  <si>
    <t>G2900190</t>
  </si>
  <si>
    <t xml:space="preserve">Boone </t>
  </si>
  <si>
    <t>17860</t>
  </si>
  <si>
    <t>Columbia, MO</t>
  </si>
  <si>
    <t>Metro Central</t>
  </si>
  <si>
    <t>019</t>
  </si>
  <si>
    <t>G2900210</t>
  </si>
  <si>
    <t xml:space="preserve">Buchanan </t>
  </si>
  <si>
    <t>021</t>
  </si>
  <si>
    <t>G2900230</t>
  </si>
  <si>
    <t xml:space="preserve">Butler </t>
  </si>
  <si>
    <t>38740</t>
  </si>
  <si>
    <t>Poplar Bluff, MO</t>
  </si>
  <si>
    <t>023</t>
  </si>
  <si>
    <t>Nonmetro - Urban population of 20,000 or more, not adjacent to a metro area</t>
  </si>
  <si>
    <t>G2900250</t>
  </si>
  <si>
    <t xml:space="preserve">Caldwell </t>
  </si>
  <si>
    <t>025</t>
  </si>
  <si>
    <t>G2900270</t>
  </si>
  <si>
    <t xml:space="preserve">Callaway </t>
  </si>
  <si>
    <t>27620</t>
  </si>
  <si>
    <t>Jefferson City, MO</t>
  </si>
  <si>
    <t>027</t>
  </si>
  <si>
    <t>G2900290</t>
  </si>
  <si>
    <t xml:space="preserve">Camden </t>
  </si>
  <si>
    <t>Noncore adjacent to micro area and contains a town of 2,500-19,999 residents</t>
  </si>
  <si>
    <t>G2900310</t>
  </si>
  <si>
    <t xml:space="preserve">Cape Girardeau </t>
  </si>
  <si>
    <t>031</t>
  </si>
  <si>
    <t>G2900330</t>
  </si>
  <si>
    <t xml:space="preserve">Carroll </t>
  </si>
  <si>
    <t>Noncore adjacent to a large metro area</t>
  </si>
  <si>
    <t>G2900350</t>
  </si>
  <si>
    <t xml:space="preserve">Carter </t>
  </si>
  <si>
    <t>G2900370</t>
  </si>
  <si>
    <t xml:space="preserve">Cass </t>
  </si>
  <si>
    <t>037</t>
  </si>
  <si>
    <t>G2900390</t>
  </si>
  <si>
    <t xml:space="preserve">Cedar </t>
  </si>
  <si>
    <t>G2900410</t>
  </si>
  <si>
    <t xml:space="preserve">Chariton </t>
  </si>
  <si>
    <t>G2900430</t>
  </si>
  <si>
    <t xml:space="preserve">Christian </t>
  </si>
  <si>
    <t>44180</t>
  </si>
  <si>
    <t>520</t>
  </si>
  <si>
    <t>Springfield, MO</t>
  </si>
  <si>
    <t>Springfield-Branson, MO</t>
  </si>
  <si>
    <t>043</t>
  </si>
  <si>
    <t>Metro - Counties in metro areas of 250,000 to 1 million population</t>
  </si>
  <si>
    <t>G2900450</t>
  </si>
  <si>
    <t xml:space="preserve">Clark </t>
  </si>
  <si>
    <t>22800</t>
  </si>
  <si>
    <t>Fort Madison-Keokuk, IA-IL-MO</t>
  </si>
  <si>
    <t>Micro Outlying</t>
  </si>
  <si>
    <t>045</t>
  </si>
  <si>
    <t>G2900470</t>
  </si>
  <si>
    <t xml:space="preserve">Clay </t>
  </si>
  <si>
    <t>047</t>
  </si>
  <si>
    <t>G2900490</t>
  </si>
  <si>
    <t xml:space="preserve">Clinton </t>
  </si>
  <si>
    <t>049</t>
  </si>
  <si>
    <t>G2900510</t>
  </si>
  <si>
    <t xml:space="preserve">Cole </t>
  </si>
  <si>
    <t>051</t>
  </si>
  <si>
    <t>G2900530</t>
  </si>
  <si>
    <t xml:space="preserve">Cooper </t>
  </si>
  <si>
    <t>G2900550</t>
  </si>
  <si>
    <t xml:space="preserve">Crawford </t>
  </si>
  <si>
    <t>G2900570</t>
  </si>
  <si>
    <t xml:space="preserve">Dade </t>
  </si>
  <si>
    <t>Noncore adjacent to a small metro and does not contain a town of at least 2,500 residents</t>
  </si>
  <si>
    <t>Nonmetro - Completely rural or less than 2,500 urban population, adjacent to a metro area</t>
  </si>
  <si>
    <t>G2900590</t>
  </si>
  <si>
    <t xml:space="preserve">Dallas </t>
  </si>
  <si>
    <t>059</t>
  </si>
  <si>
    <t>G2900610</t>
  </si>
  <si>
    <t xml:space="preserve">Daviess </t>
  </si>
  <si>
    <t>G2900630</t>
  </si>
  <si>
    <t xml:space="preserve">DeKalb </t>
  </si>
  <si>
    <t>063</t>
  </si>
  <si>
    <t>G2900650</t>
  </si>
  <si>
    <t xml:space="preserve">Dent </t>
  </si>
  <si>
    <t>G2900670</t>
  </si>
  <si>
    <t xml:space="preserve">Douglas </t>
  </si>
  <si>
    <t>G2900690</t>
  </si>
  <si>
    <t xml:space="preserve">Dunklin </t>
  </si>
  <si>
    <t>28380</t>
  </si>
  <si>
    <t>Kennett, MO</t>
  </si>
  <si>
    <t>069</t>
  </si>
  <si>
    <t>G2900710</t>
  </si>
  <si>
    <t xml:space="preserve">Franklin </t>
  </si>
  <si>
    <t>41180</t>
  </si>
  <si>
    <t>476</t>
  </si>
  <si>
    <t>St. Louis, MO-IL</t>
  </si>
  <si>
    <t>St. Louis-St. Charles-Farmington, MO-IL</t>
  </si>
  <si>
    <t>071</t>
  </si>
  <si>
    <t>G2900730</t>
  </si>
  <si>
    <t xml:space="preserve">Gasconade </t>
  </si>
  <si>
    <t>G2900750</t>
  </si>
  <si>
    <t xml:space="preserve">Gentry </t>
  </si>
  <si>
    <t>G2900770</t>
  </si>
  <si>
    <t xml:space="preserve">Greene </t>
  </si>
  <si>
    <t>077</t>
  </si>
  <si>
    <t>G2900790</t>
  </si>
  <si>
    <t xml:space="preserve">Grundy </t>
  </si>
  <si>
    <t>Noncore not adjacent to a metro/micro area and contains a town of 2,500  or more residents</t>
  </si>
  <si>
    <t>G2900810</t>
  </si>
  <si>
    <t xml:space="preserve">Harrison </t>
  </si>
  <si>
    <t>G2900830</t>
  </si>
  <si>
    <t xml:space="preserve">Henry </t>
  </si>
  <si>
    <t>G2900850</t>
  </si>
  <si>
    <t xml:space="preserve">Hickory </t>
  </si>
  <si>
    <t>G2900870</t>
  </si>
  <si>
    <t xml:space="preserve">Holt </t>
  </si>
  <si>
    <t>G2900890</t>
  </si>
  <si>
    <t xml:space="preserve">Howard </t>
  </si>
  <si>
    <t>G2900910</t>
  </si>
  <si>
    <t xml:space="preserve">Howell </t>
  </si>
  <si>
    <t>48460</t>
  </si>
  <si>
    <t>West Plains, MO</t>
  </si>
  <si>
    <t>091</t>
  </si>
  <si>
    <t>G2900930</t>
  </si>
  <si>
    <t xml:space="preserve">Iron </t>
  </si>
  <si>
    <t>G2900950</t>
  </si>
  <si>
    <t xml:space="preserve">Jackson </t>
  </si>
  <si>
    <t>095</t>
  </si>
  <si>
    <t>G2900970</t>
  </si>
  <si>
    <t xml:space="preserve">Jasper </t>
  </si>
  <si>
    <t>27900</t>
  </si>
  <si>
    <t>309</t>
  </si>
  <si>
    <t>Joplin, MO</t>
  </si>
  <si>
    <t>Joplin-Miami, MO-OK</t>
  </si>
  <si>
    <t>097</t>
  </si>
  <si>
    <t>G2900990</t>
  </si>
  <si>
    <t xml:space="preserve">Jefferson </t>
  </si>
  <si>
    <t>099</t>
  </si>
  <si>
    <t>G2901010</t>
  </si>
  <si>
    <t xml:space="preserve">Johnson </t>
  </si>
  <si>
    <t>47660</t>
  </si>
  <si>
    <t>Warrensburg, MO</t>
  </si>
  <si>
    <t>101</t>
  </si>
  <si>
    <t>Micropolitan adjacent to a large metro area</t>
  </si>
  <si>
    <t>Nonmetro - Urban population of 20,000 or more, adjacent to a metro area</t>
  </si>
  <si>
    <t>G2901030</t>
  </si>
  <si>
    <t xml:space="preserve">Knox </t>
  </si>
  <si>
    <t>G2901050</t>
  </si>
  <si>
    <t xml:space="preserve">Laclede </t>
  </si>
  <si>
    <t>30060</t>
  </si>
  <si>
    <t>Lebanon, MO</t>
  </si>
  <si>
    <t>105</t>
  </si>
  <si>
    <t>G2901070</t>
  </si>
  <si>
    <t xml:space="preserve">Lafayette </t>
  </si>
  <si>
    <t>107</t>
  </si>
  <si>
    <t>G2901090</t>
  </si>
  <si>
    <t xml:space="preserve">Lawrence </t>
  </si>
  <si>
    <t>G2901110</t>
  </si>
  <si>
    <t xml:space="preserve">Lewis </t>
  </si>
  <si>
    <t>39500</t>
  </si>
  <si>
    <t>448</t>
  </si>
  <si>
    <t>Quincy, IL-MO</t>
  </si>
  <si>
    <t>Quincy-Hannibal, IL-MO</t>
  </si>
  <si>
    <t>111</t>
  </si>
  <si>
    <t>G2901130</t>
  </si>
  <si>
    <t xml:space="preserve">Lincoln </t>
  </si>
  <si>
    <t>113</t>
  </si>
  <si>
    <t>G2901150</t>
  </si>
  <si>
    <t xml:space="preserve">Linn </t>
  </si>
  <si>
    <t>G2901170</t>
  </si>
  <si>
    <t xml:space="preserve">Livingston </t>
  </si>
  <si>
    <t>G2901190</t>
  </si>
  <si>
    <t xml:space="preserve">McDonald </t>
  </si>
  <si>
    <t>22220</t>
  </si>
  <si>
    <t>Fayetteville-Springdale-Rogers, AR-MO</t>
  </si>
  <si>
    <t>119</t>
  </si>
  <si>
    <t>G2901210</t>
  </si>
  <si>
    <t xml:space="preserve">Macon </t>
  </si>
  <si>
    <t>G2901230</t>
  </si>
  <si>
    <t xml:space="preserve">Madison </t>
  </si>
  <si>
    <t>G2901250</t>
  </si>
  <si>
    <t xml:space="preserve">Maries </t>
  </si>
  <si>
    <t>G2901270</t>
  </si>
  <si>
    <t xml:space="preserve">Marion </t>
  </si>
  <si>
    <t>25300</t>
  </si>
  <si>
    <t>Hannibal, MO</t>
  </si>
  <si>
    <t>127</t>
  </si>
  <si>
    <t>G2901290</t>
  </si>
  <si>
    <t xml:space="preserve">Mercer </t>
  </si>
  <si>
    <t>Noncore not adjacent to a metro/micro area and does not contain a town of at least 2,500 residents</t>
  </si>
  <si>
    <t>G2901310</t>
  </si>
  <si>
    <t xml:space="preserve">Miller </t>
  </si>
  <si>
    <t>G2901330</t>
  </si>
  <si>
    <t xml:space="preserve">Mississippi </t>
  </si>
  <si>
    <t>G2901350</t>
  </si>
  <si>
    <t xml:space="preserve">Moniteau </t>
  </si>
  <si>
    <t>135</t>
  </si>
  <si>
    <t>G2901370</t>
  </si>
  <si>
    <t xml:space="preserve">Monroe </t>
  </si>
  <si>
    <t>G2901390</t>
  </si>
  <si>
    <t xml:space="preserve">Montgomery </t>
  </si>
  <si>
    <t>G2901410</t>
  </si>
  <si>
    <t xml:space="preserve">Morgan </t>
  </si>
  <si>
    <t>G2901430</t>
  </si>
  <si>
    <t xml:space="preserve">New Madrid </t>
  </si>
  <si>
    <t>G2901450</t>
  </si>
  <si>
    <t xml:space="preserve">Newton </t>
  </si>
  <si>
    <t>145</t>
  </si>
  <si>
    <t>G2901470</t>
  </si>
  <si>
    <t xml:space="preserve">Nodaway </t>
  </si>
  <si>
    <t>32340</t>
  </si>
  <si>
    <t>Maryville, MO</t>
  </si>
  <si>
    <t>147</t>
  </si>
  <si>
    <t>G2901490</t>
  </si>
  <si>
    <t xml:space="preserve">Oregon </t>
  </si>
  <si>
    <t>G2901510</t>
  </si>
  <si>
    <t xml:space="preserve">Osage </t>
  </si>
  <si>
    <t>151</t>
  </si>
  <si>
    <t>G2901530</t>
  </si>
  <si>
    <t xml:space="preserve">Ozark </t>
  </si>
  <si>
    <t>G2901550</t>
  </si>
  <si>
    <t xml:space="preserve">Pemiscot </t>
  </si>
  <si>
    <t>G2901570</t>
  </si>
  <si>
    <t xml:space="preserve">Perry </t>
  </si>
  <si>
    <t>G2901590</t>
  </si>
  <si>
    <t xml:space="preserve">Pettis </t>
  </si>
  <si>
    <t>42740</t>
  </si>
  <si>
    <t>Sedalia, MO</t>
  </si>
  <si>
    <t>159</t>
  </si>
  <si>
    <t>G2901610</t>
  </si>
  <si>
    <t xml:space="preserve">Phelps </t>
  </si>
  <si>
    <t>40620</t>
  </si>
  <si>
    <t>Rolla, MO</t>
  </si>
  <si>
    <t>161</t>
  </si>
  <si>
    <t>G2901630</t>
  </si>
  <si>
    <t xml:space="preserve">Pike </t>
  </si>
  <si>
    <t>G2901650</t>
  </si>
  <si>
    <t xml:space="preserve">Platte </t>
  </si>
  <si>
    <t>165</t>
  </si>
  <si>
    <t>G2901670</t>
  </si>
  <si>
    <t xml:space="preserve">Polk </t>
  </si>
  <si>
    <t>167</t>
  </si>
  <si>
    <t>G2901690</t>
  </si>
  <si>
    <t xml:space="preserve">Pulaski </t>
  </si>
  <si>
    <t>22780</t>
  </si>
  <si>
    <t>Fort Leonard Wood, MO</t>
  </si>
  <si>
    <t>169</t>
  </si>
  <si>
    <t>G2901710</t>
  </si>
  <si>
    <t xml:space="preserve">Putnam </t>
  </si>
  <si>
    <t>G2901730</t>
  </si>
  <si>
    <t xml:space="preserve">Ralls </t>
  </si>
  <si>
    <t>173</t>
  </si>
  <si>
    <t>G2901750</t>
  </si>
  <si>
    <t xml:space="preserve">Randolph </t>
  </si>
  <si>
    <t>33620</t>
  </si>
  <si>
    <t>Moberly, MO</t>
  </si>
  <si>
    <t>175</t>
  </si>
  <si>
    <t>G2901770</t>
  </si>
  <si>
    <t xml:space="preserve">Ray </t>
  </si>
  <si>
    <t>177</t>
  </si>
  <si>
    <t>G2901790</t>
  </si>
  <si>
    <t xml:space="preserve">Reynolds </t>
  </si>
  <si>
    <t>G2901810</t>
  </si>
  <si>
    <t xml:space="preserve">Ripley </t>
  </si>
  <si>
    <t>G2901830</t>
  </si>
  <si>
    <t xml:space="preserve">St. Charles </t>
  </si>
  <si>
    <t>183</t>
  </si>
  <si>
    <t>G2901850</t>
  </si>
  <si>
    <t xml:space="preserve">St. Clair </t>
  </si>
  <si>
    <t>G2901860</t>
  </si>
  <si>
    <t xml:space="preserve">Ste. Genevieve </t>
  </si>
  <si>
    <t>G2901870</t>
  </si>
  <si>
    <t xml:space="preserve">St. Francois </t>
  </si>
  <si>
    <t>22100</t>
  </si>
  <si>
    <t>Farmington, MO</t>
  </si>
  <si>
    <t>187</t>
  </si>
  <si>
    <t>G2901890</t>
  </si>
  <si>
    <t xml:space="preserve">St. Louis </t>
  </si>
  <si>
    <t>189</t>
  </si>
  <si>
    <t>G2901950</t>
  </si>
  <si>
    <t xml:space="preserve">Saline </t>
  </si>
  <si>
    <t>32180</t>
  </si>
  <si>
    <t>Marshall, MO</t>
  </si>
  <si>
    <t>195</t>
  </si>
  <si>
    <t>G2901970</t>
  </si>
  <si>
    <t xml:space="preserve">Schuyler </t>
  </si>
  <si>
    <t>197</t>
  </si>
  <si>
    <t>G2901990</t>
  </si>
  <si>
    <t xml:space="preserve">Scotland </t>
  </si>
  <si>
    <t>G2902010</t>
  </si>
  <si>
    <t xml:space="preserve">Scott </t>
  </si>
  <si>
    <t>43460</t>
  </si>
  <si>
    <t>Sikeston, MO</t>
  </si>
  <si>
    <t>201</t>
  </si>
  <si>
    <t>G2902030</t>
  </si>
  <si>
    <t xml:space="preserve">Shannon </t>
  </si>
  <si>
    <t>G2902050</t>
  </si>
  <si>
    <t xml:space="preserve">Shelby </t>
  </si>
  <si>
    <t>G2902070</t>
  </si>
  <si>
    <t xml:space="preserve">Stoddard </t>
  </si>
  <si>
    <t>G2902090</t>
  </si>
  <si>
    <t xml:space="preserve">Stone </t>
  </si>
  <si>
    <t>14700</t>
  </si>
  <si>
    <t>Branson, MO</t>
  </si>
  <si>
    <t>209</t>
  </si>
  <si>
    <t>G2902110</t>
  </si>
  <si>
    <t xml:space="preserve">Sullivan </t>
  </si>
  <si>
    <t>G2902130</t>
  </si>
  <si>
    <t xml:space="preserve">Taney </t>
  </si>
  <si>
    <t>213</t>
  </si>
  <si>
    <t>G2902150</t>
  </si>
  <si>
    <t xml:space="preserve">Texas </t>
  </si>
  <si>
    <t>G2902170</t>
  </si>
  <si>
    <t xml:space="preserve">Vernon </t>
  </si>
  <si>
    <t>G2902190</t>
  </si>
  <si>
    <t xml:space="preserve">Warren </t>
  </si>
  <si>
    <t>219</t>
  </si>
  <si>
    <t>G2902210</t>
  </si>
  <si>
    <t xml:space="preserve">Washington </t>
  </si>
  <si>
    <t>G2902230</t>
  </si>
  <si>
    <t xml:space="preserve">Wayne </t>
  </si>
  <si>
    <t>G2902250</t>
  </si>
  <si>
    <t xml:space="preserve">Webster </t>
  </si>
  <si>
    <t>225</t>
  </si>
  <si>
    <t>G2902270</t>
  </si>
  <si>
    <t xml:space="preserve">Worth </t>
  </si>
  <si>
    <t>G2902290</t>
  </si>
  <si>
    <t xml:space="preserve">Wright </t>
  </si>
  <si>
    <t>G2905100</t>
  </si>
  <si>
    <t>510</t>
  </si>
  <si>
    <t>2001 Average Earning per Job</t>
  </si>
  <si>
    <t>2002 Average Earning per Job</t>
  </si>
  <si>
    <t>2003 Average Earning per Job</t>
  </si>
  <si>
    <t>2004 Average Earning per Job</t>
  </si>
  <si>
    <t>2005 Average Earning per Job</t>
  </si>
  <si>
    <t>2006 Average Earning per Job</t>
  </si>
  <si>
    <t>2007 Average Earning per Job</t>
  </si>
  <si>
    <t>2008 Average Earning per Job</t>
  </si>
  <si>
    <t>2009 Average Earning per Job</t>
  </si>
  <si>
    <t>2010 Average Earning per Job</t>
  </si>
  <si>
    <t>2011 Average Earning per Job</t>
  </si>
  <si>
    <t>2012 Average Earning per Job</t>
  </si>
  <si>
    <t>2013 Average Earning per Job</t>
  </si>
  <si>
    <t>2014 Average Earning per Job</t>
  </si>
  <si>
    <t>2015 Average Earning per Job</t>
  </si>
  <si>
    <t>2016 Average Earning per Job</t>
  </si>
  <si>
    <t>Employment 2001 - 2017 Change</t>
  </si>
  <si>
    <t>Employment 2001 - 2017 % Change</t>
  </si>
  <si>
    <t>Employment 2001 - 2007 Change</t>
  </si>
  <si>
    <t>Employment 2001 - 2007 % Change</t>
  </si>
  <si>
    <t>Employment 2007 - 2010 Change</t>
  </si>
  <si>
    <t>Employment 2007 - 2010 % Change</t>
  </si>
  <si>
    <t>Employment 2010 - 2017 Change</t>
  </si>
  <si>
    <t>Employment 2010 - 2017 % Change</t>
  </si>
  <si>
    <t>Employment 2007 - 2017 Change</t>
  </si>
  <si>
    <t>Employment 2007 - 2017 % Change</t>
  </si>
  <si>
    <t>Earnings 2001 - 2016 Change</t>
  </si>
  <si>
    <t>Earnings 2001 - 2016 % Change</t>
  </si>
  <si>
    <t>Earnings 2001 - 2007 Change_1</t>
  </si>
  <si>
    <t>Earnings 2001 - 2007 % Change_2</t>
  </si>
  <si>
    <t>Earnings 2007 - 2010 Change_3</t>
  </si>
  <si>
    <t>Earnings 2007 - 2010 % Change_4</t>
  </si>
  <si>
    <t>Earnings 2010 - 2016 Change</t>
  </si>
  <si>
    <t>Earnings 2010 - 2016 % Change</t>
  </si>
  <si>
    <t>Earnings 2007 - 2016 Change</t>
  </si>
  <si>
    <t>Earnings 2007 - 2016 % Change</t>
  </si>
  <si>
    <t>Payrolled Establishments 2004 - 2016 Change</t>
  </si>
  <si>
    <t>Payrolled Establishments 2004 - 2016 % Change</t>
  </si>
  <si>
    <t>Payrolled Establishments 2004 - 2007 Change</t>
  </si>
  <si>
    <t>Payrolled Establishments 2004 - 2007 % Change</t>
  </si>
  <si>
    <t>Payrolled Establishments 2007 - 2010 Change</t>
  </si>
  <si>
    <t>Payrolled Establishments 2007 - 2010 % Change</t>
  </si>
  <si>
    <t>1</t>
  </si>
  <si>
    <t>Payrolled Establishments 2010 - 2016 Change</t>
  </si>
  <si>
    <t>Payrolled Establishments 2010 - 2016 % Change</t>
  </si>
  <si>
    <t>Payrolled Establishments 2007 - 2016 Change</t>
  </si>
  <si>
    <t>Payrolled Establishments 2007 - 2016 % Change</t>
  </si>
  <si>
    <t>Sector1</t>
  </si>
  <si>
    <t>0</t>
  </si>
  <si>
    <t>31</t>
  </si>
  <si>
    <t>44</t>
  </si>
  <si>
    <t>4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6" formatCode="&quot;$&quot;#,##0_);[Red]\(&quot;$&quot;#,##0\)"/>
    <numFmt numFmtId="164" formatCode="#,##0;[Red]\ \(#,##0\)"/>
    <numFmt numFmtId="165" formatCode="0%;[Red]\ \(0%\)"/>
    <numFmt numFmtId="166" formatCode="&quot;$&quot;#,##0;[Red]\ \(&quot;$&quot;#,##0\)"/>
    <numFmt numFmtId="167" formatCode="0.0%;[Red]\ \(0.0%\)"/>
  </numFmts>
  <fonts count="6" x14ac:knownFonts="1">
    <font>
      <sz val="10"/>
      <name val="Arial"/>
    </font>
    <font>
      <sz val="9"/>
      <name val="Calibri"/>
      <family val="2"/>
      <scheme val="minor"/>
    </font>
    <font>
      <sz val="10"/>
      <name val="Arial"/>
      <family val="2"/>
    </font>
    <font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sz val="10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4">
    <xf numFmtId="0" fontId="0" fillId="0" borderId="0"/>
    <xf numFmtId="9" fontId="2" fillId="0" borderId="0" applyFont="0" applyFill="0" applyBorder="0" applyAlignment="0" applyProtection="0"/>
    <xf numFmtId="0" fontId="3" fillId="0" borderId="0"/>
    <xf numFmtId="9" fontId="5" fillId="0" borderId="0" applyFont="0" applyFill="0" applyBorder="0" applyAlignment="0" applyProtection="0"/>
  </cellStyleXfs>
  <cellXfs count="33">
    <xf numFmtId="0" fontId="0" fillId="0" borderId="0" xfId="0" applyProtection="1">
      <protection locked="0"/>
    </xf>
    <xf numFmtId="164" fontId="1" fillId="0" borderId="0" xfId="0" applyNumberFormat="1" applyFont="1" applyFill="1" applyAlignment="1" applyProtection="1">
      <alignment horizontal="right" vertical="center"/>
      <protection locked="0"/>
    </xf>
    <xf numFmtId="165" fontId="1" fillId="0" borderId="0" xfId="0" applyNumberFormat="1" applyFont="1" applyFill="1" applyAlignment="1" applyProtection="1">
      <alignment horizontal="right" vertical="center"/>
      <protection locked="0"/>
    </xf>
    <xf numFmtId="166" fontId="1" fillId="0" borderId="0" xfId="0" applyNumberFormat="1" applyFont="1" applyFill="1" applyAlignment="1" applyProtection="1">
      <alignment horizontal="right" vertical="center"/>
      <protection locked="0"/>
    </xf>
    <xf numFmtId="49" fontId="1" fillId="0" borderId="0" xfId="0" applyNumberFormat="1" applyFont="1" applyFill="1" applyAlignment="1" applyProtection="1">
      <alignment horizontal="left" vertical="center"/>
      <protection locked="0"/>
    </xf>
    <xf numFmtId="0" fontId="0" fillId="0" borderId="0" xfId="0" applyNumberFormat="1" applyProtection="1">
      <protection locked="0"/>
    </xf>
    <xf numFmtId="0" fontId="1" fillId="0" borderId="0" xfId="0" applyFont="1" applyProtection="1">
      <protection locked="0"/>
    </xf>
    <xf numFmtId="3" fontId="1" fillId="0" borderId="0" xfId="0" applyNumberFormat="1" applyFont="1" applyProtection="1">
      <protection locked="0"/>
    </xf>
    <xf numFmtId="3" fontId="0" fillId="0" borderId="0" xfId="0" applyNumberFormat="1" applyProtection="1">
      <protection locked="0"/>
    </xf>
    <xf numFmtId="6" fontId="1" fillId="0" borderId="0" xfId="0" applyNumberFormat="1" applyFont="1" applyProtection="1">
      <protection locked="0"/>
    </xf>
    <xf numFmtId="6" fontId="0" fillId="0" borderId="0" xfId="0" applyNumberFormat="1" applyProtection="1">
      <protection locked="0"/>
    </xf>
    <xf numFmtId="38" fontId="1" fillId="0" borderId="0" xfId="0" applyNumberFormat="1" applyFont="1" applyProtection="1">
      <protection locked="0"/>
    </xf>
    <xf numFmtId="38" fontId="0" fillId="0" borderId="0" xfId="0" applyNumberFormat="1" applyProtection="1">
      <protection locked="0"/>
    </xf>
    <xf numFmtId="167" fontId="1" fillId="0" borderId="0" xfId="1" applyNumberFormat="1" applyFont="1" applyProtection="1">
      <protection locked="0"/>
    </xf>
    <xf numFmtId="167" fontId="0" fillId="0" borderId="0" xfId="1" applyNumberFormat="1" applyFont="1" applyProtection="1">
      <protection locked="0"/>
    </xf>
    <xf numFmtId="0" fontId="1" fillId="0" borderId="0" xfId="0" applyFont="1" applyAlignment="1" applyProtection="1">
      <alignment wrapText="1"/>
      <protection locked="0"/>
    </xf>
    <xf numFmtId="38" fontId="1" fillId="0" borderId="0" xfId="0" applyNumberFormat="1" applyFont="1" applyAlignment="1" applyProtection="1">
      <alignment wrapText="1"/>
      <protection locked="0"/>
    </xf>
    <xf numFmtId="3" fontId="1" fillId="0" borderId="0" xfId="0" applyNumberFormat="1" applyFont="1" applyAlignment="1" applyProtection="1">
      <alignment wrapText="1"/>
      <protection locked="0"/>
    </xf>
    <xf numFmtId="6" fontId="1" fillId="0" borderId="0" xfId="0" applyNumberFormat="1" applyFont="1" applyAlignment="1" applyProtection="1">
      <alignment wrapText="1"/>
      <protection locked="0"/>
    </xf>
    <xf numFmtId="0" fontId="0" fillId="0" borderId="0" xfId="0" applyAlignment="1" applyProtection="1">
      <alignment wrapText="1"/>
      <protection locked="0"/>
    </xf>
    <xf numFmtId="4" fontId="1" fillId="0" borderId="0" xfId="0" applyNumberFormat="1" applyFont="1" applyProtection="1">
      <protection locked="0"/>
    </xf>
    <xf numFmtId="167" fontId="1" fillId="0" borderId="0" xfId="0" applyNumberFormat="1" applyFont="1" applyAlignment="1" applyProtection="1">
      <alignment wrapText="1"/>
      <protection locked="0"/>
    </xf>
    <xf numFmtId="167" fontId="0" fillId="0" borderId="0" xfId="0" applyNumberFormat="1" applyProtection="1">
      <protection locked="0"/>
    </xf>
    <xf numFmtId="0" fontId="4" fillId="0" borderId="0" xfId="0" applyFont="1"/>
    <xf numFmtId="49" fontId="4" fillId="0" borderId="0" xfId="0" applyNumberFormat="1" applyFont="1"/>
    <xf numFmtId="1" fontId="4" fillId="0" borderId="0" xfId="0" applyNumberFormat="1" applyFont="1"/>
    <xf numFmtId="49" fontId="1" fillId="0" borderId="0" xfId="0" applyNumberFormat="1" applyFont="1" applyFill="1" applyAlignment="1" applyProtection="1">
      <alignment vertical="center"/>
      <protection locked="0"/>
    </xf>
    <xf numFmtId="164" fontId="1" fillId="0" borderId="0" xfId="0" applyNumberFormat="1" applyFont="1" applyAlignment="1" applyProtection="1">
      <alignment horizontal="right" vertical="center"/>
      <protection locked="0"/>
    </xf>
    <xf numFmtId="0" fontId="4" fillId="0" borderId="0" xfId="0" applyFont="1" applyFill="1"/>
    <xf numFmtId="49" fontId="4" fillId="0" borderId="0" xfId="0" applyNumberFormat="1" applyFont="1" applyFill="1"/>
    <xf numFmtId="1" fontId="4" fillId="0" borderId="0" xfId="0" applyNumberFormat="1" applyFont="1" applyFill="1"/>
    <xf numFmtId="0" fontId="0" fillId="0" borderId="0" xfId="0" applyAlignment="1" applyProtection="1">
      <alignment horizontal="left"/>
      <protection locked="0"/>
    </xf>
    <xf numFmtId="49" fontId="1" fillId="0" borderId="0" xfId="0" applyNumberFormat="1" applyFont="1" applyProtection="1">
      <protection locked="0"/>
    </xf>
  </cellXfs>
  <cellStyles count="4">
    <cellStyle name="Normal" xfId="0" builtinId="0"/>
    <cellStyle name="Normal 2" xfId="2"/>
    <cellStyle name="Percent" xfId="1" builtinId="5"/>
    <cellStyle name="Percent 2" xfId="3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FFFFFF"/>
      <rgbColor rgb="00800080"/>
      <rgbColor rgb="000281B5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204354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powerPivotData" Target="model/item.data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connections" Target="connections.xml"/><Relationship Id="rId4" Type="http://schemas.openxmlformats.org/officeDocument/2006/relationships/theme" Target="theme/theme1.xml"/><Relationship Id="rId9" Type="http://schemas.openxmlformats.org/officeDocument/2006/relationships/customXml" Target="../customXml/item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23826</xdr:colOff>
      <xdr:row>0</xdr:row>
      <xdr:rowOff>28575</xdr:rowOff>
    </xdr:from>
    <xdr:to>
      <xdr:col>10</xdr:col>
      <xdr:colOff>41132</xdr:colOff>
      <xdr:row>48</xdr:row>
      <xdr:rowOff>38100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3826" y="28575"/>
          <a:ext cx="6013306" cy="778192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Q2570"/>
  <sheetViews>
    <sheetView zoomScale="91" zoomScaleNormal="91" workbookViewId="0">
      <selection sqref="A1:DO2563"/>
    </sheetView>
  </sheetViews>
  <sheetFormatPr defaultRowHeight="12.75" x14ac:dyDescent="0.2"/>
  <cols>
    <col min="1" max="1" width="9.28515625" customWidth="1"/>
    <col min="2" max="2" width="5.7109375" customWidth="1"/>
    <col min="3" max="3" width="64.42578125" bestFit="1" customWidth="1"/>
    <col min="4" max="4" width="9.5703125" customWidth="1"/>
    <col min="5" max="5" width="25.5703125" bestFit="1" customWidth="1"/>
    <col min="6" max="6" width="15.5703125" style="12" bestFit="1" customWidth="1"/>
    <col min="7" max="7" width="17.42578125" style="14" bestFit="1" customWidth="1"/>
    <col min="8" max="8" width="15.5703125" style="12" bestFit="1" customWidth="1"/>
    <col min="9" max="9" width="17.42578125" style="14" bestFit="1" customWidth="1"/>
    <col min="10" max="10" width="15.5703125" style="12" bestFit="1" customWidth="1"/>
    <col min="11" max="11" width="17.42578125" style="14" bestFit="1" customWidth="1"/>
    <col min="12" max="12" width="15.5703125" style="12" bestFit="1" customWidth="1"/>
    <col min="13" max="13" width="17.42578125" style="14" bestFit="1" customWidth="1"/>
    <col min="14" max="14" width="15.5703125" style="12" bestFit="1" customWidth="1"/>
    <col min="15" max="15" width="17.42578125" style="14" bestFit="1" customWidth="1"/>
    <col min="16" max="32" width="15.5703125" style="8" bestFit="1" customWidth="1"/>
    <col min="33" max="33" width="15.5703125" style="10" bestFit="1" customWidth="1"/>
    <col min="34" max="34" width="17.42578125" style="14" bestFit="1" customWidth="1"/>
    <col min="35" max="35" width="15.5703125" style="10" bestFit="1" customWidth="1"/>
    <col min="36" max="36" width="17.42578125" style="14" bestFit="1" customWidth="1"/>
    <col min="37" max="37" width="15.5703125" style="10" bestFit="1" customWidth="1"/>
    <col min="38" max="38" width="17.42578125" style="14" bestFit="1" customWidth="1"/>
    <col min="39" max="39" width="15.5703125" style="10" bestFit="1" customWidth="1"/>
    <col min="40" max="40" width="17.42578125" style="14" bestFit="1" customWidth="1"/>
    <col min="41" max="41" width="15.5703125" style="10" bestFit="1" customWidth="1"/>
    <col min="42" max="42" width="17.42578125" style="14" bestFit="1" customWidth="1"/>
    <col min="43" max="58" width="16.140625" style="10" bestFit="1" customWidth="1"/>
    <col min="59" max="59" width="17.42578125" bestFit="1" customWidth="1"/>
    <col min="60" max="60" width="19.140625" style="22" bestFit="1" customWidth="1"/>
    <col min="61" max="61" width="17.42578125" bestFit="1" customWidth="1"/>
    <col min="62" max="62" width="19.140625" style="22" bestFit="1" customWidth="1"/>
    <col min="63" max="63" width="17.42578125" bestFit="1" customWidth="1"/>
    <col min="64" max="64" width="19.140625" style="22" bestFit="1" customWidth="1"/>
    <col min="65" max="65" width="20" customWidth="1"/>
    <col min="66" max="66" width="19.140625" style="22" bestFit="1" customWidth="1"/>
    <col min="67" max="67" width="20" customWidth="1"/>
    <col min="68" max="68" width="19.140625" style="22" bestFit="1" customWidth="1"/>
    <col min="69" max="81" width="13.28515625" customWidth="1"/>
    <col min="82" max="82" width="15.140625" bestFit="1" customWidth="1"/>
    <col min="83" max="83" width="11.85546875" bestFit="1" customWidth="1"/>
    <col min="84" max="84" width="15.5703125" bestFit="1" customWidth="1"/>
    <col min="85" max="85" width="14.140625" bestFit="1" customWidth="1"/>
    <col min="86" max="102" width="19" bestFit="1" customWidth="1"/>
    <col min="103" max="103" width="26.85546875" bestFit="1" customWidth="1"/>
    <col min="104" max="104" width="21.140625" bestFit="1" customWidth="1"/>
    <col min="105" max="105" width="17.85546875" bestFit="1" customWidth="1"/>
    <col min="106" max="106" width="19.28515625" bestFit="1" customWidth="1"/>
    <col min="107" max="107" width="19.42578125" bestFit="1" customWidth="1"/>
    <col min="108" max="108" width="18.42578125" bestFit="1" customWidth="1"/>
    <col min="109" max="109" width="31.7109375" bestFit="1" customWidth="1"/>
    <col min="110" max="110" width="24" bestFit="1" customWidth="1"/>
    <col min="111" max="111" width="19.5703125" bestFit="1" customWidth="1"/>
    <col min="112" max="112" width="19.85546875" bestFit="1" customWidth="1"/>
    <col min="113" max="113" width="36.85546875" bestFit="1" customWidth="1"/>
    <col min="114" max="114" width="19" bestFit="1" customWidth="1"/>
    <col min="115" max="115" width="19.42578125" bestFit="1" customWidth="1"/>
    <col min="116" max="116" width="17.85546875" bestFit="1" customWidth="1"/>
    <col min="117" max="117" width="80.7109375" bestFit="1" customWidth="1"/>
    <col min="118" max="118" width="19.140625" bestFit="1" customWidth="1"/>
    <col min="119" max="119" width="13.85546875" customWidth="1"/>
    <col min="120" max="120" width="38.140625" bestFit="1" customWidth="1"/>
    <col min="121" max="121" width="18.5703125" bestFit="1" customWidth="1"/>
  </cols>
  <sheetData>
    <row r="1" spans="1:121" s="19" customFormat="1" ht="37.5" customHeight="1" x14ac:dyDescent="0.2">
      <c r="A1" s="15" t="s">
        <v>790</v>
      </c>
      <c r="B1" s="15" t="s">
        <v>171</v>
      </c>
      <c r="C1" s="15" t="s">
        <v>0</v>
      </c>
      <c r="D1" s="15" t="s">
        <v>340</v>
      </c>
      <c r="E1" s="15" t="s">
        <v>341</v>
      </c>
      <c r="F1" s="16" t="s">
        <v>759</v>
      </c>
      <c r="G1" s="16" t="s">
        <v>760</v>
      </c>
      <c r="H1" s="16" t="s">
        <v>761</v>
      </c>
      <c r="I1" s="16" t="s">
        <v>762</v>
      </c>
      <c r="J1" s="16" t="s">
        <v>763</v>
      </c>
      <c r="K1" s="16" t="s">
        <v>764</v>
      </c>
      <c r="L1" s="16" t="s">
        <v>765</v>
      </c>
      <c r="M1" s="16" t="s">
        <v>766</v>
      </c>
      <c r="N1" s="16" t="s">
        <v>767</v>
      </c>
      <c r="O1" s="16" t="s">
        <v>768</v>
      </c>
      <c r="P1" s="17" t="s">
        <v>3</v>
      </c>
      <c r="Q1" s="17" t="s">
        <v>4</v>
      </c>
      <c r="R1" s="17" t="s">
        <v>5</v>
      </c>
      <c r="S1" s="17" t="s">
        <v>6</v>
      </c>
      <c r="T1" s="17" t="s">
        <v>7</v>
      </c>
      <c r="U1" s="17" t="s">
        <v>8</v>
      </c>
      <c r="V1" s="17" t="s">
        <v>9</v>
      </c>
      <c r="W1" s="17" t="s">
        <v>10</v>
      </c>
      <c r="X1" s="17" t="s">
        <v>11</v>
      </c>
      <c r="Y1" s="17" t="s">
        <v>12</v>
      </c>
      <c r="Z1" s="17" t="s">
        <v>13</v>
      </c>
      <c r="AA1" s="17" t="s">
        <v>14</v>
      </c>
      <c r="AB1" s="17" t="s">
        <v>15</v>
      </c>
      <c r="AC1" s="17" t="s">
        <v>16</v>
      </c>
      <c r="AD1" s="17" t="s">
        <v>17</v>
      </c>
      <c r="AE1" s="17" t="s">
        <v>18</v>
      </c>
      <c r="AF1" s="17" t="s">
        <v>19</v>
      </c>
      <c r="AG1" s="18" t="s">
        <v>769</v>
      </c>
      <c r="AH1" s="18" t="s">
        <v>770</v>
      </c>
      <c r="AI1" s="18" t="s">
        <v>771</v>
      </c>
      <c r="AJ1" s="18" t="s">
        <v>772</v>
      </c>
      <c r="AK1" s="18" t="s">
        <v>773</v>
      </c>
      <c r="AL1" s="18" t="s">
        <v>774</v>
      </c>
      <c r="AM1" s="18" t="s">
        <v>775</v>
      </c>
      <c r="AN1" s="18" t="s">
        <v>776</v>
      </c>
      <c r="AO1" s="18" t="s">
        <v>777</v>
      </c>
      <c r="AP1" s="18" t="s">
        <v>778</v>
      </c>
      <c r="AQ1" s="18" t="s">
        <v>743</v>
      </c>
      <c r="AR1" s="18" t="s">
        <v>744</v>
      </c>
      <c r="AS1" s="18" t="s">
        <v>745</v>
      </c>
      <c r="AT1" s="18" t="s">
        <v>746</v>
      </c>
      <c r="AU1" s="18" t="s">
        <v>747</v>
      </c>
      <c r="AV1" s="18" t="s">
        <v>748</v>
      </c>
      <c r="AW1" s="18" t="s">
        <v>749</v>
      </c>
      <c r="AX1" s="18" t="s">
        <v>750</v>
      </c>
      <c r="AY1" s="18" t="s">
        <v>751</v>
      </c>
      <c r="AZ1" s="18" t="s">
        <v>752</v>
      </c>
      <c r="BA1" s="18" t="s">
        <v>753</v>
      </c>
      <c r="BB1" s="18" t="s">
        <v>754</v>
      </c>
      <c r="BC1" s="18" t="s">
        <v>755</v>
      </c>
      <c r="BD1" s="18" t="s">
        <v>756</v>
      </c>
      <c r="BE1" s="18" t="s">
        <v>757</v>
      </c>
      <c r="BF1" s="18" t="s">
        <v>758</v>
      </c>
      <c r="BG1" s="15" t="s">
        <v>779</v>
      </c>
      <c r="BH1" s="21" t="s">
        <v>780</v>
      </c>
      <c r="BI1" s="15" t="s">
        <v>781</v>
      </c>
      <c r="BJ1" s="21" t="s">
        <v>782</v>
      </c>
      <c r="BK1" s="15" t="s">
        <v>783</v>
      </c>
      <c r="BL1" s="21" t="s">
        <v>784</v>
      </c>
      <c r="BM1" s="15" t="s">
        <v>786</v>
      </c>
      <c r="BN1" s="21" t="s">
        <v>787</v>
      </c>
      <c r="BO1" s="15" t="s">
        <v>788</v>
      </c>
      <c r="BP1" s="21" t="s">
        <v>789</v>
      </c>
      <c r="BQ1" s="15" t="s">
        <v>20</v>
      </c>
      <c r="BR1" s="15" t="s">
        <v>21</v>
      </c>
      <c r="BS1" s="15" t="s">
        <v>22</v>
      </c>
      <c r="BT1" s="15" t="s">
        <v>23</v>
      </c>
      <c r="BU1" s="15" t="s">
        <v>24</v>
      </c>
      <c r="BV1" s="15" t="s">
        <v>25</v>
      </c>
      <c r="BW1" s="15" t="s">
        <v>26</v>
      </c>
      <c r="BX1" s="15" t="s">
        <v>27</v>
      </c>
      <c r="BY1" s="15" t="s">
        <v>28</v>
      </c>
      <c r="BZ1" s="15" t="s">
        <v>29</v>
      </c>
      <c r="CA1" s="15" t="s">
        <v>30</v>
      </c>
      <c r="CB1" s="15" t="s">
        <v>31</v>
      </c>
      <c r="CC1" s="15" t="s">
        <v>32</v>
      </c>
      <c r="CD1" s="15" t="s">
        <v>33</v>
      </c>
      <c r="CE1" s="15" t="s">
        <v>34</v>
      </c>
      <c r="CF1" s="15" t="s">
        <v>35</v>
      </c>
      <c r="CG1" s="15" t="s">
        <v>36</v>
      </c>
      <c r="CH1" s="15" t="s">
        <v>37</v>
      </c>
      <c r="CI1" s="15" t="s">
        <v>38</v>
      </c>
      <c r="CJ1" s="15" t="s">
        <v>39</v>
      </c>
      <c r="CK1" s="15" t="s">
        <v>40</v>
      </c>
      <c r="CL1" s="15" t="s">
        <v>41</v>
      </c>
      <c r="CM1" s="15" t="s">
        <v>42</v>
      </c>
      <c r="CN1" s="15" t="s">
        <v>43</v>
      </c>
      <c r="CO1" s="15" t="s">
        <v>44</v>
      </c>
      <c r="CP1" s="15" t="s">
        <v>45</v>
      </c>
      <c r="CQ1" s="15" t="s">
        <v>46</v>
      </c>
      <c r="CR1" s="15" t="s">
        <v>47</v>
      </c>
      <c r="CS1" s="15" t="s">
        <v>48</v>
      </c>
      <c r="CT1" s="15" t="s">
        <v>49</v>
      </c>
      <c r="CU1" s="15" t="s">
        <v>50</v>
      </c>
      <c r="CV1" s="15" t="s">
        <v>51</v>
      </c>
      <c r="CW1" s="15" t="s">
        <v>52</v>
      </c>
      <c r="CX1" s="15" t="s">
        <v>53</v>
      </c>
      <c r="CY1" s="15" t="s">
        <v>342</v>
      </c>
      <c r="CZ1" s="15" t="s">
        <v>343</v>
      </c>
      <c r="DA1" s="15" t="s">
        <v>344</v>
      </c>
      <c r="DB1" s="15" t="s">
        <v>345</v>
      </c>
      <c r="DC1" s="15" t="s">
        <v>346</v>
      </c>
      <c r="DD1" s="15" t="s">
        <v>347</v>
      </c>
      <c r="DE1" s="15" t="s">
        <v>348</v>
      </c>
      <c r="DF1" s="15" t="s">
        <v>349</v>
      </c>
      <c r="DG1" s="15" t="s">
        <v>350</v>
      </c>
      <c r="DH1" s="15" t="s">
        <v>351</v>
      </c>
      <c r="DI1" s="15" t="s">
        <v>352</v>
      </c>
      <c r="DJ1" s="15" t="s">
        <v>353</v>
      </c>
      <c r="DK1" s="15" t="s">
        <v>354</v>
      </c>
      <c r="DL1" s="15" t="s">
        <v>355</v>
      </c>
      <c r="DM1" s="15" t="s">
        <v>356</v>
      </c>
      <c r="DN1" s="15" t="s">
        <v>357</v>
      </c>
      <c r="DO1" s="15" t="s">
        <v>358</v>
      </c>
      <c r="DP1" s="15"/>
      <c r="DQ1" s="15"/>
    </row>
    <row r="2" spans="1:121" x14ac:dyDescent="0.2">
      <c r="A2" s="6" t="s">
        <v>1</v>
      </c>
      <c r="B2" s="6" t="s">
        <v>1</v>
      </c>
      <c r="C2" s="6" t="s">
        <v>2</v>
      </c>
      <c r="D2" s="6" t="s">
        <v>155</v>
      </c>
      <c r="E2" s="6" t="s">
        <v>156</v>
      </c>
      <c r="F2" s="11">
        <v>-171</v>
      </c>
      <c r="G2" s="13">
        <v>-0.60854092526699999</v>
      </c>
      <c r="H2" s="11">
        <v>248.54041412000004</v>
      </c>
      <c r="I2" s="13">
        <v>0.88412784070494554</v>
      </c>
      <c r="J2" s="11">
        <v>-443.61450121850004</v>
      </c>
      <c r="K2" s="13">
        <v>-0.83755515539463965</v>
      </c>
      <c r="L2" s="11">
        <v>24.182244613499989</v>
      </c>
      <c r="M2" s="13">
        <v>0.2810595579247232</v>
      </c>
      <c r="N2" s="11">
        <v>-419.43225660500002</v>
      </c>
      <c r="O2" s="13">
        <v>-0.79189847918270684</v>
      </c>
      <c r="P2" s="7">
        <v>281.11366103099999</v>
      </c>
      <c r="Q2" s="7">
        <v>189.50594361200001</v>
      </c>
      <c r="R2" s="7">
        <v>275.72672324000001</v>
      </c>
      <c r="S2" s="7">
        <v>477.39912358700002</v>
      </c>
      <c r="T2" s="7">
        <v>347.11476504799998</v>
      </c>
      <c r="U2" s="7">
        <v>519.46040477600002</v>
      </c>
      <c r="V2" s="7">
        <v>529.65407515100003</v>
      </c>
      <c r="W2" s="7">
        <v>707.72026076700001</v>
      </c>
      <c r="X2" s="7">
        <v>375.25352879399998</v>
      </c>
      <c r="Y2" s="7">
        <v>86.039573932500005</v>
      </c>
      <c r="Z2" s="7">
        <v>102.554487592</v>
      </c>
      <c r="AA2" s="7">
        <v>48.663105860400002</v>
      </c>
      <c r="AB2" s="7">
        <v>111.92438112799999</v>
      </c>
      <c r="AC2" s="7">
        <v>90.065517269500006</v>
      </c>
      <c r="AD2" s="7">
        <v>135.70808648100001</v>
      </c>
      <c r="AE2" s="7">
        <v>121.498033651</v>
      </c>
      <c r="AF2" s="7">
        <v>110.22181854599999</v>
      </c>
      <c r="AG2" s="9">
        <v>31881.007914099999</v>
      </c>
      <c r="AH2" s="13">
        <v>1.1844340385443186</v>
      </c>
      <c r="AI2" s="9">
        <v>16971.485859999997</v>
      </c>
      <c r="AJ2" s="13">
        <v>0.63051976246859076</v>
      </c>
      <c r="AK2" s="9">
        <v>60107.337595500001</v>
      </c>
      <c r="AL2" s="13">
        <v>1.3695574709994791</v>
      </c>
      <c r="AM2" s="9">
        <v>-45197.815541399999</v>
      </c>
      <c r="AN2" s="13">
        <v>-0.43461325611558121</v>
      </c>
      <c r="AO2" s="9">
        <v>14909.522054100002</v>
      </c>
      <c r="AP2" s="13">
        <v>0.33971638297539369</v>
      </c>
      <c r="AQ2" s="9">
        <v>26916.6596675</v>
      </c>
      <c r="AR2" s="9">
        <v>27767.701782600001</v>
      </c>
      <c r="AS2" s="9">
        <v>32176.172459099998</v>
      </c>
      <c r="AT2" s="9">
        <v>76878.659448000006</v>
      </c>
      <c r="AU2" s="9">
        <v>42061.0299161</v>
      </c>
      <c r="AV2" s="9">
        <v>59050.762950999997</v>
      </c>
      <c r="AW2" s="9">
        <v>43888.145527499997</v>
      </c>
      <c r="AX2" s="9">
        <v>35936.675406900002</v>
      </c>
      <c r="AY2" s="9">
        <v>46432.547577500001</v>
      </c>
      <c r="AZ2" s="9">
        <v>103995.483123</v>
      </c>
      <c r="BA2" s="9">
        <v>78435.463639499998</v>
      </c>
      <c r="BB2" s="9">
        <v>134755.61929999999</v>
      </c>
      <c r="BC2" s="9">
        <v>61364.207559800001</v>
      </c>
      <c r="BD2" s="9">
        <v>74546.373517999993</v>
      </c>
      <c r="BE2" s="9">
        <v>52898.161592099998</v>
      </c>
      <c r="BF2" s="9">
        <v>58797.667581599999</v>
      </c>
      <c r="BG2" s="11">
        <v>6.75</v>
      </c>
      <c r="BH2" s="13">
        <v>0.67500000000000004</v>
      </c>
      <c r="BI2" s="6">
        <v>3</v>
      </c>
      <c r="BJ2" s="13">
        <v>0.3</v>
      </c>
      <c r="BK2" s="6">
        <v>-2</v>
      </c>
      <c r="BL2" s="13">
        <v>-0.15384615384615385</v>
      </c>
      <c r="BM2" s="11">
        <v>5.75</v>
      </c>
      <c r="BN2" s="13">
        <v>0.52272727272727271</v>
      </c>
      <c r="BO2" s="11">
        <v>3.75</v>
      </c>
      <c r="BP2" s="13">
        <v>0.28846153846153844</v>
      </c>
      <c r="BQ2" s="6">
        <v>10</v>
      </c>
      <c r="BR2" s="6">
        <v>10</v>
      </c>
      <c r="BS2" s="6">
        <v>14</v>
      </c>
      <c r="BT2" s="6">
        <v>13</v>
      </c>
      <c r="BU2" s="6">
        <v>16</v>
      </c>
      <c r="BV2" s="6">
        <v>17</v>
      </c>
      <c r="BW2" s="6">
        <v>11</v>
      </c>
      <c r="BX2" s="6">
        <v>13</v>
      </c>
      <c r="BY2" s="6">
        <v>11</v>
      </c>
      <c r="BZ2" s="6">
        <v>14</v>
      </c>
      <c r="CA2" s="6">
        <v>16</v>
      </c>
      <c r="CB2" s="6">
        <v>19</v>
      </c>
      <c r="CC2" s="11">
        <v>16.75</v>
      </c>
      <c r="CD2" s="11">
        <v>-175.99100000000001</v>
      </c>
      <c r="CE2" s="11">
        <v>-25.630199999999999</v>
      </c>
      <c r="CF2" s="11">
        <v>30.729099999999999</v>
      </c>
      <c r="CG2" s="11">
        <v>5</v>
      </c>
      <c r="CH2" s="20">
        <v>0.47395100000000001</v>
      </c>
      <c r="CI2" s="20">
        <v>0.31771899999999997</v>
      </c>
      <c r="CJ2" s="20">
        <v>0.42967100000000003</v>
      </c>
      <c r="CK2" s="20">
        <v>0.66048600000000002</v>
      </c>
      <c r="CL2" s="20">
        <v>0.47160800000000003</v>
      </c>
      <c r="CM2" s="20">
        <v>0.67933200000000005</v>
      </c>
      <c r="CN2" s="20">
        <v>0.68445299999999998</v>
      </c>
      <c r="CO2" s="20">
        <v>0.87841599999999997</v>
      </c>
      <c r="CP2" s="20">
        <v>0.42616900000000002</v>
      </c>
      <c r="CQ2" s="20">
        <v>9.6459799999999998E-2</v>
      </c>
      <c r="CR2" s="20">
        <v>0.112053</v>
      </c>
      <c r="CS2" s="20">
        <v>5.4737300000000003E-2</v>
      </c>
      <c r="CT2" s="20">
        <v>0.117128</v>
      </c>
      <c r="CU2" s="20">
        <v>9.3006000000000005E-2</v>
      </c>
      <c r="CV2" s="20">
        <v>0.142988</v>
      </c>
      <c r="CW2" s="20">
        <v>0.123282</v>
      </c>
      <c r="CX2" s="20">
        <v>0.107987</v>
      </c>
      <c r="CY2" s="6"/>
      <c r="CZ2" s="6"/>
      <c r="DA2" s="6"/>
      <c r="DB2" s="6"/>
      <c r="DC2" s="6"/>
      <c r="DD2" s="6"/>
      <c r="DE2" s="6"/>
      <c r="DF2" s="6"/>
      <c r="DG2" s="6"/>
      <c r="DH2" s="6"/>
      <c r="DI2" s="6"/>
      <c r="DJ2" s="6"/>
      <c r="DK2" s="6"/>
      <c r="DL2" s="6"/>
      <c r="DM2" s="6"/>
      <c r="DN2" s="6"/>
      <c r="DO2" s="6"/>
      <c r="DP2" s="6"/>
      <c r="DQ2" s="6"/>
    </row>
    <row r="3" spans="1:121" x14ac:dyDescent="0.2">
      <c r="A3" s="6" t="s">
        <v>310</v>
      </c>
      <c r="B3" s="6" t="s">
        <v>310</v>
      </c>
      <c r="C3" s="6" t="s">
        <v>173</v>
      </c>
      <c r="D3" s="6" t="s">
        <v>155</v>
      </c>
      <c r="E3" s="6" t="s">
        <v>156</v>
      </c>
      <c r="F3" s="11">
        <v>11</v>
      </c>
      <c r="G3" s="13">
        <v>0.166666666667</v>
      </c>
      <c r="H3" s="11">
        <v>540.12137300000006</v>
      </c>
      <c r="I3" s="13">
        <v>8.1255973115732605</v>
      </c>
      <c r="J3" s="11">
        <v>-470.59264400000006</v>
      </c>
      <c r="K3" s="13">
        <v>-0.775796411604597</v>
      </c>
      <c r="L3" s="11">
        <v>-59.083431359599984</v>
      </c>
      <c r="M3" s="13">
        <v>-0.43443597628326142</v>
      </c>
      <c r="N3" s="11">
        <v>-529.67607535960008</v>
      </c>
      <c r="O3" s="13">
        <v>-0.87319851641536428</v>
      </c>
      <c r="P3" s="7">
        <v>66.471590000000006</v>
      </c>
      <c r="Q3" s="7">
        <v>62.45337</v>
      </c>
      <c r="R3" s="7">
        <v>91.510637000000003</v>
      </c>
      <c r="S3" s="7">
        <v>187.70599899999999</v>
      </c>
      <c r="T3" s="7">
        <v>194.60409000000001</v>
      </c>
      <c r="U3" s="7">
        <v>195.382983</v>
      </c>
      <c r="V3" s="7">
        <v>606.59296300000005</v>
      </c>
      <c r="W3" s="7">
        <v>587.49234899999999</v>
      </c>
      <c r="X3" s="7">
        <v>149.529078</v>
      </c>
      <c r="Y3" s="7">
        <v>136.00031899999999</v>
      </c>
      <c r="Z3" s="7">
        <v>132.573981</v>
      </c>
      <c r="AA3" s="7">
        <v>131.782397</v>
      </c>
      <c r="AB3" s="7">
        <v>113.569847</v>
      </c>
      <c r="AC3" s="7">
        <v>107.846384</v>
      </c>
      <c r="AD3" s="7">
        <v>69.737532999999999</v>
      </c>
      <c r="AE3" s="7">
        <v>76.590893249999993</v>
      </c>
      <c r="AF3" s="7">
        <v>76.916887640400006</v>
      </c>
      <c r="AG3" s="9">
        <v>27530.351854400004</v>
      </c>
      <c r="AH3" s="13">
        <v>0.60866864084207184</v>
      </c>
      <c r="AI3" s="9">
        <v>55159.178698399999</v>
      </c>
      <c r="AJ3" s="13">
        <v>1.2195144655571928</v>
      </c>
      <c r="AK3" s="9">
        <v>35151.157882000014</v>
      </c>
      <c r="AL3" s="13">
        <v>0.35014733120614755</v>
      </c>
      <c r="AM3" s="9">
        <v>-62779.98472600001</v>
      </c>
      <c r="AN3" s="13">
        <v>-0.46318152539172175</v>
      </c>
      <c r="AO3" s="9">
        <v>-27628.826843999996</v>
      </c>
      <c r="AP3" s="13">
        <v>-0.27521596916547808</v>
      </c>
      <c r="AQ3" s="9">
        <v>45230.442324600001</v>
      </c>
      <c r="AR3" s="9">
        <v>37973.775513499997</v>
      </c>
      <c r="AS3" s="9">
        <v>40501.3560784</v>
      </c>
      <c r="AT3" s="9">
        <v>47629.553649000001</v>
      </c>
      <c r="AU3" s="9">
        <v>53357.417284900002</v>
      </c>
      <c r="AV3" s="9">
        <v>53934.8286343</v>
      </c>
      <c r="AW3" s="9">
        <v>100389.621023</v>
      </c>
      <c r="AX3" s="9">
        <v>104249.82993599999</v>
      </c>
      <c r="AY3" s="9">
        <v>75641.729596000005</v>
      </c>
      <c r="AZ3" s="9">
        <v>135540.77890500001</v>
      </c>
      <c r="BA3" s="9">
        <v>240633.98934199999</v>
      </c>
      <c r="BB3" s="9">
        <v>269163.347144</v>
      </c>
      <c r="BC3" s="9">
        <v>252404.64384</v>
      </c>
      <c r="BD3" s="9">
        <v>187781.815363</v>
      </c>
      <c r="BE3" s="9">
        <v>99471.324985200001</v>
      </c>
      <c r="BF3" s="9">
        <v>72760.794179000004</v>
      </c>
      <c r="BG3" s="11">
        <v>5.25</v>
      </c>
      <c r="BH3" s="13">
        <v>0.375</v>
      </c>
      <c r="BI3" s="6">
        <v>8</v>
      </c>
      <c r="BJ3" s="13">
        <v>0.5714285714285714</v>
      </c>
      <c r="BK3" s="6">
        <v>7</v>
      </c>
      <c r="BL3" s="13">
        <v>0.31818181818181818</v>
      </c>
      <c r="BM3" s="11">
        <v>-9.75</v>
      </c>
      <c r="BN3" s="13">
        <v>-0.33620689655172414</v>
      </c>
      <c r="BO3" s="11">
        <v>-2.75</v>
      </c>
      <c r="BP3" s="13">
        <v>-0.125</v>
      </c>
      <c r="BQ3" s="6">
        <v>14</v>
      </c>
      <c r="BR3" s="6">
        <v>16</v>
      </c>
      <c r="BS3" s="6">
        <v>18</v>
      </c>
      <c r="BT3" s="6">
        <v>22</v>
      </c>
      <c r="BU3" s="6">
        <v>30</v>
      </c>
      <c r="BV3" s="6">
        <v>29</v>
      </c>
      <c r="BW3" s="6">
        <v>29</v>
      </c>
      <c r="BX3" s="6">
        <v>27</v>
      </c>
      <c r="BY3" s="6">
        <v>25</v>
      </c>
      <c r="BZ3" s="6">
        <v>25</v>
      </c>
      <c r="CA3" s="6">
        <v>23</v>
      </c>
      <c r="CB3" s="6">
        <v>20</v>
      </c>
      <c r="CC3" s="11">
        <v>19.25</v>
      </c>
      <c r="CD3" s="11">
        <v>-3.71713</v>
      </c>
      <c r="CE3" s="11">
        <v>6.8962899999999996</v>
      </c>
      <c r="CF3" s="11">
        <v>7.2661499999999997</v>
      </c>
      <c r="CG3" s="11">
        <v>14</v>
      </c>
      <c r="CH3" s="20">
        <v>0.39499800000000002</v>
      </c>
      <c r="CI3" s="20">
        <v>0.38550099999999998</v>
      </c>
      <c r="CJ3" s="20">
        <v>0.53246199999999999</v>
      </c>
      <c r="CK3" s="20">
        <v>0.93825499999999995</v>
      </c>
      <c r="CL3" s="20">
        <v>0.89124400000000004</v>
      </c>
      <c r="CM3" s="20">
        <v>0.78185000000000004</v>
      </c>
      <c r="CN3" s="20">
        <v>2.2258100000000001</v>
      </c>
      <c r="CO3" s="20">
        <v>1.8681099999999999</v>
      </c>
      <c r="CP3" s="20">
        <v>0.47791400000000001</v>
      </c>
      <c r="CQ3" s="20">
        <v>0.42078399999999999</v>
      </c>
      <c r="CR3" s="20">
        <v>0.35986899999999999</v>
      </c>
      <c r="CS3" s="20">
        <v>0.34174500000000002</v>
      </c>
      <c r="CT3" s="20">
        <v>0.27193499999999998</v>
      </c>
      <c r="CU3" s="20">
        <v>0.25006499999999998</v>
      </c>
      <c r="CV3" s="20">
        <v>0.18648899999999999</v>
      </c>
      <c r="CW3" s="20">
        <v>0.23217199999999999</v>
      </c>
      <c r="CX3" s="20">
        <v>0.22292400000000001</v>
      </c>
      <c r="CY3" s="6"/>
      <c r="CZ3" s="6"/>
      <c r="DA3" s="6"/>
      <c r="DB3" s="6"/>
      <c r="DC3" s="6"/>
      <c r="DD3" s="6"/>
      <c r="DE3" s="6"/>
      <c r="DF3" s="6"/>
      <c r="DG3" s="6"/>
      <c r="DH3" s="6"/>
      <c r="DI3" s="6"/>
      <c r="DJ3" s="6"/>
      <c r="DK3" s="6"/>
      <c r="DL3" s="6"/>
      <c r="DM3" s="6"/>
      <c r="DN3" s="6"/>
      <c r="DO3" s="6"/>
      <c r="DP3" s="6"/>
      <c r="DQ3" s="6"/>
    </row>
    <row r="4" spans="1:121" x14ac:dyDescent="0.2">
      <c r="A4" s="6" t="s">
        <v>311</v>
      </c>
      <c r="B4" s="6" t="s">
        <v>311</v>
      </c>
      <c r="C4" s="6" t="s">
        <v>174</v>
      </c>
      <c r="D4" s="6" t="s">
        <v>155</v>
      </c>
      <c r="E4" s="6" t="s">
        <v>156</v>
      </c>
      <c r="F4" s="11">
        <v>-3</v>
      </c>
      <c r="G4" s="13">
        <v>-4.4117647058800002E-2</v>
      </c>
      <c r="H4" s="11">
        <v>21.820025000000001</v>
      </c>
      <c r="I4" s="13">
        <v>0.32305053696430469</v>
      </c>
      <c r="J4" s="11">
        <v>-63.414346000000002</v>
      </c>
      <c r="K4" s="13">
        <v>-0.70962075278115677</v>
      </c>
      <c r="L4" s="11">
        <v>38.840806714100005</v>
      </c>
      <c r="M4" s="13">
        <v>1.4967920110462809</v>
      </c>
      <c r="N4" s="11">
        <v>-24.573539285899997</v>
      </c>
      <c r="O4" s="13">
        <v>-0.27498341537035936</v>
      </c>
      <c r="P4" s="7">
        <v>67.543689000000001</v>
      </c>
      <c r="Q4" s="7">
        <v>74.649328999999994</v>
      </c>
      <c r="R4" s="7">
        <v>66.005350000000007</v>
      </c>
      <c r="S4" s="7">
        <v>60.372217999999997</v>
      </c>
      <c r="T4" s="7">
        <v>69.791392999999999</v>
      </c>
      <c r="U4" s="7">
        <v>76.482247000000001</v>
      </c>
      <c r="V4" s="7">
        <v>89.363714000000002</v>
      </c>
      <c r="W4" s="7">
        <v>95.054680000000005</v>
      </c>
      <c r="X4" s="7">
        <v>90.334523000000004</v>
      </c>
      <c r="Y4" s="7">
        <v>25.949368</v>
      </c>
      <c r="Z4" s="7">
        <v>34.812581000000002</v>
      </c>
      <c r="AA4" s="7">
        <v>50.074354999999997</v>
      </c>
      <c r="AB4" s="7">
        <v>35.489046999999999</v>
      </c>
      <c r="AC4" s="7">
        <v>45.875388000000001</v>
      </c>
      <c r="AD4" s="7">
        <v>50.992525999999998</v>
      </c>
      <c r="AE4" s="7">
        <v>63.6408305</v>
      </c>
      <c r="AF4" s="7">
        <v>64.790174714100004</v>
      </c>
      <c r="AG4" s="9">
        <v>30536.70500300001</v>
      </c>
      <c r="AH4" s="13">
        <v>0.2948359383462425</v>
      </c>
      <c r="AI4" s="9">
        <v>66785.279206999985</v>
      </c>
      <c r="AJ4" s="13">
        <v>0.64482073166627418</v>
      </c>
      <c r="AK4" s="9">
        <v>-3379.1381779999938</v>
      </c>
      <c r="AL4" s="13">
        <v>-1.9835612974123677E-2</v>
      </c>
      <c r="AM4" s="9">
        <v>-32869.436025999981</v>
      </c>
      <c r="AN4" s="13">
        <v>-0.19684890729634591</v>
      </c>
      <c r="AO4" s="9">
        <v>-36248.574203999975</v>
      </c>
      <c r="AP4" s="13">
        <v>-0.21277990153096013</v>
      </c>
      <c r="AQ4" s="9">
        <v>103571.854823</v>
      </c>
      <c r="AR4" s="9">
        <v>113955.167672</v>
      </c>
      <c r="AS4" s="9">
        <v>114768.657614</v>
      </c>
      <c r="AT4" s="9">
        <v>139569.393881</v>
      </c>
      <c r="AU4" s="9">
        <v>144212.99350300001</v>
      </c>
      <c r="AV4" s="9">
        <v>170334.977311</v>
      </c>
      <c r="AW4" s="9">
        <v>170357.13402999999</v>
      </c>
      <c r="AX4" s="9">
        <v>169630.30763699999</v>
      </c>
      <c r="AY4" s="9">
        <v>168939.63781499999</v>
      </c>
      <c r="AZ4" s="9">
        <v>166977.99585199999</v>
      </c>
      <c r="BA4" s="9">
        <v>124647.770432</v>
      </c>
      <c r="BB4" s="9">
        <v>112204.716988</v>
      </c>
      <c r="BC4" s="9">
        <v>131588.5485</v>
      </c>
      <c r="BD4" s="9">
        <v>113496.324473</v>
      </c>
      <c r="BE4" s="9">
        <v>120203.83618100001</v>
      </c>
      <c r="BF4" s="9">
        <v>134108.55982600001</v>
      </c>
      <c r="BG4" s="11">
        <v>14</v>
      </c>
      <c r="BH4" s="13">
        <v>2.3333333333333335</v>
      </c>
      <c r="BI4" s="6">
        <v>2</v>
      </c>
      <c r="BJ4" s="13">
        <v>0.33333333333333331</v>
      </c>
      <c r="BK4" s="6">
        <v>-1</v>
      </c>
      <c r="BL4" s="13">
        <v>-0.125</v>
      </c>
      <c r="BM4" s="11">
        <v>13</v>
      </c>
      <c r="BN4" s="13">
        <v>1.8571428571428572</v>
      </c>
      <c r="BO4" s="11">
        <v>12</v>
      </c>
      <c r="BP4" s="13">
        <v>1.5</v>
      </c>
      <c r="BQ4" s="6">
        <v>6</v>
      </c>
      <c r="BR4" s="6">
        <v>7</v>
      </c>
      <c r="BS4" s="6">
        <v>7</v>
      </c>
      <c r="BT4" s="6">
        <v>8</v>
      </c>
      <c r="BU4" s="6">
        <v>8</v>
      </c>
      <c r="BV4" s="6">
        <v>7</v>
      </c>
      <c r="BW4" s="6">
        <v>7</v>
      </c>
      <c r="BX4" s="6">
        <v>10</v>
      </c>
      <c r="BY4" s="6">
        <v>15</v>
      </c>
      <c r="BZ4" s="6">
        <v>13</v>
      </c>
      <c r="CA4" s="6">
        <v>16</v>
      </c>
      <c r="CB4" s="6">
        <v>17</v>
      </c>
      <c r="CC4" s="11">
        <v>20</v>
      </c>
      <c r="CD4" s="11">
        <v>0.86221599999999998</v>
      </c>
      <c r="CE4" s="11">
        <v>-10.9991</v>
      </c>
      <c r="CF4" s="11">
        <v>7.3833399999999996</v>
      </c>
      <c r="CG4" s="11">
        <v>-4</v>
      </c>
      <c r="CH4" s="20">
        <v>0.36632999999999999</v>
      </c>
      <c r="CI4" s="20">
        <v>0.40395199999999998</v>
      </c>
      <c r="CJ4" s="20">
        <v>0.34280500000000003</v>
      </c>
      <c r="CK4" s="20">
        <v>0.28594900000000001</v>
      </c>
      <c r="CL4" s="20">
        <v>0.33457900000000002</v>
      </c>
      <c r="CM4" s="20">
        <v>0.354771</v>
      </c>
      <c r="CN4" s="20">
        <v>0.404088</v>
      </c>
      <c r="CO4" s="20">
        <v>0.39536500000000002</v>
      </c>
      <c r="CP4" s="20">
        <v>0.33906999999999998</v>
      </c>
      <c r="CQ4" s="20">
        <v>9.7160700000000003E-2</v>
      </c>
      <c r="CR4" s="20">
        <v>0.12812399999999999</v>
      </c>
      <c r="CS4" s="20">
        <v>0.192219</v>
      </c>
      <c r="CT4" s="20">
        <v>0.12831400000000001</v>
      </c>
      <c r="CU4" s="20">
        <v>0.16489699999999999</v>
      </c>
      <c r="CV4" s="20">
        <v>0.18729199999999999</v>
      </c>
      <c r="CW4" s="20">
        <v>0.22481899999999999</v>
      </c>
      <c r="CX4" s="20">
        <v>0.21965899999999999</v>
      </c>
      <c r="CY4" s="6"/>
      <c r="CZ4" s="6"/>
      <c r="DA4" s="6"/>
      <c r="DB4" s="6"/>
      <c r="DC4" s="6"/>
      <c r="DD4" s="6"/>
      <c r="DE4" s="6"/>
      <c r="DF4" s="6"/>
      <c r="DG4" s="6"/>
      <c r="DH4" s="6"/>
      <c r="DI4" s="6"/>
      <c r="DJ4" s="6"/>
      <c r="DK4" s="6"/>
      <c r="DL4" s="6"/>
      <c r="DM4" s="6"/>
      <c r="DN4" s="6"/>
      <c r="DO4" s="6"/>
      <c r="DP4" s="6"/>
      <c r="DQ4" s="6"/>
    </row>
    <row r="5" spans="1:121" x14ac:dyDescent="0.2">
      <c r="A5" s="6" t="s">
        <v>312</v>
      </c>
      <c r="B5" s="6" t="s">
        <v>312</v>
      </c>
      <c r="C5" s="6" t="s">
        <v>175</v>
      </c>
      <c r="D5" s="6" t="s">
        <v>155</v>
      </c>
      <c r="E5" s="6" t="s">
        <v>156</v>
      </c>
      <c r="F5" s="11">
        <v>-1023</v>
      </c>
      <c r="G5" s="13">
        <v>-0.19467174119899999</v>
      </c>
      <c r="H5" s="11">
        <v>15.618481999999858</v>
      </c>
      <c r="I5" s="13">
        <v>2.9722649936947446E-3</v>
      </c>
      <c r="J5" s="11">
        <v>-1405.3603029999999</v>
      </c>
      <c r="K5" s="13">
        <v>-0.26665360737977079</v>
      </c>
      <c r="L5" s="11">
        <v>366.55837054999984</v>
      </c>
      <c r="M5" s="13">
        <v>9.4840484231595218E-2</v>
      </c>
      <c r="N5" s="11">
        <v>-1038.8019324500001</v>
      </c>
      <c r="O5" s="13">
        <v>-0.1971026803941747</v>
      </c>
      <c r="P5" s="7">
        <v>5254.7407560000001</v>
      </c>
      <c r="Q5" s="7">
        <v>4948.6811660000003</v>
      </c>
      <c r="R5" s="7">
        <v>4484.7365659999996</v>
      </c>
      <c r="S5" s="7">
        <v>4181.9874600000003</v>
      </c>
      <c r="T5" s="7">
        <v>4407.2918470000004</v>
      </c>
      <c r="U5" s="7">
        <v>4300.0068060000003</v>
      </c>
      <c r="V5" s="7">
        <v>5270.359238</v>
      </c>
      <c r="W5" s="7">
        <v>5909.310015</v>
      </c>
      <c r="X5" s="7">
        <v>5634.2270090000002</v>
      </c>
      <c r="Y5" s="7">
        <v>3864.9989350000001</v>
      </c>
      <c r="Z5" s="7">
        <v>3875.4934440000002</v>
      </c>
      <c r="AA5" s="7">
        <v>4220.0744789999999</v>
      </c>
      <c r="AB5" s="7">
        <v>4887.8059409999996</v>
      </c>
      <c r="AC5" s="7">
        <v>4508.7387289999997</v>
      </c>
      <c r="AD5" s="7">
        <v>3998.3916720000002</v>
      </c>
      <c r="AE5" s="7">
        <v>4252.0081220000002</v>
      </c>
      <c r="AF5" s="7">
        <v>4231.5573055499999</v>
      </c>
      <c r="AG5" s="9">
        <v>17108.363211299999</v>
      </c>
      <c r="AH5" s="13">
        <v>0.30989684270889056</v>
      </c>
      <c r="AI5" s="9">
        <v>8995.6598736000014</v>
      </c>
      <c r="AJ5" s="13">
        <v>0.16294525422925418</v>
      </c>
      <c r="AK5" s="9">
        <v>1910.438241200005</v>
      </c>
      <c r="AL5" s="13">
        <v>2.9756539348394073E-2</v>
      </c>
      <c r="AM5" s="9">
        <v>6202.2650964999921</v>
      </c>
      <c r="AN5" s="13">
        <v>9.3813466819556338E-2</v>
      </c>
      <c r="AO5" s="9">
        <v>8112.7033376999971</v>
      </c>
      <c r="AP5" s="13">
        <v>0.12636157028477579</v>
      </c>
      <c r="AQ5" s="9">
        <v>55206.639285999998</v>
      </c>
      <c r="AR5" s="9">
        <v>52392.440738500001</v>
      </c>
      <c r="AS5" s="9">
        <v>53040.404591899998</v>
      </c>
      <c r="AT5" s="9">
        <v>54799.866458999997</v>
      </c>
      <c r="AU5" s="9">
        <v>55650.1913891</v>
      </c>
      <c r="AV5" s="9">
        <v>58913.635729900001</v>
      </c>
      <c r="AW5" s="9">
        <v>64202.299159599999</v>
      </c>
      <c r="AX5" s="9">
        <v>73560.825298600001</v>
      </c>
      <c r="AY5" s="9">
        <v>72289.166362400007</v>
      </c>
      <c r="AZ5" s="9">
        <v>66112.737400800004</v>
      </c>
      <c r="BA5" s="9">
        <v>65438.627329399998</v>
      </c>
      <c r="BB5" s="9">
        <v>68758.374558299998</v>
      </c>
      <c r="BC5" s="9">
        <v>74512.129308400006</v>
      </c>
      <c r="BD5" s="9">
        <v>73310.153700499999</v>
      </c>
      <c r="BE5" s="9">
        <v>72750.476044700001</v>
      </c>
      <c r="BF5" s="9">
        <v>72315.002497299996</v>
      </c>
      <c r="BG5" s="11">
        <v>102</v>
      </c>
      <c r="BH5" s="13">
        <v>0.11943793911007025</v>
      </c>
      <c r="BI5" s="6">
        <v>2</v>
      </c>
      <c r="BJ5" s="13">
        <v>2.34192037470726E-3</v>
      </c>
      <c r="BK5" s="6">
        <v>61</v>
      </c>
      <c r="BL5" s="13">
        <v>7.1261682242990648E-2</v>
      </c>
      <c r="BM5" s="11">
        <v>39</v>
      </c>
      <c r="BN5" s="13">
        <v>4.2529989094874592E-2</v>
      </c>
      <c r="BO5" s="11">
        <v>100</v>
      </c>
      <c r="BP5" s="13">
        <v>0.11682242990654206</v>
      </c>
      <c r="BQ5" s="6">
        <v>854</v>
      </c>
      <c r="BR5" s="6">
        <v>847</v>
      </c>
      <c r="BS5" s="6">
        <v>836</v>
      </c>
      <c r="BT5" s="6">
        <v>856</v>
      </c>
      <c r="BU5" s="6">
        <v>866</v>
      </c>
      <c r="BV5" s="6">
        <v>869</v>
      </c>
      <c r="BW5" s="6">
        <v>917</v>
      </c>
      <c r="BX5" s="6">
        <v>922</v>
      </c>
      <c r="BY5" s="6">
        <v>984</v>
      </c>
      <c r="BZ5" s="6">
        <v>1005</v>
      </c>
      <c r="CA5" s="6">
        <v>992</v>
      </c>
      <c r="CB5" s="6">
        <v>991</v>
      </c>
      <c r="CC5" s="11">
        <v>956</v>
      </c>
      <c r="CD5" s="11">
        <v>-961.10699999999997</v>
      </c>
      <c r="CE5" s="11">
        <v>-636.48299999999995</v>
      </c>
      <c r="CF5" s="11">
        <v>574.40599999999995</v>
      </c>
      <c r="CG5" s="11">
        <v>-62</v>
      </c>
      <c r="CH5" s="20">
        <v>1.9649000000000001</v>
      </c>
      <c r="CI5" s="20">
        <v>1.8334999999999999</v>
      </c>
      <c r="CJ5" s="20">
        <v>1.5239799999999999</v>
      </c>
      <c r="CK5" s="20">
        <v>1.2151400000000001</v>
      </c>
      <c r="CL5" s="20">
        <v>1.2084299999999999</v>
      </c>
      <c r="CM5" s="20">
        <v>1.08646</v>
      </c>
      <c r="CN5" s="20">
        <v>1.31559</v>
      </c>
      <c r="CO5" s="20">
        <v>1.45618</v>
      </c>
      <c r="CP5" s="20">
        <v>1.44523</v>
      </c>
      <c r="CQ5" s="20">
        <v>1.05803</v>
      </c>
      <c r="CR5" s="20">
        <v>1.05379</v>
      </c>
      <c r="CS5" s="20">
        <v>1.1855599999999999</v>
      </c>
      <c r="CT5" s="20">
        <v>1.26203</v>
      </c>
      <c r="CU5" s="20">
        <v>1.1222300000000001</v>
      </c>
      <c r="CV5" s="20">
        <v>0.98877199999999998</v>
      </c>
      <c r="CW5" s="20">
        <v>0.99045700000000003</v>
      </c>
      <c r="CX5" s="20">
        <v>0.94734799999999997</v>
      </c>
      <c r="CY5" s="6"/>
      <c r="CZ5" s="6"/>
      <c r="DA5" s="6"/>
      <c r="DB5" s="6"/>
      <c r="DC5" s="6"/>
      <c r="DD5" s="6"/>
      <c r="DE5" s="6"/>
      <c r="DF5" s="6"/>
      <c r="DG5" s="6"/>
      <c r="DH5" s="6"/>
      <c r="DI5" s="6"/>
      <c r="DJ5" s="6"/>
      <c r="DK5" s="6"/>
      <c r="DL5" s="6"/>
      <c r="DM5" s="6"/>
      <c r="DN5" s="6"/>
      <c r="DO5" s="6"/>
      <c r="DP5" s="6"/>
      <c r="DQ5" s="6"/>
    </row>
    <row r="6" spans="1:121" x14ac:dyDescent="0.2">
      <c r="A6" s="6" t="s">
        <v>792</v>
      </c>
      <c r="B6" s="6" t="s">
        <v>176</v>
      </c>
      <c r="C6" s="6" t="s">
        <v>177</v>
      </c>
      <c r="D6" s="6" t="s">
        <v>155</v>
      </c>
      <c r="E6" s="6" t="s">
        <v>156</v>
      </c>
      <c r="F6" s="11">
        <v>-209</v>
      </c>
      <c r="G6" s="13">
        <v>-0.32302936630599999</v>
      </c>
      <c r="H6" s="11">
        <v>-225.33501399999994</v>
      </c>
      <c r="I6" s="13">
        <v>-0.34847634340107997</v>
      </c>
      <c r="J6" s="11">
        <v>-36.82288699999998</v>
      </c>
      <c r="K6" s="13">
        <v>-8.7404192802178149E-2</v>
      </c>
      <c r="L6" s="11">
        <v>53.793279966999989</v>
      </c>
      <c r="M6" s="13">
        <v>0.1399149068224968</v>
      </c>
      <c r="N6" s="11">
        <v>16.970392967000009</v>
      </c>
      <c r="O6" s="13">
        <v>4.0281564528506349E-2</v>
      </c>
      <c r="P6" s="7">
        <v>646.62929999999994</v>
      </c>
      <c r="Q6" s="7">
        <v>510.14007600000002</v>
      </c>
      <c r="R6" s="7">
        <v>493.89636300000001</v>
      </c>
      <c r="S6" s="7">
        <v>534.71468200000004</v>
      </c>
      <c r="T6" s="7">
        <v>599.379458</v>
      </c>
      <c r="U6" s="7">
        <v>604.38206100000002</v>
      </c>
      <c r="V6" s="7">
        <v>421.294286</v>
      </c>
      <c r="W6" s="7">
        <v>521.82875999999999</v>
      </c>
      <c r="X6" s="7">
        <v>495.167776</v>
      </c>
      <c r="Y6" s="7">
        <v>384.47139900000002</v>
      </c>
      <c r="Z6" s="7">
        <v>418.04240600000003</v>
      </c>
      <c r="AA6" s="7">
        <v>342.123581</v>
      </c>
      <c r="AB6" s="7">
        <v>423.983655</v>
      </c>
      <c r="AC6" s="7">
        <v>450.15562499999999</v>
      </c>
      <c r="AD6" s="7">
        <v>420.351653</v>
      </c>
      <c r="AE6" s="7">
        <v>410.02957900000001</v>
      </c>
      <c r="AF6" s="7">
        <v>438.26467896700001</v>
      </c>
      <c r="AG6" s="9">
        <v>69104.152110399998</v>
      </c>
      <c r="AH6" s="13">
        <v>0.96557037668320556</v>
      </c>
      <c r="AI6" s="9">
        <v>-5187.0442252999928</v>
      </c>
      <c r="AJ6" s="13">
        <v>-7.2476922059529922E-2</v>
      </c>
      <c r="AK6" s="9">
        <v>25093.622848299987</v>
      </c>
      <c r="AL6" s="13">
        <v>0.37802318142276686</v>
      </c>
      <c r="AM6" s="9">
        <v>49197.573487400005</v>
      </c>
      <c r="AN6" s="13">
        <v>0.53782653587301277</v>
      </c>
      <c r="AO6" s="9">
        <v>74291.196335699991</v>
      </c>
      <c r="AP6" s="13">
        <v>1.1191606154400819</v>
      </c>
      <c r="AQ6" s="9">
        <v>71568.2189296</v>
      </c>
      <c r="AR6" s="9">
        <v>62064.213086999996</v>
      </c>
      <c r="AS6" s="9">
        <v>91794.572993199996</v>
      </c>
      <c r="AT6" s="9">
        <v>114956.94184299999</v>
      </c>
      <c r="AU6" s="9">
        <v>84712.654528600004</v>
      </c>
      <c r="AV6" s="9">
        <v>85622.313324999996</v>
      </c>
      <c r="AW6" s="9">
        <v>66381.174704300007</v>
      </c>
      <c r="AX6" s="9">
        <v>76269.417700599995</v>
      </c>
      <c r="AY6" s="9">
        <v>85030.5757973</v>
      </c>
      <c r="AZ6" s="9">
        <v>91474.797552599994</v>
      </c>
      <c r="BA6" s="9">
        <v>98376.439902900005</v>
      </c>
      <c r="BB6" s="9">
        <v>126600.536947</v>
      </c>
      <c r="BC6" s="9">
        <v>132407.46307</v>
      </c>
      <c r="BD6" s="9">
        <v>124344.680171</v>
      </c>
      <c r="BE6" s="9">
        <v>134453.168665</v>
      </c>
      <c r="BF6" s="9">
        <v>140672.37104</v>
      </c>
      <c r="BG6" s="11">
        <v>8.25</v>
      </c>
      <c r="BH6" s="13">
        <v>9.269662921348315E-2</v>
      </c>
      <c r="BI6" s="6">
        <v>-13</v>
      </c>
      <c r="BJ6" s="13">
        <v>-0.14606741573033707</v>
      </c>
      <c r="BK6" s="6">
        <v>0</v>
      </c>
      <c r="BL6" s="13">
        <v>0</v>
      </c>
      <c r="BM6" s="11">
        <v>21.25</v>
      </c>
      <c r="BN6" s="13">
        <v>0.27960526315789475</v>
      </c>
      <c r="BO6" s="11">
        <v>21.25</v>
      </c>
      <c r="BP6" s="13">
        <v>0.27960526315789475</v>
      </c>
      <c r="BQ6" s="6">
        <v>89</v>
      </c>
      <c r="BR6" s="6">
        <v>87</v>
      </c>
      <c r="BS6" s="6">
        <v>81</v>
      </c>
      <c r="BT6" s="6">
        <v>76</v>
      </c>
      <c r="BU6" s="6">
        <v>77</v>
      </c>
      <c r="BV6" s="6">
        <v>77</v>
      </c>
      <c r="BW6" s="6">
        <v>76</v>
      </c>
      <c r="BX6" s="6">
        <v>115</v>
      </c>
      <c r="BY6" s="6">
        <v>101</v>
      </c>
      <c r="BZ6" s="6">
        <v>93</v>
      </c>
      <c r="CA6" s="6">
        <v>81</v>
      </c>
      <c r="CB6" s="6">
        <v>88</v>
      </c>
      <c r="CC6" s="11">
        <v>97.25</v>
      </c>
      <c r="CD6" s="11">
        <v>-50.8033</v>
      </c>
      <c r="CE6" s="11">
        <v>-228.24600000000001</v>
      </c>
      <c r="CF6" s="11">
        <v>70.684399999999997</v>
      </c>
      <c r="CG6" s="11">
        <v>-157</v>
      </c>
      <c r="CH6" s="20">
        <v>0.12629899999999999</v>
      </c>
      <c r="CI6" s="20">
        <v>0.105504</v>
      </c>
      <c r="CJ6" s="20">
        <v>0.100144</v>
      </c>
      <c r="CK6" s="20">
        <v>9.8193000000000003E-2</v>
      </c>
      <c r="CL6" s="20">
        <v>0.10936999999999999</v>
      </c>
      <c r="CM6" s="20">
        <v>0.106521</v>
      </c>
      <c r="CN6" s="20">
        <v>7.4267799999999995E-2</v>
      </c>
      <c r="CO6" s="20">
        <v>8.8849200000000003E-2</v>
      </c>
      <c r="CP6" s="20">
        <v>8.6465500000000001E-2</v>
      </c>
      <c r="CQ6" s="20">
        <v>6.7778900000000003E-2</v>
      </c>
      <c r="CR6" s="20">
        <v>7.10229E-2</v>
      </c>
      <c r="CS6" s="20">
        <v>5.9622300000000003E-2</v>
      </c>
      <c r="CT6" s="20">
        <v>6.8978600000000001E-2</v>
      </c>
      <c r="CU6" s="20">
        <v>7.2328900000000002E-2</v>
      </c>
      <c r="CV6" s="20">
        <v>6.8983699999999995E-2</v>
      </c>
      <c r="CW6" s="20">
        <v>6.4766599999999994E-2</v>
      </c>
      <c r="CX6" s="20">
        <v>6.6961599999999996E-2</v>
      </c>
      <c r="CY6" s="6"/>
      <c r="CZ6" s="6"/>
      <c r="DA6" s="6"/>
      <c r="DB6" s="6"/>
      <c r="DC6" s="6"/>
      <c r="DD6" s="6"/>
      <c r="DE6" s="6"/>
      <c r="DF6" s="6"/>
      <c r="DG6" s="6"/>
      <c r="DH6" s="6"/>
      <c r="DI6" s="6"/>
      <c r="DJ6" s="6"/>
      <c r="DK6" s="6"/>
      <c r="DL6" s="6"/>
      <c r="DM6" s="6"/>
      <c r="DN6" s="6"/>
      <c r="DO6" s="6"/>
      <c r="DP6" s="6"/>
      <c r="DQ6" s="6"/>
    </row>
    <row r="7" spans="1:121" x14ac:dyDescent="0.2">
      <c r="A7" s="6" t="s">
        <v>313</v>
      </c>
      <c r="B7" s="6" t="s">
        <v>313</v>
      </c>
      <c r="C7" s="6" t="s">
        <v>178</v>
      </c>
      <c r="D7" s="6" t="s">
        <v>155</v>
      </c>
      <c r="E7" s="6" t="s">
        <v>156</v>
      </c>
      <c r="F7" s="11">
        <v>6242</v>
      </c>
      <c r="G7" s="13">
        <v>0.70899591095000003</v>
      </c>
      <c r="H7" s="11">
        <v>4054.2692509999997</v>
      </c>
      <c r="I7" s="13">
        <v>0.46048719447182607</v>
      </c>
      <c r="J7" s="11">
        <v>1051.9504199999992</v>
      </c>
      <c r="K7" s="13">
        <v>8.1809264447541594E-2</v>
      </c>
      <c r="L7" s="11">
        <v>1135.1773755000013</v>
      </c>
      <c r="M7" s="13">
        <v>8.1605653522371077E-2</v>
      </c>
      <c r="N7" s="11">
        <v>2187.1277955000005</v>
      </c>
      <c r="O7" s="13">
        <v>0.17009101645933877</v>
      </c>
      <c r="P7" s="7">
        <v>8804.3040060000003</v>
      </c>
      <c r="Q7" s="7">
        <v>9359.62824</v>
      </c>
      <c r="R7" s="7">
        <v>10312.328231</v>
      </c>
      <c r="S7" s="7">
        <v>10958.583079</v>
      </c>
      <c r="T7" s="7">
        <v>11779.382433000001</v>
      </c>
      <c r="U7" s="7">
        <v>11941.363959</v>
      </c>
      <c r="V7" s="7">
        <v>12858.573257</v>
      </c>
      <c r="W7" s="7">
        <v>13504.142637999999</v>
      </c>
      <c r="X7" s="7">
        <v>13525.430120999999</v>
      </c>
      <c r="Y7" s="7">
        <v>13910.523676999999</v>
      </c>
      <c r="Z7" s="7">
        <v>14398.521321</v>
      </c>
      <c r="AA7" s="7">
        <v>14292.142035999999</v>
      </c>
      <c r="AB7" s="7">
        <v>15059.531951999999</v>
      </c>
      <c r="AC7" s="7">
        <v>15330.340909</v>
      </c>
      <c r="AD7" s="7">
        <v>14679.060493000001</v>
      </c>
      <c r="AE7" s="7">
        <v>14476.9095935</v>
      </c>
      <c r="AF7" s="7">
        <v>15045.701052500001</v>
      </c>
      <c r="AG7" s="9">
        <v>44367.381532999992</v>
      </c>
      <c r="AH7" s="13">
        <v>0.58329440461592574</v>
      </c>
      <c r="AI7" s="9">
        <v>23242.238269399997</v>
      </c>
      <c r="AJ7" s="13">
        <v>0.30556384138215481</v>
      </c>
      <c r="AK7" s="9">
        <v>6164.808698599998</v>
      </c>
      <c r="AL7" s="13">
        <v>6.2079113006421001E-2</v>
      </c>
      <c r="AM7" s="9">
        <v>14960.334564999997</v>
      </c>
      <c r="AN7" s="13">
        <v>0.14184379314459131</v>
      </c>
      <c r="AO7" s="9">
        <v>21125.143263599995</v>
      </c>
      <c r="AP7" s="13">
        <v>0.2127284430148948</v>
      </c>
      <c r="AQ7" s="9">
        <v>76063.444432000004</v>
      </c>
      <c r="AR7" s="9">
        <v>77961.042188799998</v>
      </c>
      <c r="AS7" s="9">
        <v>82561.600561400002</v>
      </c>
      <c r="AT7" s="9">
        <v>88158.214588600007</v>
      </c>
      <c r="AU7" s="9">
        <v>92405.802924500007</v>
      </c>
      <c r="AV7" s="9">
        <v>97928.013808799995</v>
      </c>
      <c r="AW7" s="9">
        <v>99305.682701400001</v>
      </c>
      <c r="AX7" s="9">
        <v>100311.172421</v>
      </c>
      <c r="AY7" s="9">
        <v>101818.272054</v>
      </c>
      <c r="AZ7" s="9">
        <v>105470.4914</v>
      </c>
      <c r="BA7" s="9">
        <v>106270.14539999999</v>
      </c>
      <c r="BB7" s="9">
        <v>107696.543506</v>
      </c>
      <c r="BC7" s="9">
        <v>107373.77533999999</v>
      </c>
      <c r="BD7" s="9">
        <v>111338.611206</v>
      </c>
      <c r="BE7" s="9">
        <v>117158.613008</v>
      </c>
      <c r="BF7" s="9">
        <v>120430.825965</v>
      </c>
      <c r="BG7" s="11">
        <v>1587.5</v>
      </c>
      <c r="BH7" s="13">
        <v>0.50946726572528889</v>
      </c>
      <c r="BI7" s="6">
        <v>910</v>
      </c>
      <c r="BJ7" s="13">
        <v>0.2920410783055199</v>
      </c>
      <c r="BK7" s="6">
        <v>503</v>
      </c>
      <c r="BL7" s="13">
        <v>0.12493790362642822</v>
      </c>
      <c r="BM7" s="11">
        <v>174.5</v>
      </c>
      <c r="BN7" s="13">
        <v>3.852947670567454E-2</v>
      </c>
      <c r="BO7" s="11">
        <v>677.5</v>
      </c>
      <c r="BP7" s="13">
        <v>0.16828117237953302</v>
      </c>
      <c r="BQ7" s="6">
        <v>3116</v>
      </c>
      <c r="BR7" s="6">
        <v>3424</v>
      </c>
      <c r="BS7" s="6">
        <v>3698</v>
      </c>
      <c r="BT7" s="6">
        <v>4026</v>
      </c>
      <c r="BU7" s="6">
        <v>4322</v>
      </c>
      <c r="BV7" s="6">
        <v>4297</v>
      </c>
      <c r="BW7" s="6">
        <v>4529</v>
      </c>
      <c r="BX7" s="6">
        <v>4499</v>
      </c>
      <c r="BY7" s="6">
        <v>4567</v>
      </c>
      <c r="BZ7" s="6">
        <v>4656</v>
      </c>
      <c r="CA7" s="6">
        <v>4733</v>
      </c>
      <c r="CB7" s="6">
        <v>4730</v>
      </c>
      <c r="CC7" s="11">
        <v>4703.5</v>
      </c>
      <c r="CD7" s="11">
        <v>5998.89</v>
      </c>
      <c r="CE7" s="11">
        <v>-719.90599999999995</v>
      </c>
      <c r="CF7" s="11">
        <v>962.41600000000005</v>
      </c>
      <c r="CG7" s="11">
        <v>242</v>
      </c>
      <c r="CH7" s="20">
        <v>4.8293999999999997</v>
      </c>
      <c r="CI7" s="20">
        <v>5.16303</v>
      </c>
      <c r="CJ7" s="20">
        <v>5.3312999999999997</v>
      </c>
      <c r="CK7" s="20">
        <v>5.0095200000000002</v>
      </c>
      <c r="CL7" s="20">
        <v>5.2237200000000001</v>
      </c>
      <c r="CM7" s="20">
        <v>4.9765899999999998</v>
      </c>
      <c r="CN7" s="20">
        <v>5.1702300000000001</v>
      </c>
      <c r="CO7" s="20">
        <v>5.1100199999999996</v>
      </c>
      <c r="CP7" s="20">
        <v>4.9617599999999999</v>
      </c>
      <c r="CQ7" s="20">
        <v>5.1005900000000004</v>
      </c>
      <c r="CR7" s="20">
        <v>5.1102699999999999</v>
      </c>
      <c r="CS7" s="20">
        <v>5.1971100000000003</v>
      </c>
      <c r="CT7" s="20">
        <v>5.08331</v>
      </c>
      <c r="CU7" s="20">
        <v>5.1169799999999999</v>
      </c>
      <c r="CV7" s="20">
        <v>5.0075700000000003</v>
      </c>
      <c r="CW7" s="20">
        <v>4.7657100000000003</v>
      </c>
      <c r="CX7" s="20">
        <v>4.7519200000000001</v>
      </c>
      <c r="CY7" s="6"/>
      <c r="CZ7" s="6"/>
      <c r="DA7" s="6"/>
      <c r="DB7" s="6"/>
      <c r="DC7" s="6"/>
      <c r="DD7" s="6"/>
      <c r="DE7" s="6"/>
      <c r="DF7" s="6"/>
      <c r="DG7" s="6"/>
      <c r="DH7" s="6"/>
      <c r="DI7" s="6"/>
      <c r="DJ7" s="6"/>
      <c r="DK7" s="6"/>
      <c r="DL7" s="6"/>
      <c r="DM7" s="6"/>
      <c r="DN7" s="6"/>
      <c r="DO7" s="6"/>
      <c r="DP7" s="6"/>
      <c r="DQ7" s="6"/>
    </row>
    <row r="8" spans="1:121" x14ac:dyDescent="0.2">
      <c r="A8" s="6" t="s">
        <v>793</v>
      </c>
      <c r="B8" s="6" t="s">
        <v>179</v>
      </c>
      <c r="C8" s="6" t="s">
        <v>180</v>
      </c>
      <c r="D8" s="6" t="s">
        <v>155</v>
      </c>
      <c r="E8" s="6" t="s">
        <v>156</v>
      </c>
      <c r="F8" s="11">
        <v>-2198</v>
      </c>
      <c r="G8" s="13">
        <v>-0.56999999999999995</v>
      </c>
      <c r="H8" s="11">
        <v>-1086</v>
      </c>
      <c r="I8" s="13">
        <v>-0.2808378588052754</v>
      </c>
      <c r="J8" s="11">
        <v>-827</v>
      </c>
      <c r="K8" s="13">
        <v>-0.29737504494786049</v>
      </c>
      <c r="L8" s="11">
        <v>-285</v>
      </c>
      <c r="M8" s="13">
        <v>-0.14585465711361309</v>
      </c>
      <c r="N8" s="11">
        <v>-1112</v>
      </c>
      <c r="O8" s="13">
        <v>-0.39985616684645808</v>
      </c>
      <c r="P8" s="7">
        <v>3867</v>
      </c>
      <c r="Q8" s="7">
        <v>3337</v>
      </c>
      <c r="R8" s="7">
        <v>3218</v>
      </c>
      <c r="S8" s="7">
        <v>3048</v>
      </c>
      <c r="T8" s="7">
        <v>2749</v>
      </c>
      <c r="U8" s="7">
        <v>2957</v>
      </c>
      <c r="V8" s="7">
        <v>2781</v>
      </c>
      <c r="W8" s="7">
        <v>2368</v>
      </c>
      <c r="X8" s="7">
        <v>2119</v>
      </c>
      <c r="Y8" s="7">
        <v>1954</v>
      </c>
      <c r="Z8" s="7">
        <v>1761</v>
      </c>
      <c r="AA8" s="7">
        <v>1888</v>
      </c>
      <c r="AB8" s="7">
        <v>2075</v>
      </c>
      <c r="AC8" s="7">
        <v>1526</v>
      </c>
      <c r="AD8" s="7">
        <v>1656</v>
      </c>
      <c r="AE8" s="7">
        <v>1600</v>
      </c>
      <c r="AF8" s="7">
        <v>1669</v>
      </c>
      <c r="AG8" s="9">
        <v>37028</v>
      </c>
      <c r="AH8" s="13">
        <v>0.87363155907889756</v>
      </c>
      <c r="AI8" s="9">
        <v>16887</v>
      </c>
      <c r="AJ8" s="13">
        <v>0.39842865232163083</v>
      </c>
      <c r="AK8" s="9">
        <v>12741</v>
      </c>
      <c r="AL8" s="13">
        <v>0.21496178569620897</v>
      </c>
      <c r="AM8" s="9">
        <v>7400</v>
      </c>
      <c r="AN8" s="13">
        <v>0.10276065100261068</v>
      </c>
      <c r="AO8" s="9">
        <v>20141</v>
      </c>
      <c r="AP8" s="13">
        <v>0.33981204973764573</v>
      </c>
      <c r="AQ8" s="9">
        <v>42384</v>
      </c>
      <c r="AR8" s="9">
        <v>43956</v>
      </c>
      <c r="AS8" s="9">
        <v>48856</v>
      </c>
      <c r="AT8" s="9">
        <v>48999</v>
      </c>
      <c r="AU8" s="9">
        <v>50666</v>
      </c>
      <c r="AV8" s="9">
        <v>51962</v>
      </c>
      <c r="AW8" s="9">
        <v>59271</v>
      </c>
      <c r="AX8" s="9">
        <v>67469</v>
      </c>
      <c r="AY8" s="9">
        <v>75137</v>
      </c>
      <c r="AZ8" s="9">
        <v>72012</v>
      </c>
      <c r="BA8" s="9">
        <v>78565</v>
      </c>
      <c r="BB8" s="9">
        <v>85449</v>
      </c>
      <c r="BC8" s="9">
        <v>68972</v>
      </c>
      <c r="BD8" s="9">
        <v>65183</v>
      </c>
      <c r="BE8" s="9">
        <v>74586</v>
      </c>
      <c r="BF8" s="9">
        <v>79412</v>
      </c>
      <c r="BG8" s="11">
        <v>-87</v>
      </c>
      <c r="BH8" s="13">
        <v>-0.29692832764505117</v>
      </c>
      <c r="BI8" s="6">
        <v>-28</v>
      </c>
      <c r="BJ8" s="13">
        <v>-9.556313993174062E-2</v>
      </c>
      <c r="BK8" s="6">
        <v>-48</v>
      </c>
      <c r="BL8" s="13">
        <v>-0.1811320754716981</v>
      </c>
      <c r="BM8" s="11">
        <v>-11</v>
      </c>
      <c r="BN8" s="13">
        <v>-5.0691244239631339E-2</v>
      </c>
      <c r="BO8" s="11">
        <v>-59</v>
      </c>
      <c r="BP8" s="13">
        <v>-0.22264150943396227</v>
      </c>
      <c r="BQ8" s="6">
        <v>293</v>
      </c>
      <c r="BR8" s="6">
        <v>274</v>
      </c>
      <c r="BS8" s="6">
        <v>281</v>
      </c>
      <c r="BT8" s="6">
        <v>265</v>
      </c>
      <c r="BU8" s="6">
        <v>256</v>
      </c>
      <c r="BV8" s="6">
        <v>233</v>
      </c>
      <c r="BW8" s="6">
        <v>217</v>
      </c>
      <c r="BX8" s="6">
        <v>201</v>
      </c>
      <c r="BY8" s="6">
        <v>193</v>
      </c>
      <c r="BZ8" s="6">
        <v>188</v>
      </c>
      <c r="CA8" s="6">
        <v>179</v>
      </c>
      <c r="CB8" s="6">
        <v>196</v>
      </c>
      <c r="CC8" s="11">
        <v>206</v>
      </c>
      <c r="CD8" s="11">
        <v>-2373</v>
      </c>
      <c r="CE8" s="11">
        <v>-248</v>
      </c>
      <c r="CF8" s="11">
        <v>423</v>
      </c>
      <c r="CG8" s="11">
        <v>175</v>
      </c>
      <c r="CH8" s="20">
        <v>0.79</v>
      </c>
      <c r="CI8" s="20">
        <v>0.67</v>
      </c>
      <c r="CJ8" s="20">
        <v>0.61</v>
      </c>
      <c r="CK8" s="20">
        <v>0.51</v>
      </c>
      <c r="CL8" s="20">
        <v>0.45</v>
      </c>
      <c r="CM8" s="20">
        <v>0.46</v>
      </c>
      <c r="CN8" s="20">
        <v>0.42</v>
      </c>
      <c r="CO8" s="20">
        <v>0.34</v>
      </c>
      <c r="CP8" s="20">
        <v>0.28999999999999998</v>
      </c>
      <c r="CQ8" s="20">
        <v>0.27</v>
      </c>
      <c r="CR8" s="20">
        <v>0.23</v>
      </c>
      <c r="CS8" s="20">
        <v>0.26</v>
      </c>
      <c r="CT8" s="20">
        <v>0.26</v>
      </c>
      <c r="CU8" s="20">
        <v>0.19</v>
      </c>
      <c r="CV8" s="20">
        <v>0.21</v>
      </c>
      <c r="CW8" s="20">
        <v>0.19</v>
      </c>
      <c r="CX8" s="20">
        <v>0.19</v>
      </c>
      <c r="CY8" s="6"/>
      <c r="CZ8" s="6"/>
      <c r="DA8" s="6"/>
      <c r="DB8" s="6"/>
      <c r="DC8" s="6"/>
      <c r="DD8" s="6"/>
      <c r="DE8" s="6"/>
      <c r="DF8" s="6"/>
      <c r="DG8" s="6"/>
      <c r="DH8" s="6"/>
      <c r="DI8" s="6"/>
      <c r="DJ8" s="6"/>
      <c r="DK8" s="6"/>
      <c r="DL8" s="6"/>
      <c r="DM8" s="6"/>
      <c r="DN8" s="6"/>
      <c r="DO8" s="6"/>
      <c r="DP8" s="6"/>
      <c r="DQ8" s="6"/>
    </row>
    <row r="9" spans="1:121" x14ac:dyDescent="0.2">
      <c r="A9" s="6" t="s">
        <v>794</v>
      </c>
      <c r="B9" s="6" t="s">
        <v>181</v>
      </c>
      <c r="C9" s="6" t="s">
        <v>182</v>
      </c>
      <c r="D9" s="6" t="s">
        <v>155</v>
      </c>
      <c r="E9" s="6" t="s">
        <v>156</v>
      </c>
      <c r="F9" s="11">
        <v>861</v>
      </c>
      <c r="G9" s="13">
        <v>0.59461325966900003</v>
      </c>
      <c r="H9" s="11">
        <v>480.04419699999994</v>
      </c>
      <c r="I9" s="13">
        <v>0.33157532327116424</v>
      </c>
      <c r="J9" s="11">
        <v>229.70000499999992</v>
      </c>
      <c r="K9" s="13">
        <v>0.1191506028526808</v>
      </c>
      <c r="L9" s="11">
        <v>151.97819426000024</v>
      </c>
      <c r="M9" s="13">
        <v>7.0441401242935103E-2</v>
      </c>
      <c r="N9" s="11">
        <v>381.67819926000016</v>
      </c>
      <c r="O9" s="13">
        <v>0.1979851395194992</v>
      </c>
      <c r="P9" s="7">
        <v>1447.7681640000001</v>
      </c>
      <c r="Q9" s="7">
        <v>1342.5143740000001</v>
      </c>
      <c r="R9" s="7">
        <v>1406.518986</v>
      </c>
      <c r="S9" s="7">
        <v>1486.700169</v>
      </c>
      <c r="T9" s="7">
        <v>1696.5195269999999</v>
      </c>
      <c r="U9" s="7">
        <v>1895.825593</v>
      </c>
      <c r="V9" s="7">
        <v>1927.812361</v>
      </c>
      <c r="W9" s="7">
        <v>2057.8106130000001</v>
      </c>
      <c r="X9" s="7">
        <v>2206.9563480000002</v>
      </c>
      <c r="Y9" s="7">
        <v>2157.5123659999999</v>
      </c>
      <c r="Z9" s="7">
        <v>2176.6536500000002</v>
      </c>
      <c r="AA9" s="7">
        <v>1980.2202669999999</v>
      </c>
      <c r="AB9" s="7">
        <v>1972.517376</v>
      </c>
      <c r="AC9" s="7">
        <v>2136.3545979999999</v>
      </c>
      <c r="AD9" s="7">
        <v>2092.7865879999999</v>
      </c>
      <c r="AE9" s="7">
        <v>2259.9283030000001</v>
      </c>
      <c r="AF9" s="7">
        <v>2309.4905602600002</v>
      </c>
      <c r="AG9" s="9">
        <v>16267.909876999998</v>
      </c>
      <c r="AH9" s="13">
        <v>0.39923785290861191</v>
      </c>
      <c r="AI9" s="9">
        <v>12421.797917399999</v>
      </c>
      <c r="AJ9" s="13">
        <v>0.30484874623131297</v>
      </c>
      <c r="AK9" s="9">
        <v>228.59238629999891</v>
      </c>
      <c r="AL9" s="13">
        <v>4.299337534064496E-3</v>
      </c>
      <c r="AM9" s="9">
        <v>3617.5195733</v>
      </c>
      <c r="AN9" s="13">
        <v>6.7746598467848126E-2</v>
      </c>
      <c r="AO9" s="9">
        <v>3846.111959599999</v>
      </c>
      <c r="AP9" s="13">
        <v>7.2337201495510636E-2</v>
      </c>
      <c r="AQ9" s="9">
        <v>40747.413499200004</v>
      </c>
      <c r="AR9" s="9">
        <v>45044.000399899996</v>
      </c>
      <c r="AS9" s="9">
        <v>48845.034417100003</v>
      </c>
      <c r="AT9" s="9">
        <v>47869.437023300001</v>
      </c>
      <c r="AU9" s="9">
        <v>49322.975755799998</v>
      </c>
      <c r="AV9" s="9">
        <v>52611.885820099997</v>
      </c>
      <c r="AW9" s="9">
        <v>53169.211416600003</v>
      </c>
      <c r="AX9" s="9">
        <v>54921.888315800003</v>
      </c>
      <c r="AY9" s="9">
        <v>49970.194044299998</v>
      </c>
      <c r="AZ9" s="9">
        <v>53397.803802900002</v>
      </c>
      <c r="BA9" s="9">
        <v>50830.414069999999</v>
      </c>
      <c r="BB9" s="9">
        <v>53729.0516871</v>
      </c>
      <c r="BC9" s="9">
        <v>56038.063788599997</v>
      </c>
      <c r="BD9" s="9">
        <v>53048.255441399997</v>
      </c>
      <c r="BE9" s="9">
        <v>54960.2410638</v>
      </c>
      <c r="BF9" s="9">
        <v>57015.323376200002</v>
      </c>
      <c r="BG9" s="11">
        <v>196</v>
      </c>
      <c r="BH9" s="13">
        <v>0.93779904306220097</v>
      </c>
      <c r="BI9" s="6">
        <v>75</v>
      </c>
      <c r="BJ9" s="13">
        <v>0.35885167464114831</v>
      </c>
      <c r="BK9" s="6">
        <v>19</v>
      </c>
      <c r="BL9" s="13">
        <v>6.6901408450704219E-2</v>
      </c>
      <c r="BM9" s="11">
        <v>102</v>
      </c>
      <c r="BN9" s="13">
        <v>0.33663366336633666</v>
      </c>
      <c r="BO9" s="11">
        <v>121</v>
      </c>
      <c r="BP9" s="13">
        <v>0.426056338028169</v>
      </c>
      <c r="BQ9" s="6">
        <v>209</v>
      </c>
      <c r="BR9" s="6">
        <v>231</v>
      </c>
      <c r="BS9" s="6">
        <v>252</v>
      </c>
      <c r="BT9" s="6">
        <v>284</v>
      </c>
      <c r="BU9" s="6">
        <v>291</v>
      </c>
      <c r="BV9" s="6">
        <v>297</v>
      </c>
      <c r="BW9" s="6">
        <v>303</v>
      </c>
      <c r="BX9" s="6">
        <v>314</v>
      </c>
      <c r="BY9" s="6">
        <v>324</v>
      </c>
      <c r="BZ9" s="6">
        <v>338</v>
      </c>
      <c r="CA9" s="6">
        <v>356</v>
      </c>
      <c r="CB9" s="6">
        <v>390</v>
      </c>
      <c r="CC9" s="11">
        <v>405</v>
      </c>
      <c r="CD9" s="11">
        <v>612.21100000000001</v>
      </c>
      <c r="CE9" s="11">
        <v>91.253399999999999</v>
      </c>
      <c r="CF9" s="11">
        <v>158.25800000000001</v>
      </c>
      <c r="CG9" s="11">
        <v>249</v>
      </c>
      <c r="CH9" s="20">
        <v>1.0032000000000001</v>
      </c>
      <c r="CI9" s="20">
        <v>0.94346699999999994</v>
      </c>
      <c r="CJ9" s="20">
        <v>0.928315</v>
      </c>
      <c r="CK9" s="20">
        <v>0.85928199999999999</v>
      </c>
      <c r="CL9" s="20">
        <v>0.94553500000000001</v>
      </c>
      <c r="CM9" s="20">
        <v>0.99011800000000005</v>
      </c>
      <c r="CN9" s="20">
        <v>0.96929799999999999</v>
      </c>
      <c r="CO9" s="20">
        <v>0.973831</v>
      </c>
      <c r="CP9" s="20">
        <v>1.00956</v>
      </c>
      <c r="CQ9" s="20">
        <v>0.98051699999999997</v>
      </c>
      <c r="CR9" s="20">
        <v>0.94509500000000002</v>
      </c>
      <c r="CS9" s="20">
        <v>0.87748599999999999</v>
      </c>
      <c r="CT9" s="20">
        <v>0.80649999999999999</v>
      </c>
      <c r="CU9" s="20">
        <v>0.84449300000000005</v>
      </c>
      <c r="CV9" s="20">
        <v>0.816554</v>
      </c>
      <c r="CW9" s="20">
        <v>0.82914399999999999</v>
      </c>
      <c r="CX9" s="20">
        <v>0.80762599999999996</v>
      </c>
      <c r="CY9" s="6"/>
      <c r="CZ9" s="6"/>
      <c r="DA9" s="6"/>
      <c r="DB9" s="6"/>
      <c r="DC9" s="6"/>
      <c r="DD9" s="6"/>
      <c r="DE9" s="6"/>
      <c r="DF9" s="6"/>
      <c r="DG9" s="6"/>
      <c r="DH9" s="6"/>
      <c r="DI9" s="6"/>
      <c r="DJ9" s="6"/>
      <c r="DK9" s="6"/>
      <c r="DL9" s="6"/>
      <c r="DM9" s="6"/>
      <c r="DN9" s="6"/>
      <c r="DO9" s="6"/>
      <c r="DP9" s="6"/>
      <c r="DQ9" s="6"/>
    </row>
    <row r="10" spans="1:121" x14ac:dyDescent="0.2">
      <c r="A10" s="6" t="s">
        <v>314</v>
      </c>
      <c r="B10" s="6" t="s">
        <v>314</v>
      </c>
      <c r="C10" s="6" t="s">
        <v>183</v>
      </c>
      <c r="D10" s="6" t="s">
        <v>155</v>
      </c>
      <c r="E10" s="6" t="s">
        <v>156</v>
      </c>
      <c r="F10" s="11">
        <v>532</v>
      </c>
      <c r="G10" s="13">
        <v>0.41856805664800001</v>
      </c>
      <c r="H10" s="11">
        <v>-257.17632200000003</v>
      </c>
      <c r="I10" s="13">
        <v>-0.20239476871090847</v>
      </c>
      <c r="J10" s="11">
        <v>479.73128099999985</v>
      </c>
      <c r="K10" s="13">
        <v>0.47334560174604162</v>
      </c>
      <c r="L10" s="11">
        <v>309.63546185000018</v>
      </c>
      <c r="M10" s="13">
        <v>0.20736066217886601</v>
      </c>
      <c r="N10" s="11">
        <v>789.36674285000004</v>
      </c>
      <c r="O10" s="13">
        <v>0.77885952134242065</v>
      </c>
      <c r="P10" s="7">
        <v>1270.6668440000001</v>
      </c>
      <c r="Q10" s="7">
        <v>1080.4405180000001</v>
      </c>
      <c r="R10" s="7">
        <v>1362.477576</v>
      </c>
      <c r="S10" s="7">
        <v>1512.479151</v>
      </c>
      <c r="T10" s="7">
        <v>1242.7883420000001</v>
      </c>
      <c r="U10" s="7">
        <v>1023.53502</v>
      </c>
      <c r="V10" s="7">
        <v>1013.4905220000001</v>
      </c>
      <c r="W10" s="7">
        <v>1076.5499769999999</v>
      </c>
      <c r="X10" s="7">
        <v>2221.4331299999999</v>
      </c>
      <c r="Y10" s="7">
        <v>1493.2218029999999</v>
      </c>
      <c r="Z10" s="7">
        <v>1630.4902529999999</v>
      </c>
      <c r="AA10" s="7">
        <v>1440.1402109999999</v>
      </c>
      <c r="AB10" s="7">
        <v>1413.0268940000001</v>
      </c>
      <c r="AC10" s="7">
        <v>1410.11706</v>
      </c>
      <c r="AD10" s="7">
        <v>1568.4719720000001</v>
      </c>
      <c r="AE10" s="7">
        <v>1723.89856175</v>
      </c>
      <c r="AF10" s="7">
        <v>1802.8572648500001</v>
      </c>
      <c r="AG10" s="9">
        <v>34993.840503200001</v>
      </c>
      <c r="AH10" s="13">
        <v>0.47489724466351618</v>
      </c>
      <c r="AI10" s="9">
        <v>20956.582392099997</v>
      </c>
      <c r="AJ10" s="13">
        <v>0.28439928548746085</v>
      </c>
      <c r="AK10" s="9">
        <v>-9017.5677061000024</v>
      </c>
      <c r="AL10" s="13">
        <v>-9.5279045615276253E-2</v>
      </c>
      <c r="AM10" s="9">
        <v>23054.825817200006</v>
      </c>
      <c r="AN10" s="13">
        <v>0.26924967186957177</v>
      </c>
      <c r="AO10" s="9">
        <v>14037.258111100004</v>
      </c>
      <c r="AP10" s="13">
        <v>0.1483167744863364</v>
      </c>
      <c r="AQ10" s="9">
        <v>73687.183693800005</v>
      </c>
      <c r="AR10" s="9">
        <v>75299.554014099995</v>
      </c>
      <c r="AS10" s="9">
        <v>77011.908388700002</v>
      </c>
      <c r="AT10" s="9">
        <v>78476.589158999996</v>
      </c>
      <c r="AU10" s="9">
        <v>82241.309765400001</v>
      </c>
      <c r="AV10" s="9">
        <v>89188.422931599998</v>
      </c>
      <c r="AW10" s="9">
        <v>94643.766085900003</v>
      </c>
      <c r="AX10" s="9">
        <v>87805.961009000006</v>
      </c>
      <c r="AY10" s="9">
        <v>90178.949292100006</v>
      </c>
      <c r="AZ10" s="9">
        <v>85626.1983798</v>
      </c>
      <c r="BA10" s="9">
        <v>85139.818230999997</v>
      </c>
      <c r="BB10" s="9">
        <v>83828.389862600001</v>
      </c>
      <c r="BC10" s="9">
        <v>86758.986580800003</v>
      </c>
      <c r="BD10" s="9">
        <v>91174.371679000003</v>
      </c>
      <c r="BE10" s="9">
        <v>105314.17956800001</v>
      </c>
      <c r="BF10" s="9">
        <v>108681.02419700001</v>
      </c>
      <c r="BG10" s="11">
        <v>187.5</v>
      </c>
      <c r="BH10" s="13">
        <v>0.5859375</v>
      </c>
      <c r="BI10" s="6">
        <v>-23</v>
      </c>
      <c r="BJ10" s="13">
        <v>-7.1874999999999994E-2</v>
      </c>
      <c r="BK10" s="6">
        <v>29</v>
      </c>
      <c r="BL10" s="13">
        <v>9.7643097643097643E-2</v>
      </c>
      <c r="BM10" s="11">
        <v>181.5</v>
      </c>
      <c r="BN10" s="13">
        <v>0.55674846625766872</v>
      </c>
      <c r="BO10" s="11">
        <v>210.5</v>
      </c>
      <c r="BP10" s="13">
        <v>0.7087542087542088</v>
      </c>
      <c r="BQ10" s="6">
        <v>320</v>
      </c>
      <c r="BR10" s="6">
        <v>293</v>
      </c>
      <c r="BS10" s="6">
        <v>296</v>
      </c>
      <c r="BT10" s="6">
        <v>297</v>
      </c>
      <c r="BU10" s="6">
        <v>294</v>
      </c>
      <c r="BV10" s="6">
        <v>297</v>
      </c>
      <c r="BW10" s="6">
        <v>326</v>
      </c>
      <c r="BX10" s="6">
        <v>317</v>
      </c>
      <c r="BY10" s="6">
        <v>340</v>
      </c>
      <c r="BZ10" s="6">
        <v>385</v>
      </c>
      <c r="CA10" s="6">
        <v>438</v>
      </c>
      <c r="CB10" s="6">
        <v>470</v>
      </c>
      <c r="CC10" s="11">
        <v>507.5</v>
      </c>
      <c r="CD10" s="11">
        <v>782.48400000000004</v>
      </c>
      <c r="CE10" s="11">
        <v>-389.19299999999998</v>
      </c>
      <c r="CF10" s="11">
        <v>138.899</v>
      </c>
      <c r="CG10" s="11">
        <v>-250</v>
      </c>
      <c r="CH10" s="20">
        <v>1.1181000000000001</v>
      </c>
      <c r="CI10" s="20">
        <v>0.99140399999999995</v>
      </c>
      <c r="CJ10" s="20">
        <v>1.226</v>
      </c>
      <c r="CK10" s="20">
        <v>1.24224</v>
      </c>
      <c r="CL10" s="20">
        <v>1.0216000000000001</v>
      </c>
      <c r="CM10" s="20">
        <v>0.81191599999999997</v>
      </c>
      <c r="CN10" s="20">
        <v>0.79170700000000005</v>
      </c>
      <c r="CO10" s="20">
        <v>0.79840699999999998</v>
      </c>
      <c r="CP10" s="20">
        <v>1.58497</v>
      </c>
      <c r="CQ10" s="20">
        <v>1.0857000000000001</v>
      </c>
      <c r="CR10" s="20">
        <v>1.1747799999999999</v>
      </c>
      <c r="CS10" s="20">
        <v>1.0803700000000001</v>
      </c>
      <c r="CT10" s="20">
        <v>0.98822699999999997</v>
      </c>
      <c r="CU10" s="20">
        <v>0.97392500000000004</v>
      </c>
      <c r="CV10" s="20">
        <v>1.1083099999999999</v>
      </c>
      <c r="CW10" s="20">
        <v>1.1579200000000001</v>
      </c>
      <c r="CX10" s="20">
        <v>1.1688099999999999</v>
      </c>
      <c r="CY10" s="6"/>
      <c r="CZ10" s="6"/>
      <c r="DA10" s="6"/>
      <c r="DB10" s="6"/>
      <c r="DC10" s="6"/>
      <c r="DD10" s="6"/>
      <c r="DE10" s="6"/>
      <c r="DF10" s="6"/>
      <c r="DG10" s="6"/>
      <c r="DH10" s="6"/>
      <c r="DI10" s="6"/>
      <c r="DJ10" s="6"/>
      <c r="DK10" s="6"/>
      <c r="DL10" s="6"/>
      <c r="DM10" s="6"/>
      <c r="DN10" s="6"/>
      <c r="DO10" s="6"/>
      <c r="DP10" s="6"/>
      <c r="DQ10" s="6"/>
    </row>
    <row r="11" spans="1:121" x14ac:dyDescent="0.2">
      <c r="A11" s="6" t="s">
        <v>315</v>
      </c>
      <c r="B11" s="6" t="s">
        <v>315</v>
      </c>
      <c r="C11" s="6" t="s">
        <v>184</v>
      </c>
      <c r="D11" s="6" t="s">
        <v>155</v>
      </c>
      <c r="E11" s="6" t="s">
        <v>156</v>
      </c>
      <c r="F11" s="11">
        <v>5780</v>
      </c>
      <c r="G11" s="13">
        <v>3.09</v>
      </c>
      <c r="H11" s="11">
        <v>1560</v>
      </c>
      <c r="I11" s="13">
        <v>0.83377872795296637</v>
      </c>
      <c r="J11" s="11">
        <v>2878</v>
      </c>
      <c r="K11" s="13">
        <v>0.8388225007286505</v>
      </c>
      <c r="L11" s="11">
        <v>1342</v>
      </c>
      <c r="M11" s="13">
        <v>0.21271199873197019</v>
      </c>
      <c r="N11" s="11">
        <v>4220</v>
      </c>
      <c r="O11" s="13">
        <v>1.2299621101719616</v>
      </c>
      <c r="P11" s="7">
        <v>1871</v>
      </c>
      <c r="Q11" s="7">
        <v>2381</v>
      </c>
      <c r="R11" s="7">
        <v>3010</v>
      </c>
      <c r="S11" s="7">
        <v>3247</v>
      </c>
      <c r="T11" s="7">
        <v>3270</v>
      </c>
      <c r="U11" s="7">
        <v>3588</v>
      </c>
      <c r="V11" s="7">
        <v>3431</v>
      </c>
      <c r="W11" s="7">
        <v>4299</v>
      </c>
      <c r="X11" s="7">
        <v>6365</v>
      </c>
      <c r="Y11" s="7">
        <v>6309</v>
      </c>
      <c r="Z11" s="7">
        <v>5438</v>
      </c>
      <c r="AA11" s="7">
        <v>5628</v>
      </c>
      <c r="AB11" s="7">
        <v>6343</v>
      </c>
      <c r="AC11" s="7">
        <v>6814</v>
      </c>
      <c r="AD11" s="7">
        <v>6791</v>
      </c>
      <c r="AE11" s="7">
        <v>7155</v>
      </c>
      <c r="AF11" s="7">
        <v>7651</v>
      </c>
      <c r="AG11" s="9">
        <v>14155</v>
      </c>
      <c r="AH11" s="13">
        <v>0.18071212450050428</v>
      </c>
      <c r="AI11" s="9">
        <v>3233</v>
      </c>
      <c r="AJ11" s="13">
        <v>4.1274623702587811E-2</v>
      </c>
      <c r="AK11" s="9">
        <v>13249</v>
      </c>
      <c r="AL11" s="13">
        <v>0.16244084254922636</v>
      </c>
      <c r="AM11" s="9">
        <v>-2327</v>
      </c>
      <c r="AN11" s="13">
        <v>-2.4543565620022995E-2</v>
      </c>
      <c r="AO11" s="9">
        <v>10922</v>
      </c>
      <c r="AP11" s="13">
        <v>0.13391039945072461</v>
      </c>
      <c r="AQ11" s="9">
        <v>78329</v>
      </c>
      <c r="AR11" s="9">
        <v>76326</v>
      </c>
      <c r="AS11" s="9">
        <v>73843</v>
      </c>
      <c r="AT11" s="9">
        <v>75308</v>
      </c>
      <c r="AU11" s="9">
        <v>82384</v>
      </c>
      <c r="AV11" s="9">
        <v>80314</v>
      </c>
      <c r="AW11" s="9">
        <v>81562</v>
      </c>
      <c r="AX11" s="9">
        <v>76672</v>
      </c>
      <c r="AY11" s="9">
        <v>85640</v>
      </c>
      <c r="AZ11" s="9">
        <v>94811</v>
      </c>
      <c r="BA11" s="9">
        <v>87523</v>
      </c>
      <c r="BB11" s="9">
        <v>88176</v>
      </c>
      <c r="BC11" s="9">
        <v>85906</v>
      </c>
      <c r="BD11" s="9">
        <v>87886</v>
      </c>
      <c r="BE11" s="9">
        <v>90640</v>
      </c>
      <c r="BF11" s="9">
        <v>92484</v>
      </c>
      <c r="BG11" s="11">
        <v>353</v>
      </c>
      <c r="BH11" s="13">
        <v>0.86308068459657705</v>
      </c>
      <c r="BI11" s="6">
        <v>158</v>
      </c>
      <c r="BJ11" s="13">
        <v>0.38630806845965771</v>
      </c>
      <c r="BK11" s="6">
        <v>74</v>
      </c>
      <c r="BL11" s="13">
        <v>0.13051146384479717</v>
      </c>
      <c r="BM11" s="11">
        <v>121</v>
      </c>
      <c r="BN11" s="13">
        <v>0.18876755070202808</v>
      </c>
      <c r="BO11" s="11">
        <v>195</v>
      </c>
      <c r="BP11" s="13">
        <v>0.3439153439153439</v>
      </c>
      <c r="BQ11" s="6">
        <v>409</v>
      </c>
      <c r="BR11" s="6">
        <v>465</v>
      </c>
      <c r="BS11" s="6">
        <v>523</v>
      </c>
      <c r="BT11" s="6">
        <v>567</v>
      </c>
      <c r="BU11" s="6">
        <v>603</v>
      </c>
      <c r="BV11" s="6">
        <v>626</v>
      </c>
      <c r="BW11" s="6">
        <v>641</v>
      </c>
      <c r="BX11" s="6">
        <v>634</v>
      </c>
      <c r="BY11" s="6">
        <v>632</v>
      </c>
      <c r="BZ11" s="6">
        <v>646</v>
      </c>
      <c r="CA11" s="6">
        <v>678</v>
      </c>
      <c r="CB11" s="6">
        <v>731</v>
      </c>
      <c r="CC11" s="11">
        <v>762</v>
      </c>
      <c r="CD11" s="11">
        <v>5725</v>
      </c>
      <c r="CE11" s="11">
        <v>-149</v>
      </c>
      <c r="CF11" s="11">
        <v>204</v>
      </c>
      <c r="CG11" s="11">
        <v>55</v>
      </c>
      <c r="CH11" s="20">
        <v>1.01</v>
      </c>
      <c r="CI11" s="20">
        <v>1.27</v>
      </c>
      <c r="CJ11" s="20">
        <v>1.47</v>
      </c>
      <c r="CK11" s="20">
        <v>1.41</v>
      </c>
      <c r="CL11" s="20">
        <v>1.38</v>
      </c>
      <c r="CM11" s="20">
        <v>1.42</v>
      </c>
      <c r="CN11" s="20">
        <v>1.34</v>
      </c>
      <c r="CO11" s="20">
        <v>1.61</v>
      </c>
      <c r="CP11" s="20">
        <v>2.25</v>
      </c>
      <c r="CQ11" s="20">
        <v>2.2400000000000002</v>
      </c>
      <c r="CR11" s="20">
        <v>1.88</v>
      </c>
      <c r="CS11" s="20">
        <v>2.0099999999999998</v>
      </c>
      <c r="CT11" s="20">
        <v>2.12</v>
      </c>
      <c r="CU11" s="20">
        <v>2.27</v>
      </c>
      <c r="CV11" s="20">
        <v>2.2999999999999998</v>
      </c>
      <c r="CW11" s="20">
        <v>2.31</v>
      </c>
      <c r="CX11" s="20">
        <v>2.37</v>
      </c>
      <c r="CY11" s="6"/>
      <c r="CZ11" s="6"/>
      <c r="DA11" s="6"/>
      <c r="DB11" s="6"/>
      <c r="DC11" s="6"/>
      <c r="DD11" s="6"/>
      <c r="DE11" s="6"/>
      <c r="DF11" s="6"/>
      <c r="DG11" s="6"/>
      <c r="DH11" s="6"/>
      <c r="DI11" s="6"/>
      <c r="DJ11" s="6"/>
      <c r="DK11" s="6"/>
      <c r="DL11" s="6"/>
      <c r="DM11" s="6"/>
      <c r="DN11" s="6"/>
      <c r="DO11" s="6"/>
      <c r="DP11" s="6"/>
      <c r="DQ11" s="6"/>
    </row>
    <row r="12" spans="1:121" x14ac:dyDescent="0.2">
      <c r="A12" s="6" t="s">
        <v>316</v>
      </c>
      <c r="B12" s="6" t="s">
        <v>316</v>
      </c>
      <c r="C12" s="6" t="s">
        <v>185</v>
      </c>
      <c r="D12" s="6" t="s">
        <v>155</v>
      </c>
      <c r="E12" s="6" t="s">
        <v>156</v>
      </c>
      <c r="F12" s="11">
        <v>-1152</v>
      </c>
      <c r="G12" s="13">
        <v>-0.47</v>
      </c>
      <c r="H12" s="11">
        <v>-1141</v>
      </c>
      <c r="I12" s="13">
        <v>-0.46082390953150237</v>
      </c>
      <c r="J12" s="11">
        <v>113</v>
      </c>
      <c r="K12" s="13">
        <v>8.4644194756554297E-2</v>
      </c>
      <c r="L12" s="11">
        <v>-124</v>
      </c>
      <c r="M12" s="13">
        <v>-8.5635359116022103E-2</v>
      </c>
      <c r="N12" s="11">
        <v>-11</v>
      </c>
      <c r="O12" s="13">
        <v>-8.2397003745318352E-3</v>
      </c>
      <c r="P12" s="7">
        <v>2476</v>
      </c>
      <c r="Q12" s="7">
        <v>955</v>
      </c>
      <c r="R12" s="7">
        <v>1092</v>
      </c>
      <c r="S12" s="7">
        <v>1190</v>
      </c>
      <c r="T12" s="7">
        <v>1219</v>
      </c>
      <c r="U12" s="7">
        <v>1252</v>
      </c>
      <c r="V12" s="7">
        <v>1335</v>
      </c>
      <c r="W12" s="7">
        <v>1241</v>
      </c>
      <c r="X12" s="7">
        <v>1141</v>
      </c>
      <c r="Y12" s="7">
        <v>1448</v>
      </c>
      <c r="Z12" s="7">
        <v>1090</v>
      </c>
      <c r="AA12" s="7">
        <v>1104</v>
      </c>
      <c r="AB12" s="7">
        <v>1122</v>
      </c>
      <c r="AC12" s="7">
        <v>1285</v>
      </c>
      <c r="AD12" s="7">
        <v>1257</v>
      </c>
      <c r="AE12" s="7">
        <v>1294</v>
      </c>
      <c r="AF12" s="7">
        <v>1324</v>
      </c>
      <c r="AG12" s="9">
        <v>15226</v>
      </c>
      <c r="AH12" s="13">
        <v>0.32135922330097089</v>
      </c>
      <c r="AI12" s="9">
        <v>28528</v>
      </c>
      <c r="AJ12" s="13">
        <v>0.60211059518784293</v>
      </c>
      <c r="AK12" s="9">
        <v>-13859</v>
      </c>
      <c r="AL12" s="13">
        <v>-0.18257627654529168</v>
      </c>
      <c r="AM12" s="9">
        <v>557</v>
      </c>
      <c r="AN12" s="13">
        <v>8.9767764186368844E-3</v>
      </c>
      <c r="AO12" s="9">
        <v>-13302</v>
      </c>
      <c r="AP12" s="13">
        <v>-0.1752384465405491</v>
      </c>
      <c r="AQ12" s="9">
        <v>47380</v>
      </c>
      <c r="AR12" s="9">
        <v>36939</v>
      </c>
      <c r="AS12" s="9">
        <v>33071</v>
      </c>
      <c r="AT12" s="9">
        <v>57521</v>
      </c>
      <c r="AU12" s="9">
        <v>50334</v>
      </c>
      <c r="AV12" s="9">
        <v>62901</v>
      </c>
      <c r="AW12" s="9">
        <v>75908</v>
      </c>
      <c r="AX12" s="9">
        <v>65978</v>
      </c>
      <c r="AY12" s="9">
        <v>62174</v>
      </c>
      <c r="AZ12" s="9">
        <v>62049</v>
      </c>
      <c r="BA12" s="9">
        <v>55950</v>
      </c>
      <c r="BB12" s="9">
        <v>52847</v>
      </c>
      <c r="BC12" s="9">
        <v>54047</v>
      </c>
      <c r="BD12" s="9">
        <v>53522</v>
      </c>
      <c r="BE12" s="9">
        <v>58037</v>
      </c>
      <c r="BF12" s="9">
        <v>62606</v>
      </c>
      <c r="BG12" s="11">
        <v>87</v>
      </c>
      <c r="BH12" s="13">
        <v>0.62589928057553956</v>
      </c>
      <c r="BI12" s="6">
        <v>26</v>
      </c>
      <c r="BJ12" s="13">
        <v>0.18705035971223022</v>
      </c>
      <c r="BK12" s="6">
        <v>-4</v>
      </c>
      <c r="BL12" s="13">
        <v>-2.4242424242424242E-2</v>
      </c>
      <c r="BM12" s="11">
        <v>65</v>
      </c>
      <c r="BN12" s="13">
        <v>0.40372670807453415</v>
      </c>
      <c r="BO12" s="11">
        <v>61</v>
      </c>
      <c r="BP12" s="13">
        <v>0.36969696969696969</v>
      </c>
      <c r="BQ12" s="6">
        <v>139</v>
      </c>
      <c r="BR12" s="6">
        <v>149</v>
      </c>
      <c r="BS12" s="6">
        <v>157</v>
      </c>
      <c r="BT12" s="6">
        <v>165</v>
      </c>
      <c r="BU12" s="6">
        <v>166</v>
      </c>
      <c r="BV12" s="6">
        <v>163</v>
      </c>
      <c r="BW12" s="6">
        <v>161</v>
      </c>
      <c r="BX12" s="6">
        <v>158</v>
      </c>
      <c r="BY12" s="6">
        <v>170</v>
      </c>
      <c r="BZ12" s="6">
        <v>176</v>
      </c>
      <c r="CA12" s="6">
        <v>200</v>
      </c>
      <c r="CB12" s="6">
        <v>223</v>
      </c>
      <c r="CC12" s="11">
        <v>226</v>
      </c>
      <c r="CD12" s="11">
        <v>-1297</v>
      </c>
      <c r="CE12" s="11">
        <v>-126</v>
      </c>
      <c r="CF12" s="11">
        <v>271</v>
      </c>
      <c r="CG12" s="11">
        <v>145</v>
      </c>
      <c r="CH12" s="20">
        <v>3.25</v>
      </c>
      <c r="CI12" s="20">
        <v>1.23</v>
      </c>
      <c r="CJ12" s="20">
        <v>1.28</v>
      </c>
      <c r="CK12" s="20">
        <v>1.21</v>
      </c>
      <c r="CL12" s="20">
        <v>1.18</v>
      </c>
      <c r="CM12" s="20">
        <v>1.1499999999999999</v>
      </c>
      <c r="CN12" s="20">
        <v>1.21</v>
      </c>
      <c r="CO12" s="20">
        <v>1.08</v>
      </c>
      <c r="CP12" s="20">
        <v>0.96</v>
      </c>
      <c r="CQ12" s="20">
        <v>1.24</v>
      </c>
      <c r="CR12" s="20">
        <v>0.93</v>
      </c>
      <c r="CS12" s="20">
        <v>0.97</v>
      </c>
      <c r="CT12" s="20">
        <v>0.91</v>
      </c>
      <c r="CU12" s="20">
        <v>1.02</v>
      </c>
      <c r="CV12" s="20">
        <v>1</v>
      </c>
      <c r="CW12" s="20">
        <v>0.99</v>
      </c>
      <c r="CX12" s="20">
        <v>0.97</v>
      </c>
      <c r="CY12" s="6"/>
      <c r="CZ12" s="6"/>
      <c r="DA12" s="6"/>
      <c r="DB12" s="6"/>
      <c r="DC12" s="6"/>
      <c r="DD12" s="6"/>
      <c r="DE12" s="6"/>
      <c r="DF12" s="6"/>
      <c r="DG12" s="6"/>
      <c r="DH12" s="6"/>
      <c r="DI12" s="6"/>
      <c r="DJ12" s="6"/>
      <c r="DK12" s="6"/>
      <c r="DL12" s="6"/>
      <c r="DM12" s="6"/>
      <c r="DN12" s="6"/>
      <c r="DO12" s="6"/>
      <c r="DP12" s="6"/>
      <c r="DQ12" s="6"/>
    </row>
    <row r="13" spans="1:121" x14ac:dyDescent="0.2">
      <c r="A13" s="6" t="s">
        <v>317</v>
      </c>
      <c r="B13" s="6" t="s">
        <v>317</v>
      </c>
      <c r="C13" s="6" t="s">
        <v>186</v>
      </c>
      <c r="D13" s="6" t="s">
        <v>155</v>
      </c>
      <c r="E13" s="6" t="s">
        <v>156</v>
      </c>
      <c r="F13" s="11">
        <v>11832</v>
      </c>
      <c r="G13" s="13">
        <v>2.96</v>
      </c>
      <c r="H13" s="11">
        <v>2974</v>
      </c>
      <c r="I13" s="13">
        <v>0.74387193596798395</v>
      </c>
      <c r="J13" s="11">
        <v>1191</v>
      </c>
      <c r="K13" s="13">
        <v>0.17082616179001722</v>
      </c>
      <c r="L13" s="11">
        <v>7667</v>
      </c>
      <c r="M13" s="13">
        <v>0.93923802523582012</v>
      </c>
      <c r="N13" s="11">
        <v>8858</v>
      </c>
      <c r="O13" s="13">
        <v>1.2705106138841078</v>
      </c>
      <c r="P13" s="7">
        <v>3998</v>
      </c>
      <c r="Q13" s="7">
        <v>3821</v>
      </c>
      <c r="R13" s="7">
        <v>4219</v>
      </c>
      <c r="S13" s="7">
        <v>4983</v>
      </c>
      <c r="T13" s="7">
        <v>4743</v>
      </c>
      <c r="U13" s="7">
        <v>6150</v>
      </c>
      <c r="V13" s="7">
        <v>6972</v>
      </c>
      <c r="W13" s="7">
        <v>7850</v>
      </c>
      <c r="X13" s="7">
        <v>8030</v>
      </c>
      <c r="Y13" s="7">
        <v>8163</v>
      </c>
      <c r="Z13" s="7">
        <v>9275</v>
      </c>
      <c r="AA13" s="7">
        <v>9666</v>
      </c>
      <c r="AB13" s="7">
        <v>10558</v>
      </c>
      <c r="AC13" s="7">
        <v>12152</v>
      </c>
      <c r="AD13" s="7">
        <v>14079</v>
      </c>
      <c r="AE13" s="7">
        <v>14662</v>
      </c>
      <c r="AF13" s="7">
        <v>15830</v>
      </c>
      <c r="AG13" s="9">
        <v>31222</v>
      </c>
      <c r="AH13" s="13">
        <v>0.50909861727106709</v>
      </c>
      <c r="AI13" s="9">
        <v>11133</v>
      </c>
      <c r="AJ13" s="13">
        <v>0.18153208974693452</v>
      </c>
      <c r="AK13" s="9">
        <v>8596</v>
      </c>
      <c r="AL13" s="13">
        <v>0.11862933164046868</v>
      </c>
      <c r="AM13" s="9">
        <v>11493</v>
      </c>
      <c r="AN13" s="13">
        <v>0.14178911136607572</v>
      </c>
      <c r="AO13" s="9">
        <v>20089</v>
      </c>
      <c r="AP13" s="13">
        <v>0.27723879052179795</v>
      </c>
      <c r="AQ13" s="9">
        <v>61328</v>
      </c>
      <c r="AR13" s="9">
        <v>65128</v>
      </c>
      <c r="AS13" s="9">
        <v>68894</v>
      </c>
      <c r="AT13" s="9">
        <v>64617</v>
      </c>
      <c r="AU13" s="9">
        <v>73196</v>
      </c>
      <c r="AV13" s="9">
        <v>70325</v>
      </c>
      <c r="AW13" s="9">
        <v>72461</v>
      </c>
      <c r="AX13" s="9">
        <v>74244</v>
      </c>
      <c r="AY13" s="9">
        <v>79594</v>
      </c>
      <c r="AZ13" s="9">
        <v>81057</v>
      </c>
      <c r="BA13" s="9">
        <v>81056</v>
      </c>
      <c r="BB13" s="9">
        <v>93378</v>
      </c>
      <c r="BC13" s="9">
        <v>93564</v>
      </c>
      <c r="BD13" s="9">
        <v>90530</v>
      </c>
      <c r="BE13" s="9">
        <v>89430</v>
      </c>
      <c r="BF13" s="9">
        <v>92550</v>
      </c>
      <c r="BG13" s="11">
        <v>3304</v>
      </c>
      <c r="BH13" s="13">
        <v>2.624305003971406</v>
      </c>
      <c r="BI13" s="6">
        <v>700</v>
      </c>
      <c r="BJ13" s="13">
        <v>0.55599682287529784</v>
      </c>
      <c r="BK13" s="6">
        <v>478</v>
      </c>
      <c r="BL13" s="13">
        <v>0.24400204185809085</v>
      </c>
      <c r="BM13" s="11">
        <v>2126</v>
      </c>
      <c r="BN13" s="13">
        <v>0.87238407878539193</v>
      </c>
      <c r="BO13" s="11">
        <v>2604</v>
      </c>
      <c r="BP13" s="13">
        <v>1.3292496171516079</v>
      </c>
      <c r="BQ13" s="6">
        <v>1259</v>
      </c>
      <c r="BR13" s="6">
        <v>1404</v>
      </c>
      <c r="BS13" s="6">
        <v>1601</v>
      </c>
      <c r="BT13" s="6">
        <v>1959</v>
      </c>
      <c r="BU13" s="6">
        <v>2204</v>
      </c>
      <c r="BV13" s="6">
        <v>2299</v>
      </c>
      <c r="BW13" s="6">
        <v>2437</v>
      </c>
      <c r="BX13" s="6">
        <v>2705</v>
      </c>
      <c r="BY13" s="6">
        <v>2994</v>
      </c>
      <c r="BZ13" s="6">
        <v>3293</v>
      </c>
      <c r="CA13" s="6">
        <v>3624</v>
      </c>
      <c r="CB13" s="6">
        <v>4285</v>
      </c>
      <c r="CC13" s="11">
        <v>4563</v>
      </c>
      <c r="CD13" s="11">
        <v>10595</v>
      </c>
      <c r="CE13" s="11">
        <v>800</v>
      </c>
      <c r="CF13" s="11">
        <v>437</v>
      </c>
      <c r="CG13" s="11">
        <v>1237</v>
      </c>
      <c r="CH13" s="20">
        <v>1.65</v>
      </c>
      <c r="CI13" s="20">
        <v>1.58</v>
      </c>
      <c r="CJ13" s="20">
        <v>1.63</v>
      </c>
      <c r="CK13" s="20">
        <v>1.68</v>
      </c>
      <c r="CL13" s="20">
        <v>1.52</v>
      </c>
      <c r="CM13" s="20">
        <v>1.81</v>
      </c>
      <c r="CN13" s="20">
        <v>1.95</v>
      </c>
      <c r="CO13" s="20">
        <v>2.02</v>
      </c>
      <c r="CP13" s="20">
        <v>1.94</v>
      </c>
      <c r="CQ13" s="20">
        <v>1.95</v>
      </c>
      <c r="CR13" s="20">
        <v>2.12</v>
      </c>
      <c r="CS13" s="20">
        <v>2.2400000000000002</v>
      </c>
      <c r="CT13" s="20">
        <v>2.25</v>
      </c>
      <c r="CU13" s="20">
        <v>2.52</v>
      </c>
      <c r="CV13" s="20">
        <v>2.92</v>
      </c>
      <c r="CW13" s="20">
        <v>2.88</v>
      </c>
      <c r="CX13" s="20">
        <v>2.95</v>
      </c>
      <c r="CY13" s="6"/>
      <c r="CZ13" s="6"/>
      <c r="DA13" s="6"/>
      <c r="DB13" s="6"/>
      <c r="DC13" s="6"/>
      <c r="DD13" s="6"/>
      <c r="DE13" s="6"/>
      <c r="DF13" s="6"/>
      <c r="DG13" s="6"/>
      <c r="DH13" s="6"/>
      <c r="DI13" s="6"/>
      <c r="DJ13" s="6"/>
      <c r="DK13" s="6"/>
      <c r="DL13" s="6"/>
      <c r="DM13" s="6"/>
      <c r="DN13" s="6"/>
      <c r="DO13" s="6"/>
      <c r="DP13" s="6"/>
      <c r="DQ13" s="6"/>
    </row>
    <row r="14" spans="1:121" x14ac:dyDescent="0.2">
      <c r="A14" s="6" t="s">
        <v>318</v>
      </c>
      <c r="B14" s="6" t="s">
        <v>318</v>
      </c>
      <c r="C14" s="6" t="s">
        <v>187</v>
      </c>
      <c r="D14" s="6" t="s">
        <v>155</v>
      </c>
      <c r="E14" s="6" t="s">
        <v>156</v>
      </c>
      <c r="F14" s="11">
        <v>748</v>
      </c>
      <c r="G14" s="13">
        <v>1.19298245614</v>
      </c>
      <c r="H14" s="11">
        <v>271.97935199999995</v>
      </c>
      <c r="I14" s="13">
        <v>0.43411779703237074</v>
      </c>
      <c r="J14" s="11">
        <v>-175.54086899999993</v>
      </c>
      <c r="K14" s="13">
        <v>-0.19537323804434609</v>
      </c>
      <c r="L14" s="11">
        <v>651.92049816000008</v>
      </c>
      <c r="M14" s="13">
        <v>0.90175175028156107</v>
      </c>
      <c r="N14" s="11">
        <v>476.37962916000015</v>
      </c>
      <c r="O14" s="13">
        <v>0.53020035287254985</v>
      </c>
      <c r="P14" s="7">
        <v>626.51048600000001</v>
      </c>
      <c r="Q14" s="7">
        <v>729.02</v>
      </c>
      <c r="R14" s="7">
        <v>861.481809</v>
      </c>
      <c r="S14" s="7">
        <v>1073.8152009999999</v>
      </c>
      <c r="T14" s="7">
        <v>959.95644500000003</v>
      </c>
      <c r="U14" s="7">
        <v>926.50596199999995</v>
      </c>
      <c r="V14" s="7">
        <v>898.48983799999996</v>
      </c>
      <c r="W14" s="7">
        <v>789.83491100000003</v>
      </c>
      <c r="X14" s="7">
        <v>736.16870100000006</v>
      </c>
      <c r="Y14" s="7">
        <v>722.94896900000003</v>
      </c>
      <c r="Z14" s="7">
        <v>877.88033499999995</v>
      </c>
      <c r="AA14" s="7">
        <v>934.02938400000005</v>
      </c>
      <c r="AB14" s="7">
        <v>1270.9327800000001</v>
      </c>
      <c r="AC14" s="7">
        <v>1199.0695820000001</v>
      </c>
      <c r="AD14" s="7">
        <v>1306.0904780000001</v>
      </c>
      <c r="AE14" s="7">
        <v>1313.28805225</v>
      </c>
      <c r="AF14" s="7">
        <v>1374.8694671600001</v>
      </c>
      <c r="AG14" s="9">
        <v>-2922.8363805999979</v>
      </c>
      <c r="AH14" s="13">
        <v>-3.3625877773309033E-2</v>
      </c>
      <c r="AI14" s="9">
        <v>4538.7386389000021</v>
      </c>
      <c r="AJ14" s="13">
        <v>5.2216084256251433E-2</v>
      </c>
      <c r="AK14" s="9">
        <v>-5782.8443105000042</v>
      </c>
      <c r="AL14" s="13">
        <v>-6.3227453313850018E-2</v>
      </c>
      <c r="AM14" s="9">
        <v>-1678.7307089999958</v>
      </c>
      <c r="AN14" s="13">
        <v>-1.9593457076329732E-2</v>
      </c>
      <c r="AO14" s="9">
        <v>-7461.5750195000001</v>
      </c>
      <c r="AP14" s="13">
        <v>-8.1582065997629197E-2</v>
      </c>
      <c r="AQ14" s="9">
        <v>86922.232939299996</v>
      </c>
      <c r="AR14" s="9">
        <v>101889.96178899999</v>
      </c>
      <c r="AS14" s="9">
        <v>83585.161129600005</v>
      </c>
      <c r="AT14" s="9">
        <v>76252.762625999996</v>
      </c>
      <c r="AU14" s="9">
        <v>79334.615782099994</v>
      </c>
      <c r="AV14" s="9">
        <v>92667.087056400007</v>
      </c>
      <c r="AW14" s="9">
        <v>91460.971578199998</v>
      </c>
      <c r="AX14" s="9">
        <v>90344.362446800005</v>
      </c>
      <c r="AY14" s="9">
        <v>88276.935763200003</v>
      </c>
      <c r="AZ14" s="9">
        <v>85678.127267699994</v>
      </c>
      <c r="BA14" s="9">
        <v>82152.254952799994</v>
      </c>
      <c r="BB14" s="9">
        <v>76263.819288300001</v>
      </c>
      <c r="BC14" s="9">
        <v>80219.506970799994</v>
      </c>
      <c r="BD14" s="9">
        <v>83042.415974400006</v>
      </c>
      <c r="BE14" s="9">
        <v>83585.682459000003</v>
      </c>
      <c r="BF14" s="9">
        <v>83999.396558699998</v>
      </c>
      <c r="BG14" s="11">
        <v>70.5</v>
      </c>
      <c r="BH14" s="13">
        <v>0.46381578947368424</v>
      </c>
      <c r="BI14" s="6">
        <v>66</v>
      </c>
      <c r="BJ14" s="13">
        <v>0.43421052631578949</v>
      </c>
      <c r="BK14" s="6">
        <v>-19</v>
      </c>
      <c r="BL14" s="13">
        <v>-8.7155963302752298E-2</v>
      </c>
      <c r="BM14" s="11">
        <v>23.5</v>
      </c>
      <c r="BN14" s="13">
        <v>0.11809045226130653</v>
      </c>
      <c r="BO14" s="11">
        <v>4.5</v>
      </c>
      <c r="BP14" s="13">
        <v>2.0642201834862386E-2</v>
      </c>
      <c r="BQ14" s="6">
        <v>152</v>
      </c>
      <c r="BR14" s="6">
        <v>178</v>
      </c>
      <c r="BS14" s="6">
        <v>200</v>
      </c>
      <c r="BT14" s="6">
        <v>218</v>
      </c>
      <c r="BU14" s="6">
        <v>210</v>
      </c>
      <c r="BV14" s="6">
        <v>197</v>
      </c>
      <c r="BW14" s="6">
        <v>199</v>
      </c>
      <c r="BX14" s="6">
        <v>203</v>
      </c>
      <c r="BY14" s="6">
        <v>201</v>
      </c>
      <c r="BZ14" s="6">
        <v>198</v>
      </c>
      <c r="CA14" s="6">
        <v>203</v>
      </c>
      <c r="CB14" s="6">
        <v>211</v>
      </c>
      <c r="CC14" s="11">
        <v>222.5</v>
      </c>
      <c r="CD14" s="11">
        <v>545.73299999999995</v>
      </c>
      <c r="CE14" s="11">
        <v>134.14099999999999</v>
      </c>
      <c r="CF14" s="11">
        <v>68.485100000000003</v>
      </c>
      <c r="CG14" s="11">
        <v>202</v>
      </c>
      <c r="CH14" s="20">
        <v>1.1878</v>
      </c>
      <c r="CI14" s="20">
        <v>1.3777299999999999</v>
      </c>
      <c r="CJ14" s="20">
        <v>1.55203</v>
      </c>
      <c r="CK14" s="20">
        <v>1.6906000000000001</v>
      </c>
      <c r="CL14" s="20">
        <v>1.4535400000000001</v>
      </c>
      <c r="CM14" s="20">
        <v>1.3156600000000001</v>
      </c>
      <c r="CN14" s="20">
        <v>1.21366</v>
      </c>
      <c r="CO14" s="20">
        <v>0.96711400000000003</v>
      </c>
      <c r="CP14" s="20">
        <v>0.835175</v>
      </c>
      <c r="CQ14" s="20">
        <v>0.80483899999999997</v>
      </c>
      <c r="CR14" s="20">
        <v>0.92868200000000001</v>
      </c>
      <c r="CS14" s="20">
        <v>0.98531599999999997</v>
      </c>
      <c r="CT14" s="20">
        <v>1.2099899999999999</v>
      </c>
      <c r="CU14" s="20">
        <v>1.1072299999999999</v>
      </c>
      <c r="CV14" s="20">
        <v>1.22031</v>
      </c>
      <c r="CW14" s="20">
        <v>1.1692400000000001</v>
      </c>
      <c r="CX14" s="20">
        <v>1.1653</v>
      </c>
      <c r="CY14" s="6"/>
      <c r="CZ14" s="6"/>
      <c r="DA14" s="6"/>
      <c r="DB14" s="6"/>
      <c r="DC14" s="6"/>
      <c r="DD14" s="6"/>
      <c r="DE14" s="6"/>
      <c r="DF14" s="6"/>
      <c r="DG14" s="6"/>
      <c r="DH14" s="6"/>
      <c r="DI14" s="6"/>
      <c r="DJ14" s="6"/>
      <c r="DK14" s="6"/>
      <c r="DL14" s="6"/>
      <c r="DM14" s="6"/>
      <c r="DN14" s="6"/>
      <c r="DO14" s="6"/>
      <c r="DP14" s="6"/>
      <c r="DQ14" s="6"/>
    </row>
    <row r="15" spans="1:121" x14ac:dyDescent="0.2">
      <c r="A15" s="6" t="s">
        <v>319</v>
      </c>
      <c r="B15" s="6" t="s">
        <v>319</v>
      </c>
      <c r="C15" s="6" t="s">
        <v>188</v>
      </c>
      <c r="D15" s="6" t="s">
        <v>155</v>
      </c>
      <c r="E15" s="6" t="s">
        <v>156</v>
      </c>
      <c r="F15" s="11">
        <v>12766</v>
      </c>
      <c r="G15" s="13">
        <v>1.2824994976899999</v>
      </c>
      <c r="H15" s="11">
        <v>7252.7164169999978</v>
      </c>
      <c r="I15" s="13">
        <v>0.72863983398056242</v>
      </c>
      <c r="J15" s="11">
        <v>4199.5085000000036</v>
      </c>
      <c r="K15" s="13">
        <v>0.24406536935821324</v>
      </c>
      <c r="L15" s="11">
        <v>1313.8484821999991</v>
      </c>
      <c r="M15" s="13">
        <v>6.1377582608965961E-2</v>
      </c>
      <c r="N15" s="11">
        <v>5513.3569822000027</v>
      </c>
      <c r="O15" s="13">
        <v>0.32042309433695071</v>
      </c>
      <c r="P15" s="7">
        <v>9953.7742500000004</v>
      </c>
      <c r="Q15" s="7">
        <v>11978.221673</v>
      </c>
      <c r="R15" s="7">
        <v>12602.832149</v>
      </c>
      <c r="S15" s="7">
        <v>16091.906591000001</v>
      </c>
      <c r="T15" s="7">
        <v>16775.995648</v>
      </c>
      <c r="U15" s="7">
        <v>17966.659384999999</v>
      </c>
      <c r="V15" s="7">
        <v>17206.490666999998</v>
      </c>
      <c r="W15" s="7">
        <v>17550.572801999999</v>
      </c>
      <c r="X15" s="7">
        <v>18751.201830000002</v>
      </c>
      <c r="Y15" s="7">
        <v>21405.999167000002</v>
      </c>
      <c r="Z15" s="7">
        <v>22663.529116000002</v>
      </c>
      <c r="AA15" s="7">
        <v>22117.856189999999</v>
      </c>
      <c r="AB15" s="7">
        <v>23565.765558999999</v>
      </c>
      <c r="AC15" s="7">
        <v>22003.485681999999</v>
      </c>
      <c r="AD15" s="7">
        <v>19766.519776000001</v>
      </c>
      <c r="AE15" s="7">
        <v>22130.059884499999</v>
      </c>
      <c r="AF15" s="7">
        <v>22719.847649200001</v>
      </c>
      <c r="AG15" s="9">
        <v>18721.415944800003</v>
      </c>
      <c r="AH15" s="13">
        <v>0.73015245069769197</v>
      </c>
      <c r="AI15" s="9">
        <v>14368.155526400002</v>
      </c>
      <c r="AJ15" s="13">
        <v>0.56037128818349213</v>
      </c>
      <c r="AK15" s="9">
        <v>595.50918190000084</v>
      </c>
      <c r="AL15" s="13">
        <v>1.4884538252002996E-2</v>
      </c>
      <c r="AM15" s="9">
        <v>3757.7512365000002</v>
      </c>
      <c r="AN15" s="13">
        <v>9.2546136850697333E-2</v>
      </c>
      <c r="AO15" s="9">
        <v>4353.2604184000011</v>
      </c>
      <c r="AP15" s="13">
        <v>0.10880818161672964</v>
      </c>
      <c r="AQ15" s="9">
        <v>25640.420609299999</v>
      </c>
      <c r="AR15" s="9">
        <v>30590.8686753</v>
      </c>
      <c r="AS15" s="9">
        <v>30710.470260599999</v>
      </c>
      <c r="AT15" s="9">
        <v>35109.071060599999</v>
      </c>
      <c r="AU15" s="9">
        <v>36767.523404500003</v>
      </c>
      <c r="AV15" s="9">
        <v>38671.239697500001</v>
      </c>
      <c r="AW15" s="9">
        <v>40008.576135700001</v>
      </c>
      <c r="AX15" s="9">
        <v>41610.745034599997</v>
      </c>
      <c r="AY15" s="9">
        <v>41739.064747500001</v>
      </c>
      <c r="AZ15" s="9">
        <v>40604.085317600002</v>
      </c>
      <c r="BA15" s="9">
        <v>40241.531202400001</v>
      </c>
      <c r="BB15" s="9">
        <v>42590.862194499998</v>
      </c>
      <c r="BC15" s="9">
        <v>43610.385604199997</v>
      </c>
      <c r="BD15" s="9">
        <v>46645.285883099998</v>
      </c>
      <c r="BE15" s="9">
        <v>43828.165305199997</v>
      </c>
      <c r="BF15" s="9">
        <v>44361.836554100002</v>
      </c>
      <c r="BG15" s="11">
        <v>1562.75</v>
      </c>
      <c r="BH15" s="13">
        <v>1.7402561247216035</v>
      </c>
      <c r="BI15" s="6">
        <v>370</v>
      </c>
      <c r="BJ15" s="13">
        <v>0.41202672605790647</v>
      </c>
      <c r="BK15" s="6">
        <v>295</v>
      </c>
      <c r="BL15" s="13">
        <v>0.23264984227129337</v>
      </c>
      <c r="BM15" s="11">
        <v>897.75</v>
      </c>
      <c r="BN15" s="13">
        <v>0.57437619961612285</v>
      </c>
      <c r="BO15" s="11">
        <v>1192.75</v>
      </c>
      <c r="BP15" s="13">
        <v>0.94065457413249209</v>
      </c>
      <c r="BQ15" s="6">
        <v>898</v>
      </c>
      <c r="BR15" s="6">
        <v>973</v>
      </c>
      <c r="BS15" s="6">
        <v>1060</v>
      </c>
      <c r="BT15" s="6">
        <v>1268</v>
      </c>
      <c r="BU15" s="6">
        <v>1410</v>
      </c>
      <c r="BV15" s="6">
        <v>1447</v>
      </c>
      <c r="BW15" s="6">
        <v>1563</v>
      </c>
      <c r="BX15" s="6">
        <v>1781</v>
      </c>
      <c r="BY15" s="6">
        <v>2039</v>
      </c>
      <c r="BZ15" s="6">
        <v>2181</v>
      </c>
      <c r="CA15" s="6">
        <v>2382</v>
      </c>
      <c r="CB15" s="6">
        <v>2485</v>
      </c>
      <c r="CC15" s="11">
        <v>2460.75</v>
      </c>
      <c r="CD15" s="11">
        <v>10782.4</v>
      </c>
      <c r="CE15" s="11">
        <v>895.56600000000003</v>
      </c>
      <c r="CF15" s="11">
        <v>1088.07</v>
      </c>
      <c r="CG15" s="11">
        <v>1984</v>
      </c>
      <c r="CH15" s="20">
        <v>3.8472</v>
      </c>
      <c r="CI15" s="20">
        <v>4.56982</v>
      </c>
      <c r="CJ15" s="20">
        <v>4.5021399999999998</v>
      </c>
      <c r="CK15" s="20">
        <v>4.9649000000000001</v>
      </c>
      <c r="CL15" s="20">
        <v>4.9428900000000002</v>
      </c>
      <c r="CM15" s="20">
        <v>4.9419000000000004</v>
      </c>
      <c r="CN15" s="20">
        <v>4.5965699999999998</v>
      </c>
      <c r="CO15" s="20">
        <v>4.57958</v>
      </c>
      <c r="CP15" s="20">
        <v>4.8802899999999996</v>
      </c>
      <c r="CQ15" s="20">
        <v>5.3140900000000002</v>
      </c>
      <c r="CR15" s="20">
        <v>5.3170500000000001</v>
      </c>
      <c r="CS15" s="20">
        <v>5.2410199999999998</v>
      </c>
      <c r="CT15" s="20">
        <v>5.0970800000000001</v>
      </c>
      <c r="CU15" s="20">
        <v>4.6101400000000003</v>
      </c>
      <c r="CV15" s="20">
        <v>4.1789899999999998</v>
      </c>
      <c r="CW15" s="20">
        <v>4.43825</v>
      </c>
      <c r="CX15" s="20">
        <v>4.3320999999999996</v>
      </c>
      <c r="CY15" s="6"/>
      <c r="CZ15" s="6"/>
      <c r="DA15" s="6"/>
      <c r="DB15" s="6"/>
      <c r="DC15" s="6"/>
      <c r="DD15" s="6"/>
      <c r="DE15" s="6"/>
      <c r="DF15" s="6"/>
      <c r="DG15" s="6"/>
      <c r="DH15" s="6"/>
      <c r="DI15" s="6"/>
      <c r="DJ15" s="6"/>
      <c r="DK15" s="6"/>
      <c r="DL15" s="6"/>
      <c r="DM15" s="6"/>
      <c r="DN15" s="6"/>
      <c r="DO15" s="6"/>
      <c r="DP15" s="6"/>
      <c r="DQ15" s="6"/>
    </row>
    <row r="16" spans="1:121" x14ac:dyDescent="0.2">
      <c r="A16" s="6" t="s">
        <v>320</v>
      </c>
      <c r="B16" s="6" t="s">
        <v>320</v>
      </c>
      <c r="C16" s="6" t="s">
        <v>189</v>
      </c>
      <c r="D16" s="6" t="s">
        <v>155</v>
      </c>
      <c r="E16" s="6" t="s">
        <v>156</v>
      </c>
      <c r="F16" s="11">
        <v>1028</v>
      </c>
      <c r="G16" s="13">
        <v>4.7155963302800004</v>
      </c>
      <c r="H16" s="11">
        <v>319.48140199999995</v>
      </c>
      <c r="I16" s="13">
        <v>1.468682854559519</v>
      </c>
      <c r="J16" s="11">
        <v>265.56933600000002</v>
      </c>
      <c r="K16" s="13">
        <v>0.49453276433376325</v>
      </c>
      <c r="L16" s="11">
        <v>443.57176096000012</v>
      </c>
      <c r="M16" s="13">
        <v>0.55268234554107076</v>
      </c>
      <c r="N16" s="11">
        <v>709.14109696000014</v>
      </c>
      <c r="O16" s="13">
        <v>1.3205346380137279</v>
      </c>
      <c r="P16" s="7">
        <v>217.52919700000001</v>
      </c>
      <c r="Q16" s="7">
        <v>237.78965500000001</v>
      </c>
      <c r="R16" s="7">
        <v>310.52874400000002</v>
      </c>
      <c r="S16" s="7">
        <v>359.53282300000001</v>
      </c>
      <c r="T16" s="7">
        <v>512.73756000000003</v>
      </c>
      <c r="U16" s="7">
        <v>735.22114299999998</v>
      </c>
      <c r="V16" s="7">
        <v>537.01059899999996</v>
      </c>
      <c r="W16" s="7">
        <v>666.31063500000005</v>
      </c>
      <c r="X16" s="7">
        <v>675.70176200000003</v>
      </c>
      <c r="Y16" s="7">
        <v>802.57993499999998</v>
      </c>
      <c r="Z16" s="7">
        <v>895.94617100000005</v>
      </c>
      <c r="AA16" s="7">
        <v>944.41872799999999</v>
      </c>
      <c r="AB16" s="7">
        <v>945.95998399999996</v>
      </c>
      <c r="AC16" s="7">
        <v>1125.955395</v>
      </c>
      <c r="AD16" s="7">
        <v>1119.775535</v>
      </c>
      <c r="AE16" s="7">
        <v>1166.941842</v>
      </c>
      <c r="AF16" s="7">
        <v>1246.1516959600001</v>
      </c>
      <c r="AG16" s="9">
        <v>14128.884347699997</v>
      </c>
      <c r="AH16" s="13">
        <v>0.35434602303274843</v>
      </c>
      <c r="AI16" s="9">
        <v>5900.933970099999</v>
      </c>
      <c r="AJ16" s="13">
        <v>0.14799275250803265</v>
      </c>
      <c r="AK16" s="9">
        <v>124.63943980000477</v>
      </c>
      <c r="AL16" s="13">
        <v>2.7229272282186402E-3</v>
      </c>
      <c r="AM16" s="9">
        <v>8103.3109377999936</v>
      </c>
      <c r="AN16" s="13">
        <v>0.17654771663249164</v>
      </c>
      <c r="AO16" s="9">
        <v>8227.9503775999983</v>
      </c>
      <c r="AP16" s="13">
        <v>0.17975137044540873</v>
      </c>
      <c r="AQ16" s="9">
        <v>39873.1280424</v>
      </c>
      <c r="AR16" s="9">
        <v>40745.6355769</v>
      </c>
      <c r="AS16" s="9">
        <v>40035.072100600002</v>
      </c>
      <c r="AT16" s="9">
        <v>47991.947805600001</v>
      </c>
      <c r="AU16" s="9">
        <v>41989.0045427</v>
      </c>
      <c r="AV16" s="9">
        <v>32837.981035199999</v>
      </c>
      <c r="AW16" s="9">
        <v>45774.062012499999</v>
      </c>
      <c r="AX16" s="9">
        <v>49713.116525999998</v>
      </c>
      <c r="AY16" s="9">
        <v>46491.467054300003</v>
      </c>
      <c r="AZ16" s="9">
        <v>45898.701452300003</v>
      </c>
      <c r="BA16" s="9">
        <v>47322.218580399996</v>
      </c>
      <c r="BB16" s="9">
        <v>47469.848230700001</v>
      </c>
      <c r="BC16" s="9">
        <v>50780.337366400003</v>
      </c>
      <c r="BD16" s="9">
        <v>54949.4012573</v>
      </c>
      <c r="BE16" s="9">
        <v>58182.286678900004</v>
      </c>
      <c r="BF16" s="9">
        <v>54002.012390099997</v>
      </c>
      <c r="BG16" s="11">
        <v>177.5</v>
      </c>
      <c r="BH16" s="13">
        <v>1.6435185185185186</v>
      </c>
      <c r="BI16" s="6">
        <v>71</v>
      </c>
      <c r="BJ16" s="13">
        <v>0.65740740740740744</v>
      </c>
      <c r="BK16" s="6">
        <v>14</v>
      </c>
      <c r="BL16" s="13">
        <v>7.8212290502793297E-2</v>
      </c>
      <c r="BM16" s="11">
        <v>92.5</v>
      </c>
      <c r="BN16" s="13">
        <v>0.47927461139896371</v>
      </c>
      <c r="BO16" s="11">
        <v>106.5</v>
      </c>
      <c r="BP16" s="13">
        <v>0.5949720670391061</v>
      </c>
      <c r="BQ16" s="6">
        <v>108</v>
      </c>
      <c r="BR16" s="6">
        <v>130</v>
      </c>
      <c r="BS16" s="6">
        <v>143</v>
      </c>
      <c r="BT16" s="6">
        <v>179</v>
      </c>
      <c r="BU16" s="6">
        <v>189</v>
      </c>
      <c r="BV16" s="6">
        <v>185</v>
      </c>
      <c r="BW16" s="6">
        <v>193</v>
      </c>
      <c r="BX16" s="6">
        <v>209</v>
      </c>
      <c r="BY16" s="6">
        <v>248</v>
      </c>
      <c r="BZ16" s="6">
        <v>250</v>
      </c>
      <c r="CA16" s="6">
        <v>260</v>
      </c>
      <c r="CB16" s="6">
        <v>282</v>
      </c>
      <c r="CC16" s="11">
        <v>285.5</v>
      </c>
      <c r="CD16" s="11">
        <v>926.07600000000002</v>
      </c>
      <c r="CE16" s="11">
        <v>78.7684</v>
      </c>
      <c r="CF16" s="11">
        <v>23.778600000000001</v>
      </c>
      <c r="CG16" s="11">
        <v>103</v>
      </c>
      <c r="CH16" s="20">
        <v>0.25200600000000001</v>
      </c>
      <c r="CI16" s="20">
        <v>0.25985000000000003</v>
      </c>
      <c r="CJ16" s="20">
        <v>0.30857200000000001</v>
      </c>
      <c r="CK16" s="20">
        <v>0.30738599999999999</v>
      </c>
      <c r="CL16" s="20">
        <v>0.428004</v>
      </c>
      <c r="CM16" s="20">
        <v>0.57574400000000003</v>
      </c>
      <c r="CN16" s="20">
        <v>0.40205099999999999</v>
      </c>
      <c r="CO16" s="20">
        <v>0.452878</v>
      </c>
      <c r="CP16" s="20">
        <v>0.40554099999999998</v>
      </c>
      <c r="CQ16" s="20">
        <v>0.46290399999999998</v>
      </c>
      <c r="CR16" s="20">
        <v>0.49192999999999998</v>
      </c>
      <c r="CS16" s="20">
        <v>0.52879299999999996</v>
      </c>
      <c r="CT16" s="20">
        <v>0.48977599999999999</v>
      </c>
      <c r="CU16" s="20">
        <v>0.57148299999999996</v>
      </c>
      <c r="CV16" s="20">
        <v>0.57969700000000002</v>
      </c>
      <c r="CW16" s="20">
        <v>0.57381599999999999</v>
      </c>
      <c r="CX16" s="20">
        <v>0.58048100000000002</v>
      </c>
      <c r="CY16" s="6"/>
      <c r="CZ16" s="6"/>
      <c r="DA16" s="6"/>
      <c r="DB16" s="6"/>
      <c r="DC16" s="6"/>
      <c r="DD16" s="6"/>
      <c r="DE16" s="6"/>
      <c r="DF16" s="6"/>
      <c r="DG16" s="6"/>
      <c r="DH16" s="6"/>
      <c r="DI16" s="6"/>
      <c r="DJ16" s="6"/>
      <c r="DK16" s="6"/>
      <c r="DL16" s="6"/>
      <c r="DM16" s="6"/>
      <c r="DN16" s="6"/>
      <c r="DO16" s="6"/>
      <c r="DP16" s="6"/>
      <c r="DQ16" s="6"/>
    </row>
    <row r="17" spans="1:121" x14ac:dyDescent="0.2">
      <c r="A17" s="6" t="s">
        <v>321</v>
      </c>
      <c r="B17" s="6" t="s">
        <v>321</v>
      </c>
      <c r="C17" s="6" t="s">
        <v>190</v>
      </c>
      <c r="D17" s="6" t="s">
        <v>155</v>
      </c>
      <c r="E17" s="6" t="s">
        <v>156</v>
      </c>
      <c r="F17" s="11">
        <v>1959</v>
      </c>
      <c r="G17" s="13">
        <v>1.2517571885000001</v>
      </c>
      <c r="H17" s="11">
        <v>692.16528999999991</v>
      </c>
      <c r="I17" s="13">
        <v>0.44214416241826016</v>
      </c>
      <c r="J17" s="11">
        <v>1761.8328110000002</v>
      </c>
      <c r="K17" s="13">
        <v>0.78038712526698517</v>
      </c>
      <c r="L17" s="11">
        <v>-495.67463863000012</v>
      </c>
      <c r="M17" s="13">
        <v>-0.12331833594766242</v>
      </c>
      <c r="N17" s="11">
        <v>1266.1581723700001</v>
      </c>
      <c r="O17" s="13">
        <v>0.56083274763641799</v>
      </c>
      <c r="P17" s="7">
        <v>1565.4742249999999</v>
      </c>
      <c r="Q17" s="7">
        <v>1761.203338</v>
      </c>
      <c r="R17" s="7">
        <v>1909.4875480000001</v>
      </c>
      <c r="S17" s="7">
        <v>1921.6090770000001</v>
      </c>
      <c r="T17" s="7">
        <v>2554.6530109999999</v>
      </c>
      <c r="U17" s="7">
        <v>2112.3715080000002</v>
      </c>
      <c r="V17" s="7">
        <v>2257.6395149999998</v>
      </c>
      <c r="W17" s="7">
        <v>3260.834664</v>
      </c>
      <c r="X17" s="7">
        <v>3734.8697459999999</v>
      </c>
      <c r="Y17" s="7">
        <v>4019.4723260000001</v>
      </c>
      <c r="Z17" s="7">
        <v>3431.2680460000001</v>
      </c>
      <c r="AA17" s="7">
        <v>2689.3720779999999</v>
      </c>
      <c r="AB17" s="7">
        <v>2506.1432850000001</v>
      </c>
      <c r="AC17" s="7">
        <v>2971.0486030000002</v>
      </c>
      <c r="AD17" s="7">
        <v>3212.5747719999999</v>
      </c>
      <c r="AE17" s="7">
        <v>3304.4216230000002</v>
      </c>
      <c r="AF17" s="7">
        <v>3523.7976873699999</v>
      </c>
      <c r="AG17" s="9">
        <v>22463.011415499997</v>
      </c>
      <c r="AH17" s="13">
        <v>0.59118349726972697</v>
      </c>
      <c r="AI17" s="9">
        <v>8883.8216510999991</v>
      </c>
      <c r="AJ17" s="13">
        <v>0.23380519448936565</v>
      </c>
      <c r="AK17" s="9">
        <v>8146.2543118999965</v>
      </c>
      <c r="AL17" s="13">
        <v>0.17376635611895297</v>
      </c>
      <c r="AM17" s="9">
        <v>5432.9354525000017</v>
      </c>
      <c r="AN17" s="13">
        <v>9.8732610144228433E-2</v>
      </c>
      <c r="AO17" s="9">
        <v>13579.189764399998</v>
      </c>
      <c r="AP17" s="13">
        <v>0.28965537215805714</v>
      </c>
      <c r="AQ17" s="9">
        <v>37996.682111800001</v>
      </c>
      <c r="AR17" s="9">
        <v>43153.324685899999</v>
      </c>
      <c r="AS17" s="9">
        <v>46190.532539</v>
      </c>
      <c r="AT17" s="9">
        <v>44175.879318899999</v>
      </c>
      <c r="AU17" s="9">
        <v>46568.941889299997</v>
      </c>
      <c r="AV17" s="9">
        <v>45463.765261400004</v>
      </c>
      <c r="AW17" s="9">
        <v>46880.5037629</v>
      </c>
      <c r="AX17" s="9">
        <v>51273.792985100001</v>
      </c>
      <c r="AY17" s="9">
        <v>52001.711862700002</v>
      </c>
      <c r="AZ17" s="9">
        <v>55026.758074799996</v>
      </c>
      <c r="BA17" s="9">
        <v>53422.881838200003</v>
      </c>
      <c r="BB17" s="9">
        <v>53756.966593999998</v>
      </c>
      <c r="BC17" s="9">
        <v>63237.343608299998</v>
      </c>
      <c r="BD17" s="9">
        <v>61355.036937800003</v>
      </c>
      <c r="BE17" s="9">
        <v>60890.868310999998</v>
      </c>
      <c r="BF17" s="9">
        <v>60459.693527299998</v>
      </c>
      <c r="BG17" s="11">
        <v>227.75</v>
      </c>
      <c r="BH17" s="13">
        <v>1.6503623188405796</v>
      </c>
      <c r="BI17" s="6">
        <v>53</v>
      </c>
      <c r="BJ17" s="13">
        <v>0.38405797101449274</v>
      </c>
      <c r="BK17" s="6">
        <v>41</v>
      </c>
      <c r="BL17" s="13">
        <v>0.21465968586387435</v>
      </c>
      <c r="BM17" s="11">
        <v>133.75</v>
      </c>
      <c r="BN17" s="13">
        <v>0.57650862068965514</v>
      </c>
      <c r="BO17" s="11">
        <v>174.75</v>
      </c>
      <c r="BP17" s="13">
        <v>0.91492146596858637</v>
      </c>
      <c r="BQ17" s="6">
        <v>138</v>
      </c>
      <c r="BR17" s="6">
        <v>162</v>
      </c>
      <c r="BS17" s="6">
        <v>176</v>
      </c>
      <c r="BT17" s="6">
        <v>191</v>
      </c>
      <c r="BU17" s="6">
        <v>190</v>
      </c>
      <c r="BV17" s="6">
        <v>216</v>
      </c>
      <c r="BW17" s="6">
        <v>232</v>
      </c>
      <c r="BX17" s="6">
        <v>253</v>
      </c>
      <c r="BY17" s="6">
        <v>276</v>
      </c>
      <c r="BZ17" s="6">
        <v>285</v>
      </c>
      <c r="CA17" s="6">
        <v>301</v>
      </c>
      <c r="CB17" s="6">
        <v>334</v>
      </c>
      <c r="CC17" s="11">
        <v>365.75</v>
      </c>
      <c r="CD17" s="11">
        <v>1217.0999999999999</v>
      </c>
      <c r="CE17" s="11">
        <v>570.09299999999996</v>
      </c>
      <c r="CF17" s="11">
        <v>171.125</v>
      </c>
      <c r="CG17" s="11">
        <v>741</v>
      </c>
      <c r="CH17" s="20">
        <v>0.36721999999999999</v>
      </c>
      <c r="CI17" s="20">
        <v>0.39252900000000002</v>
      </c>
      <c r="CJ17" s="20">
        <v>0.386322</v>
      </c>
      <c r="CK17" s="20">
        <v>0.33992600000000001</v>
      </c>
      <c r="CL17" s="20">
        <v>0.43644899999999998</v>
      </c>
      <c r="CM17" s="20">
        <v>0.33748299999999998</v>
      </c>
      <c r="CN17" s="20">
        <v>0.34408300000000003</v>
      </c>
      <c r="CO17" s="20">
        <v>0.45269300000000001</v>
      </c>
      <c r="CP17" s="20">
        <v>0.46137</v>
      </c>
      <c r="CQ17" s="20">
        <v>0.48016500000000001</v>
      </c>
      <c r="CR17" s="20">
        <v>0.397171</v>
      </c>
      <c r="CS17" s="20">
        <v>0.312222</v>
      </c>
      <c r="CT17" s="20">
        <v>0.26762799999999998</v>
      </c>
      <c r="CU17" s="20">
        <v>0.31165999999999999</v>
      </c>
      <c r="CV17" s="20">
        <v>0.34029999999999999</v>
      </c>
      <c r="CW17" s="20">
        <v>0.33047500000000002</v>
      </c>
      <c r="CX17" s="20">
        <v>0.331899</v>
      </c>
      <c r="CY17" s="6"/>
      <c r="CZ17" s="6"/>
      <c r="DA17" s="6"/>
      <c r="DB17" s="6"/>
      <c r="DC17" s="6"/>
      <c r="DD17" s="6"/>
      <c r="DE17" s="6"/>
      <c r="DF17" s="6"/>
      <c r="DG17" s="6"/>
      <c r="DH17" s="6"/>
      <c r="DI17" s="6"/>
      <c r="DJ17" s="6"/>
      <c r="DK17" s="6"/>
      <c r="DL17" s="6"/>
      <c r="DM17" s="6"/>
      <c r="DN17" s="6"/>
      <c r="DO17" s="6"/>
      <c r="DP17" s="6"/>
      <c r="DQ17" s="6"/>
    </row>
    <row r="18" spans="1:121" x14ac:dyDescent="0.2">
      <c r="A18" s="6" t="s">
        <v>322</v>
      </c>
      <c r="B18" s="6" t="s">
        <v>322</v>
      </c>
      <c r="C18" s="6" t="s">
        <v>191</v>
      </c>
      <c r="D18" s="6" t="s">
        <v>155</v>
      </c>
      <c r="E18" s="6" t="s">
        <v>156</v>
      </c>
      <c r="F18" s="11">
        <v>7</v>
      </c>
      <c r="G18" s="13">
        <v>0.02</v>
      </c>
      <c r="H18" s="11">
        <v>138</v>
      </c>
      <c r="I18" s="13">
        <v>0.44660194174757278</v>
      </c>
      <c r="J18" s="11">
        <v>-151</v>
      </c>
      <c r="K18" s="13">
        <v>-0.3378076062639821</v>
      </c>
      <c r="L18" s="11">
        <v>20</v>
      </c>
      <c r="M18" s="13">
        <v>6.7567567567567571E-2</v>
      </c>
      <c r="N18" s="11">
        <v>-131</v>
      </c>
      <c r="O18" s="13">
        <v>-0.29306487695749439</v>
      </c>
      <c r="P18" s="7">
        <v>309</v>
      </c>
      <c r="Q18" s="7">
        <v>307</v>
      </c>
      <c r="R18" s="7">
        <v>296</v>
      </c>
      <c r="S18" s="7">
        <v>287</v>
      </c>
      <c r="T18" s="7">
        <v>362</v>
      </c>
      <c r="U18" s="7">
        <v>424</v>
      </c>
      <c r="V18" s="7">
        <v>447</v>
      </c>
      <c r="W18" s="7">
        <v>393</v>
      </c>
      <c r="X18" s="7">
        <v>334</v>
      </c>
      <c r="Y18" s="7">
        <v>296</v>
      </c>
      <c r="Z18" s="7">
        <v>322</v>
      </c>
      <c r="AA18" s="7">
        <v>320</v>
      </c>
      <c r="AB18" s="7">
        <v>559</v>
      </c>
      <c r="AC18" s="7">
        <v>656</v>
      </c>
      <c r="AD18" s="7">
        <v>497</v>
      </c>
      <c r="AE18" s="7">
        <v>310</v>
      </c>
      <c r="AF18" s="7">
        <v>316</v>
      </c>
      <c r="AG18" s="9">
        <v>9573</v>
      </c>
      <c r="AH18" s="13">
        <v>0.28537785064838278</v>
      </c>
      <c r="AI18" s="9">
        <v>4542</v>
      </c>
      <c r="AJ18" s="13">
        <v>0.13540020867491429</v>
      </c>
      <c r="AK18" s="9">
        <v>34760</v>
      </c>
      <c r="AL18" s="13">
        <v>0.91264735999159829</v>
      </c>
      <c r="AM18" s="9">
        <v>-29729</v>
      </c>
      <c r="AN18" s="13">
        <v>-0.40810191222699632</v>
      </c>
      <c r="AO18" s="9">
        <v>5031</v>
      </c>
      <c r="AP18" s="13">
        <v>0.13209231496311075</v>
      </c>
      <c r="AQ18" s="9">
        <v>33545</v>
      </c>
      <c r="AR18" s="9">
        <v>26211</v>
      </c>
      <c r="AS18" s="9">
        <v>28664</v>
      </c>
      <c r="AT18" s="9">
        <v>32990</v>
      </c>
      <c r="AU18" s="9">
        <v>30072</v>
      </c>
      <c r="AV18" s="9">
        <v>29045</v>
      </c>
      <c r="AW18" s="9">
        <v>38087</v>
      </c>
      <c r="AX18" s="9">
        <v>40881</v>
      </c>
      <c r="AY18" s="9">
        <v>45861</v>
      </c>
      <c r="AZ18" s="9">
        <v>72847</v>
      </c>
      <c r="BA18" s="9">
        <v>31990</v>
      </c>
      <c r="BB18" s="9">
        <v>30698</v>
      </c>
      <c r="BC18" s="9">
        <v>23528</v>
      </c>
      <c r="BD18" s="9">
        <v>18655</v>
      </c>
      <c r="BE18" s="9">
        <v>28264</v>
      </c>
      <c r="BF18" s="9">
        <v>43118</v>
      </c>
      <c r="BG18" s="11">
        <v>33</v>
      </c>
      <c r="BH18" s="13">
        <v>0.36666666666666664</v>
      </c>
      <c r="BI18" s="6">
        <v>20</v>
      </c>
      <c r="BJ18" s="13">
        <v>0.22222222222222221</v>
      </c>
      <c r="BK18" s="6">
        <v>-1</v>
      </c>
      <c r="BL18" s="13">
        <v>-9.0909090909090905E-3</v>
      </c>
      <c r="BM18" s="11">
        <v>14</v>
      </c>
      <c r="BN18" s="13">
        <v>0.12844036697247707</v>
      </c>
      <c r="BO18" s="11">
        <v>13</v>
      </c>
      <c r="BP18" s="13">
        <v>0.11818181818181818</v>
      </c>
      <c r="BQ18" s="6">
        <v>90</v>
      </c>
      <c r="BR18" s="6">
        <v>95</v>
      </c>
      <c r="BS18" s="6">
        <v>101</v>
      </c>
      <c r="BT18" s="6">
        <v>110</v>
      </c>
      <c r="BU18" s="6">
        <v>111</v>
      </c>
      <c r="BV18" s="6">
        <v>117</v>
      </c>
      <c r="BW18" s="6">
        <v>109</v>
      </c>
      <c r="BX18" s="6">
        <v>95</v>
      </c>
      <c r="BY18" s="6">
        <v>106</v>
      </c>
      <c r="BZ18" s="6">
        <v>108</v>
      </c>
      <c r="CA18" s="6">
        <v>117</v>
      </c>
      <c r="CB18" s="6">
        <v>125</v>
      </c>
      <c r="CC18" s="11">
        <v>123</v>
      </c>
      <c r="CD18" s="11">
        <v>-83</v>
      </c>
      <c r="CE18" s="11">
        <v>56</v>
      </c>
      <c r="CF18" s="11">
        <v>34</v>
      </c>
      <c r="CG18" s="11">
        <v>90</v>
      </c>
      <c r="CH18" s="20">
        <v>0.47</v>
      </c>
      <c r="CI18" s="20">
        <v>0.45</v>
      </c>
      <c r="CJ18" s="20">
        <v>0.4</v>
      </c>
      <c r="CK18" s="20">
        <v>0.34</v>
      </c>
      <c r="CL18" s="20">
        <v>0.42</v>
      </c>
      <c r="CM18" s="20">
        <v>0.46</v>
      </c>
      <c r="CN18" s="20">
        <v>0.47</v>
      </c>
      <c r="CO18" s="20">
        <v>0.38</v>
      </c>
      <c r="CP18" s="20">
        <v>0.3</v>
      </c>
      <c r="CQ18" s="20">
        <v>0.26</v>
      </c>
      <c r="CR18" s="20">
        <v>0.28000000000000003</v>
      </c>
      <c r="CS18" s="20">
        <v>0.28000000000000003</v>
      </c>
      <c r="CT18" s="20">
        <v>0.45</v>
      </c>
      <c r="CU18" s="20">
        <v>0.51</v>
      </c>
      <c r="CV18" s="20">
        <v>0.39</v>
      </c>
      <c r="CW18" s="20">
        <v>0.23</v>
      </c>
      <c r="CX18" s="20">
        <v>0.22</v>
      </c>
      <c r="CY18" s="6"/>
      <c r="CZ18" s="6"/>
      <c r="DA18" s="6"/>
      <c r="DB18" s="6"/>
      <c r="DC18" s="6"/>
      <c r="DD18" s="6"/>
      <c r="DE18" s="6"/>
      <c r="DF18" s="6"/>
      <c r="DG18" s="6"/>
      <c r="DH18" s="6"/>
      <c r="DI18" s="6"/>
      <c r="DJ18" s="6"/>
      <c r="DK18" s="6"/>
      <c r="DL18" s="6"/>
      <c r="DM18" s="6"/>
      <c r="DN18" s="6"/>
      <c r="DO18" s="6"/>
      <c r="DP18" s="6"/>
      <c r="DQ18" s="6"/>
    </row>
    <row r="19" spans="1:121" x14ac:dyDescent="0.2">
      <c r="A19" s="6" t="s">
        <v>323</v>
      </c>
      <c r="B19" s="6" t="s">
        <v>323</v>
      </c>
      <c r="C19" s="6" t="s">
        <v>192</v>
      </c>
      <c r="D19" s="6" t="s">
        <v>155</v>
      </c>
      <c r="E19" s="6" t="s">
        <v>156</v>
      </c>
      <c r="F19" s="11">
        <v>-137</v>
      </c>
      <c r="G19" s="13">
        <v>-0.12815715622099999</v>
      </c>
      <c r="H19" s="11">
        <v>580.59945599999992</v>
      </c>
      <c r="I19" s="13">
        <v>0.54316805905674437</v>
      </c>
      <c r="J19" s="11">
        <v>27.018708000000061</v>
      </c>
      <c r="K19" s="13">
        <v>1.6379813440159596E-2</v>
      </c>
      <c r="L19" s="11">
        <v>-744.20675272999995</v>
      </c>
      <c r="M19" s="13">
        <v>-0.4438967330551451</v>
      </c>
      <c r="N19" s="11">
        <v>-717.18804472999989</v>
      </c>
      <c r="O19" s="13">
        <v>-0.43478786528912511</v>
      </c>
      <c r="P19" s="7">
        <v>1068.913104</v>
      </c>
      <c r="Q19" s="7">
        <v>1208.511808</v>
      </c>
      <c r="R19" s="7">
        <v>1299.5089230000001</v>
      </c>
      <c r="S19" s="7">
        <v>2105.468155</v>
      </c>
      <c r="T19" s="7">
        <v>1794.1741480000001</v>
      </c>
      <c r="U19" s="7">
        <v>1892.9966039999999</v>
      </c>
      <c r="V19" s="7">
        <v>1649.5125599999999</v>
      </c>
      <c r="W19" s="7">
        <v>1384.5591460000001</v>
      </c>
      <c r="X19" s="7">
        <v>1562.503993</v>
      </c>
      <c r="Y19" s="7">
        <v>1676.531268</v>
      </c>
      <c r="Z19" s="7">
        <v>1996.492483</v>
      </c>
      <c r="AA19" s="7">
        <v>1116.8346300000001</v>
      </c>
      <c r="AB19" s="7">
        <v>1202.9607940000001</v>
      </c>
      <c r="AC19" s="7">
        <v>1490.9830010000001</v>
      </c>
      <c r="AD19" s="7">
        <v>897.42534999999998</v>
      </c>
      <c r="AE19" s="7">
        <v>966.01263825000001</v>
      </c>
      <c r="AF19" s="7">
        <v>932.32451527000001</v>
      </c>
      <c r="AG19" s="9">
        <v>4015.8072719000047</v>
      </c>
      <c r="AH19" s="13">
        <v>0.13335470253748891</v>
      </c>
      <c r="AI19" s="9">
        <v>-2673.6041988999968</v>
      </c>
      <c r="AJ19" s="13">
        <v>-8.8783566667182512E-2</v>
      </c>
      <c r="AK19" s="9">
        <v>5114.2133366999988</v>
      </c>
      <c r="AL19" s="13">
        <v>0.1863771945351356</v>
      </c>
      <c r="AM19" s="9">
        <v>1575.1981341000028</v>
      </c>
      <c r="AN19" s="13">
        <v>4.8386736174704771E-2</v>
      </c>
      <c r="AO19" s="9">
        <v>6689.4114708000016</v>
      </c>
      <c r="AP19" s="13">
        <v>0.2437821148507936</v>
      </c>
      <c r="AQ19" s="9">
        <v>30113.728241199999</v>
      </c>
      <c r="AR19" s="9">
        <v>28299.887559899998</v>
      </c>
      <c r="AS19" s="9">
        <v>25056.617803100002</v>
      </c>
      <c r="AT19" s="9">
        <v>24114.954664600002</v>
      </c>
      <c r="AU19" s="9">
        <v>25170.959759699999</v>
      </c>
      <c r="AV19" s="9">
        <v>25191.011402700002</v>
      </c>
      <c r="AW19" s="9">
        <v>27440.124042300002</v>
      </c>
      <c r="AX19" s="9">
        <v>29011.0152844</v>
      </c>
      <c r="AY19" s="9">
        <v>27698.4758501</v>
      </c>
      <c r="AZ19" s="9">
        <v>32554.337379000001</v>
      </c>
      <c r="BA19" s="9">
        <v>38354.610464099998</v>
      </c>
      <c r="BB19" s="9">
        <v>32423.899099999999</v>
      </c>
      <c r="BC19" s="9">
        <v>30047.725089700001</v>
      </c>
      <c r="BD19" s="9">
        <v>31862.8288932</v>
      </c>
      <c r="BE19" s="9">
        <v>35956.648603599999</v>
      </c>
      <c r="BF19" s="9">
        <v>34129.535513100003</v>
      </c>
      <c r="BG19" s="11">
        <v>-8.75</v>
      </c>
      <c r="BH19" s="13">
        <v>-0.10294117647058823</v>
      </c>
      <c r="BI19" s="6">
        <v>12</v>
      </c>
      <c r="BJ19" s="13">
        <v>0.14117647058823529</v>
      </c>
      <c r="BK19" s="6">
        <v>-5</v>
      </c>
      <c r="BL19" s="13">
        <v>-5.1546391752577317E-2</v>
      </c>
      <c r="BM19" s="11">
        <v>-15.75</v>
      </c>
      <c r="BN19" s="13">
        <v>-0.17119565217391305</v>
      </c>
      <c r="BO19" s="11">
        <v>-20.75</v>
      </c>
      <c r="BP19" s="13">
        <v>-0.21391752577319587</v>
      </c>
      <c r="BQ19" s="6">
        <v>85</v>
      </c>
      <c r="BR19" s="6">
        <v>90</v>
      </c>
      <c r="BS19" s="6">
        <v>97</v>
      </c>
      <c r="BT19" s="6">
        <v>97</v>
      </c>
      <c r="BU19" s="6">
        <v>97</v>
      </c>
      <c r="BV19" s="6">
        <v>93</v>
      </c>
      <c r="BW19" s="6">
        <v>92</v>
      </c>
      <c r="BX19" s="6">
        <v>91</v>
      </c>
      <c r="BY19" s="6">
        <v>86</v>
      </c>
      <c r="BZ19" s="6">
        <v>87</v>
      </c>
      <c r="CA19" s="6">
        <v>84</v>
      </c>
      <c r="CB19" s="6">
        <v>83</v>
      </c>
      <c r="CC19" s="11">
        <v>76.25</v>
      </c>
      <c r="CD19" s="11">
        <v>-496.51</v>
      </c>
      <c r="CE19" s="11">
        <v>243.077</v>
      </c>
      <c r="CF19" s="11">
        <v>116.845</v>
      </c>
      <c r="CG19" s="11">
        <v>360</v>
      </c>
      <c r="CH19" s="20">
        <v>0.337868</v>
      </c>
      <c r="CI19" s="20">
        <v>0.372172</v>
      </c>
      <c r="CJ19" s="20">
        <v>0.367728</v>
      </c>
      <c r="CK19" s="20">
        <v>0.51821300000000003</v>
      </c>
      <c r="CL19" s="20">
        <v>0.42616700000000002</v>
      </c>
      <c r="CM19" s="20">
        <v>0.42214400000000002</v>
      </c>
      <c r="CN19" s="20">
        <v>0.35287499999999999</v>
      </c>
      <c r="CO19" s="20">
        <v>0.27597899999999997</v>
      </c>
      <c r="CP19" s="20">
        <v>0.29086899999999999</v>
      </c>
      <c r="CQ19" s="20">
        <v>0.305759</v>
      </c>
      <c r="CR19" s="20">
        <v>0.34894399999999998</v>
      </c>
      <c r="CS19" s="20">
        <v>0.196993</v>
      </c>
      <c r="CT19" s="20">
        <v>0.19309399999999999</v>
      </c>
      <c r="CU19" s="20">
        <v>0.23261499999999999</v>
      </c>
      <c r="CV19" s="20">
        <v>0.14002999999999999</v>
      </c>
      <c r="CW19" s="20">
        <v>0.14197599999999999</v>
      </c>
      <c r="CX19" s="20">
        <v>0.13043399999999999</v>
      </c>
      <c r="CY19" s="6"/>
      <c r="CZ19" s="6"/>
      <c r="DA19" s="6"/>
      <c r="DB19" s="6"/>
      <c r="DC19" s="6"/>
      <c r="DD19" s="6"/>
      <c r="DE19" s="6"/>
      <c r="DF19" s="6"/>
      <c r="DG19" s="6"/>
      <c r="DH19" s="6"/>
      <c r="DI19" s="6"/>
      <c r="DJ19" s="6"/>
      <c r="DK19" s="6"/>
      <c r="DL19" s="6"/>
      <c r="DM19" s="6"/>
      <c r="DN19" s="6"/>
      <c r="DO19" s="6"/>
      <c r="DP19" s="6"/>
      <c r="DQ19" s="6"/>
    </row>
    <row r="20" spans="1:121" x14ac:dyDescent="0.2">
      <c r="A20" s="6" t="s">
        <v>325</v>
      </c>
      <c r="B20" s="6" t="s">
        <v>325</v>
      </c>
      <c r="C20" s="6" t="s">
        <v>193</v>
      </c>
      <c r="D20" s="6" t="s">
        <v>155</v>
      </c>
      <c r="E20" s="6" t="s">
        <v>156</v>
      </c>
      <c r="F20" s="11">
        <v>1151</v>
      </c>
      <c r="G20" s="13">
        <v>2.0627240143400001</v>
      </c>
      <c r="H20" s="11">
        <v>425.83451792100004</v>
      </c>
      <c r="I20" s="13">
        <v>0.76269856096351885</v>
      </c>
      <c r="J20" s="11">
        <v>-219.68778499500002</v>
      </c>
      <c r="K20" s="13">
        <v>-0.22322350596003424</v>
      </c>
      <c r="L20" s="11">
        <v>944.51152886600005</v>
      </c>
      <c r="M20" s="13">
        <v>1.2355069797694025</v>
      </c>
      <c r="N20" s="11">
        <v>724.82374387100003</v>
      </c>
      <c r="O20" s="13">
        <v>0.73648927414714915</v>
      </c>
      <c r="P20" s="7">
        <v>558.326106428</v>
      </c>
      <c r="Q20" s="7">
        <v>566.770714</v>
      </c>
      <c r="R20" s="7">
        <v>746.45484788900001</v>
      </c>
      <c r="S20" s="7">
        <v>816.06133171099998</v>
      </c>
      <c r="T20" s="7">
        <v>874.48855917000003</v>
      </c>
      <c r="U20" s="7">
        <v>937.84560156500004</v>
      </c>
      <c r="V20" s="7">
        <v>984.16062434900005</v>
      </c>
      <c r="W20" s="7">
        <v>960.35833025299996</v>
      </c>
      <c r="X20" s="7">
        <v>811.450078158</v>
      </c>
      <c r="Y20" s="7">
        <v>764.47283935400003</v>
      </c>
      <c r="Z20" s="7">
        <v>1108.9234919999999</v>
      </c>
      <c r="AA20" s="7">
        <v>911.70857692599998</v>
      </c>
      <c r="AB20" s="7">
        <v>1012.44822279</v>
      </c>
      <c r="AC20" s="7">
        <v>993.02517362599997</v>
      </c>
      <c r="AD20" s="7">
        <v>1445.4550819900001</v>
      </c>
      <c r="AE20" s="7">
        <v>1593.2114562700001</v>
      </c>
      <c r="AF20" s="7">
        <v>1708.9843682200001</v>
      </c>
      <c r="AG20" s="9">
        <v>7955.8670404000004</v>
      </c>
      <c r="AH20" s="13">
        <v>0.16162731728940027</v>
      </c>
      <c r="AI20" s="9">
        <v>9156.8386450000035</v>
      </c>
      <c r="AJ20" s="13">
        <v>0.18602564089216445</v>
      </c>
      <c r="AK20" s="9">
        <v>1855.2475317999997</v>
      </c>
      <c r="AL20" s="13">
        <v>3.1778619882958235E-2</v>
      </c>
      <c r="AM20" s="9">
        <v>-3056.2191364000028</v>
      </c>
      <c r="AN20" s="13">
        <v>-5.0737742045886401E-2</v>
      </c>
      <c r="AO20" s="9">
        <v>-1200.971604600003</v>
      </c>
      <c r="AP20" s="13">
        <v>-2.0571497581123973E-2</v>
      </c>
      <c r="AQ20" s="9">
        <v>49223.529622499998</v>
      </c>
      <c r="AR20" s="9">
        <v>47683.239595300001</v>
      </c>
      <c r="AS20" s="9">
        <v>42343.2571159</v>
      </c>
      <c r="AT20" s="9">
        <v>41416.907331399998</v>
      </c>
      <c r="AU20" s="9">
        <v>53958.794853200001</v>
      </c>
      <c r="AV20" s="9">
        <v>50714.345700899998</v>
      </c>
      <c r="AW20" s="9">
        <v>58380.368267500002</v>
      </c>
      <c r="AX20" s="9">
        <v>58399.305371199996</v>
      </c>
      <c r="AY20" s="9">
        <v>57999.834765300002</v>
      </c>
      <c r="AZ20" s="9">
        <v>60235.615799300002</v>
      </c>
      <c r="BA20" s="9">
        <v>59760.196385199997</v>
      </c>
      <c r="BB20" s="9">
        <v>62811.085158299997</v>
      </c>
      <c r="BC20" s="9">
        <v>66751.705128500005</v>
      </c>
      <c r="BD20" s="9">
        <v>69431.281318099995</v>
      </c>
      <c r="BE20" s="9">
        <v>58290.9145269</v>
      </c>
      <c r="BF20" s="9">
        <v>57179.396662899999</v>
      </c>
      <c r="BG20" s="11">
        <v>209</v>
      </c>
      <c r="BH20" s="13">
        <v>0.95871559633027525</v>
      </c>
      <c r="BI20" s="6">
        <v>65</v>
      </c>
      <c r="BJ20" s="13">
        <v>0.29816513761467889</v>
      </c>
      <c r="BK20" s="6">
        <v>17</v>
      </c>
      <c r="BL20" s="13">
        <v>6.0070671378091869E-2</v>
      </c>
      <c r="BM20" s="11">
        <v>127</v>
      </c>
      <c r="BN20" s="13">
        <v>0.42333333333333334</v>
      </c>
      <c r="BO20" s="11">
        <v>144</v>
      </c>
      <c r="BP20" s="13">
        <v>0.50883392226148405</v>
      </c>
      <c r="BQ20" s="6">
        <v>218</v>
      </c>
      <c r="BR20" s="6">
        <v>255</v>
      </c>
      <c r="BS20" s="6">
        <v>270</v>
      </c>
      <c r="BT20" s="6">
        <v>283</v>
      </c>
      <c r="BU20" s="6">
        <v>291</v>
      </c>
      <c r="BV20" s="6">
        <v>282</v>
      </c>
      <c r="BW20" s="6">
        <v>300</v>
      </c>
      <c r="BX20" s="6">
        <v>308</v>
      </c>
      <c r="BY20" s="6">
        <v>322</v>
      </c>
      <c r="BZ20" s="6">
        <v>345</v>
      </c>
      <c r="CA20" s="6">
        <v>371</v>
      </c>
      <c r="CB20" s="6">
        <v>412</v>
      </c>
      <c r="CC20" s="11">
        <v>427</v>
      </c>
      <c r="CD20" s="11">
        <v>1094.77</v>
      </c>
      <c r="CE20" s="11">
        <v>-5.1416500000000003</v>
      </c>
      <c r="CF20" s="11">
        <v>61.031799999999997</v>
      </c>
      <c r="CG20" s="11">
        <v>56</v>
      </c>
      <c r="CH20" s="20">
        <v>0.25981199999999999</v>
      </c>
      <c r="CI20" s="20">
        <v>0.25589499999999998</v>
      </c>
      <c r="CJ20" s="20">
        <v>0.31145800000000001</v>
      </c>
      <c r="CK20" s="20">
        <v>0.30152499999999999</v>
      </c>
      <c r="CL20" s="20">
        <v>0.31699500000000003</v>
      </c>
      <c r="CM20" s="20">
        <v>0.322158</v>
      </c>
      <c r="CN20" s="20">
        <v>0.32591300000000001</v>
      </c>
      <c r="CO20" s="20">
        <v>0.29604200000000003</v>
      </c>
      <c r="CP20" s="20">
        <v>0.228849</v>
      </c>
      <c r="CQ20" s="20">
        <v>0.21278900000000001</v>
      </c>
      <c r="CR20" s="20">
        <v>0.300124</v>
      </c>
      <c r="CS20" s="20">
        <v>0.25094300000000003</v>
      </c>
      <c r="CT20" s="20">
        <v>0.27663500000000002</v>
      </c>
      <c r="CU20" s="20">
        <v>0.26652700000000001</v>
      </c>
      <c r="CV20" s="20">
        <v>0.39568900000000001</v>
      </c>
      <c r="CW20" s="20">
        <v>0.41516799999999998</v>
      </c>
      <c r="CX20" s="20">
        <v>0.42769600000000002</v>
      </c>
      <c r="CY20" s="6"/>
      <c r="CZ20" s="6"/>
      <c r="DA20" s="6"/>
      <c r="DB20" s="6"/>
      <c r="DC20" s="6"/>
      <c r="DD20" s="6"/>
      <c r="DE20" s="6"/>
      <c r="DF20" s="6"/>
      <c r="DG20" s="6"/>
      <c r="DH20" s="6"/>
      <c r="DI20" s="6"/>
      <c r="DJ20" s="6"/>
      <c r="DK20" s="6"/>
      <c r="DL20" s="6"/>
      <c r="DM20" s="6"/>
      <c r="DN20" s="6"/>
      <c r="DO20" s="6"/>
      <c r="DP20" s="6"/>
      <c r="DQ20" s="6"/>
    </row>
    <row r="21" spans="1:121" x14ac:dyDescent="0.2">
      <c r="A21" s="6" t="s">
        <v>327</v>
      </c>
      <c r="B21" s="6" t="s">
        <v>327</v>
      </c>
      <c r="C21" s="6" t="s">
        <v>194</v>
      </c>
      <c r="D21" s="6" t="s">
        <v>155</v>
      </c>
      <c r="E21" s="6" t="s">
        <v>156</v>
      </c>
      <c r="F21" s="11">
        <v>912</v>
      </c>
      <c r="G21" s="13">
        <v>6.0397350993399996</v>
      </c>
      <c r="H21" s="11">
        <v>-15.311492999999984</v>
      </c>
      <c r="I21" s="13">
        <v>-0.10139255686445364</v>
      </c>
      <c r="J21" s="11">
        <v>80.004668999999978</v>
      </c>
      <c r="K21" s="13">
        <v>0.5895679359610948</v>
      </c>
      <c r="L21" s="11">
        <v>847.25568305000002</v>
      </c>
      <c r="M21" s="13">
        <v>3.927841190024655</v>
      </c>
      <c r="N21" s="11">
        <v>927.26035204999994</v>
      </c>
      <c r="O21" s="13">
        <v>6.8331383491715556</v>
      </c>
      <c r="P21" s="7">
        <v>151.012002</v>
      </c>
      <c r="Q21" s="7">
        <v>97.026540999999995</v>
      </c>
      <c r="R21" s="7">
        <v>93.157572999999999</v>
      </c>
      <c r="S21" s="7">
        <v>104.78048200000001</v>
      </c>
      <c r="T21" s="7">
        <v>82.469120000000004</v>
      </c>
      <c r="U21" s="7">
        <v>63.169761999999999</v>
      </c>
      <c r="V21" s="7">
        <v>135.70050900000001</v>
      </c>
      <c r="W21" s="7">
        <v>72.179310000000001</v>
      </c>
      <c r="X21" s="7">
        <v>133.83345</v>
      </c>
      <c r="Y21" s="7">
        <v>215.70517799999999</v>
      </c>
      <c r="Z21" s="7">
        <v>311.04424299999999</v>
      </c>
      <c r="AA21" s="7">
        <v>419.01712700000002</v>
      </c>
      <c r="AB21" s="7">
        <v>409.79477500000002</v>
      </c>
      <c r="AC21" s="7">
        <v>659.61831900000004</v>
      </c>
      <c r="AD21" s="7">
        <v>903.74056099999996</v>
      </c>
      <c r="AE21" s="7">
        <v>944.49608024999998</v>
      </c>
      <c r="AF21" s="7">
        <v>1062.9608610499999</v>
      </c>
      <c r="AG21" s="9">
        <v>47399.707668000003</v>
      </c>
      <c r="AH21" s="13">
        <v>0.94967026981152447</v>
      </c>
      <c r="AI21" s="9">
        <v>-20987.3200091</v>
      </c>
      <c r="AJ21" s="13">
        <v>-0.42048853961853511</v>
      </c>
      <c r="AK21" s="9">
        <v>59027.781143500004</v>
      </c>
      <c r="AL21" s="13">
        <v>2.0407584737398574</v>
      </c>
      <c r="AM21" s="9">
        <v>9359.2465336000023</v>
      </c>
      <c r="AN21" s="13">
        <v>0.10641285902800823</v>
      </c>
      <c r="AO21" s="9">
        <v>68387.027677100006</v>
      </c>
      <c r="AP21" s="13">
        <v>2.3643342765441586</v>
      </c>
      <c r="AQ21" s="9">
        <v>49911.752715399998</v>
      </c>
      <c r="AR21" s="9">
        <v>39349.9126044</v>
      </c>
      <c r="AS21" s="9">
        <v>40479.093291999998</v>
      </c>
      <c r="AT21" s="9">
        <v>36171.834107199997</v>
      </c>
      <c r="AU21" s="9">
        <v>25145.269948900001</v>
      </c>
      <c r="AV21" s="9">
        <v>34947.437299600002</v>
      </c>
      <c r="AW21" s="9">
        <v>28924.432706299998</v>
      </c>
      <c r="AX21" s="9">
        <v>47900.971828499998</v>
      </c>
      <c r="AY21" s="9">
        <v>70793.962798599998</v>
      </c>
      <c r="AZ21" s="9">
        <v>87952.213849799999</v>
      </c>
      <c r="BA21" s="9">
        <v>96134.625638500002</v>
      </c>
      <c r="BB21" s="9">
        <v>101444.48895699999</v>
      </c>
      <c r="BC21" s="9">
        <v>104414.598083</v>
      </c>
      <c r="BD21" s="9">
        <v>106633.398411</v>
      </c>
      <c r="BE21" s="9">
        <v>100002.63150600001</v>
      </c>
      <c r="BF21" s="9">
        <v>97311.460383400001</v>
      </c>
      <c r="BG21" s="11">
        <v>36.75</v>
      </c>
      <c r="BH21" s="13">
        <v>3.6749999999999998</v>
      </c>
      <c r="BI21" s="6">
        <v>-3</v>
      </c>
      <c r="BJ21" s="13">
        <v>-0.3</v>
      </c>
      <c r="BK21" s="6">
        <v>1</v>
      </c>
      <c r="BL21" s="13">
        <v>0.14285714285714285</v>
      </c>
      <c r="BM21" s="11">
        <v>38.75</v>
      </c>
      <c r="BN21" s="13">
        <v>4.84375</v>
      </c>
      <c r="BO21" s="11">
        <v>39.75</v>
      </c>
      <c r="BP21" s="13">
        <v>5.6785714285714288</v>
      </c>
      <c r="BQ21" s="6">
        <v>10</v>
      </c>
      <c r="BR21" s="6">
        <v>5</v>
      </c>
      <c r="BS21" s="6">
        <v>8</v>
      </c>
      <c r="BT21" s="6">
        <v>7</v>
      </c>
      <c r="BU21" s="6">
        <v>7</v>
      </c>
      <c r="BV21" s="6">
        <v>7</v>
      </c>
      <c r="BW21" s="6">
        <v>8</v>
      </c>
      <c r="BX21" s="6">
        <v>9</v>
      </c>
      <c r="BY21" s="6">
        <v>16</v>
      </c>
      <c r="BZ21" s="6">
        <v>17</v>
      </c>
      <c r="CA21" s="6">
        <v>43</v>
      </c>
      <c r="CB21" s="6">
        <v>47</v>
      </c>
      <c r="CC21" s="11">
        <v>46.75</v>
      </c>
      <c r="CD21" s="11">
        <v>904.29399999999998</v>
      </c>
      <c r="CE21" s="11">
        <v>-8.8530200000000008</v>
      </c>
      <c r="CF21" s="11">
        <v>16.507400000000001</v>
      </c>
      <c r="CG21" s="11">
        <v>8</v>
      </c>
      <c r="CH21" s="20">
        <v>2.1154900000000001E-2</v>
      </c>
      <c r="CI21" s="20">
        <v>1.31618E-2</v>
      </c>
      <c r="CJ21" s="20">
        <v>1.17646E-2</v>
      </c>
      <c r="CK21" s="20">
        <v>1.18026E-2</v>
      </c>
      <c r="CL21" s="20">
        <v>9.13454E-3</v>
      </c>
      <c r="CM21" s="20">
        <v>6.6742099999999999E-3</v>
      </c>
      <c r="CN21" s="20">
        <v>1.39211E-2</v>
      </c>
      <c r="CO21" s="20">
        <v>6.82375E-3</v>
      </c>
      <c r="CP21" s="20">
        <v>1.1446100000000001E-2</v>
      </c>
      <c r="CQ21" s="20">
        <v>1.8103299999999999E-2</v>
      </c>
      <c r="CR21" s="20">
        <v>2.5978299999999999E-2</v>
      </c>
      <c r="CS21" s="20">
        <v>3.67981E-2</v>
      </c>
      <c r="CT21" s="20">
        <v>3.3932999999999998E-2</v>
      </c>
      <c r="CU21" s="20">
        <v>5.46677E-2</v>
      </c>
      <c r="CV21" s="20">
        <v>7.7048900000000003E-2</v>
      </c>
      <c r="CW21" s="20">
        <v>7.7039300000000005E-2</v>
      </c>
      <c r="CX21" s="20">
        <v>8.3849599999999996E-2</v>
      </c>
      <c r="CY21" s="6"/>
      <c r="CZ21" s="6"/>
      <c r="DA21" s="6"/>
      <c r="DB21" s="6"/>
      <c r="DC21" s="6"/>
      <c r="DD21" s="6"/>
      <c r="DE21" s="6"/>
      <c r="DF21" s="6"/>
      <c r="DG21" s="6"/>
      <c r="DH21" s="6"/>
      <c r="DI21" s="6"/>
      <c r="DJ21" s="6"/>
      <c r="DK21" s="6"/>
      <c r="DL21" s="6"/>
      <c r="DM21" s="6"/>
      <c r="DN21" s="6"/>
      <c r="DO21" s="6"/>
      <c r="DP21" s="6"/>
      <c r="DQ21" s="6"/>
    </row>
    <row r="22" spans="1:121" x14ac:dyDescent="0.2">
      <c r="A22" s="6" t="s">
        <v>1</v>
      </c>
      <c r="B22" s="6" t="s">
        <v>1</v>
      </c>
      <c r="C22" s="6" t="s">
        <v>2</v>
      </c>
      <c r="D22" s="6" t="s">
        <v>107</v>
      </c>
      <c r="E22" s="6" t="s">
        <v>248</v>
      </c>
      <c r="F22" s="11">
        <v>18</v>
      </c>
      <c r="G22" s="13">
        <v>0.52941176470600004</v>
      </c>
      <c r="H22" s="11">
        <v>-13.251935410299996</v>
      </c>
      <c r="I22" s="13">
        <v>-0.39318475989259583</v>
      </c>
      <c r="J22" s="11">
        <v>28.734063232999997</v>
      </c>
      <c r="K22" s="13">
        <v>1.4049404905447227</v>
      </c>
      <c r="L22" s="11">
        <v>2.4286182596000003</v>
      </c>
      <c r="M22" s="13">
        <v>4.9375988987708591E-2</v>
      </c>
      <c r="N22" s="11">
        <v>31.162681492599997</v>
      </c>
      <c r="O22" s="13">
        <v>1.5236868057219537</v>
      </c>
      <c r="P22" s="7">
        <v>33.704092228599997</v>
      </c>
      <c r="Q22" s="7">
        <v>38.243045461900003</v>
      </c>
      <c r="R22" s="7">
        <v>59.013574691199999</v>
      </c>
      <c r="S22" s="7">
        <v>29.8331738153</v>
      </c>
      <c r="T22" s="7">
        <v>29.307448090699999</v>
      </c>
      <c r="U22" s="7">
        <v>57.034507883899998</v>
      </c>
      <c r="V22" s="7">
        <v>20.452156818300001</v>
      </c>
      <c r="W22" s="7">
        <v>110.587428927</v>
      </c>
      <c r="X22" s="7">
        <v>47.113777179800003</v>
      </c>
      <c r="Y22" s="7">
        <v>49.186220051299998</v>
      </c>
      <c r="Z22" s="7">
        <v>47.022406148400002</v>
      </c>
      <c r="AA22" s="7">
        <v>50.342035735099998</v>
      </c>
      <c r="AB22" s="7">
        <v>38.094297521900003</v>
      </c>
      <c r="AC22" s="7">
        <v>45.675266100599998</v>
      </c>
      <c r="AD22" s="7">
        <v>47.916098183800003</v>
      </c>
      <c r="AE22" s="7">
        <v>50.604249837099999</v>
      </c>
      <c r="AF22" s="7">
        <v>51.614838310899998</v>
      </c>
      <c r="AG22" s="9">
        <v>6819.6311946000023</v>
      </c>
      <c r="AH22" s="13">
        <v>0.40938940741262159</v>
      </c>
      <c r="AI22" s="9">
        <v>1080.2191369000029</v>
      </c>
      <c r="AJ22" s="13">
        <v>6.4846655150712196E-2</v>
      </c>
      <c r="AK22" s="9">
        <v>6516.1492744999996</v>
      </c>
      <c r="AL22" s="13">
        <v>0.36734968055333023</v>
      </c>
      <c r="AM22" s="9">
        <v>-776.73721680000017</v>
      </c>
      <c r="AN22" s="13">
        <v>-3.2024559361388455E-2</v>
      </c>
      <c r="AO22" s="9">
        <v>5739.4120576999994</v>
      </c>
      <c r="AP22" s="13">
        <v>0.32356090954067451</v>
      </c>
      <c r="AQ22" s="9">
        <v>16658.054827799999</v>
      </c>
      <c r="AR22" s="9">
        <v>16899.370927700002</v>
      </c>
      <c r="AS22" s="9">
        <v>22510.588903</v>
      </c>
      <c r="AT22" s="9">
        <v>18000.088035000001</v>
      </c>
      <c r="AU22" s="9">
        <v>20561.194395800001</v>
      </c>
      <c r="AV22" s="9">
        <v>20505.348464399998</v>
      </c>
      <c r="AW22" s="9">
        <v>17738.273964700002</v>
      </c>
      <c r="AX22" s="9">
        <v>21728.601522699999</v>
      </c>
      <c r="AY22" s="9">
        <v>21942.326821499999</v>
      </c>
      <c r="AZ22" s="9">
        <v>24254.423239200001</v>
      </c>
      <c r="BA22" s="9">
        <v>21957.825966199998</v>
      </c>
      <c r="BB22" s="9">
        <v>22565.2984478</v>
      </c>
      <c r="BC22" s="9">
        <v>20744.6483673</v>
      </c>
      <c r="BD22" s="9">
        <v>20663.037993400001</v>
      </c>
      <c r="BE22" s="9">
        <v>21912.0206115</v>
      </c>
      <c r="BF22" s="9">
        <v>23477.686022400001</v>
      </c>
      <c r="BG22" s="11">
        <v>2.75</v>
      </c>
      <c r="BH22" s="13">
        <v>2.75</v>
      </c>
      <c r="BI22" s="6">
        <v>1</v>
      </c>
      <c r="BJ22" s="13">
        <v>1</v>
      </c>
      <c r="BK22" s="6">
        <v>0</v>
      </c>
      <c r="BL22" s="13">
        <v>0</v>
      </c>
      <c r="BM22" s="11">
        <v>1.75</v>
      </c>
      <c r="BN22" s="13">
        <v>0.875</v>
      </c>
      <c r="BO22" s="11">
        <v>1.75</v>
      </c>
      <c r="BP22" s="13">
        <v>0.875</v>
      </c>
      <c r="BQ22" s="6">
        <v>1</v>
      </c>
      <c r="BR22" s="6">
        <v>1</v>
      </c>
      <c r="BS22" s="6">
        <v>2</v>
      </c>
      <c r="BT22" s="6">
        <v>2</v>
      </c>
      <c r="BU22" s="6">
        <v>2</v>
      </c>
      <c r="BV22" s="6">
        <v>5</v>
      </c>
      <c r="BW22" s="6">
        <v>2</v>
      </c>
      <c r="BX22" s="6">
        <v>3</v>
      </c>
      <c r="BY22" s="6">
        <v>4</v>
      </c>
      <c r="BZ22" s="6">
        <v>3</v>
      </c>
      <c r="CA22" s="6">
        <v>3</v>
      </c>
      <c r="CB22" s="6">
        <v>3</v>
      </c>
      <c r="CC22" s="11">
        <v>3.75</v>
      </c>
      <c r="CD22" s="11">
        <v>17.299399999999999</v>
      </c>
      <c r="CE22" s="11">
        <v>-3.0729299999999999</v>
      </c>
      <c r="CF22" s="11">
        <v>3.6842600000000001</v>
      </c>
      <c r="CG22" s="11">
        <v>1</v>
      </c>
      <c r="CH22" s="20">
        <v>0.21331</v>
      </c>
      <c r="CI22" s="20">
        <v>0.244535</v>
      </c>
      <c r="CJ22" s="20">
        <v>0.37740099999999999</v>
      </c>
      <c r="CK22" s="20">
        <v>0.19450200000000001</v>
      </c>
      <c r="CL22" s="20">
        <v>0.18586</v>
      </c>
      <c r="CM22" s="20">
        <v>0.35684300000000002</v>
      </c>
      <c r="CN22" s="20">
        <v>0.13292699999999999</v>
      </c>
      <c r="CO22" s="20">
        <v>0.75665199999999999</v>
      </c>
      <c r="CP22" s="20">
        <v>0.31296200000000002</v>
      </c>
      <c r="CQ22" s="20">
        <v>0.33949400000000002</v>
      </c>
      <c r="CR22" s="20">
        <v>0.33396300000000001</v>
      </c>
      <c r="CS22" s="20">
        <v>0.35710799999999998</v>
      </c>
      <c r="CT22" s="20">
        <v>0.26786100000000002</v>
      </c>
      <c r="CU22" s="20">
        <v>0.33052900000000002</v>
      </c>
      <c r="CV22" s="20">
        <v>0.35143600000000003</v>
      </c>
      <c r="CW22" s="20">
        <v>0.37296699999999999</v>
      </c>
      <c r="CX22" s="20">
        <v>0.38300000000000001</v>
      </c>
      <c r="CY22" s="6" t="s">
        <v>359</v>
      </c>
      <c r="CZ22" s="6" t="s">
        <v>360</v>
      </c>
      <c r="DA22" s="6" t="s">
        <v>107</v>
      </c>
      <c r="DB22" s="6"/>
      <c r="DC22" s="6">
        <v>28860</v>
      </c>
      <c r="DD22" s="6"/>
      <c r="DE22" s="6" t="s">
        <v>362</v>
      </c>
      <c r="DF22" s="6" t="s">
        <v>363</v>
      </c>
      <c r="DG22" s="6" t="s">
        <v>364</v>
      </c>
      <c r="DH22" s="6" t="s">
        <v>365</v>
      </c>
      <c r="DI22" s="6"/>
      <c r="DJ22" s="6">
        <v>29</v>
      </c>
      <c r="DK22" s="6">
        <v>1</v>
      </c>
      <c r="DL22" s="6">
        <v>8</v>
      </c>
      <c r="DM22" s="6" t="s">
        <v>368</v>
      </c>
      <c r="DN22" s="6">
        <v>7</v>
      </c>
      <c r="DO22" s="6" t="s">
        <v>369</v>
      </c>
      <c r="DP22" s="6"/>
      <c r="DQ22" s="6"/>
    </row>
    <row r="23" spans="1:121" x14ac:dyDescent="0.2">
      <c r="A23" s="6" t="s">
        <v>310</v>
      </c>
      <c r="B23" s="6" t="s">
        <v>310</v>
      </c>
      <c r="C23" s="6" t="s">
        <v>173</v>
      </c>
      <c r="D23" s="6" t="s">
        <v>107</v>
      </c>
      <c r="E23" s="6" t="s">
        <v>248</v>
      </c>
      <c r="F23" s="11">
        <v>0</v>
      </c>
      <c r="G23" s="13">
        <v>0</v>
      </c>
      <c r="H23" s="11">
        <v>0</v>
      </c>
      <c r="I23" s="13"/>
      <c r="J23" s="11">
        <v>0</v>
      </c>
      <c r="K23" s="13"/>
      <c r="L23" s="11">
        <v>0</v>
      </c>
      <c r="M23" s="13"/>
      <c r="N23" s="11">
        <v>0</v>
      </c>
      <c r="O23" s="13"/>
      <c r="P23" s="7">
        <v>0</v>
      </c>
      <c r="Q23" s="7">
        <v>0</v>
      </c>
      <c r="R23" s="7">
        <v>0</v>
      </c>
      <c r="S23" s="7">
        <v>0</v>
      </c>
      <c r="T23" s="7">
        <v>0</v>
      </c>
      <c r="U23" s="7">
        <v>0</v>
      </c>
      <c r="V23" s="7">
        <v>0</v>
      </c>
      <c r="W23" s="7">
        <v>0</v>
      </c>
      <c r="X23" s="7">
        <v>0</v>
      </c>
      <c r="Y23" s="7">
        <v>0</v>
      </c>
      <c r="Z23" s="7">
        <v>0</v>
      </c>
      <c r="AA23" s="7">
        <v>0</v>
      </c>
      <c r="AB23" s="7">
        <v>0</v>
      </c>
      <c r="AC23" s="7">
        <v>0</v>
      </c>
      <c r="AD23" s="7">
        <v>0</v>
      </c>
      <c r="AE23" s="7">
        <v>0</v>
      </c>
      <c r="AF23" s="7">
        <v>0</v>
      </c>
      <c r="AG23" s="9">
        <v>0</v>
      </c>
      <c r="AH23" s="13"/>
      <c r="AI23" s="9">
        <v>0</v>
      </c>
      <c r="AJ23" s="13"/>
      <c r="AK23" s="9">
        <v>0</v>
      </c>
      <c r="AL23" s="13"/>
      <c r="AM23" s="9">
        <v>0</v>
      </c>
      <c r="AN23" s="13"/>
      <c r="AO23" s="9">
        <v>0</v>
      </c>
      <c r="AP23" s="13"/>
      <c r="AQ23" s="9">
        <v>0</v>
      </c>
      <c r="AR23" s="9">
        <v>0</v>
      </c>
      <c r="AS23" s="9">
        <v>0</v>
      </c>
      <c r="AT23" s="9">
        <v>0</v>
      </c>
      <c r="AU23" s="9">
        <v>0</v>
      </c>
      <c r="AV23" s="9">
        <v>0</v>
      </c>
      <c r="AW23" s="9">
        <v>0</v>
      </c>
      <c r="AX23" s="9">
        <v>0</v>
      </c>
      <c r="AY23" s="9">
        <v>0</v>
      </c>
      <c r="AZ23" s="9">
        <v>0</v>
      </c>
      <c r="BA23" s="9">
        <v>0</v>
      </c>
      <c r="BB23" s="9">
        <v>0</v>
      </c>
      <c r="BC23" s="9">
        <v>0</v>
      </c>
      <c r="BD23" s="9">
        <v>0</v>
      </c>
      <c r="BE23" s="9">
        <v>0</v>
      </c>
      <c r="BF23" s="9">
        <v>0</v>
      </c>
      <c r="BG23" s="11">
        <v>0</v>
      </c>
      <c r="BH23" s="13" t="e">
        <v>#DIV/0!</v>
      </c>
      <c r="BI23" s="6">
        <v>0</v>
      </c>
      <c r="BJ23" s="13" t="e">
        <v>#DIV/0!</v>
      </c>
      <c r="BK23" s="6">
        <v>0</v>
      </c>
      <c r="BL23" s="13" t="e">
        <v>#DIV/0!</v>
      </c>
      <c r="BM23" s="11">
        <v>0</v>
      </c>
      <c r="BN23" s="13" t="e">
        <v>#DIV/0!</v>
      </c>
      <c r="BO23" s="11">
        <v>0</v>
      </c>
      <c r="BP23" s="13" t="e">
        <v>#DIV/0!</v>
      </c>
      <c r="BQ23" s="6">
        <v>0</v>
      </c>
      <c r="BR23" s="6">
        <v>0</v>
      </c>
      <c r="BS23" s="6">
        <v>0</v>
      </c>
      <c r="BT23" s="6">
        <v>0</v>
      </c>
      <c r="BU23" s="6">
        <v>0</v>
      </c>
      <c r="BV23" s="6">
        <v>0</v>
      </c>
      <c r="BW23" s="6">
        <v>0</v>
      </c>
      <c r="BX23" s="6">
        <v>0</v>
      </c>
      <c r="BY23" s="6">
        <v>0</v>
      </c>
      <c r="BZ23" s="6">
        <v>0</v>
      </c>
      <c r="CA23" s="6">
        <v>0</v>
      </c>
      <c r="CB23" s="6">
        <v>0</v>
      </c>
      <c r="CC23" s="11">
        <v>0</v>
      </c>
      <c r="CD23" s="11">
        <v>0</v>
      </c>
      <c r="CE23" s="11">
        <v>0</v>
      </c>
      <c r="CF23" s="11">
        <v>0</v>
      </c>
      <c r="CG23" s="11">
        <v>0</v>
      </c>
      <c r="CH23" s="20">
        <v>0</v>
      </c>
      <c r="CI23" s="20">
        <v>0</v>
      </c>
      <c r="CJ23" s="20">
        <v>0</v>
      </c>
      <c r="CK23" s="20">
        <v>0</v>
      </c>
      <c r="CL23" s="20">
        <v>0</v>
      </c>
      <c r="CM23" s="20">
        <v>0</v>
      </c>
      <c r="CN23" s="20">
        <v>0</v>
      </c>
      <c r="CO23" s="20">
        <v>0</v>
      </c>
      <c r="CP23" s="20">
        <v>0</v>
      </c>
      <c r="CQ23" s="20">
        <v>0</v>
      </c>
      <c r="CR23" s="20">
        <v>0</v>
      </c>
      <c r="CS23" s="20">
        <v>0</v>
      </c>
      <c r="CT23" s="20">
        <v>0</v>
      </c>
      <c r="CU23" s="20">
        <v>0</v>
      </c>
      <c r="CV23" s="20">
        <v>0</v>
      </c>
      <c r="CW23" s="20">
        <v>0</v>
      </c>
      <c r="CX23" s="20">
        <v>0</v>
      </c>
      <c r="CY23" s="6" t="s">
        <v>359</v>
      </c>
      <c r="CZ23" s="6" t="s">
        <v>360</v>
      </c>
      <c r="DA23" s="6" t="s">
        <v>107</v>
      </c>
      <c r="DB23" s="6"/>
      <c r="DC23" s="6">
        <v>28860</v>
      </c>
      <c r="DD23" s="6"/>
      <c r="DE23" s="6" t="s">
        <v>362</v>
      </c>
      <c r="DF23" s="6" t="s">
        <v>363</v>
      </c>
      <c r="DG23" s="6" t="s">
        <v>364</v>
      </c>
      <c r="DH23" s="6" t="s">
        <v>365</v>
      </c>
      <c r="DI23" s="6"/>
      <c r="DJ23" s="6">
        <v>29</v>
      </c>
      <c r="DK23" s="6">
        <v>1</v>
      </c>
      <c r="DL23" s="6">
        <v>8</v>
      </c>
      <c r="DM23" s="6" t="s">
        <v>368</v>
      </c>
      <c r="DN23" s="6">
        <v>7</v>
      </c>
      <c r="DO23" s="6" t="s">
        <v>369</v>
      </c>
      <c r="DP23" s="6"/>
      <c r="DQ23" s="6"/>
    </row>
    <row r="24" spans="1:121" x14ac:dyDescent="0.2">
      <c r="A24" s="6" t="s">
        <v>311</v>
      </c>
      <c r="B24" s="6" t="s">
        <v>311</v>
      </c>
      <c r="C24" s="6" t="s">
        <v>174</v>
      </c>
      <c r="D24" s="6" t="s">
        <v>107</v>
      </c>
      <c r="E24" s="6" t="s">
        <v>248</v>
      </c>
      <c r="F24" s="11">
        <v>84</v>
      </c>
      <c r="G24" s="13">
        <v>6.46153846154</v>
      </c>
      <c r="H24" s="11">
        <v>27.862261000000004</v>
      </c>
      <c r="I24" s="13">
        <v>2.1200890365137064</v>
      </c>
      <c r="J24" s="11">
        <v>12.839003999999996</v>
      </c>
      <c r="K24" s="13">
        <v>0.3131137148227312</v>
      </c>
      <c r="L24" s="11">
        <v>43.476566194100002</v>
      </c>
      <c r="M24" s="13">
        <v>0.8074649041981814</v>
      </c>
      <c r="N24" s="11">
        <v>56.315570194099998</v>
      </c>
      <c r="O24" s="13">
        <v>1.3734069547633865</v>
      </c>
      <c r="P24" s="7">
        <v>13.142023999999999</v>
      </c>
      <c r="Q24" s="7">
        <v>15.937282</v>
      </c>
      <c r="R24" s="7">
        <v>5</v>
      </c>
      <c r="S24" s="7">
        <v>77.875093000000007</v>
      </c>
      <c r="T24" s="7">
        <v>83.281137999999999</v>
      </c>
      <c r="U24" s="7">
        <v>70.135666999999998</v>
      </c>
      <c r="V24" s="7">
        <v>41.004285000000003</v>
      </c>
      <c r="W24" s="7">
        <v>42.751221000000001</v>
      </c>
      <c r="X24" s="7">
        <v>79.628995000000003</v>
      </c>
      <c r="Y24" s="7">
        <v>53.843288999999999</v>
      </c>
      <c r="Z24" s="7">
        <v>68.263009999999994</v>
      </c>
      <c r="AA24" s="7">
        <v>62.944760000000002</v>
      </c>
      <c r="AB24" s="7">
        <v>76.991557</v>
      </c>
      <c r="AC24" s="7">
        <v>82.010326000000006</v>
      </c>
      <c r="AD24" s="7">
        <v>86.523219999999995</v>
      </c>
      <c r="AE24" s="7">
        <v>92.437264499999998</v>
      </c>
      <c r="AF24" s="7">
        <v>97.319855194100001</v>
      </c>
      <c r="AG24" s="9">
        <v>-38024.484224099993</v>
      </c>
      <c r="AH24" s="13">
        <v>-0.4632176644338733</v>
      </c>
      <c r="AI24" s="9">
        <v>-41018.516761899991</v>
      </c>
      <c r="AJ24" s="13">
        <v>-0.49969123633625617</v>
      </c>
      <c r="AK24" s="9">
        <v>8015.1937536999976</v>
      </c>
      <c r="AL24" s="13">
        <v>0.19516309444019245</v>
      </c>
      <c r="AM24" s="9">
        <v>-5021.1612158999997</v>
      </c>
      <c r="AN24" s="13">
        <v>-0.10229647339215928</v>
      </c>
      <c r="AO24" s="9">
        <v>2994.032537799998</v>
      </c>
      <c r="AP24" s="13">
        <v>7.2902124750500549E-2</v>
      </c>
      <c r="AQ24" s="9">
        <v>82087.724937199993</v>
      </c>
      <c r="AR24" s="9">
        <v>55729.557215100001</v>
      </c>
      <c r="AS24" s="9">
        <v>1</v>
      </c>
      <c r="AT24" s="9">
        <v>28012.845714700001</v>
      </c>
      <c r="AU24" s="9">
        <v>42540.759891299997</v>
      </c>
      <c r="AV24" s="9">
        <v>43878.251151199998</v>
      </c>
      <c r="AW24" s="9">
        <v>41069.208175300002</v>
      </c>
      <c r="AX24" s="9">
        <v>48947.248622200001</v>
      </c>
      <c r="AY24" s="9">
        <v>51241.058775199999</v>
      </c>
      <c r="AZ24" s="9">
        <v>49084.401929</v>
      </c>
      <c r="BA24" s="9">
        <v>48816.212860699998</v>
      </c>
      <c r="BB24" s="9">
        <v>42456.287247499997</v>
      </c>
      <c r="BC24" s="9">
        <v>47553.321307699996</v>
      </c>
      <c r="BD24" s="9">
        <v>47926.3600744</v>
      </c>
      <c r="BE24" s="9">
        <v>45045.683406999997</v>
      </c>
      <c r="BF24" s="9">
        <v>44063.2407131</v>
      </c>
      <c r="BG24" s="11">
        <v>0</v>
      </c>
      <c r="BH24" s="13">
        <v>0</v>
      </c>
      <c r="BI24" s="6">
        <v>0</v>
      </c>
      <c r="BJ24" s="13">
        <v>0</v>
      </c>
      <c r="BK24" s="6">
        <v>0</v>
      </c>
      <c r="BL24" s="13">
        <v>0</v>
      </c>
      <c r="BM24" s="11">
        <v>0</v>
      </c>
      <c r="BN24" s="13">
        <v>0</v>
      </c>
      <c r="BO24" s="11">
        <v>0</v>
      </c>
      <c r="BP24" s="13">
        <v>0</v>
      </c>
      <c r="BQ24" s="6">
        <v>1</v>
      </c>
      <c r="BR24" s="6">
        <v>1</v>
      </c>
      <c r="BS24" s="6">
        <v>1</v>
      </c>
      <c r="BT24" s="6">
        <v>1</v>
      </c>
      <c r="BU24" s="6">
        <v>1</v>
      </c>
      <c r="BV24" s="6">
        <v>1</v>
      </c>
      <c r="BW24" s="6">
        <v>1</v>
      </c>
      <c r="BX24" s="6">
        <v>1</v>
      </c>
      <c r="BY24" s="6">
        <v>1</v>
      </c>
      <c r="BZ24" s="6">
        <v>1</v>
      </c>
      <c r="CA24" s="6">
        <v>1</v>
      </c>
      <c r="CB24" s="6">
        <v>1</v>
      </c>
      <c r="CC24" s="11">
        <v>1</v>
      </c>
      <c r="CD24" s="11">
        <v>84.881299999999996</v>
      </c>
      <c r="CE24" s="11">
        <v>-2.1400999999999999</v>
      </c>
      <c r="CF24" s="11">
        <v>1.43658</v>
      </c>
      <c r="CG24" s="11">
        <v>-1</v>
      </c>
      <c r="CH24" s="20">
        <v>0.26756400000000002</v>
      </c>
      <c r="CI24" s="20">
        <v>0.32891599999999999</v>
      </c>
      <c r="CJ24" s="20">
        <v>0.18696399999999999</v>
      </c>
      <c r="CK24" s="20">
        <v>1.73817</v>
      </c>
      <c r="CL24" s="20">
        <v>1.8635600000000001</v>
      </c>
      <c r="CM24" s="20">
        <v>1.5564499999999999</v>
      </c>
      <c r="CN24" s="20">
        <v>0.93253900000000001</v>
      </c>
      <c r="CO24" s="20">
        <v>0.98022299999999996</v>
      </c>
      <c r="CP24" s="20">
        <v>1.74821</v>
      </c>
      <c r="CQ24" s="20">
        <v>1.2411799999999999</v>
      </c>
      <c r="CR24" s="20">
        <v>1.63307</v>
      </c>
      <c r="CS24" s="20">
        <v>1.52379</v>
      </c>
      <c r="CT24" s="20">
        <v>1.8704000000000001</v>
      </c>
      <c r="CU24" s="20">
        <v>2.0657399999999999</v>
      </c>
      <c r="CV24" s="20">
        <v>2.2121599999999999</v>
      </c>
      <c r="CW24" s="20">
        <v>2.3719000000000001</v>
      </c>
      <c r="CX24" s="20">
        <v>2.49898</v>
      </c>
      <c r="CY24" s="6" t="s">
        <v>359</v>
      </c>
      <c r="CZ24" s="6" t="s">
        <v>360</v>
      </c>
      <c r="DA24" s="6" t="s">
        <v>107</v>
      </c>
      <c r="DB24" s="6"/>
      <c r="DC24" s="6">
        <v>28860</v>
      </c>
      <c r="DD24" s="6"/>
      <c r="DE24" s="6" t="s">
        <v>362</v>
      </c>
      <c r="DF24" s="6" t="s">
        <v>363</v>
      </c>
      <c r="DG24" s="6" t="s">
        <v>364</v>
      </c>
      <c r="DH24" s="6" t="s">
        <v>365</v>
      </c>
      <c r="DI24" s="6"/>
      <c r="DJ24" s="6">
        <v>29</v>
      </c>
      <c r="DK24" s="6">
        <v>1</v>
      </c>
      <c r="DL24" s="6">
        <v>8</v>
      </c>
      <c r="DM24" s="6" t="s">
        <v>368</v>
      </c>
      <c r="DN24" s="6">
        <v>7</v>
      </c>
      <c r="DO24" s="6" t="s">
        <v>369</v>
      </c>
      <c r="DP24" s="6"/>
      <c r="DQ24" s="6"/>
    </row>
    <row r="25" spans="1:121" x14ac:dyDescent="0.2">
      <c r="A25" s="6" t="s">
        <v>312</v>
      </c>
      <c r="B25" s="6" t="s">
        <v>312</v>
      </c>
      <c r="C25" s="6" t="s">
        <v>175</v>
      </c>
      <c r="D25" s="6" t="s">
        <v>107</v>
      </c>
      <c r="E25" s="6" t="s">
        <v>248</v>
      </c>
      <c r="F25" s="11">
        <v>-8</v>
      </c>
      <c r="G25" s="13">
        <v>-1.6494845360799999E-2</v>
      </c>
      <c r="H25" s="11">
        <v>21.373048520999987</v>
      </c>
      <c r="I25" s="13">
        <v>4.4043498652501609E-2</v>
      </c>
      <c r="J25" s="11">
        <v>16.842232749999937</v>
      </c>
      <c r="K25" s="13">
        <v>3.3242709173407228E-2</v>
      </c>
      <c r="L25" s="11">
        <v>-46.021540996999931</v>
      </c>
      <c r="M25" s="13">
        <v>-8.7913496367162822E-2</v>
      </c>
      <c r="N25" s="11">
        <v>-29.179308246999994</v>
      </c>
      <c r="O25" s="13">
        <v>-5.759326998590656E-2</v>
      </c>
      <c r="P25" s="7">
        <v>485.27136069800002</v>
      </c>
      <c r="Q25" s="7">
        <v>442.84347209800001</v>
      </c>
      <c r="R25" s="7">
        <v>429.20329262299998</v>
      </c>
      <c r="S25" s="7">
        <v>466.27497869500002</v>
      </c>
      <c r="T25" s="7">
        <v>471.73949837700002</v>
      </c>
      <c r="U25" s="7">
        <v>497.929815459</v>
      </c>
      <c r="V25" s="7">
        <v>506.64440921900001</v>
      </c>
      <c r="W25" s="7">
        <v>462.60490020200001</v>
      </c>
      <c r="X25" s="7">
        <v>521.137610193</v>
      </c>
      <c r="Y25" s="7">
        <v>523.48664196899995</v>
      </c>
      <c r="Z25" s="7">
        <v>488.971480832</v>
      </c>
      <c r="AA25" s="7">
        <v>484.42950229899998</v>
      </c>
      <c r="AB25" s="7">
        <v>491.873228418</v>
      </c>
      <c r="AC25" s="7">
        <v>460.34104706599999</v>
      </c>
      <c r="AD25" s="7">
        <v>447.35065218099999</v>
      </c>
      <c r="AE25" s="7">
        <v>476.72565895000002</v>
      </c>
      <c r="AF25" s="7">
        <v>477.46510097200002</v>
      </c>
      <c r="AG25" s="9">
        <v>3524.2518342999974</v>
      </c>
      <c r="AH25" s="13">
        <v>0.1065265790149994</v>
      </c>
      <c r="AI25" s="9">
        <v>614.57402960000036</v>
      </c>
      <c r="AJ25" s="13">
        <v>1.8576558090308733E-2</v>
      </c>
      <c r="AK25" s="9">
        <v>1003.8211736999947</v>
      </c>
      <c r="AL25" s="13">
        <v>2.9788848864080123E-2</v>
      </c>
      <c r="AM25" s="9">
        <v>1905.8566310000024</v>
      </c>
      <c r="AN25" s="13">
        <v>5.4921123360356282E-2</v>
      </c>
      <c r="AO25" s="9">
        <v>2909.6778046999971</v>
      </c>
      <c r="AP25" s="13">
        <v>8.6346009267663545E-2</v>
      </c>
      <c r="AQ25" s="9">
        <v>33083.309976600001</v>
      </c>
      <c r="AR25" s="9">
        <v>32526.349901599999</v>
      </c>
      <c r="AS25" s="9">
        <v>31950.6699051</v>
      </c>
      <c r="AT25" s="9">
        <v>31509.3756369</v>
      </c>
      <c r="AU25" s="9">
        <v>31865.293663699998</v>
      </c>
      <c r="AV25" s="9">
        <v>33078.058732199999</v>
      </c>
      <c r="AW25" s="9">
        <v>33697.884006200002</v>
      </c>
      <c r="AX25" s="9">
        <v>35129.218961099999</v>
      </c>
      <c r="AY25" s="9">
        <v>35178.882801699998</v>
      </c>
      <c r="AZ25" s="9">
        <v>34701.705179899996</v>
      </c>
      <c r="BA25" s="9">
        <v>34469.973501300003</v>
      </c>
      <c r="BB25" s="9">
        <v>35163.322142099998</v>
      </c>
      <c r="BC25" s="9">
        <v>34848.113830100003</v>
      </c>
      <c r="BD25" s="9">
        <v>36316.151998499998</v>
      </c>
      <c r="BE25" s="9">
        <v>35818.959839000003</v>
      </c>
      <c r="BF25" s="9">
        <v>36607.561810899999</v>
      </c>
      <c r="BG25" s="11">
        <v>-5.5</v>
      </c>
      <c r="BH25" s="13">
        <v>-8.59375E-2</v>
      </c>
      <c r="BI25" s="6">
        <v>2</v>
      </c>
      <c r="BJ25" s="13">
        <v>3.125E-2</v>
      </c>
      <c r="BK25" s="6">
        <v>-4</v>
      </c>
      <c r="BL25" s="13">
        <v>-6.0606060606060608E-2</v>
      </c>
      <c r="BM25" s="11">
        <v>-3.5</v>
      </c>
      <c r="BN25" s="13">
        <v>-5.6451612903225805E-2</v>
      </c>
      <c r="BO25" s="11">
        <v>-7.5</v>
      </c>
      <c r="BP25" s="13">
        <v>-0.11363636363636363</v>
      </c>
      <c r="BQ25" s="6">
        <v>64</v>
      </c>
      <c r="BR25" s="6">
        <v>67</v>
      </c>
      <c r="BS25" s="6">
        <v>67</v>
      </c>
      <c r="BT25" s="6">
        <v>66</v>
      </c>
      <c r="BU25" s="6">
        <v>62</v>
      </c>
      <c r="BV25" s="6">
        <v>59</v>
      </c>
      <c r="BW25" s="6">
        <v>62</v>
      </c>
      <c r="BX25" s="6">
        <v>60</v>
      </c>
      <c r="BY25" s="6">
        <v>56</v>
      </c>
      <c r="BZ25" s="6">
        <v>60</v>
      </c>
      <c r="CA25" s="6">
        <v>56</v>
      </c>
      <c r="CB25" s="6">
        <v>59</v>
      </c>
      <c r="CC25" s="11">
        <v>58.5</v>
      </c>
      <c r="CD25" s="11">
        <v>-2.07355</v>
      </c>
      <c r="CE25" s="11">
        <v>-58.778700000000001</v>
      </c>
      <c r="CF25" s="11">
        <v>53.045999999999999</v>
      </c>
      <c r="CG25" s="11">
        <v>-6</v>
      </c>
      <c r="CH25" s="20">
        <v>0.68116399999999999</v>
      </c>
      <c r="CI25" s="20">
        <v>0.62576399999999999</v>
      </c>
      <c r="CJ25" s="20">
        <v>0.59854799999999997</v>
      </c>
      <c r="CK25" s="20">
        <v>0.63845200000000002</v>
      </c>
      <c r="CL25" s="20">
        <v>0.60374099999999997</v>
      </c>
      <c r="CM25" s="20">
        <v>0.60189899999999996</v>
      </c>
      <c r="CN25" s="20">
        <v>0.63607599999999997</v>
      </c>
      <c r="CO25" s="20">
        <v>0.62840600000000002</v>
      </c>
      <c r="CP25" s="20">
        <v>0.78188100000000005</v>
      </c>
      <c r="CQ25" s="20">
        <v>0.88226000000000004</v>
      </c>
      <c r="CR25" s="20">
        <v>0.86424199999999995</v>
      </c>
      <c r="CS25" s="20">
        <v>0.85826000000000002</v>
      </c>
      <c r="CT25" s="20">
        <v>0.85334200000000004</v>
      </c>
      <c r="CU25" s="20">
        <v>0.80293599999999998</v>
      </c>
      <c r="CV25" s="20">
        <v>0.77006600000000003</v>
      </c>
      <c r="CW25" s="20">
        <v>0.80660699999999996</v>
      </c>
      <c r="CX25" s="20">
        <v>0.80960299999999996</v>
      </c>
      <c r="CY25" s="6" t="s">
        <v>359</v>
      </c>
      <c r="CZ25" s="6" t="s">
        <v>360</v>
      </c>
      <c r="DA25" s="6" t="s">
        <v>107</v>
      </c>
      <c r="DB25" s="6"/>
      <c r="DC25" s="6">
        <v>28860</v>
      </c>
      <c r="DD25" s="6"/>
      <c r="DE25" s="6" t="s">
        <v>362</v>
      </c>
      <c r="DF25" s="6" t="s">
        <v>363</v>
      </c>
      <c r="DG25" s="6" t="s">
        <v>364</v>
      </c>
      <c r="DH25" s="6" t="s">
        <v>365</v>
      </c>
      <c r="DI25" s="6"/>
      <c r="DJ25" s="6">
        <v>29</v>
      </c>
      <c r="DK25" s="6">
        <v>1</v>
      </c>
      <c r="DL25" s="6">
        <v>8</v>
      </c>
      <c r="DM25" s="6" t="s">
        <v>368</v>
      </c>
      <c r="DN25" s="6">
        <v>7</v>
      </c>
      <c r="DO25" s="6" t="s">
        <v>369</v>
      </c>
      <c r="DP25" s="6"/>
      <c r="DQ25" s="6"/>
    </row>
    <row r="26" spans="1:121" x14ac:dyDescent="0.2">
      <c r="A26" s="6" t="s">
        <v>792</v>
      </c>
      <c r="B26" s="6" t="s">
        <v>176</v>
      </c>
      <c r="C26" s="6" t="s">
        <v>177</v>
      </c>
      <c r="D26" s="6" t="s">
        <v>107</v>
      </c>
      <c r="E26" s="6" t="s">
        <v>248</v>
      </c>
      <c r="F26" s="11">
        <v>-593</v>
      </c>
      <c r="G26" s="13">
        <v>-0.46988906497600003</v>
      </c>
      <c r="H26" s="11">
        <v>-274.48032869499991</v>
      </c>
      <c r="I26" s="13">
        <v>-0.21744724740379104</v>
      </c>
      <c r="J26" s="11">
        <v>-289.13351260900004</v>
      </c>
      <c r="K26" s="13">
        <v>-0.29270321879047345</v>
      </c>
      <c r="L26" s="11">
        <v>-29.188773131000062</v>
      </c>
      <c r="M26" s="13">
        <v>-4.177757477961673E-2</v>
      </c>
      <c r="N26" s="11">
        <v>-318.3222857400001</v>
      </c>
      <c r="O26" s="13">
        <v>-0.32225236295883664</v>
      </c>
      <c r="P26" s="7">
        <v>1262.28467811</v>
      </c>
      <c r="Q26" s="7">
        <v>1218.27694855</v>
      </c>
      <c r="R26" s="7">
        <v>1170.92849088</v>
      </c>
      <c r="S26" s="7">
        <v>1050.6719280100001</v>
      </c>
      <c r="T26" s="7">
        <v>1239.0125880999999</v>
      </c>
      <c r="U26" s="7">
        <v>1231.3250402799999</v>
      </c>
      <c r="V26" s="7">
        <v>987.80434941500005</v>
      </c>
      <c r="W26" s="7">
        <v>857.95942141700004</v>
      </c>
      <c r="X26" s="7">
        <v>755.49425290800002</v>
      </c>
      <c r="Y26" s="7">
        <v>698.67083680600001</v>
      </c>
      <c r="Z26" s="7">
        <v>713.41100908299995</v>
      </c>
      <c r="AA26" s="7">
        <v>705.295401148</v>
      </c>
      <c r="AB26" s="7">
        <v>715.23782736600003</v>
      </c>
      <c r="AC26" s="7">
        <v>735.19165347900002</v>
      </c>
      <c r="AD26" s="7">
        <v>662.25383632099999</v>
      </c>
      <c r="AE26" s="7">
        <v>667.95090241699995</v>
      </c>
      <c r="AF26" s="7">
        <v>669.48206367499995</v>
      </c>
      <c r="AG26" s="9">
        <v>7742.0052759999962</v>
      </c>
      <c r="AH26" s="13">
        <v>0.19246594207861403</v>
      </c>
      <c r="AI26" s="9">
        <v>564.68252859999484</v>
      </c>
      <c r="AJ26" s="13">
        <v>1.4037985117272346E-2</v>
      </c>
      <c r="AK26" s="9">
        <v>5592.1804091000013</v>
      </c>
      <c r="AL26" s="13">
        <v>0.13709681861522291</v>
      </c>
      <c r="AM26" s="9">
        <v>1585.1423383000001</v>
      </c>
      <c r="AN26" s="13">
        <v>3.4175668990094457E-2</v>
      </c>
      <c r="AO26" s="9">
        <v>7177.3227474000014</v>
      </c>
      <c r="AP26" s="13">
        <v>0.17595786309790626</v>
      </c>
      <c r="AQ26" s="9">
        <v>40225.326062300002</v>
      </c>
      <c r="AR26" s="9">
        <v>40789.256009099998</v>
      </c>
      <c r="AS26" s="9">
        <v>41856.148405200001</v>
      </c>
      <c r="AT26" s="9">
        <v>39319.930404400002</v>
      </c>
      <c r="AU26" s="9">
        <v>37894.583323400002</v>
      </c>
      <c r="AV26" s="9">
        <v>35494.424954900001</v>
      </c>
      <c r="AW26" s="9">
        <v>40790.008590899997</v>
      </c>
      <c r="AX26" s="9">
        <v>42187.393818500001</v>
      </c>
      <c r="AY26" s="9">
        <v>42912.862092000003</v>
      </c>
      <c r="AZ26" s="9">
        <v>46382.188999999998</v>
      </c>
      <c r="BA26" s="9">
        <v>43044.834222099998</v>
      </c>
      <c r="BB26" s="9">
        <v>48648.122086800002</v>
      </c>
      <c r="BC26" s="9">
        <v>46929.540527899997</v>
      </c>
      <c r="BD26" s="9">
        <v>49416.644704999999</v>
      </c>
      <c r="BE26" s="9">
        <v>53105.091310900003</v>
      </c>
      <c r="BF26" s="9">
        <v>47967.331338299999</v>
      </c>
      <c r="BG26" s="11">
        <v>1.25</v>
      </c>
      <c r="BH26" s="13">
        <v>9.6153846153846159E-2</v>
      </c>
      <c r="BI26" s="6">
        <v>3</v>
      </c>
      <c r="BJ26" s="13">
        <v>0.23076923076923078</v>
      </c>
      <c r="BK26" s="6">
        <v>3</v>
      </c>
      <c r="BL26" s="13">
        <v>0.1875</v>
      </c>
      <c r="BM26" s="11">
        <v>-4.75</v>
      </c>
      <c r="BN26" s="13">
        <v>-0.25</v>
      </c>
      <c r="BO26" s="11">
        <v>-1.75</v>
      </c>
      <c r="BP26" s="13">
        <v>-0.109375</v>
      </c>
      <c r="BQ26" s="6">
        <v>13</v>
      </c>
      <c r="BR26" s="6">
        <v>13</v>
      </c>
      <c r="BS26" s="6">
        <v>16</v>
      </c>
      <c r="BT26" s="6">
        <v>16</v>
      </c>
      <c r="BU26" s="6">
        <v>16</v>
      </c>
      <c r="BV26" s="6">
        <v>19</v>
      </c>
      <c r="BW26" s="6">
        <v>19</v>
      </c>
      <c r="BX26" s="6">
        <v>17</v>
      </c>
      <c r="BY26" s="6">
        <v>17</v>
      </c>
      <c r="BZ26" s="6">
        <v>19</v>
      </c>
      <c r="CA26" s="6">
        <v>17</v>
      </c>
      <c r="CB26" s="6">
        <v>14</v>
      </c>
      <c r="CC26" s="11">
        <v>14.25</v>
      </c>
      <c r="CD26" s="11">
        <v>-285.22699999999998</v>
      </c>
      <c r="CE26" s="11">
        <v>-445.55799999999999</v>
      </c>
      <c r="CF26" s="11">
        <v>137.983</v>
      </c>
      <c r="CG26" s="11">
        <v>-308</v>
      </c>
      <c r="CH26" s="20">
        <v>0.92550600000000005</v>
      </c>
      <c r="CI26" s="20">
        <v>0.96093600000000001</v>
      </c>
      <c r="CJ26" s="20">
        <v>0.97434900000000002</v>
      </c>
      <c r="CK26" s="20">
        <v>0.90921700000000005</v>
      </c>
      <c r="CL26" s="20">
        <v>1.0552900000000001</v>
      </c>
      <c r="CM26" s="20">
        <v>1.0382499999999999</v>
      </c>
      <c r="CN26" s="20">
        <v>0.87580999999999998</v>
      </c>
      <c r="CO26" s="20">
        <v>0.80527499999999996</v>
      </c>
      <c r="CP26" s="20">
        <v>0.77162799999999998</v>
      </c>
      <c r="CQ26" s="20">
        <v>0.75830500000000001</v>
      </c>
      <c r="CR26" s="20">
        <v>0.78784699999999996</v>
      </c>
      <c r="CS26" s="20">
        <v>0.77514300000000003</v>
      </c>
      <c r="CT26" s="20">
        <v>0.78185800000000005</v>
      </c>
      <c r="CU26" s="20">
        <v>0.82779999999999998</v>
      </c>
      <c r="CV26" s="20">
        <v>0.75653199999999998</v>
      </c>
      <c r="CW26" s="20">
        <v>0.76636000000000004</v>
      </c>
      <c r="CX26" s="20">
        <v>0.774729</v>
      </c>
      <c r="CY26" s="6" t="s">
        <v>359</v>
      </c>
      <c r="CZ26" s="6" t="s">
        <v>360</v>
      </c>
      <c r="DA26" s="6" t="s">
        <v>107</v>
      </c>
      <c r="DB26" s="6"/>
      <c r="DC26" s="6">
        <v>28860</v>
      </c>
      <c r="DD26" s="6"/>
      <c r="DE26" s="6" t="s">
        <v>362</v>
      </c>
      <c r="DF26" s="6" t="s">
        <v>363</v>
      </c>
      <c r="DG26" s="6" t="s">
        <v>364</v>
      </c>
      <c r="DH26" s="6" t="s">
        <v>365</v>
      </c>
      <c r="DI26" s="6"/>
      <c r="DJ26" s="6">
        <v>29</v>
      </c>
      <c r="DK26" s="6">
        <v>1</v>
      </c>
      <c r="DL26" s="6">
        <v>8</v>
      </c>
      <c r="DM26" s="6" t="s">
        <v>368</v>
      </c>
      <c r="DN26" s="6">
        <v>7</v>
      </c>
      <c r="DO26" s="6" t="s">
        <v>369</v>
      </c>
      <c r="DP26" s="6"/>
      <c r="DQ26" s="6"/>
    </row>
    <row r="27" spans="1:121" x14ac:dyDescent="0.2">
      <c r="A27" s="6" t="s">
        <v>313</v>
      </c>
      <c r="B27" s="6" t="s">
        <v>313</v>
      </c>
      <c r="C27" s="6" t="s">
        <v>178</v>
      </c>
      <c r="D27" s="6" t="s">
        <v>107</v>
      </c>
      <c r="E27" s="6" t="s">
        <v>248</v>
      </c>
      <c r="F27" s="11">
        <v>49</v>
      </c>
      <c r="G27" s="13">
        <v>0.28654970760199999</v>
      </c>
      <c r="H27" s="11">
        <v>68.591262005999994</v>
      </c>
      <c r="I27" s="13">
        <v>0.40121045480906103</v>
      </c>
      <c r="J27" s="11">
        <v>-46.177075927000004</v>
      </c>
      <c r="K27" s="13">
        <v>-0.19276425646882803</v>
      </c>
      <c r="L27" s="11">
        <v>26.229352339000002</v>
      </c>
      <c r="M27" s="13">
        <v>0.1356398379216415</v>
      </c>
      <c r="N27" s="11">
        <v>-19.947723588000002</v>
      </c>
      <c r="O27" s="13">
        <v>-8.327093105170412E-2</v>
      </c>
      <c r="P27" s="7">
        <v>170.960804196</v>
      </c>
      <c r="Q27" s="7">
        <v>182.86118787500001</v>
      </c>
      <c r="R27" s="7">
        <v>182.24613172900001</v>
      </c>
      <c r="S27" s="7">
        <v>202.31539220400001</v>
      </c>
      <c r="T27" s="7">
        <v>241.10211702800001</v>
      </c>
      <c r="U27" s="7">
        <v>253.68071289700001</v>
      </c>
      <c r="V27" s="7">
        <v>239.55206620199999</v>
      </c>
      <c r="W27" s="7">
        <v>230.945811486</v>
      </c>
      <c r="X27" s="7">
        <v>186.88927406400001</v>
      </c>
      <c r="Y27" s="7">
        <v>193.37499027499999</v>
      </c>
      <c r="Z27" s="7">
        <v>205.80514932099999</v>
      </c>
      <c r="AA27" s="7">
        <v>194.433408015</v>
      </c>
      <c r="AB27" s="7">
        <v>203.48561138100001</v>
      </c>
      <c r="AC27" s="7">
        <v>210.23816972200001</v>
      </c>
      <c r="AD27" s="7">
        <v>208.660403895</v>
      </c>
      <c r="AE27" s="7">
        <v>209.482842019</v>
      </c>
      <c r="AF27" s="7">
        <v>219.60434261399999</v>
      </c>
      <c r="AG27" s="9">
        <v>13455.910361299997</v>
      </c>
      <c r="AH27" s="13">
        <v>0.52012703528877591</v>
      </c>
      <c r="AI27" s="9">
        <v>4322.5323979999994</v>
      </c>
      <c r="AJ27" s="13">
        <v>0.16708389850586181</v>
      </c>
      <c r="AK27" s="9">
        <v>3197.0517330999974</v>
      </c>
      <c r="AL27" s="13">
        <v>0.10588731337848388</v>
      </c>
      <c r="AM27" s="9">
        <v>5936.3262302000003</v>
      </c>
      <c r="AN27" s="13">
        <v>0.17778746972265963</v>
      </c>
      <c r="AO27" s="9">
        <v>9133.3779632999976</v>
      </c>
      <c r="AP27" s="13">
        <v>0.30250022062243448</v>
      </c>
      <c r="AQ27" s="9">
        <v>25870.430584000002</v>
      </c>
      <c r="AR27" s="9">
        <v>26986.558145499999</v>
      </c>
      <c r="AS27" s="9">
        <v>27546.796808700001</v>
      </c>
      <c r="AT27" s="9">
        <v>29780.8137646</v>
      </c>
      <c r="AU27" s="9">
        <v>29505.579539599999</v>
      </c>
      <c r="AV27" s="9">
        <v>28277.121907799999</v>
      </c>
      <c r="AW27" s="9">
        <v>30192.962982000001</v>
      </c>
      <c r="AX27" s="9">
        <v>29841.4288657</v>
      </c>
      <c r="AY27" s="9">
        <v>34623.258159800003</v>
      </c>
      <c r="AZ27" s="9">
        <v>33390.014715099998</v>
      </c>
      <c r="BA27" s="9">
        <v>33819.890938600001</v>
      </c>
      <c r="BB27" s="9">
        <v>33842.9634974</v>
      </c>
      <c r="BC27" s="9">
        <v>36464.050445499997</v>
      </c>
      <c r="BD27" s="9">
        <v>38056.206090599997</v>
      </c>
      <c r="BE27" s="9">
        <v>38918.193509299999</v>
      </c>
      <c r="BF27" s="9">
        <v>39326.340945299999</v>
      </c>
      <c r="BG27" s="11">
        <v>-3.25</v>
      </c>
      <c r="BH27" s="13">
        <v>-0.125</v>
      </c>
      <c r="BI27" s="6">
        <v>4</v>
      </c>
      <c r="BJ27" s="13">
        <v>0.15384615384615385</v>
      </c>
      <c r="BK27" s="6">
        <v>0</v>
      </c>
      <c r="BL27" s="13">
        <v>0</v>
      </c>
      <c r="BM27" s="11">
        <v>-7.25</v>
      </c>
      <c r="BN27" s="13">
        <v>-0.24166666666666667</v>
      </c>
      <c r="BO27" s="11">
        <v>-7.25</v>
      </c>
      <c r="BP27" s="13">
        <v>-0.24166666666666667</v>
      </c>
      <c r="BQ27" s="6">
        <v>26</v>
      </c>
      <c r="BR27" s="6">
        <v>26</v>
      </c>
      <c r="BS27" s="6">
        <v>28</v>
      </c>
      <c r="BT27" s="6">
        <v>30</v>
      </c>
      <c r="BU27" s="6">
        <v>31</v>
      </c>
      <c r="BV27" s="6">
        <v>29</v>
      </c>
      <c r="BW27" s="6">
        <v>30</v>
      </c>
      <c r="BX27" s="6">
        <v>29</v>
      </c>
      <c r="BY27" s="6">
        <v>28</v>
      </c>
      <c r="BZ27" s="6">
        <v>26</v>
      </c>
      <c r="CA27" s="6">
        <v>25</v>
      </c>
      <c r="CB27" s="6">
        <v>24</v>
      </c>
      <c r="CC27" s="11">
        <v>22.75</v>
      </c>
      <c r="CD27" s="11">
        <v>43.9345</v>
      </c>
      <c r="CE27" s="11">
        <v>-13.978999999999999</v>
      </c>
      <c r="CF27" s="11">
        <v>18.688099999999999</v>
      </c>
      <c r="CG27" s="11">
        <v>5</v>
      </c>
      <c r="CH27" s="20">
        <v>0.352024</v>
      </c>
      <c r="CI27" s="20">
        <v>0.384712</v>
      </c>
      <c r="CJ27" s="20">
        <v>0.38665899999999997</v>
      </c>
      <c r="CK27" s="20">
        <v>0.43582500000000002</v>
      </c>
      <c r="CL27" s="20">
        <v>0.49906600000000001</v>
      </c>
      <c r="CM27" s="20">
        <v>0.50579499999999999</v>
      </c>
      <c r="CN27" s="20">
        <v>0.48444100000000001</v>
      </c>
      <c r="CO27" s="20">
        <v>0.48174499999999998</v>
      </c>
      <c r="CP27" s="20">
        <v>0.40100999999999998</v>
      </c>
      <c r="CQ27" s="20">
        <v>0.43653399999999998</v>
      </c>
      <c r="CR27" s="20">
        <v>0.47479500000000002</v>
      </c>
      <c r="CS27" s="20">
        <v>0.44588299999999997</v>
      </c>
      <c r="CT27" s="20">
        <v>0.46150999999999998</v>
      </c>
      <c r="CU27" s="20">
        <v>0.49175600000000003</v>
      </c>
      <c r="CV27" s="20">
        <v>0.49549399999999999</v>
      </c>
      <c r="CW27" s="20">
        <v>0.50090100000000004</v>
      </c>
      <c r="CX27" s="20">
        <v>0.52531399999999995</v>
      </c>
      <c r="CY27" s="6" t="s">
        <v>359</v>
      </c>
      <c r="CZ27" s="6" t="s">
        <v>360</v>
      </c>
      <c r="DA27" s="6" t="s">
        <v>107</v>
      </c>
      <c r="DB27" s="6"/>
      <c r="DC27" s="6">
        <v>28860</v>
      </c>
      <c r="DD27" s="6"/>
      <c r="DE27" s="6" t="s">
        <v>362</v>
      </c>
      <c r="DF27" s="6" t="s">
        <v>363</v>
      </c>
      <c r="DG27" s="6" t="s">
        <v>364</v>
      </c>
      <c r="DH27" s="6" t="s">
        <v>365</v>
      </c>
      <c r="DI27" s="6"/>
      <c r="DJ27" s="6">
        <v>29</v>
      </c>
      <c r="DK27" s="6">
        <v>1</v>
      </c>
      <c r="DL27" s="6">
        <v>8</v>
      </c>
      <c r="DM27" s="6" t="s">
        <v>368</v>
      </c>
      <c r="DN27" s="6">
        <v>7</v>
      </c>
      <c r="DO27" s="6" t="s">
        <v>369</v>
      </c>
      <c r="DP27" s="6"/>
      <c r="DQ27" s="6"/>
    </row>
    <row r="28" spans="1:121" x14ac:dyDescent="0.2">
      <c r="A28" s="6" t="s">
        <v>793</v>
      </c>
      <c r="B28" s="6" t="s">
        <v>179</v>
      </c>
      <c r="C28" s="6" t="s">
        <v>180</v>
      </c>
      <c r="D28" s="6" t="s">
        <v>107</v>
      </c>
      <c r="E28" s="6" t="s">
        <v>248</v>
      </c>
      <c r="F28" s="11">
        <v>-28</v>
      </c>
      <c r="G28" s="13">
        <v>-0.02</v>
      </c>
      <c r="H28" s="11">
        <v>-3</v>
      </c>
      <c r="I28" s="13">
        <v>-1.876172607879925E-3</v>
      </c>
      <c r="J28" s="11">
        <v>-80</v>
      </c>
      <c r="K28" s="13">
        <v>-5.0125313283208017E-2</v>
      </c>
      <c r="L28" s="11">
        <v>55</v>
      </c>
      <c r="M28" s="13">
        <v>3.6279683377308705E-2</v>
      </c>
      <c r="N28" s="11">
        <v>-25</v>
      </c>
      <c r="O28" s="13">
        <v>-1.5664160401002505E-2</v>
      </c>
      <c r="P28" s="7">
        <v>1599</v>
      </c>
      <c r="Q28" s="7">
        <v>1566</v>
      </c>
      <c r="R28" s="7">
        <v>1573</v>
      </c>
      <c r="S28" s="7">
        <v>1565</v>
      </c>
      <c r="T28" s="7">
        <v>1617</v>
      </c>
      <c r="U28" s="7">
        <v>1593</v>
      </c>
      <c r="V28" s="7">
        <v>1596</v>
      </c>
      <c r="W28" s="7">
        <v>1544</v>
      </c>
      <c r="X28" s="7">
        <v>1562</v>
      </c>
      <c r="Y28" s="7">
        <v>1516</v>
      </c>
      <c r="Z28" s="7">
        <v>1552</v>
      </c>
      <c r="AA28" s="7">
        <v>1527</v>
      </c>
      <c r="AB28" s="7">
        <v>1520</v>
      </c>
      <c r="AC28" s="7">
        <v>1528</v>
      </c>
      <c r="AD28" s="7">
        <v>1582</v>
      </c>
      <c r="AE28" s="7">
        <v>1556</v>
      </c>
      <c r="AF28" s="7">
        <v>1571</v>
      </c>
      <c r="AG28" s="9">
        <v>8148</v>
      </c>
      <c r="AH28" s="13">
        <v>0.42067220816769063</v>
      </c>
      <c r="AI28" s="9">
        <v>3686</v>
      </c>
      <c r="AJ28" s="13">
        <v>0.19030409417109817</v>
      </c>
      <c r="AK28" s="9">
        <v>2149</v>
      </c>
      <c r="AL28" s="13">
        <v>9.3211884623725871E-2</v>
      </c>
      <c r="AM28" s="9">
        <v>2313</v>
      </c>
      <c r="AN28" s="13">
        <v>9.1771147436914779E-2</v>
      </c>
      <c r="AO28" s="9">
        <v>4462</v>
      </c>
      <c r="AP28" s="13">
        <v>0.19353719366731728</v>
      </c>
      <c r="AQ28" s="9">
        <v>19369</v>
      </c>
      <c r="AR28" s="9">
        <v>20440</v>
      </c>
      <c r="AS28" s="9">
        <v>20820</v>
      </c>
      <c r="AT28" s="9">
        <v>21366</v>
      </c>
      <c r="AU28" s="9">
        <v>21965</v>
      </c>
      <c r="AV28" s="9">
        <v>22756</v>
      </c>
      <c r="AW28" s="9">
        <v>23055</v>
      </c>
      <c r="AX28" s="9">
        <v>24289</v>
      </c>
      <c r="AY28" s="9">
        <v>24876</v>
      </c>
      <c r="AZ28" s="9">
        <v>25204</v>
      </c>
      <c r="BA28" s="9">
        <v>24720</v>
      </c>
      <c r="BB28" s="9">
        <v>25406</v>
      </c>
      <c r="BC28" s="9">
        <v>25942</v>
      </c>
      <c r="BD28" s="9">
        <v>25842</v>
      </c>
      <c r="BE28" s="9">
        <v>26064</v>
      </c>
      <c r="BF28" s="9">
        <v>27517</v>
      </c>
      <c r="BG28" s="11">
        <v>-23</v>
      </c>
      <c r="BH28" s="13">
        <v>-0.18110236220472442</v>
      </c>
      <c r="BI28" s="6">
        <v>-17</v>
      </c>
      <c r="BJ28" s="13">
        <v>-0.13385826771653545</v>
      </c>
      <c r="BK28" s="6">
        <v>-1</v>
      </c>
      <c r="BL28" s="13">
        <v>-9.0909090909090905E-3</v>
      </c>
      <c r="BM28" s="11">
        <v>-5</v>
      </c>
      <c r="BN28" s="13">
        <v>-4.5871559633027525E-2</v>
      </c>
      <c r="BO28" s="11">
        <v>-6</v>
      </c>
      <c r="BP28" s="13">
        <v>-5.4545454545454543E-2</v>
      </c>
      <c r="BQ28" s="6">
        <v>127</v>
      </c>
      <c r="BR28" s="6">
        <v>123</v>
      </c>
      <c r="BS28" s="6">
        <v>119</v>
      </c>
      <c r="BT28" s="6">
        <v>110</v>
      </c>
      <c r="BU28" s="6">
        <v>106</v>
      </c>
      <c r="BV28" s="6">
        <v>111</v>
      </c>
      <c r="BW28" s="6">
        <v>109</v>
      </c>
      <c r="BX28" s="6">
        <v>105</v>
      </c>
      <c r="BY28" s="6">
        <v>108</v>
      </c>
      <c r="BZ28" s="6">
        <v>108</v>
      </c>
      <c r="CA28" s="6">
        <v>107</v>
      </c>
      <c r="CB28" s="6">
        <v>107</v>
      </c>
      <c r="CC28" s="11">
        <v>104</v>
      </c>
      <c r="CD28" s="11">
        <v>-101</v>
      </c>
      <c r="CE28" s="11">
        <v>-103</v>
      </c>
      <c r="CF28" s="11">
        <v>175</v>
      </c>
      <c r="CG28" s="11">
        <v>72</v>
      </c>
      <c r="CH28" s="20">
        <v>1.23</v>
      </c>
      <c r="CI28" s="20">
        <v>1.21</v>
      </c>
      <c r="CJ28" s="20">
        <v>1.23</v>
      </c>
      <c r="CK28" s="20">
        <v>1.24</v>
      </c>
      <c r="CL28" s="20">
        <v>1.24</v>
      </c>
      <c r="CM28" s="20">
        <v>1.2</v>
      </c>
      <c r="CN28" s="20">
        <v>1.22</v>
      </c>
      <c r="CO28" s="20">
        <v>1.23</v>
      </c>
      <c r="CP28" s="20">
        <v>1.26</v>
      </c>
      <c r="CQ28" s="20">
        <v>1.27</v>
      </c>
      <c r="CR28" s="20">
        <v>1.33</v>
      </c>
      <c r="CS28" s="20">
        <v>1.31</v>
      </c>
      <c r="CT28" s="20">
        <v>1.29</v>
      </c>
      <c r="CU28" s="20">
        <v>1.33</v>
      </c>
      <c r="CV28" s="20">
        <v>1.39</v>
      </c>
      <c r="CW28" s="20">
        <v>1.36</v>
      </c>
      <c r="CX28" s="20">
        <v>1.38</v>
      </c>
      <c r="CY28" s="6" t="s">
        <v>359</v>
      </c>
      <c r="CZ28" s="6" t="s">
        <v>360</v>
      </c>
      <c r="DA28" s="6" t="s">
        <v>107</v>
      </c>
      <c r="DB28" s="6"/>
      <c r="DC28" s="6">
        <v>28860</v>
      </c>
      <c r="DD28" s="6"/>
      <c r="DE28" s="6" t="s">
        <v>362</v>
      </c>
      <c r="DF28" s="6" t="s">
        <v>363</v>
      </c>
      <c r="DG28" s="6" t="s">
        <v>364</v>
      </c>
      <c r="DH28" s="6" t="s">
        <v>365</v>
      </c>
      <c r="DI28" s="6"/>
      <c r="DJ28" s="6">
        <v>29</v>
      </c>
      <c r="DK28" s="6">
        <v>1</v>
      </c>
      <c r="DL28" s="6">
        <v>8</v>
      </c>
      <c r="DM28" s="6" t="s">
        <v>368</v>
      </c>
      <c r="DN28" s="6">
        <v>7</v>
      </c>
      <c r="DO28" s="6" t="s">
        <v>369</v>
      </c>
      <c r="DP28" s="6"/>
      <c r="DQ28" s="6"/>
    </row>
    <row r="29" spans="1:121" x14ac:dyDescent="0.2">
      <c r="A29" s="6" t="s">
        <v>794</v>
      </c>
      <c r="B29" s="6" t="s">
        <v>181</v>
      </c>
      <c r="C29" s="6" t="s">
        <v>182</v>
      </c>
      <c r="D29" s="6" t="s">
        <v>107</v>
      </c>
      <c r="E29" s="6" t="s">
        <v>248</v>
      </c>
      <c r="F29" s="11">
        <v>-112</v>
      </c>
      <c r="G29" s="13">
        <v>-0.53588516746399995</v>
      </c>
      <c r="H29" s="11">
        <v>-44.088803159999998</v>
      </c>
      <c r="I29" s="13">
        <v>-0.21116836850543311</v>
      </c>
      <c r="J29" s="11">
        <v>-15.510186008000005</v>
      </c>
      <c r="K29" s="13">
        <v>-9.4174482858262756E-2</v>
      </c>
      <c r="L29" s="11">
        <v>-51.93834178920001</v>
      </c>
      <c r="M29" s="13">
        <v>-0.34814468331503901</v>
      </c>
      <c r="N29" s="11">
        <v>-67.448527797200015</v>
      </c>
      <c r="O29" s="13">
        <v>-0.40953282066225433</v>
      </c>
      <c r="P29" s="7">
        <v>208.78507265100001</v>
      </c>
      <c r="Q29" s="7">
        <v>196.93850740400001</v>
      </c>
      <c r="R29" s="7">
        <v>193.87315191499999</v>
      </c>
      <c r="S29" s="7">
        <v>127.862776096</v>
      </c>
      <c r="T29" s="7">
        <v>122.80273805100001</v>
      </c>
      <c r="U29" s="7">
        <v>136.29483852800001</v>
      </c>
      <c r="V29" s="7">
        <v>164.69626949100001</v>
      </c>
      <c r="W29" s="7">
        <v>150.96547823700001</v>
      </c>
      <c r="X29" s="7">
        <v>116.91923321</v>
      </c>
      <c r="Y29" s="7">
        <v>149.186083483</v>
      </c>
      <c r="Z29" s="7">
        <v>137.08030812000001</v>
      </c>
      <c r="AA29" s="7">
        <v>88.942866856699993</v>
      </c>
      <c r="AB29" s="7">
        <v>83.420938666300003</v>
      </c>
      <c r="AC29" s="7">
        <v>78.403131911800003</v>
      </c>
      <c r="AD29" s="7">
        <v>83.044050176799999</v>
      </c>
      <c r="AE29" s="7">
        <v>95.210629762500005</v>
      </c>
      <c r="AF29" s="7">
        <v>97.247741693799995</v>
      </c>
      <c r="AG29" s="9">
        <v>14560.176558300001</v>
      </c>
      <c r="AH29" s="13">
        <v>0.48753205600139105</v>
      </c>
      <c r="AI29" s="9">
        <v>5171.5461097000007</v>
      </c>
      <c r="AJ29" s="13">
        <v>0.17316373173584748</v>
      </c>
      <c r="AK29" s="9">
        <v>-182.79599270000472</v>
      </c>
      <c r="AL29" s="13">
        <v>-5.2172851978729597E-3</v>
      </c>
      <c r="AM29" s="9">
        <v>9571.4264413000055</v>
      </c>
      <c r="AN29" s="13">
        <v>0.27461631962025312</v>
      </c>
      <c r="AO29" s="9">
        <v>9388.6304486000008</v>
      </c>
      <c r="AP29" s="13">
        <v>0.26796628276293111</v>
      </c>
      <c r="AQ29" s="9">
        <v>29865.065033300001</v>
      </c>
      <c r="AR29" s="9">
        <v>30407.506539000002</v>
      </c>
      <c r="AS29" s="9">
        <v>33204.935000600002</v>
      </c>
      <c r="AT29" s="9">
        <v>42171.1516663</v>
      </c>
      <c r="AU29" s="9">
        <v>34320.887626299998</v>
      </c>
      <c r="AV29" s="9">
        <v>33964.210456300003</v>
      </c>
      <c r="AW29" s="9">
        <v>35036.611143000002</v>
      </c>
      <c r="AX29" s="9">
        <v>35846.352800000001</v>
      </c>
      <c r="AY29" s="9">
        <v>31210.236081800002</v>
      </c>
      <c r="AZ29" s="9">
        <v>34853.815150299997</v>
      </c>
      <c r="BA29" s="9">
        <v>36308.375334600001</v>
      </c>
      <c r="BB29" s="9">
        <v>40745.718395399999</v>
      </c>
      <c r="BC29" s="9">
        <v>46740.540619300002</v>
      </c>
      <c r="BD29" s="9">
        <v>41160.586828899999</v>
      </c>
      <c r="BE29" s="9">
        <v>43572.975525599999</v>
      </c>
      <c r="BF29" s="9">
        <v>44425.241591600003</v>
      </c>
      <c r="BG29" s="11">
        <v>-2.75</v>
      </c>
      <c r="BH29" s="13">
        <v>-0.18333333333333332</v>
      </c>
      <c r="BI29" s="6">
        <v>-1</v>
      </c>
      <c r="BJ29" s="13">
        <v>-6.6666666666666666E-2</v>
      </c>
      <c r="BK29" s="6">
        <v>-1</v>
      </c>
      <c r="BL29" s="13">
        <v>-7.1428571428571425E-2</v>
      </c>
      <c r="BM29" s="11">
        <v>-0.75</v>
      </c>
      <c r="BN29" s="13">
        <v>-5.7692307692307696E-2</v>
      </c>
      <c r="BO29" s="11">
        <v>-1.75</v>
      </c>
      <c r="BP29" s="13">
        <v>-0.125</v>
      </c>
      <c r="BQ29" s="6">
        <v>15</v>
      </c>
      <c r="BR29" s="6">
        <v>15</v>
      </c>
      <c r="BS29" s="6">
        <v>16</v>
      </c>
      <c r="BT29" s="6">
        <v>14</v>
      </c>
      <c r="BU29" s="6">
        <v>12</v>
      </c>
      <c r="BV29" s="6">
        <v>11</v>
      </c>
      <c r="BW29" s="6">
        <v>13</v>
      </c>
      <c r="BX29" s="6">
        <v>13</v>
      </c>
      <c r="BY29" s="6">
        <v>11</v>
      </c>
      <c r="BZ29" s="6">
        <v>11</v>
      </c>
      <c r="CA29" s="6">
        <v>11</v>
      </c>
      <c r="CB29" s="6">
        <v>10</v>
      </c>
      <c r="CC29" s="11">
        <v>12.25</v>
      </c>
      <c r="CD29" s="11">
        <v>-147.52000000000001</v>
      </c>
      <c r="CE29" s="11">
        <v>13.159800000000001</v>
      </c>
      <c r="CF29" s="11">
        <v>22.822700000000001</v>
      </c>
      <c r="CG29" s="11">
        <v>36</v>
      </c>
      <c r="CH29" s="20">
        <v>0.54308400000000001</v>
      </c>
      <c r="CI29" s="20">
        <v>0.52784399999999998</v>
      </c>
      <c r="CJ29" s="20">
        <v>0.52512199999999998</v>
      </c>
      <c r="CK29" s="20">
        <v>0.34825600000000001</v>
      </c>
      <c r="CL29" s="20">
        <v>0.31946799999999997</v>
      </c>
      <c r="CM29" s="20">
        <v>0.34054699999999999</v>
      </c>
      <c r="CN29" s="20">
        <v>0.41648600000000002</v>
      </c>
      <c r="CO29" s="20">
        <v>0.39382899999999998</v>
      </c>
      <c r="CP29" s="20">
        <v>0.312832</v>
      </c>
      <c r="CQ29" s="20">
        <v>0.41741800000000001</v>
      </c>
      <c r="CR29" s="20">
        <v>0.38688800000000001</v>
      </c>
      <c r="CS29" s="20">
        <v>0.248555</v>
      </c>
      <c r="CT29" s="20">
        <v>0.22917699999999999</v>
      </c>
      <c r="CU29" s="20">
        <v>0.21718599999999999</v>
      </c>
      <c r="CV29" s="20">
        <v>0.225547</v>
      </c>
      <c r="CW29" s="20">
        <v>0.25373099999999998</v>
      </c>
      <c r="CX29" s="20">
        <v>0.25757000000000002</v>
      </c>
      <c r="CY29" s="6" t="s">
        <v>359</v>
      </c>
      <c r="CZ29" s="6" t="s">
        <v>360</v>
      </c>
      <c r="DA29" s="6" t="s">
        <v>107</v>
      </c>
      <c r="DB29" s="6"/>
      <c r="DC29" s="6">
        <v>28860</v>
      </c>
      <c r="DD29" s="6"/>
      <c r="DE29" s="6" t="s">
        <v>362</v>
      </c>
      <c r="DF29" s="6" t="s">
        <v>363</v>
      </c>
      <c r="DG29" s="6" t="s">
        <v>364</v>
      </c>
      <c r="DH29" s="6" t="s">
        <v>365</v>
      </c>
      <c r="DI29" s="6"/>
      <c r="DJ29" s="6">
        <v>29</v>
      </c>
      <c r="DK29" s="6">
        <v>1</v>
      </c>
      <c r="DL29" s="6">
        <v>8</v>
      </c>
      <c r="DM29" s="6" t="s">
        <v>368</v>
      </c>
      <c r="DN29" s="6">
        <v>7</v>
      </c>
      <c r="DO29" s="6" t="s">
        <v>369</v>
      </c>
      <c r="DP29" s="6"/>
      <c r="DQ29" s="6"/>
    </row>
    <row r="30" spans="1:121" x14ac:dyDescent="0.2">
      <c r="A30" s="6" t="s">
        <v>314</v>
      </c>
      <c r="B30" s="6" t="s">
        <v>314</v>
      </c>
      <c r="C30" s="6" t="s">
        <v>183</v>
      </c>
      <c r="D30" s="6" t="s">
        <v>107</v>
      </c>
      <c r="E30" s="6" t="s">
        <v>248</v>
      </c>
      <c r="F30" s="11">
        <v>-70</v>
      </c>
      <c r="G30" s="13">
        <v>-0.33816425120799998</v>
      </c>
      <c r="H30" s="11">
        <v>-21.833348220000005</v>
      </c>
      <c r="I30" s="13">
        <v>-0.10545461463595136</v>
      </c>
      <c r="J30" s="11">
        <v>-32.804814913000001</v>
      </c>
      <c r="K30" s="13">
        <v>-0.17712524325167306</v>
      </c>
      <c r="L30" s="11">
        <v>-15.087684733999993</v>
      </c>
      <c r="M30" s="13">
        <v>-9.8999209962801996E-2</v>
      </c>
      <c r="N30" s="11">
        <v>-47.892499646999994</v>
      </c>
      <c r="O30" s="13">
        <v>-0.25858919406809028</v>
      </c>
      <c r="P30" s="7">
        <v>207.04023522700001</v>
      </c>
      <c r="Q30" s="7">
        <v>185.66981735900001</v>
      </c>
      <c r="R30" s="7">
        <v>189.91452172000001</v>
      </c>
      <c r="S30" s="7">
        <v>183.93870431900001</v>
      </c>
      <c r="T30" s="7">
        <v>181.377488145</v>
      </c>
      <c r="U30" s="7">
        <v>187.42342777100001</v>
      </c>
      <c r="V30" s="7">
        <v>185.20688700700001</v>
      </c>
      <c r="W30" s="7">
        <v>175.98079189000001</v>
      </c>
      <c r="X30" s="7">
        <v>161.19586163899999</v>
      </c>
      <c r="Y30" s="7">
        <v>152.402072094</v>
      </c>
      <c r="Z30" s="7">
        <v>137.714355969</v>
      </c>
      <c r="AA30" s="7">
        <v>139.36494816499999</v>
      </c>
      <c r="AB30" s="7">
        <v>131.30876194999999</v>
      </c>
      <c r="AC30" s="7">
        <v>121.20713255299999</v>
      </c>
      <c r="AD30" s="7">
        <v>126.11661477299999</v>
      </c>
      <c r="AE30" s="7">
        <v>138.18945357199999</v>
      </c>
      <c r="AF30" s="7">
        <v>137.31438736000001</v>
      </c>
      <c r="AG30" s="9">
        <v>6093.0727041999999</v>
      </c>
      <c r="AH30" s="13">
        <v>0.21079707246561541</v>
      </c>
      <c r="AI30" s="9">
        <v>9666.4063701999985</v>
      </c>
      <c r="AJ30" s="13">
        <v>0.33442078619816373</v>
      </c>
      <c r="AK30" s="9">
        <v>2882.8019334000055</v>
      </c>
      <c r="AL30" s="13">
        <v>7.4739505687507146E-2</v>
      </c>
      <c r="AM30" s="9">
        <v>-6456.1355994000041</v>
      </c>
      <c r="AN30" s="13">
        <v>-0.15574167699201494</v>
      </c>
      <c r="AO30" s="9">
        <v>-3573.3336659999986</v>
      </c>
      <c r="AP30" s="13">
        <v>-9.2642227257834386E-2</v>
      </c>
      <c r="AQ30" s="9">
        <v>28904.920893499999</v>
      </c>
      <c r="AR30" s="9">
        <v>31191.332566900001</v>
      </c>
      <c r="AS30" s="9">
        <v>31117.3520078</v>
      </c>
      <c r="AT30" s="9">
        <v>33035.666602199999</v>
      </c>
      <c r="AU30" s="9">
        <v>35923.953751499997</v>
      </c>
      <c r="AV30" s="9">
        <v>35976.500709</v>
      </c>
      <c r="AW30" s="9">
        <v>38571.327263699997</v>
      </c>
      <c r="AX30" s="9">
        <v>39629.973016399999</v>
      </c>
      <c r="AY30" s="9">
        <v>40635.291765299997</v>
      </c>
      <c r="AZ30" s="9">
        <v>41454.129197100003</v>
      </c>
      <c r="BA30" s="9">
        <v>43260.197209500002</v>
      </c>
      <c r="BB30" s="9">
        <v>43398.225767099997</v>
      </c>
      <c r="BC30" s="9">
        <v>44500.392151100001</v>
      </c>
      <c r="BD30" s="9">
        <v>35396.064770500001</v>
      </c>
      <c r="BE30" s="9">
        <v>33978.433969099999</v>
      </c>
      <c r="BF30" s="9">
        <v>34997.993597699999</v>
      </c>
      <c r="BG30" s="11">
        <v>-6.25</v>
      </c>
      <c r="BH30" s="13">
        <v>-0.34722222222222221</v>
      </c>
      <c r="BI30" s="6">
        <v>0</v>
      </c>
      <c r="BJ30" s="13">
        <v>0</v>
      </c>
      <c r="BK30" s="6">
        <v>-4</v>
      </c>
      <c r="BL30" s="13">
        <v>-0.22222222222222221</v>
      </c>
      <c r="BM30" s="11">
        <v>-2.25</v>
      </c>
      <c r="BN30" s="13">
        <v>-0.16071428571428573</v>
      </c>
      <c r="BO30" s="11">
        <v>-6.25</v>
      </c>
      <c r="BP30" s="13">
        <v>-0.34722222222222221</v>
      </c>
      <c r="BQ30" s="6">
        <v>18</v>
      </c>
      <c r="BR30" s="6">
        <v>17</v>
      </c>
      <c r="BS30" s="6">
        <v>17</v>
      </c>
      <c r="BT30" s="6">
        <v>18</v>
      </c>
      <c r="BU30" s="6">
        <v>17</v>
      </c>
      <c r="BV30" s="6">
        <v>17</v>
      </c>
      <c r="BW30" s="6">
        <v>14</v>
      </c>
      <c r="BX30" s="6">
        <v>14</v>
      </c>
      <c r="BY30" s="6">
        <v>12</v>
      </c>
      <c r="BZ30" s="6">
        <v>12</v>
      </c>
      <c r="CA30" s="6">
        <v>11</v>
      </c>
      <c r="CB30" s="6">
        <v>11</v>
      </c>
      <c r="CC30" s="11">
        <v>11.75</v>
      </c>
      <c r="CD30" s="11">
        <v>-28.9434</v>
      </c>
      <c r="CE30" s="11">
        <v>-63.414400000000001</v>
      </c>
      <c r="CF30" s="11">
        <v>22.632000000000001</v>
      </c>
      <c r="CG30" s="11">
        <v>-40</v>
      </c>
      <c r="CH30" s="20">
        <v>0.68388300000000002</v>
      </c>
      <c r="CI30" s="20">
        <v>0.64976900000000004</v>
      </c>
      <c r="CJ30" s="20">
        <v>0.70131500000000002</v>
      </c>
      <c r="CK30" s="20">
        <v>0.71192100000000003</v>
      </c>
      <c r="CL30" s="20">
        <v>0.69593499999999997</v>
      </c>
      <c r="CM30" s="20">
        <v>0.71128199999999997</v>
      </c>
      <c r="CN30" s="20">
        <v>0.72765500000000005</v>
      </c>
      <c r="CO30" s="20">
        <v>0.71945999999999999</v>
      </c>
      <c r="CP30" s="20">
        <v>0.67271199999999998</v>
      </c>
      <c r="CQ30" s="20">
        <v>0.68220899999999995</v>
      </c>
      <c r="CR30" s="20">
        <v>0.64497599999999999</v>
      </c>
      <c r="CS30" s="20">
        <v>0.65933299999999995</v>
      </c>
      <c r="CT30" s="20">
        <v>0.617039</v>
      </c>
      <c r="CU30" s="20">
        <v>0.58664400000000005</v>
      </c>
      <c r="CV30" s="20">
        <v>0.62033499999999997</v>
      </c>
      <c r="CW30" s="20">
        <v>0.674211</v>
      </c>
      <c r="CX30" s="20">
        <v>0.67424700000000004</v>
      </c>
      <c r="CY30" s="6" t="s">
        <v>359</v>
      </c>
      <c r="CZ30" s="6" t="s">
        <v>360</v>
      </c>
      <c r="DA30" s="6" t="s">
        <v>107</v>
      </c>
      <c r="DB30" s="6"/>
      <c r="DC30" s="6">
        <v>28860</v>
      </c>
      <c r="DD30" s="6"/>
      <c r="DE30" s="6" t="s">
        <v>362</v>
      </c>
      <c r="DF30" s="6" t="s">
        <v>363</v>
      </c>
      <c r="DG30" s="6" t="s">
        <v>364</v>
      </c>
      <c r="DH30" s="6" t="s">
        <v>365</v>
      </c>
      <c r="DI30" s="6"/>
      <c r="DJ30" s="6">
        <v>29</v>
      </c>
      <c r="DK30" s="6">
        <v>1</v>
      </c>
      <c r="DL30" s="6">
        <v>8</v>
      </c>
      <c r="DM30" s="6" t="s">
        <v>368</v>
      </c>
      <c r="DN30" s="6">
        <v>7</v>
      </c>
      <c r="DO30" s="6" t="s">
        <v>369</v>
      </c>
      <c r="DP30" s="6"/>
      <c r="DQ30" s="6"/>
    </row>
    <row r="31" spans="1:121" x14ac:dyDescent="0.2">
      <c r="A31" s="6" t="s">
        <v>315</v>
      </c>
      <c r="B31" s="6" t="s">
        <v>315</v>
      </c>
      <c r="C31" s="6" t="s">
        <v>184</v>
      </c>
      <c r="D31" s="6" t="s">
        <v>107</v>
      </c>
      <c r="E31" s="6" t="s">
        <v>248</v>
      </c>
      <c r="F31" s="11">
        <v>-124</v>
      </c>
      <c r="G31" s="13">
        <v>-0.37</v>
      </c>
      <c r="H31" s="11">
        <v>89</v>
      </c>
      <c r="I31" s="13">
        <v>0.2656716417910448</v>
      </c>
      <c r="J31" s="11">
        <v>-36</v>
      </c>
      <c r="K31" s="13">
        <v>-8.4905660377358486E-2</v>
      </c>
      <c r="L31" s="11">
        <v>-177</v>
      </c>
      <c r="M31" s="13">
        <v>-0.45618556701030927</v>
      </c>
      <c r="N31" s="11">
        <v>-213</v>
      </c>
      <c r="O31" s="13">
        <v>-0.50235849056603776</v>
      </c>
      <c r="P31" s="7">
        <v>335</v>
      </c>
      <c r="Q31" s="7">
        <v>338</v>
      </c>
      <c r="R31" s="7">
        <v>346</v>
      </c>
      <c r="S31" s="7">
        <v>353</v>
      </c>
      <c r="T31" s="7">
        <v>374</v>
      </c>
      <c r="U31" s="7">
        <v>396</v>
      </c>
      <c r="V31" s="7">
        <v>424</v>
      </c>
      <c r="W31" s="7">
        <v>434</v>
      </c>
      <c r="X31" s="7">
        <v>418</v>
      </c>
      <c r="Y31" s="7">
        <v>388</v>
      </c>
      <c r="Z31" s="7">
        <v>212</v>
      </c>
      <c r="AA31" s="7">
        <v>211</v>
      </c>
      <c r="AB31" s="7">
        <v>226</v>
      </c>
      <c r="AC31" s="7">
        <v>218</v>
      </c>
      <c r="AD31" s="7">
        <v>232</v>
      </c>
      <c r="AE31" s="7">
        <v>224</v>
      </c>
      <c r="AF31" s="7">
        <v>211</v>
      </c>
      <c r="AG31" s="9">
        <v>18798</v>
      </c>
      <c r="AH31" s="13">
        <v>0.54371908714893125</v>
      </c>
      <c r="AI31" s="9">
        <v>7512</v>
      </c>
      <c r="AJ31" s="13">
        <v>0.2172793798628988</v>
      </c>
      <c r="AK31" s="9">
        <v>3874</v>
      </c>
      <c r="AL31" s="13">
        <v>9.2051799928715691E-2</v>
      </c>
      <c r="AM31" s="9">
        <v>7412</v>
      </c>
      <c r="AN31" s="13">
        <v>0.16127417915968581</v>
      </c>
      <c r="AO31" s="9">
        <v>11286</v>
      </c>
      <c r="AP31" s="13">
        <v>0.26817155756207672</v>
      </c>
      <c r="AQ31" s="9">
        <v>34573</v>
      </c>
      <c r="AR31" s="9">
        <v>37879</v>
      </c>
      <c r="AS31" s="9">
        <v>36665</v>
      </c>
      <c r="AT31" s="9">
        <v>39164</v>
      </c>
      <c r="AU31" s="9">
        <v>40563</v>
      </c>
      <c r="AV31" s="9">
        <v>41534</v>
      </c>
      <c r="AW31" s="9">
        <v>42085</v>
      </c>
      <c r="AX31" s="9">
        <v>44345</v>
      </c>
      <c r="AY31" s="9">
        <v>45266</v>
      </c>
      <c r="AZ31" s="9">
        <v>45959</v>
      </c>
      <c r="BA31" s="9">
        <v>46733</v>
      </c>
      <c r="BB31" s="9">
        <v>49592</v>
      </c>
      <c r="BC31" s="9">
        <v>48682</v>
      </c>
      <c r="BD31" s="9">
        <v>49382</v>
      </c>
      <c r="BE31" s="9">
        <v>53874</v>
      </c>
      <c r="BF31" s="9">
        <v>53371</v>
      </c>
      <c r="BG31" s="11">
        <v>-1</v>
      </c>
      <c r="BH31" s="13">
        <v>-2.7027027027027029E-2</v>
      </c>
      <c r="BI31" s="6">
        <v>2</v>
      </c>
      <c r="BJ31" s="13">
        <v>5.4054054054054057E-2</v>
      </c>
      <c r="BK31" s="6">
        <v>3</v>
      </c>
      <c r="BL31" s="13">
        <v>7.6923076923076927E-2</v>
      </c>
      <c r="BM31" s="11">
        <v>-6</v>
      </c>
      <c r="BN31" s="13">
        <v>-0.14285714285714285</v>
      </c>
      <c r="BO31" s="11">
        <v>-3</v>
      </c>
      <c r="BP31" s="13">
        <v>-7.6923076923076927E-2</v>
      </c>
      <c r="BQ31" s="6">
        <v>37</v>
      </c>
      <c r="BR31" s="6">
        <v>36</v>
      </c>
      <c r="BS31" s="6">
        <v>37</v>
      </c>
      <c r="BT31" s="6">
        <v>39</v>
      </c>
      <c r="BU31" s="6">
        <v>39</v>
      </c>
      <c r="BV31" s="6">
        <v>41</v>
      </c>
      <c r="BW31" s="6">
        <v>42</v>
      </c>
      <c r="BX31" s="6">
        <v>40</v>
      </c>
      <c r="BY31" s="6">
        <v>41</v>
      </c>
      <c r="BZ31" s="6">
        <v>39</v>
      </c>
      <c r="CA31" s="6">
        <v>39</v>
      </c>
      <c r="CB31" s="6">
        <v>38</v>
      </c>
      <c r="CC31" s="11">
        <v>36</v>
      </c>
      <c r="CD31" s="11">
        <v>-135</v>
      </c>
      <c r="CE31" s="11">
        <v>-27</v>
      </c>
      <c r="CF31" s="11">
        <v>37</v>
      </c>
      <c r="CG31" s="11">
        <v>10</v>
      </c>
      <c r="CH31" s="20">
        <v>0.68</v>
      </c>
      <c r="CI31" s="20">
        <v>0.69</v>
      </c>
      <c r="CJ31" s="20">
        <v>0.69</v>
      </c>
      <c r="CK31" s="20">
        <v>0.72</v>
      </c>
      <c r="CL31" s="20">
        <v>0.73</v>
      </c>
      <c r="CM31" s="20">
        <v>0.75</v>
      </c>
      <c r="CN31" s="20">
        <v>0.83</v>
      </c>
      <c r="CO31" s="20">
        <v>0.89</v>
      </c>
      <c r="CP31" s="20">
        <v>0.86</v>
      </c>
      <c r="CQ31" s="20">
        <v>0.85</v>
      </c>
      <c r="CR31" s="20">
        <v>0.48</v>
      </c>
      <c r="CS31" s="20">
        <v>0.48</v>
      </c>
      <c r="CT31" s="20">
        <v>0.51</v>
      </c>
      <c r="CU31" s="20">
        <v>0.51</v>
      </c>
      <c r="CV31" s="20">
        <v>0.55000000000000004</v>
      </c>
      <c r="CW31" s="20">
        <v>0.53</v>
      </c>
      <c r="CX31" s="20">
        <v>0.49</v>
      </c>
      <c r="CY31" s="6" t="s">
        <v>359</v>
      </c>
      <c r="CZ31" s="6" t="s">
        <v>360</v>
      </c>
      <c r="DA31" s="6" t="s">
        <v>107</v>
      </c>
      <c r="DB31" s="6"/>
      <c r="DC31" s="6">
        <v>28860</v>
      </c>
      <c r="DD31" s="6"/>
      <c r="DE31" s="6" t="s">
        <v>362</v>
      </c>
      <c r="DF31" s="6" t="s">
        <v>363</v>
      </c>
      <c r="DG31" s="6" t="s">
        <v>364</v>
      </c>
      <c r="DH31" s="6" t="s">
        <v>365</v>
      </c>
      <c r="DI31" s="6"/>
      <c r="DJ31" s="6">
        <v>29</v>
      </c>
      <c r="DK31" s="6">
        <v>1</v>
      </c>
      <c r="DL31" s="6">
        <v>8</v>
      </c>
      <c r="DM31" s="6" t="s">
        <v>368</v>
      </c>
      <c r="DN31" s="6">
        <v>7</v>
      </c>
      <c r="DO31" s="6" t="s">
        <v>369</v>
      </c>
      <c r="DP31" s="6"/>
      <c r="DQ31" s="6"/>
    </row>
    <row r="32" spans="1:121" x14ac:dyDescent="0.2">
      <c r="A32" s="6" t="s">
        <v>316</v>
      </c>
      <c r="B32" s="6" t="s">
        <v>316</v>
      </c>
      <c r="C32" s="6" t="s">
        <v>185</v>
      </c>
      <c r="D32" s="6" t="s">
        <v>107</v>
      </c>
      <c r="E32" s="6" t="s">
        <v>248</v>
      </c>
      <c r="F32" s="11">
        <v>-94</v>
      </c>
      <c r="G32" s="13">
        <v>-0.48</v>
      </c>
      <c r="H32" s="11">
        <v>-28</v>
      </c>
      <c r="I32" s="13">
        <v>-0.14358974358974358</v>
      </c>
      <c r="J32" s="11">
        <v>-25</v>
      </c>
      <c r="K32" s="13">
        <v>-0.1497005988023952</v>
      </c>
      <c r="L32" s="11">
        <v>-41</v>
      </c>
      <c r="M32" s="13">
        <v>-0.28873239436619719</v>
      </c>
      <c r="N32" s="11">
        <v>-66</v>
      </c>
      <c r="O32" s="13">
        <v>-0.39520958083832336</v>
      </c>
      <c r="P32" s="7">
        <v>195</v>
      </c>
      <c r="Q32" s="7">
        <v>184</v>
      </c>
      <c r="R32" s="7">
        <v>155</v>
      </c>
      <c r="S32" s="7">
        <v>160</v>
      </c>
      <c r="T32" s="7">
        <v>154</v>
      </c>
      <c r="U32" s="7">
        <v>158</v>
      </c>
      <c r="V32" s="7">
        <v>167</v>
      </c>
      <c r="W32" s="7">
        <v>165</v>
      </c>
      <c r="X32" s="7">
        <v>151</v>
      </c>
      <c r="Y32" s="7">
        <v>142</v>
      </c>
      <c r="Z32" s="7">
        <v>134</v>
      </c>
      <c r="AA32" s="7">
        <v>134</v>
      </c>
      <c r="AB32" s="7">
        <v>134</v>
      </c>
      <c r="AC32" s="7">
        <v>124</v>
      </c>
      <c r="AD32" s="7">
        <v>109</v>
      </c>
      <c r="AE32" s="7">
        <v>105</v>
      </c>
      <c r="AF32" s="7">
        <v>101</v>
      </c>
      <c r="AG32" s="9">
        <v>14616</v>
      </c>
      <c r="AH32" s="13">
        <v>0.63122435759015327</v>
      </c>
      <c r="AI32" s="9">
        <v>7351</v>
      </c>
      <c r="AJ32" s="13">
        <v>0.31746922910818398</v>
      </c>
      <c r="AK32" s="9">
        <v>600</v>
      </c>
      <c r="AL32" s="13">
        <v>1.9668261981249591E-2</v>
      </c>
      <c r="AM32" s="9">
        <v>6665</v>
      </c>
      <c r="AN32" s="13">
        <v>0.21426734392078697</v>
      </c>
      <c r="AO32" s="9">
        <v>7265</v>
      </c>
      <c r="AP32" s="13">
        <v>0.23814987215629713</v>
      </c>
      <c r="AQ32" s="9">
        <v>23155</v>
      </c>
      <c r="AR32" s="9">
        <v>24758</v>
      </c>
      <c r="AS32" s="9">
        <v>23949</v>
      </c>
      <c r="AT32" s="9">
        <v>27604</v>
      </c>
      <c r="AU32" s="9">
        <v>28050</v>
      </c>
      <c r="AV32" s="9">
        <v>29605</v>
      </c>
      <c r="AW32" s="9">
        <v>30506</v>
      </c>
      <c r="AX32" s="9">
        <v>30528</v>
      </c>
      <c r="AY32" s="9">
        <v>31858</v>
      </c>
      <c r="AZ32" s="9">
        <v>31106</v>
      </c>
      <c r="BA32" s="9">
        <v>31615</v>
      </c>
      <c r="BB32" s="9">
        <v>33718</v>
      </c>
      <c r="BC32" s="9">
        <v>35546</v>
      </c>
      <c r="BD32" s="9">
        <v>36188</v>
      </c>
      <c r="BE32" s="9">
        <v>36965</v>
      </c>
      <c r="BF32" s="9">
        <v>37771</v>
      </c>
      <c r="BG32" s="11">
        <v>-6</v>
      </c>
      <c r="BH32" s="13">
        <v>-0.22222222222222221</v>
      </c>
      <c r="BI32" s="6">
        <v>-2</v>
      </c>
      <c r="BJ32" s="13">
        <v>-7.407407407407407E-2</v>
      </c>
      <c r="BK32" s="6">
        <v>6</v>
      </c>
      <c r="BL32" s="13">
        <v>0.24</v>
      </c>
      <c r="BM32" s="11">
        <v>-10</v>
      </c>
      <c r="BN32" s="13">
        <v>-0.32258064516129031</v>
      </c>
      <c r="BO32" s="11">
        <v>-4</v>
      </c>
      <c r="BP32" s="13">
        <v>-0.16</v>
      </c>
      <c r="BQ32" s="6">
        <v>27</v>
      </c>
      <c r="BR32" s="6">
        <v>27</v>
      </c>
      <c r="BS32" s="6">
        <v>24</v>
      </c>
      <c r="BT32" s="6">
        <v>25</v>
      </c>
      <c r="BU32" s="6">
        <v>27</v>
      </c>
      <c r="BV32" s="6">
        <v>28</v>
      </c>
      <c r="BW32" s="6">
        <v>31</v>
      </c>
      <c r="BX32" s="6">
        <v>27</v>
      </c>
      <c r="BY32" s="6">
        <v>24</v>
      </c>
      <c r="BZ32" s="6">
        <v>24</v>
      </c>
      <c r="CA32" s="6">
        <v>21</v>
      </c>
      <c r="CB32" s="6">
        <v>21</v>
      </c>
      <c r="CC32" s="11">
        <v>21</v>
      </c>
      <c r="CD32" s="11">
        <v>-105</v>
      </c>
      <c r="CE32" s="11">
        <v>-10</v>
      </c>
      <c r="CF32" s="11">
        <v>21</v>
      </c>
      <c r="CG32" s="11">
        <v>11</v>
      </c>
      <c r="CH32" s="20">
        <v>0.96</v>
      </c>
      <c r="CI32" s="20">
        <v>0.9</v>
      </c>
      <c r="CJ32" s="20">
        <v>0.75</v>
      </c>
      <c r="CK32" s="20">
        <v>0.77</v>
      </c>
      <c r="CL32" s="20">
        <v>0.7</v>
      </c>
      <c r="CM32" s="20">
        <v>0.7</v>
      </c>
      <c r="CN32" s="20">
        <v>0.76</v>
      </c>
      <c r="CO32" s="20">
        <v>0.79</v>
      </c>
      <c r="CP32" s="20">
        <v>0.74</v>
      </c>
      <c r="CQ32" s="20">
        <v>0.75</v>
      </c>
      <c r="CR32" s="20">
        <v>0.74</v>
      </c>
      <c r="CS32" s="20">
        <v>0.74</v>
      </c>
      <c r="CT32" s="20">
        <v>0.73</v>
      </c>
      <c r="CU32" s="20">
        <v>0.68</v>
      </c>
      <c r="CV32" s="20">
        <v>0.61</v>
      </c>
      <c r="CW32" s="20">
        <v>0.57999999999999996</v>
      </c>
      <c r="CX32" s="20">
        <v>0.56000000000000005</v>
      </c>
      <c r="CY32" s="6" t="s">
        <v>359</v>
      </c>
      <c r="CZ32" s="6" t="s">
        <v>360</v>
      </c>
      <c r="DA32" s="6" t="s">
        <v>107</v>
      </c>
      <c r="DB32" s="6"/>
      <c r="DC32" s="6">
        <v>28860</v>
      </c>
      <c r="DD32" s="6"/>
      <c r="DE32" s="6" t="s">
        <v>362</v>
      </c>
      <c r="DF32" s="6" t="s">
        <v>363</v>
      </c>
      <c r="DG32" s="6" t="s">
        <v>364</v>
      </c>
      <c r="DH32" s="6" t="s">
        <v>365</v>
      </c>
      <c r="DI32" s="6"/>
      <c r="DJ32" s="6">
        <v>29</v>
      </c>
      <c r="DK32" s="6">
        <v>1</v>
      </c>
      <c r="DL32" s="6">
        <v>8</v>
      </c>
      <c r="DM32" s="6" t="s">
        <v>368</v>
      </c>
      <c r="DN32" s="6">
        <v>7</v>
      </c>
      <c r="DO32" s="6" t="s">
        <v>369</v>
      </c>
      <c r="DP32" s="6"/>
      <c r="DQ32" s="6"/>
    </row>
    <row r="33" spans="1:121" x14ac:dyDescent="0.2">
      <c r="A33" s="6" t="s">
        <v>317</v>
      </c>
      <c r="B33" s="6" t="s">
        <v>317</v>
      </c>
      <c r="C33" s="6" t="s">
        <v>186</v>
      </c>
      <c r="D33" s="6" t="s">
        <v>107</v>
      </c>
      <c r="E33" s="6" t="s">
        <v>248</v>
      </c>
      <c r="F33" s="11">
        <v>250</v>
      </c>
      <c r="G33" s="13">
        <v>1.68</v>
      </c>
      <c r="H33" s="11">
        <v>481</v>
      </c>
      <c r="I33" s="13">
        <v>3.2281879194630871</v>
      </c>
      <c r="J33" s="11">
        <v>-133</v>
      </c>
      <c r="K33" s="13">
        <v>-0.21111111111111111</v>
      </c>
      <c r="L33" s="11">
        <v>-98</v>
      </c>
      <c r="M33" s="13">
        <v>-0.19718309859154928</v>
      </c>
      <c r="N33" s="11">
        <v>-231</v>
      </c>
      <c r="O33" s="13">
        <v>-0.36666666666666664</v>
      </c>
      <c r="P33" s="7">
        <v>149</v>
      </c>
      <c r="Q33" s="7">
        <v>165</v>
      </c>
      <c r="R33" s="7">
        <v>168</v>
      </c>
      <c r="S33" s="7">
        <v>184</v>
      </c>
      <c r="T33" s="7">
        <v>420</v>
      </c>
      <c r="U33" s="7">
        <v>592</v>
      </c>
      <c r="V33" s="7">
        <v>630</v>
      </c>
      <c r="W33" s="7">
        <v>521</v>
      </c>
      <c r="X33" s="7">
        <v>542</v>
      </c>
      <c r="Y33" s="7">
        <v>497</v>
      </c>
      <c r="Z33" s="7">
        <v>513</v>
      </c>
      <c r="AA33" s="7">
        <v>509</v>
      </c>
      <c r="AB33" s="7">
        <v>522</v>
      </c>
      <c r="AC33" s="7">
        <v>474</v>
      </c>
      <c r="AD33" s="7">
        <v>418</v>
      </c>
      <c r="AE33" s="7">
        <v>405</v>
      </c>
      <c r="AF33" s="7">
        <v>399</v>
      </c>
      <c r="AG33" s="9">
        <v>315</v>
      </c>
      <c r="AH33" s="13">
        <v>1.1715699036709193E-2</v>
      </c>
      <c r="AI33" s="9">
        <v>-1199</v>
      </c>
      <c r="AJ33" s="13">
        <v>-4.459404173020419E-2</v>
      </c>
      <c r="AK33" s="9">
        <v>-5295</v>
      </c>
      <c r="AL33" s="13">
        <v>-0.20612737464964184</v>
      </c>
      <c r="AM33" s="9">
        <v>6809</v>
      </c>
      <c r="AN33" s="13">
        <v>0.33388907958613251</v>
      </c>
      <c r="AO33" s="9">
        <v>1514</v>
      </c>
      <c r="AP33" s="13">
        <v>5.8938025537215818E-2</v>
      </c>
      <c r="AQ33" s="9">
        <v>26887</v>
      </c>
      <c r="AR33" s="9">
        <v>28372</v>
      </c>
      <c r="AS33" s="9">
        <v>28545</v>
      </c>
      <c r="AT33" s="9">
        <v>28131</v>
      </c>
      <c r="AU33" s="9">
        <v>26243</v>
      </c>
      <c r="AV33" s="9">
        <v>26975</v>
      </c>
      <c r="AW33" s="9">
        <v>25688</v>
      </c>
      <c r="AX33" s="9">
        <v>19821</v>
      </c>
      <c r="AY33" s="9">
        <v>19049</v>
      </c>
      <c r="AZ33" s="9">
        <v>20393</v>
      </c>
      <c r="BA33" s="9">
        <v>22279</v>
      </c>
      <c r="BB33" s="9">
        <v>23433</v>
      </c>
      <c r="BC33" s="9">
        <v>23234</v>
      </c>
      <c r="BD33" s="9">
        <v>24527</v>
      </c>
      <c r="BE33" s="9">
        <v>27776</v>
      </c>
      <c r="BF33" s="9">
        <v>27202</v>
      </c>
      <c r="BG33" s="11">
        <v>2</v>
      </c>
      <c r="BH33" s="13">
        <v>0.05</v>
      </c>
      <c r="BI33" s="6">
        <v>1</v>
      </c>
      <c r="BJ33" s="13">
        <v>2.5000000000000001E-2</v>
      </c>
      <c r="BK33" s="6">
        <v>1</v>
      </c>
      <c r="BL33" s="13">
        <v>2.4390243902439025E-2</v>
      </c>
      <c r="BM33" s="11">
        <v>0</v>
      </c>
      <c r="BN33" s="13">
        <v>0</v>
      </c>
      <c r="BO33" s="11">
        <v>1</v>
      </c>
      <c r="BP33" s="13">
        <v>2.4390243902439025E-2</v>
      </c>
      <c r="BQ33" s="6">
        <v>40</v>
      </c>
      <c r="BR33" s="6">
        <v>40</v>
      </c>
      <c r="BS33" s="6">
        <v>38</v>
      </c>
      <c r="BT33" s="6">
        <v>41</v>
      </c>
      <c r="BU33" s="6">
        <v>39</v>
      </c>
      <c r="BV33" s="6">
        <v>41</v>
      </c>
      <c r="BW33" s="6">
        <v>42</v>
      </c>
      <c r="BX33" s="6">
        <v>42</v>
      </c>
      <c r="BY33" s="6">
        <v>42</v>
      </c>
      <c r="BZ33" s="6">
        <v>42</v>
      </c>
      <c r="CA33" s="6">
        <v>44</v>
      </c>
      <c r="CB33" s="6">
        <v>43</v>
      </c>
      <c r="CC33" s="11">
        <v>42</v>
      </c>
      <c r="CD33" s="11">
        <v>204</v>
      </c>
      <c r="CE33" s="11">
        <v>30</v>
      </c>
      <c r="CF33" s="11">
        <v>16</v>
      </c>
      <c r="CG33" s="11">
        <v>46</v>
      </c>
      <c r="CH33" s="20">
        <v>0.23</v>
      </c>
      <c r="CI33" s="20">
        <v>0.26</v>
      </c>
      <c r="CJ33" s="20">
        <v>0.26</v>
      </c>
      <c r="CK33" s="20">
        <v>0.28999999999999998</v>
      </c>
      <c r="CL33" s="20">
        <v>0.63</v>
      </c>
      <c r="CM33" s="20">
        <v>0.83</v>
      </c>
      <c r="CN33" s="20">
        <v>0.89</v>
      </c>
      <c r="CO33" s="20">
        <v>0.74</v>
      </c>
      <c r="CP33" s="20">
        <v>0.77</v>
      </c>
      <c r="CQ33" s="20">
        <v>0.73</v>
      </c>
      <c r="CR33" s="20">
        <v>0.76</v>
      </c>
      <c r="CS33" s="20">
        <v>0.74</v>
      </c>
      <c r="CT33" s="20">
        <v>0.75</v>
      </c>
      <c r="CU33" s="20">
        <v>0.69</v>
      </c>
      <c r="CV33" s="20">
        <v>0.6</v>
      </c>
      <c r="CW33" s="20">
        <v>0.57999999999999996</v>
      </c>
      <c r="CX33" s="20">
        <v>0.56000000000000005</v>
      </c>
      <c r="CY33" s="6" t="s">
        <v>359</v>
      </c>
      <c r="CZ33" s="6" t="s">
        <v>360</v>
      </c>
      <c r="DA33" s="6" t="s">
        <v>107</v>
      </c>
      <c r="DB33" s="6"/>
      <c r="DC33" s="6">
        <v>28860</v>
      </c>
      <c r="DD33" s="6"/>
      <c r="DE33" s="6" t="s">
        <v>362</v>
      </c>
      <c r="DF33" s="6" t="s">
        <v>363</v>
      </c>
      <c r="DG33" s="6" t="s">
        <v>364</v>
      </c>
      <c r="DH33" s="6" t="s">
        <v>365</v>
      </c>
      <c r="DI33" s="6"/>
      <c r="DJ33" s="6">
        <v>29</v>
      </c>
      <c r="DK33" s="6">
        <v>1</v>
      </c>
      <c r="DL33" s="6">
        <v>8</v>
      </c>
      <c r="DM33" s="6" t="s">
        <v>368</v>
      </c>
      <c r="DN33" s="6">
        <v>7</v>
      </c>
      <c r="DO33" s="6" t="s">
        <v>369</v>
      </c>
      <c r="DP33" s="6"/>
      <c r="DQ33" s="6"/>
    </row>
    <row r="34" spans="1:121" x14ac:dyDescent="0.2">
      <c r="A34" s="6" t="s">
        <v>318</v>
      </c>
      <c r="B34" s="6" t="s">
        <v>318</v>
      </c>
      <c r="C34" s="6" t="s">
        <v>187</v>
      </c>
      <c r="D34" s="6" t="s">
        <v>107</v>
      </c>
      <c r="E34" s="6" t="s">
        <v>248</v>
      </c>
      <c r="F34" s="11">
        <v>5</v>
      </c>
      <c r="G34" s="13">
        <v>0.116279069767</v>
      </c>
      <c r="H34" s="11">
        <v>28.681087999999995</v>
      </c>
      <c r="I34" s="13">
        <v>0.66736453409437912</v>
      </c>
      <c r="J34" s="11">
        <v>4.6105730000000023</v>
      </c>
      <c r="K34" s="13">
        <v>6.4341598196270042E-2</v>
      </c>
      <c r="L34" s="11">
        <v>-28.728816695900001</v>
      </c>
      <c r="M34" s="13">
        <v>-0.37668093837800648</v>
      </c>
      <c r="N34" s="11">
        <v>-24.118243695899999</v>
      </c>
      <c r="O34" s="13">
        <v>-0.33657559376704804</v>
      </c>
      <c r="P34" s="7">
        <v>42.976644</v>
      </c>
      <c r="Q34" s="7">
        <v>45.047680999999997</v>
      </c>
      <c r="R34" s="7">
        <v>76.487607999999994</v>
      </c>
      <c r="S34" s="7">
        <v>77.997185999999999</v>
      </c>
      <c r="T34" s="7">
        <v>81.921184999999994</v>
      </c>
      <c r="U34" s="7">
        <v>73.414865000000006</v>
      </c>
      <c r="V34" s="7">
        <v>71.657731999999996</v>
      </c>
      <c r="W34" s="7">
        <v>71.879170999999999</v>
      </c>
      <c r="X34" s="7">
        <v>70.771570999999994</v>
      </c>
      <c r="Y34" s="7">
        <v>76.268304999999998</v>
      </c>
      <c r="Z34" s="7">
        <v>68.773343999999994</v>
      </c>
      <c r="AA34" s="7">
        <v>69.273060999999998</v>
      </c>
      <c r="AB34" s="7">
        <v>67.119821999999999</v>
      </c>
      <c r="AC34" s="7">
        <v>65.816207000000006</v>
      </c>
      <c r="AD34" s="7">
        <v>55.555943999999997</v>
      </c>
      <c r="AE34" s="7">
        <v>49.1608315</v>
      </c>
      <c r="AF34" s="7">
        <v>47.539488304099997</v>
      </c>
      <c r="AG34" s="9">
        <v>13649.313684299999</v>
      </c>
      <c r="AH34" s="13">
        <v>0.43669817578871017</v>
      </c>
      <c r="AI34" s="9">
        <v>5025.8151063000005</v>
      </c>
      <c r="AJ34" s="13">
        <v>0.16079667736679396</v>
      </c>
      <c r="AK34" s="9">
        <v>-3104.9989709000001</v>
      </c>
      <c r="AL34" s="13">
        <v>-8.5580706477355287E-2</v>
      </c>
      <c r="AM34" s="9">
        <v>11728.497548899999</v>
      </c>
      <c r="AN34" s="13">
        <v>0.35351789892512364</v>
      </c>
      <c r="AO34" s="9">
        <v>8623.4985779999988</v>
      </c>
      <c r="AP34" s="13">
        <v>0.23768288090536596</v>
      </c>
      <c r="AQ34" s="9">
        <v>31255.714910300001</v>
      </c>
      <c r="AR34" s="9">
        <v>32369.4212811</v>
      </c>
      <c r="AS34" s="9">
        <v>36732.323236700002</v>
      </c>
      <c r="AT34" s="9">
        <v>36208.196763100001</v>
      </c>
      <c r="AU34" s="9">
        <v>35178.938632500001</v>
      </c>
      <c r="AV34" s="9">
        <v>35125.508764999999</v>
      </c>
      <c r="AW34" s="9">
        <v>36281.530016600002</v>
      </c>
      <c r="AX34" s="9">
        <v>35437.997537099996</v>
      </c>
      <c r="AY34" s="9">
        <v>35720.230992899997</v>
      </c>
      <c r="AZ34" s="9">
        <v>33176.531045700001</v>
      </c>
      <c r="BA34" s="9">
        <v>35550.872503999999</v>
      </c>
      <c r="BB34" s="9">
        <v>40251.702634699999</v>
      </c>
      <c r="BC34" s="9">
        <v>43001.289895800001</v>
      </c>
      <c r="BD34" s="9">
        <v>43456.330856</v>
      </c>
      <c r="BE34" s="9">
        <v>41435.908995700003</v>
      </c>
      <c r="BF34" s="9">
        <v>44905.0285946</v>
      </c>
      <c r="BG34" s="11">
        <v>-4</v>
      </c>
      <c r="BH34" s="13">
        <v>-0.66666666666666663</v>
      </c>
      <c r="BI34" s="6">
        <v>-1</v>
      </c>
      <c r="BJ34" s="13">
        <v>-0.16666666666666666</v>
      </c>
      <c r="BK34" s="6">
        <v>0</v>
      </c>
      <c r="BL34" s="13">
        <v>0</v>
      </c>
      <c r="BM34" s="11">
        <v>-3</v>
      </c>
      <c r="BN34" s="13">
        <v>-0.6</v>
      </c>
      <c r="BO34" s="11">
        <v>-3</v>
      </c>
      <c r="BP34" s="13">
        <v>-0.6</v>
      </c>
      <c r="BQ34" s="6">
        <v>6</v>
      </c>
      <c r="BR34" s="6">
        <v>6</v>
      </c>
      <c r="BS34" s="6">
        <v>5</v>
      </c>
      <c r="BT34" s="6">
        <v>5</v>
      </c>
      <c r="BU34" s="6">
        <v>5</v>
      </c>
      <c r="BV34" s="6">
        <v>4</v>
      </c>
      <c r="BW34" s="6">
        <v>5</v>
      </c>
      <c r="BX34" s="6">
        <v>4</v>
      </c>
      <c r="BY34" s="6">
        <v>5</v>
      </c>
      <c r="BZ34" s="6">
        <v>4</v>
      </c>
      <c r="CA34" s="6">
        <v>3</v>
      </c>
      <c r="CB34" s="6">
        <v>2</v>
      </c>
      <c r="CC34" s="11">
        <v>2</v>
      </c>
      <c r="CD34" s="11">
        <v>-9.3366699999999998</v>
      </c>
      <c r="CE34" s="11">
        <v>9.2016500000000008</v>
      </c>
      <c r="CF34" s="11">
        <v>4.6978600000000004</v>
      </c>
      <c r="CG34" s="11">
        <v>14</v>
      </c>
      <c r="CH34" s="20">
        <v>0.305863</v>
      </c>
      <c r="CI34" s="20">
        <v>0.324687</v>
      </c>
      <c r="CJ34" s="20">
        <v>0.56550699999999998</v>
      </c>
      <c r="CK34" s="20">
        <v>0.57867299999999999</v>
      </c>
      <c r="CL34" s="20">
        <v>0.57899199999999995</v>
      </c>
      <c r="CM34" s="20">
        <v>0.49875599999999998</v>
      </c>
      <c r="CN34" s="20">
        <v>0.48682399999999998</v>
      </c>
      <c r="CO34" s="20">
        <v>0.48517199999999999</v>
      </c>
      <c r="CP34" s="20">
        <v>0.46961900000000001</v>
      </c>
      <c r="CQ34" s="20">
        <v>0.52274100000000001</v>
      </c>
      <c r="CR34" s="20">
        <v>0.47290700000000002</v>
      </c>
      <c r="CS34" s="20">
        <v>0.46085500000000001</v>
      </c>
      <c r="CT34" s="20">
        <v>0.42936000000000002</v>
      </c>
      <c r="CU34" s="20">
        <v>0.42589399999999999</v>
      </c>
      <c r="CV34" s="20">
        <v>0.36132300000000001</v>
      </c>
      <c r="CW34" s="20">
        <v>0.31791900000000001</v>
      </c>
      <c r="CX34" s="20">
        <v>0.305178</v>
      </c>
      <c r="CY34" s="6" t="s">
        <v>359</v>
      </c>
      <c r="CZ34" s="6" t="s">
        <v>360</v>
      </c>
      <c r="DA34" s="6" t="s">
        <v>107</v>
      </c>
      <c r="DB34" s="6"/>
      <c r="DC34" s="6">
        <v>28860</v>
      </c>
      <c r="DD34" s="6"/>
      <c r="DE34" s="6" t="s">
        <v>362</v>
      </c>
      <c r="DF34" s="6" t="s">
        <v>363</v>
      </c>
      <c r="DG34" s="6" t="s">
        <v>364</v>
      </c>
      <c r="DH34" s="6" t="s">
        <v>365</v>
      </c>
      <c r="DI34" s="6"/>
      <c r="DJ34" s="6">
        <v>29</v>
      </c>
      <c r="DK34" s="6">
        <v>1</v>
      </c>
      <c r="DL34" s="6">
        <v>8</v>
      </c>
      <c r="DM34" s="6" t="s">
        <v>368</v>
      </c>
      <c r="DN34" s="6">
        <v>7</v>
      </c>
      <c r="DO34" s="6" t="s">
        <v>369</v>
      </c>
      <c r="DP34" s="6"/>
      <c r="DQ34" s="6"/>
    </row>
    <row r="35" spans="1:121" x14ac:dyDescent="0.2">
      <c r="A35" s="6" t="s">
        <v>319</v>
      </c>
      <c r="B35" s="6" t="s">
        <v>319</v>
      </c>
      <c r="C35" s="6" t="s">
        <v>188</v>
      </c>
      <c r="D35" s="6" t="s">
        <v>107</v>
      </c>
      <c r="E35" s="6" t="s">
        <v>248</v>
      </c>
      <c r="F35" s="11">
        <v>-21</v>
      </c>
      <c r="G35" s="13">
        <v>-0.10243902438999999</v>
      </c>
      <c r="H35" s="11">
        <v>-46.597719390999998</v>
      </c>
      <c r="I35" s="13">
        <v>-0.22777832878705256</v>
      </c>
      <c r="J35" s="11">
        <v>30.995816996000002</v>
      </c>
      <c r="K35" s="13">
        <v>0.19620444554310307</v>
      </c>
      <c r="L35" s="11">
        <v>-5.4136222719999978</v>
      </c>
      <c r="M35" s="13">
        <v>-2.8647603246104193E-2</v>
      </c>
      <c r="N35" s="11">
        <v>25.582194724000004</v>
      </c>
      <c r="O35" s="13">
        <v>0.16193605518595819</v>
      </c>
      <c r="P35" s="7">
        <v>204.57485854399999</v>
      </c>
      <c r="Q35" s="7">
        <v>159.67652874500001</v>
      </c>
      <c r="R35" s="7">
        <v>147.32861257799999</v>
      </c>
      <c r="S35" s="7">
        <v>162.24597031499999</v>
      </c>
      <c r="T35" s="7">
        <v>163.669828532</v>
      </c>
      <c r="U35" s="7">
        <v>187.710516463</v>
      </c>
      <c r="V35" s="7">
        <v>157.977139153</v>
      </c>
      <c r="W35" s="7">
        <v>201.06345357699999</v>
      </c>
      <c r="X35" s="7">
        <v>210.65845040100001</v>
      </c>
      <c r="Y35" s="7">
        <v>188.972956149</v>
      </c>
      <c r="Z35" s="7">
        <v>228.11841769700001</v>
      </c>
      <c r="AA35" s="7">
        <v>224.717150903</v>
      </c>
      <c r="AB35" s="7">
        <v>237.77625340500001</v>
      </c>
      <c r="AC35" s="7">
        <v>235.79600332999999</v>
      </c>
      <c r="AD35" s="7">
        <v>228.14985164500001</v>
      </c>
      <c r="AE35" s="7">
        <v>181.405637044</v>
      </c>
      <c r="AF35" s="7">
        <v>183.559333877</v>
      </c>
      <c r="AG35" s="9">
        <v>2331.1584994000004</v>
      </c>
      <c r="AH35" s="13">
        <v>0.1298934421165229</v>
      </c>
      <c r="AI35" s="9">
        <v>1041.7136424000018</v>
      </c>
      <c r="AJ35" s="13">
        <v>5.804486084747295E-2</v>
      </c>
      <c r="AK35" s="9">
        <v>3846.3222212000001</v>
      </c>
      <c r="AL35" s="13">
        <v>0.20256154669905593</v>
      </c>
      <c r="AM35" s="9">
        <v>-2556.8773642000015</v>
      </c>
      <c r="AN35" s="13">
        <v>-0.11197315785192238</v>
      </c>
      <c r="AO35" s="9">
        <v>1289.4448569999986</v>
      </c>
      <c r="AP35" s="13">
        <v>6.7906932803870584E-2</v>
      </c>
      <c r="AQ35" s="9">
        <v>17946.698935799999</v>
      </c>
      <c r="AR35" s="9">
        <v>19322.517349999998</v>
      </c>
      <c r="AS35" s="9">
        <v>20475.216550599998</v>
      </c>
      <c r="AT35" s="9">
        <v>19735.172700300001</v>
      </c>
      <c r="AU35" s="9">
        <v>21709.134727199998</v>
      </c>
      <c r="AV35" s="9">
        <v>18053.871366200001</v>
      </c>
      <c r="AW35" s="9">
        <v>18988.412578200001</v>
      </c>
      <c r="AX35" s="9">
        <v>21159.557263300001</v>
      </c>
      <c r="AY35" s="9">
        <v>21650.704421400002</v>
      </c>
      <c r="AZ35" s="9">
        <v>22834.734799400001</v>
      </c>
      <c r="BA35" s="9">
        <v>22294.844539999998</v>
      </c>
      <c r="BB35" s="9">
        <v>22977.6202481</v>
      </c>
      <c r="BC35" s="9">
        <v>22260.217024199999</v>
      </c>
      <c r="BD35" s="9">
        <v>23845.116820700001</v>
      </c>
      <c r="BE35" s="9">
        <v>25311.358741399999</v>
      </c>
      <c r="BF35" s="9">
        <v>20277.8574352</v>
      </c>
      <c r="BG35" s="11">
        <v>0.25</v>
      </c>
      <c r="BH35" s="13">
        <v>1.3888888888888888E-2</v>
      </c>
      <c r="BI35" s="6">
        <v>-5</v>
      </c>
      <c r="BJ35" s="13">
        <v>-0.27777777777777779</v>
      </c>
      <c r="BK35" s="6">
        <v>2</v>
      </c>
      <c r="BL35" s="13">
        <v>0.15384615384615385</v>
      </c>
      <c r="BM35" s="11">
        <v>3.25</v>
      </c>
      <c r="BN35" s="13">
        <v>0.21666666666666667</v>
      </c>
      <c r="BO35" s="11">
        <v>5.25</v>
      </c>
      <c r="BP35" s="13">
        <v>0.40384615384615385</v>
      </c>
      <c r="BQ35" s="6">
        <v>18</v>
      </c>
      <c r="BR35" s="6">
        <v>18</v>
      </c>
      <c r="BS35" s="6">
        <v>16</v>
      </c>
      <c r="BT35" s="6">
        <v>13</v>
      </c>
      <c r="BU35" s="6">
        <v>14</v>
      </c>
      <c r="BV35" s="6">
        <v>16</v>
      </c>
      <c r="BW35" s="6">
        <v>15</v>
      </c>
      <c r="BX35" s="6">
        <v>16</v>
      </c>
      <c r="BY35" s="6">
        <v>17</v>
      </c>
      <c r="BZ35" s="6">
        <v>17</v>
      </c>
      <c r="CA35" s="6">
        <v>17</v>
      </c>
      <c r="CB35" s="6">
        <v>20</v>
      </c>
      <c r="CC35" s="11">
        <v>18.25</v>
      </c>
      <c r="CD35" s="11">
        <v>-61.784100000000002</v>
      </c>
      <c r="CE35" s="11">
        <v>18.406099999999999</v>
      </c>
      <c r="CF35" s="11">
        <v>22.362500000000001</v>
      </c>
      <c r="CG35" s="11">
        <v>40</v>
      </c>
      <c r="CH35" s="20">
        <v>0.296815</v>
      </c>
      <c r="CI35" s="20">
        <v>0.23233599999999999</v>
      </c>
      <c r="CJ35" s="20">
        <v>0.21598800000000001</v>
      </c>
      <c r="CK35" s="20">
        <v>0.23589499999999999</v>
      </c>
      <c r="CL35" s="20">
        <v>0.22509199999999999</v>
      </c>
      <c r="CM35" s="20">
        <v>0.24701600000000001</v>
      </c>
      <c r="CN35" s="20">
        <v>0.212256</v>
      </c>
      <c r="CO35" s="20">
        <v>0.28921400000000003</v>
      </c>
      <c r="CP35" s="20">
        <v>0.320687</v>
      </c>
      <c r="CQ35" s="20">
        <v>0.28882400000000003</v>
      </c>
      <c r="CR35" s="20">
        <v>0.34787899999999999</v>
      </c>
      <c r="CS35" s="20">
        <v>0.33581100000000003</v>
      </c>
      <c r="CT35" s="20">
        <v>0.34555799999999998</v>
      </c>
      <c r="CU35" s="20">
        <v>0.34620600000000001</v>
      </c>
      <c r="CV35" s="20">
        <v>0.33576099999999998</v>
      </c>
      <c r="CW35" s="20">
        <v>0.26425999999999999</v>
      </c>
      <c r="CX35" s="20">
        <v>0.26508900000000002</v>
      </c>
      <c r="CY35" s="6" t="s">
        <v>359</v>
      </c>
      <c r="CZ35" s="6" t="s">
        <v>360</v>
      </c>
      <c r="DA35" s="6" t="s">
        <v>107</v>
      </c>
      <c r="DB35" s="6"/>
      <c r="DC35" s="6">
        <v>28860</v>
      </c>
      <c r="DD35" s="6"/>
      <c r="DE35" s="6" t="s">
        <v>362</v>
      </c>
      <c r="DF35" s="6" t="s">
        <v>363</v>
      </c>
      <c r="DG35" s="6" t="s">
        <v>364</v>
      </c>
      <c r="DH35" s="6" t="s">
        <v>365</v>
      </c>
      <c r="DI35" s="6"/>
      <c r="DJ35" s="6">
        <v>29</v>
      </c>
      <c r="DK35" s="6">
        <v>1</v>
      </c>
      <c r="DL35" s="6">
        <v>8</v>
      </c>
      <c r="DM35" s="6" t="s">
        <v>368</v>
      </c>
      <c r="DN35" s="6">
        <v>7</v>
      </c>
      <c r="DO35" s="6" t="s">
        <v>369</v>
      </c>
      <c r="DP35" s="6"/>
      <c r="DQ35" s="6"/>
    </row>
    <row r="36" spans="1:121" x14ac:dyDescent="0.2">
      <c r="A36" s="6" t="s">
        <v>320</v>
      </c>
      <c r="B36" s="6" t="s">
        <v>320</v>
      </c>
      <c r="C36" s="6" t="s">
        <v>189</v>
      </c>
      <c r="D36" s="6" t="s">
        <v>107</v>
      </c>
      <c r="E36" s="6" t="s">
        <v>248</v>
      </c>
      <c r="F36" s="11">
        <v>-65</v>
      </c>
      <c r="G36" s="13">
        <v>-0.102040816327</v>
      </c>
      <c r="H36" s="11">
        <v>-159.449781384</v>
      </c>
      <c r="I36" s="13">
        <v>-0.25048483840121644</v>
      </c>
      <c r="J36" s="11">
        <v>-10.913747962999992</v>
      </c>
      <c r="K36" s="13">
        <v>-2.2874468573846177E-2</v>
      </c>
      <c r="L36" s="11">
        <v>106.01477169599997</v>
      </c>
      <c r="M36" s="13">
        <v>0.22740138963054105</v>
      </c>
      <c r="N36" s="11">
        <v>95.101023732999977</v>
      </c>
      <c r="O36" s="13">
        <v>0.19932523511594208</v>
      </c>
      <c r="P36" s="7">
        <v>636.564601681</v>
      </c>
      <c r="Q36" s="7">
        <v>642.61053724199996</v>
      </c>
      <c r="R36" s="7">
        <v>556.61138719500002</v>
      </c>
      <c r="S36" s="7">
        <v>562.44833444799997</v>
      </c>
      <c r="T36" s="7">
        <v>503.18819355699998</v>
      </c>
      <c r="U36" s="7">
        <v>445.080323002</v>
      </c>
      <c r="V36" s="7">
        <v>477.11482029699999</v>
      </c>
      <c r="W36" s="7">
        <v>468.64208311300001</v>
      </c>
      <c r="X36" s="7">
        <v>497.40890906300001</v>
      </c>
      <c r="Y36" s="7">
        <v>466.201072334</v>
      </c>
      <c r="Z36" s="7">
        <v>493.42658754299998</v>
      </c>
      <c r="AA36" s="7">
        <v>619.30582435099996</v>
      </c>
      <c r="AB36" s="7">
        <v>689.426633864</v>
      </c>
      <c r="AC36" s="7">
        <v>582.57101033100002</v>
      </c>
      <c r="AD36" s="7">
        <v>551.42536996000001</v>
      </c>
      <c r="AE36" s="7">
        <v>573.26166396899998</v>
      </c>
      <c r="AF36" s="7">
        <v>572.21584402999997</v>
      </c>
      <c r="AG36" s="9">
        <v>-4436.8169849999977</v>
      </c>
      <c r="AH36" s="13">
        <v>-0.14669028277863955</v>
      </c>
      <c r="AI36" s="9">
        <v>-3492.7494005999979</v>
      </c>
      <c r="AJ36" s="13">
        <v>-0.11547746931665195</v>
      </c>
      <c r="AK36" s="9">
        <v>-7675.7854366000029</v>
      </c>
      <c r="AL36" s="13">
        <v>-0.28690872629029329</v>
      </c>
      <c r="AM36" s="9">
        <v>6731.7178522000031</v>
      </c>
      <c r="AN36" s="13">
        <v>0.35285941866962672</v>
      </c>
      <c r="AO36" s="9">
        <v>-944.06758439999976</v>
      </c>
      <c r="AP36" s="13">
        <v>-3.5287753990702504E-2</v>
      </c>
      <c r="AQ36" s="9">
        <v>30246.154693799999</v>
      </c>
      <c r="AR36" s="9">
        <v>30464.0083705</v>
      </c>
      <c r="AS36" s="9">
        <v>31274.252239500001</v>
      </c>
      <c r="AT36" s="9">
        <v>31676.032435000001</v>
      </c>
      <c r="AU36" s="9">
        <v>30546.9362826</v>
      </c>
      <c r="AV36" s="9">
        <v>35615.481246399999</v>
      </c>
      <c r="AW36" s="9">
        <v>26753.405293200001</v>
      </c>
      <c r="AX36" s="9">
        <v>26561.9189277</v>
      </c>
      <c r="AY36" s="9">
        <v>25181.303608999999</v>
      </c>
      <c r="AZ36" s="9">
        <v>19077.619856599998</v>
      </c>
      <c r="BA36" s="9">
        <v>21457.133881900001</v>
      </c>
      <c r="BB36" s="9">
        <v>19828.6042992</v>
      </c>
      <c r="BC36" s="9">
        <v>29212.931299</v>
      </c>
      <c r="BD36" s="9">
        <v>31170.7685112</v>
      </c>
      <c r="BE36" s="9">
        <v>21624.300365399999</v>
      </c>
      <c r="BF36" s="9">
        <v>25809.337708800002</v>
      </c>
      <c r="BG36" s="11">
        <v>5</v>
      </c>
      <c r="BH36" s="13">
        <v>2.5</v>
      </c>
      <c r="BI36" s="6">
        <v>3</v>
      </c>
      <c r="BJ36" s="13">
        <v>1.5</v>
      </c>
      <c r="BK36" s="6">
        <v>0</v>
      </c>
      <c r="BL36" s="13">
        <v>0</v>
      </c>
      <c r="BM36" s="11">
        <v>2</v>
      </c>
      <c r="BN36" s="13">
        <v>0.4</v>
      </c>
      <c r="BO36" s="11">
        <v>2</v>
      </c>
      <c r="BP36" s="13">
        <v>0.4</v>
      </c>
      <c r="BQ36" s="6">
        <v>2</v>
      </c>
      <c r="BR36" s="6">
        <v>3</v>
      </c>
      <c r="BS36" s="6">
        <v>4</v>
      </c>
      <c r="BT36" s="6">
        <v>5</v>
      </c>
      <c r="BU36" s="6">
        <v>4</v>
      </c>
      <c r="BV36" s="6">
        <v>4</v>
      </c>
      <c r="BW36" s="6">
        <v>5</v>
      </c>
      <c r="BX36" s="6">
        <v>5</v>
      </c>
      <c r="BY36" s="6">
        <v>5</v>
      </c>
      <c r="BZ36" s="6">
        <v>7</v>
      </c>
      <c r="CA36" s="6">
        <v>7</v>
      </c>
      <c r="CB36" s="6">
        <v>7</v>
      </c>
      <c r="CC36" s="11">
        <v>7</v>
      </c>
      <c r="CD36" s="11">
        <v>-364.43599999999998</v>
      </c>
      <c r="CE36" s="11">
        <v>230.50299999999999</v>
      </c>
      <c r="CF36" s="11">
        <v>69.584199999999996</v>
      </c>
      <c r="CG36" s="11">
        <v>301</v>
      </c>
      <c r="CH36" s="20">
        <v>2.7683</v>
      </c>
      <c r="CI36" s="20">
        <v>2.67822</v>
      </c>
      <c r="CJ36" s="20">
        <v>2.26986</v>
      </c>
      <c r="CK36" s="20">
        <v>2.2660499999999999</v>
      </c>
      <c r="CL36" s="20">
        <v>1.9605699999999999</v>
      </c>
      <c r="CM36" s="20">
        <v>1.6674800000000001</v>
      </c>
      <c r="CN36" s="20">
        <v>1.79657</v>
      </c>
      <c r="CO36" s="20">
        <v>1.75589</v>
      </c>
      <c r="CP36" s="20">
        <v>1.74614</v>
      </c>
      <c r="CQ36" s="20">
        <v>1.6554500000000001</v>
      </c>
      <c r="CR36" s="20">
        <v>1.7610399999999999</v>
      </c>
      <c r="CS36" s="20">
        <v>2.1868099999999999</v>
      </c>
      <c r="CT36" s="20">
        <v>2.3984200000000002</v>
      </c>
      <c r="CU36" s="20">
        <v>2.0720800000000001</v>
      </c>
      <c r="CV36" s="20">
        <v>1.9871300000000001</v>
      </c>
      <c r="CW36" s="20">
        <v>2.04752</v>
      </c>
      <c r="CX36" s="20">
        <v>2.0188199999999998</v>
      </c>
      <c r="CY36" s="6" t="s">
        <v>359</v>
      </c>
      <c r="CZ36" s="6" t="s">
        <v>360</v>
      </c>
      <c r="DA36" s="6" t="s">
        <v>107</v>
      </c>
      <c r="DB36" s="6"/>
      <c r="DC36" s="6">
        <v>28860</v>
      </c>
      <c r="DD36" s="6"/>
      <c r="DE36" s="6" t="s">
        <v>362</v>
      </c>
      <c r="DF36" s="6" t="s">
        <v>363</v>
      </c>
      <c r="DG36" s="6" t="s">
        <v>364</v>
      </c>
      <c r="DH36" s="6" t="s">
        <v>365</v>
      </c>
      <c r="DI36" s="6"/>
      <c r="DJ36" s="6">
        <v>29</v>
      </c>
      <c r="DK36" s="6">
        <v>1</v>
      </c>
      <c r="DL36" s="6">
        <v>8</v>
      </c>
      <c r="DM36" s="6" t="s">
        <v>368</v>
      </c>
      <c r="DN36" s="6">
        <v>7</v>
      </c>
      <c r="DO36" s="6" t="s">
        <v>369</v>
      </c>
      <c r="DP36" s="6"/>
      <c r="DQ36" s="6"/>
    </row>
    <row r="37" spans="1:121" x14ac:dyDescent="0.2">
      <c r="A37" s="6" t="s">
        <v>321</v>
      </c>
      <c r="B37" s="6" t="s">
        <v>321</v>
      </c>
      <c r="C37" s="6" t="s">
        <v>190</v>
      </c>
      <c r="D37" s="6" t="s">
        <v>107</v>
      </c>
      <c r="E37" s="6" t="s">
        <v>248</v>
      </c>
      <c r="F37" s="11">
        <v>200</v>
      </c>
      <c r="G37" s="13">
        <v>0.115473441109</v>
      </c>
      <c r="H37" s="11">
        <v>105.11673885000005</v>
      </c>
      <c r="I37" s="13">
        <v>6.0698375114036925E-2</v>
      </c>
      <c r="J37" s="11">
        <v>-97.917515399999957</v>
      </c>
      <c r="K37" s="13">
        <v>-5.3305702088987585E-2</v>
      </c>
      <c r="L37" s="11">
        <v>192.91697388999978</v>
      </c>
      <c r="M37" s="13">
        <v>0.11093637292291347</v>
      </c>
      <c r="N37" s="11">
        <v>94.999458489999824</v>
      </c>
      <c r="O37" s="13">
        <v>5.1717129588064237E-2</v>
      </c>
      <c r="P37" s="7">
        <v>1731.7883494</v>
      </c>
      <c r="Q37" s="7">
        <v>1740.4664663900001</v>
      </c>
      <c r="R37" s="7">
        <v>1770.8027561700001</v>
      </c>
      <c r="S37" s="7">
        <v>1739.0603218700001</v>
      </c>
      <c r="T37" s="7">
        <v>1809.1710970900001</v>
      </c>
      <c r="U37" s="7">
        <v>1907.75480034</v>
      </c>
      <c r="V37" s="7">
        <v>1836.9050882500001</v>
      </c>
      <c r="W37" s="7">
        <v>1816.01394755</v>
      </c>
      <c r="X37" s="7">
        <v>1844.30721494</v>
      </c>
      <c r="Y37" s="7">
        <v>1738.9875728500001</v>
      </c>
      <c r="Z37" s="7">
        <v>1707.1163005200001</v>
      </c>
      <c r="AA37" s="7">
        <v>1747.4390401999999</v>
      </c>
      <c r="AB37" s="7">
        <v>1849.2839975300001</v>
      </c>
      <c r="AC37" s="7">
        <v>1816.8446605500001</v>
      </c>
      <c r="AD37" s="7">
        <v>1887.6482053100001</v>
      </c>
      <c r="AE37" s="7">
        <v>1903.7504236100001</v>
      </c>
      <c r="AF37" s="7">
        <v>1931.9045467399999</v>
      </c>
      <c r="AG37" s="9">
        <v>20112.462943899998</v>
      </c>
      <c r="AH37" s="13">
        <v>0.60619501327057157</v>
      </c>
      <c r="AI37" s="9">
        <v>5077.7296760999961</v>
      </c>
      <c r="AJ37" s="13">
        <v>0.15304413074488135</v>
      </c>
      <c r="AK37" s="9">
        <v>7463.4282262000052</v>
      </c>
      <c r="AL37" s="13">
        <v>0.1950920326707429</v>
      </c>
      <c r="AM37" s="9">
        <v>7571.3050415999969</v>
      </c>
      <c r="AN37" s="13">
        <v>0.16560390210884712</v>
      </c>
      <c r="AO37" s="9">
        <v>15034.733267800002</v>
      </c>
      <c r="AP37" s="13">
        <v>0.39300393666021166</v>
      </c>
      <c r="AQ37" s="9">
        <v>33178.205863800002</v>
      </c>
      <c r="AR37" s="9">
        <v>33059.321530399997</v>
      </c>
      <c r="AS37" s="9">
        <v>33575.913661300001</v>
      </c>
      <c r="AT37" s="9">
        <v>36260.8847417</v>
      </c>
      <c r="AU37" s="9">
        <v>36962.3240191</v>
      </c>
      <c r="AV37" s="9">
        <v>36587.943963199999</v>
      </c>
      <c r="AW37" s="9">
        <v>38255.935539899998</v>
      </c>
      <c r="AX37" s="9">
        <v>40281.277355099999</v>
      </c>
      <c r="AY37" s="9">
        <v>41205.999507</v>
      </c>
      <c r="AZ37" s="9">
        <v>45719.363766100003</v>
      </c>
      <c r="BA37" s="9">
        <v>45036.143011400003</v>
      </c>
      <c r="BB37" s="9">
        <v>47360.096652499997</v>
      </c>
      <c r="BC37" s="9">
        <v>47186.362554500003</v>
      </c>
      <c r="BD37" s="9">
        <v>47278.110383799998</v>
      </c>
      <c r="BE37" s="9">
        <v>52759.053137299998</v>
      </c>
      <c r="BF37" s="9">
        <v>53290.6688077</v>
      </c>
      <c r="BG37" s="11">
        <v>40.25</v>
      </c>
      <c r="BH37" s="13">
        <v>0.40250000000000002</v>
      </c>
      <c r="BI37" s="6">
        <v>3</v>
      </c>
      <c r="BJ37" s="13">
        <v>0.03</v>
      </c>
      <c r="BK37" s="6">
        <v>-4</v>
      </c>
      <c r="BL37" s="13">
        <v>-3.8834951456310676E-2</v>
      </c>
      <c r="BM37" s="11">
        <v>41.25</v>
      </c>
      <c r="BN37" s="13">
        <v>0.41666666666666669</v>
      </c>
      <c r="BO37" s="11">
        <v>37.25</v>
      </c>
      <c r="BP37" s="13">
        <v>0.36165048543689321</v>
      </c>
      <c r="BQ37" s="6">
        <v>100</v>
      </c>
      <c r="BR37" s="6">
        <v>100</v>
      </c>
      <c r="BS37" s="6">
        <v>98</v>
      </c>
      <c r="BT37" s="6">
        <v>103</v>
      </c>
      <c r="BU37" s="6">
        <v>102</v>
      </c>
      <c r="BV37" s="6">
        <v>100</v>
      </c>
      <c r="BW37" s="6">
        <v>99</v>
      </c>
      <c r="BX37" s="6">
        <v>100</v>
      </c>
      <c r="BY37" s="6">
        <v>101</v>
      </c>
      <c r="BZ37" s="6">
        <v>163</v>
      </c>
      <c r="CA37" s="6">
        <v>156</v>
      </c>
      <c r="CB37" s="6">
        <v>145</v>
      </c>
      <c r="CC37" s="11">
        <v>140.25</v>
      </c>
      <c r="CD37" s="11">
        <v>-619.84900000000005</v>
      </c>
      <c r="CE37" s="11">
        <v>630.65899999999999</v>
      </c>
      <c r="CF37" s="11">
        <v>189.30500000000001</v>
      </c>
      <c r="CG37" s="11">
        <v>820</v>
      </c>
      <c r="CH37" s="20">
        <v>1.52494</v>
      </c>
      <c r="CI37" s="20">
        <v>1.47943</v>
      </c>
      <c r="CJ37" s="20">
        <v>1.47027</v>
      </c>
      <c r="CK37" s="20">
        <v>1.4496899999999999</v>
      </c>
      <c r="CL37" s="20">
        <v>1.44272</v>
      </c>
      <c r="CM37" s="20">
        <v>1.4581900000000001</v>
      </c>
      <c r="CN37" s="20">
        <v>1.40805</v>
      </c>
      <c r="CO37" s="20">
        <v>1.38978</v>
      </c>
      <c r="CP37" s="20">
        <v>1.3325800000000001</v>
      </c>
      <c r="CQ37" s="20">
        <v>1.2789600000000001</v>
      </c>
      <c r="CR37" s="20">
        <v>1.28443</v>
      </c>
      <c r="CS37" s="20">
        <v>1.27938</v>
      </c>
      <c r="CT37" s="20">
        <v>1.32691</v>
      </c>
      <c r="CU37" s="20">
        <v>1.3355699999999999</v>
      </c>
      <c r="CV37" s="20">
        <v>1.3918699999999999</v>
      </c>
      <c r="CW37" s="20">
        <v>1.3829499999999999</v>
      </c>
      <c r="CX37" s="20">
        <v>1.3781699999999999</v>
      </c>
      <c r="CY37" s="6" t="s">
        <v>359</v>
      </c>
      <c r="CZ37" s="6" t="s">
        <v>360</v>
      </c>
      <c r="DA37" s="6" t="s">
        <v>107</v>
      </c>
      <c r="DB37" s="6"/>
      <c r="DC37" s="6">
        <v>28860</v>
      </c>
      <c r="DD37" s="6"/>
      <c r="DE37" s="6" t="s">
        <v>362</v>
      </c>
      <c r="DF37" s="6" t="s">
        <v>363</v>
      </c>
      <c r="DG37" s="6" t="s">
        <v>364</v>
      </c>
      <c r="DH37" s="6" t="s">
        <v>365</v>
      </c>
      <c r="DI37" s="6"/>
      <c r="DJ37" s="6">
        <v>29</v>
      </c>
      <c r="DK37" s="6">
        <v>1</v>
      </c>
      <c r="DL37" s="6">
        <v>8</v>
      </c>
      <c r="DM37" s="6" t="s">
        <v>368</v>
      </c>
      <c r="DN37" s="6">
        <v>7</v>
      </c>
      <c r="DO37" s="6" t="s">
        <v>369</v>
      </c>
      <c r="DP37" s="6"/>
      <c r="DQ37" s="6"/>
    </row>
    <row r="38" spans="1:121" x14ac:dyDescent="0.2">
      <c r="A38" s="6" t="s">
        <v>322</v>
      </c>
      <c r="B38" s="6" t="s">
        <v>322</v>
      </c>
      <c r="C38" s="6" t="s">
        <v>191</v>
      </c>
      <c r="D38" s="6" t="s">
        <v>107</v>
      </c>
      <c r="E38" s="6" t="s">
        <v>248</v>
      </c>
      <c r="F38" s="11">
        <v>20</v>
      </c>
      <c r="G38" s="13">
        <v>0.16</v>
      </c>
      <c r="H38" s="11">
        <v>21</v>
      </c>
      <c r="I38" s="13">
        <v>0.16666666666666666</v>
      </c>
      <c r="J38" s="11">
        <v>-28</v>
      </c>
      <c r="K38" s="13">
        <v>-0.19047619047619049</v>
      </c>
      <c r="L38" s="11">
        <v>27</v>
      </c>
      <c r="M38" s="13">
        <v>0.22689075630252101</v>
      </c>
      <c r="N38" s="11">
        <v>-1</v>
      </c>
      <c r="O38" s="13">
        <v>-6.8027210884353739E-3</v>
      </c>
      <c r="P38" s="7">
        <v>126</v>
      </c>
      <c r="Q38" s="7">
        <v>132</v>
      </c>
      <c r="R38" s="7">
        <v>143</v>
      </c>
      <c r="S38" s="7">
        <v>145</v>
      </c>
      <c r="T38" s="7">
        <v>147</v>
      </c>
      <c r="U38" s="7">
        <v>159</v>
      </c>
      <c r="V38" s="7">
        <v>147</v>
      </c>
      <c r="W38" s="7">
        <v>132</v>
      </c>
      <c r="X38" s="7">
        <v>118</v>
      </c>
      <c r="Y38" s="7">
        <v>119</v>
      </c>
      <c r="Z38" s="7">
        <v>123</v>
      </c>
      <c r="AA38" s="7">
        <v>124</v>
      </c>
      <c r="AB38" s="7">
        <v>131</v>
      </c>
      <c r="AC38" s="7">
        <v>138</v>
      </c>
      <c r="AD38" s="7">
        <v>131</v>
      </c>
      <c r="AE38" s="7">
        <v>145</v>
      </c>
      <c r="AF38" s="7">
        <v>146</v>
      </c>
      <c r="AG38" s="9">
        <v>4769</v>
      </c>
      <c r="AH38" s="13">
        <v>0.22489978778589956</v>
      </c>
      <c r="AI38" s="9">
        <v>210</v>
      </c>
      <c r="AJ38" s="13">
        <v>9.9033246875736853E-3</v>
      </c>
      <c r="AK38" s="9">
        <v>4456</v>
      </c>
      <c r="AL38" s="13">
        <v>0.20807844968480041</v>
      </c>
      <c r="AM38" s="9">
        <v>103</v>
      </c>
      <c r="AN38" s="13">
        <v>3.9812917939005066E-3</v>
      </c>
      <c r="AO38" s="9">
        <v>4559</v>
      </c>
      <c r="AP38" s="13">
        <v>0.2128881625029185</v>
      </c>
      <c r="AQ38" s="9">
        <v>21205</v>
      </c>
      <c r="AR38" s="9">
        <v>23710</v>
      </c>
      <c r="AS38" s="9">
        <v>21713</v>
      </c>
      <c r="AT38" s="9">
        <v>17379</v>
      </c>
      <c r="AU38" s="9">
        <v>17538</v>
      </c>
      <c r="AV38" s="9">
        <v>18626</v>
      </c>
      <c r="AW38" s="9">
        <v>21415</v>
      </c>
      <c r="AX38" s="9">
        <v>21025</v>
      </c>
      <c r="AY38" s="9">
        <v>24215</v>
      </c>
      <c r="AZ38" s="9">
        <v>25871</v>
      </c>
      <c r="BA38" s="9">
        <v>24505</v>
      </c>
      <c r="BB38" s="9">
        <v>24973</v>
      </c>
      <c r="BC38" s="9">
        <v>26261</v>
      </c>
      <c r="BD38" s="9">
        <v>24402</v>
      </c>
      <c r="BE38" s="9">
        <v>25670</v>
      </c>
      <c r="BF38" s="9">
        <v>25974</v>
      </c>
      <c r="BG38" s="11">
        <v>4</v>
      </c>
      <c r="BH38" s="13">
        <v>0.66666666666666663</v>
      </c>
      <c r="BI38" s="6">
        <v>4</v>
      </c>
      <c r="BJ38" s="13">
        <v>0.66666666666666663</v>
      </c>
      <c r="BK38" s="6">
        <v>-1</v>
      </c>
      <c r="BL38" s="13">
        <v>-0.1</v>
      </c>
      <c r="BM38" s="11">
        <v>1</v>
      </c>
      <c r="BN38" s="13">
        <v>0.1111111111111111</v>
      </c>
      <c r="BO38" s="11">
        <v>0</v>
      </c>
      <c r="BP38" s="13">
        <v>0</v>
      </c>
      <c r="BQ38" s="6">
        <v>6</v>
      </c>
      <c r="BR38" s="6">
        <v>6</v>
      </c>
      <c r="BS38" s="6">
        <v>8</v>
      </c>
      <c r="BT38" s="6">
        <v>10</v>
      </c>
      <c r="BU38" s="6">
        <v>8</v>
      </c>
      <c r="BV38" s="6">
        <v>8</v>
      </c>
      <c r="BW38" s="6">
        <v>9</v>
      </c>
      <c r="BX38" s="6">
        <v>9</v>
      </c>
      <c r="BY38" s="6">
        <v>9</v>
      </c>
      <c r="BZ38" s="6">
        <v>11</v>
      </c>
      <c r="CA38" s="6">
        <v>10</v>
      </c>
      <c r="CB38" s="6">
        <v>9</v>
      </c>
      <c r="CC38" s="11">
        <v>10</v>
      </c>
      <c r="CD38" s="11">
        <v>-17</v>
      </c>
      <c r="CE38" s="11">
        <v>23</v>
      </c>
      <c r="CF38" s="11">
        <v>14</v>
      </c>
      <c r="CG38" s="11">
        <v>37</v>
      </c>
      <c r="CH38" s="20">
        <v>0.73</v>
      </c>
      <c r="CI38" s="20">
        <v>0.75</v>
      </c>
      <c r="CJ38" s="20">
        <v>0.8</v>
      </c>
      <c r="CK38" s="20">
        <v>0.82</v>
      </c>
      <c r="CL38" s="20">
        <v>0.8</v>
      </c>
      <c r="CM38" s="20">
        <v>0.83</v>
      </c>
      <c r="CN38" s="20">
        <v>0.77</v>
      </c>
      <c r="CO38" s="20">
        <v>0.71</v>
      </c>
      <c r="CP38" s="20">
        <v>0.62</v>
      </c>
      <c r="CQ38" s="20">
        <v>0.65</v>
      </c>
      <c r="CR38" s="20">
        <v>0.69</v>
      </c>
      <c r="CS38" s="20">
        <v>0.69</v>
      </c>
      <c r="CT38" s="20">
        <v>0.71</v>
      </c>
      <c r="CU38" s="20">
        <v>0.76</v>
      </c>
      <c r="CV38" s="20">
        <v>0.72</v>
      </c>
      <c r="CW38" s="20">
        <v>0.78</v>
      </c>
      <c r="CX38" s="20">
        <v>0.78</v>
      </c>
      <c r="CY38" s="6" t="s">
        <v>359</v>
      </c>
      <c r="CZ38" s="6" t="s">
        <v>360</v>
      </c>
      <c r="DA38" s="6" t="s">
        <v>107</v>
      </c>
      <c r="DB38" s="6"/>
      <c r="DC38" s="6">
        <v>28860</v>
      </c>
      <c r="DD38" s="6"/>
      <c r="DE38" s="6" t="s">
        <v>362</v>
      </c>
      <c r="DF38" s="6" t="s">
        <v>363</v>
      </c>
      <c r="DG38" s="6" t="s">
        <v>364</v>
      </c>
      <c r="DH38" s="6" t="s">
        <v>365</v>
      </c>
      <c r="DI38" s="6"/>
      <c r="DJ38" s="6">
        <v>29</v>
      </c>
      <c r="DK38" s="6">
        <v>1</v>
      </c>
      <c r="DL38" s="6">
        <v>8</v>
      </c>
      <c r="DM38" s="6" t="s">
        <v>368</v>
      </c>
      <c r="DN38" s="6">
        <v>7</v>
      </c>
      <c r="DO38" s="6" t="s">
        <v>369</v>
      </c>
      <c r="DP38" s="6"/>
      <c r="DQ38" s="6"/>
    </row>
    <row r="39" spans="1:121" x14ac:dyDescent="0.2">
      <c r="A39" s="6" t="s">
        <v>323</v>
      </c>
      <c r="B39" s="6" t="s">
        <v>323</v>
      </c>
      <c r="C39" s="6" t="s">
        <v>192</v>
      </c>
      <c r="D39" s="6" t="s">
        <v>107</v>
      </c>
      <c r="E39" s="6" t="s">
        <v>248</v>
      </c>
      <c r="F39" s="11">
        <v>55</v>
      </c>
      <c r="G39" s="13">
        <v>4.5230263157899998E-2</v>
      </c>
      <c r="H39" s="11">
        <v>96.344677520000005</v>
      </c>
      <c r="I39" s="13">
        <v>7.9220820577934975E-2</v>
      </c>
      <c r="J39" s="11">
        <v>-64.783804689999897</v>
      </c>
      <c r="K39" s="13">
        <v>-4.9359158157277129E-2</v>
      </c>
      <c r="L39" s="11">
        <v>23.154193119999945</v>
      </c>
      <c r="M39" s="13">
        <v>1.8557286657809424E-2</v>
      </c>
      <c r="N39" s="11">
        <v>-41.629611569999952</v>
      </c>
      <c r="O39" s="13">
        <v>-3.171784354658045E-2</v>
      </c>
      <c r="P39" s="7">
        <v>1216.1534911799999</v>
      </c>
      <c r="Q39" s="7">
        <v>1221.8166068200001</v>
      </c>
      <c r="R39" s="7">
        <v>1321.27461619</v>
      </c>
      <c r="S39" s="7">
        <v>1297.93401733</v>
      </c>
      <c r="T39" s="7">
        <v>1212.8731558699999</v>
      </c>
      <c r="U39" s="7">
        <v>1305.2823882</v>
      </c>
      <c r="V39" s="7">
        <v>1312.4981687</v>
      </c>
      <c r="W39" s="7">
        <v>1252.6570774500001</v>
      </c>
      <c r="X39" s="7">
        <v>1280.2784954199999</v>
      </c>
      <c r="Y39" s="7">
        <v>1247.7143640100001</v>
      </c>
      <c r="Z39" s="7">
        <v>1271.80095893</v>
      </c>
      <c r="AA39" s="7">
        <v>1274.3016072299999</v>
      </c>
      <c r="AB39" s="7">
        <v>1268.3761617499999</v>
      </c>
      <c r="AC39" s="7">
        <v>1246.60506788</v>
      </c>
      <c r="AD39" s="7">
        <v>1213.51542518</v>
      </c>
      <c r="AE39" s="7">
        <v>1268.1139793499999</v>
      </c>
      <c r="AF39" s="7">
        <v>1270.86855713</v>
      </c>
      <c r="AG39" s="9">
        <v>5138.9242240200001</v>
      </c>
      <c r="AH39" s="13">
        <v>0.54393876549393694</v>
      </c>
      <c r="AI39" s="9">
        <v>1768.4157777200016</v>
      </c>
      <c r="AJ39" s="13">
        <v>0.18718117899402489</v>
      </c>
      <c r="AK39" s="9">
        <v>854.54560559999845</v>
      </c>
      <c r="AL39" s="13">
        <v>7.6189660741342355E-2</v>
      </c>
      <c r="AM39" s="9">
        <v>2515.9628407</v>
      </c>
      <c r="AN39" s="13">
        <v>0.20843766612881909</v>
      </c>
      <c r="AO39" s="9">
        <v>3370.5084462999985</v>
      </c>
      <c r="AP39" s="13">
        <v>0.30050812193823334</v>
      </c>
      <c r="AQ39" s="9">
        <v>9447.6153383799992</v>
      </c>
      <c r="AR39" s="9">
        <v>9294.6080075000009</v>
      </c>
      <c r="AS39" s="9">
        <v>9751.8647064300003</v>
      </c>
      <c r="AT39" s="9">
        <v>9695.8479503199997</v>
      </c>
      <c r="AU39" s="9">
        <v>10201.2485996</v>
      </c>
      <c r="AV39" s="9">
        <v>10499.396371999999</v>
      </c>
      <c r="AW39" s="9">
        <v>11216.031116100001</v>
      </c>
      <c r="AX39" s="9">
        <v>11428.8670833</v>
      </c>
      <c r="AY39" s="9">
        <v>11670.986868100001</v>
      </c>
      <c r="AZ39" s="9">
        <v>12070.576721699999</v>
      </c>
      <c r="BA39" s="9">
        <v>12257.4951311</v>
      </c>
      <c r="BB39" s="9">
        <v>12542.9592577</v>
      </c>
      <c r="BC39" s="9">
        <v>12898.638044400001</v>
      </c>
      <c r="BD39" s="9">
        <v>13747.3134997</v>
      </c>
      <c r="BE39" s="9">
        <v>14678.281483799999</v>
      </c>
      <c r="BF39" s="9">
        <v>14586.539562399999</v>
      </c>
      <c r="BG39" s="11">
        <v>4</v>
      </c>
      <c r="BH39" s="13">
        <v>7.5471698113207544E-2</v>
      </c>
      <c r="BI39" s="6">
        <v>2</v>
      </c>
      <c r="BJ39" s="13">
        <v>3.7735849056603772E-2</v>
      </c>
      <c r="BK39" s="6">
        <v>4</v>
      </c>
      <c r="BL39" s="13">
        <v>7.2727272727272724E-2</v>
      </c>
      <c r="BM39" s="11">
        <v>-2</v>
      </c>
      <c r="BN39" s="13">
        <v>-3.3898305084745763E-2</v>
      </c>
      <c r="BO39" s="11">
        <v>2</v>
      </c>
      <c r="BP39" s="13">
        <v>3.6363636363636362E-2</v>
      </c>
      <c r="BQ39" s="6">
        <v>53</v>
      </c>
      <c r="BR39" s="6">
        <v>54</v>
      </c>
      <c r="BS39" s="6">
        <v>59</v>
      </c>
      <c r="BT39" s="6">
        <v>55</v>
      </c>
      <c r="BU39" s="6">
        <v>55</v>
      </c>
      <c r="BV39" s="6">
        <v>53</v>
      </c>
      <c r="BW39" s="6">
        <v>59</v>
      </c>
      <c r="BX39" s="6">
        <v>61</v>
      </c>
      <c r="BY39" s="6">
        <v>61</v>
      </c>
      <c r="BZ39" s="6">
        <v>61</v>
      </c>
      <c r="CA39" s="6">
        <v>53</v>
      </c>
      <c r="CB39" s="6">
        <v>57</v>
      </c>
      <c r="CC39" s="11">
        <v>57</v>
      </c>
      <c r="CD39" s="11">
        <v>-354.78500000000003</v>
      </c>
      <c r="CE39" s="11">
        <v>276.56</v>
      </c>
      <c r="CF39" s="11">
        <v>132.94</v>
      </c>
      <c r="CG39" s="11">
        <v>410</v>
      </c>
      <c r="CH39" s="20">
        <v>1.4430099999999999</v>
      </c>
      <c r="CI39" s="20">
        <v>1.4350499999999999</v>
      </c>
      <c r="CJ39" s="20">
        <v>1.5343800000000001</v>
      </c>
      <c r="CK39" s="20">
        <v>1.5054099999999999</v>
      </c>
      <c r="CL39" s="20">
        <v>1.3447199999999999</v>
      </c>
      <c r="CM39" s="20">
        <v>1.3926000000000001</v>
      </c>
      <c r="CN39" s="20">
        <v>1.4121699999999999</v>
      </c>
      <c r="CO39" s="20">
        <v>1.3764099999999999</v>
      </c>
      <c r="CP39" s="20">
        <v>1.39401</v>
      </c>
      <c r="CQ39" s="20">
        <v>1.4009499999999999</v>
      </c>
      <c r="CR39" s="20">
        <v>1.4448799999999999</v>
      </c>
      <c r="CS39" s="20">
        <v>1.4174899999999999</v>
      </c>
      <c r="CT39" s="20">
        <v>1.3679699999999999</v>
      </c>
      <c r="CU39" s="20">
        <v>1.3629199999999999</v>
      </c>
      <c r="CV39" s="20">
        <v>1.31806</v>
      </c>
      <c r="CW39" s="20">
        <v>1.3537699999999999</v>
      </c>
      <c r="CX39" s="20">
        <v>1.3466199999999999</v>
      </c>
      <c r="CY39" s="6" t="s">
        <v>359</v>
      </c>
      <c r="CZ39" s="6" t="s">
        <v>360</v>
      </c>
      <c r="DA39" s="6" t="s">
        <v>107</v>
      </c>
      <c r="DB39" s="6"/>
      <c r="DC39" s="6">
        <v>28860</v>
      </c>
      <c r="DD39" s="6"/>
      <c r="DE39" s="6" t="s">
        <v>362</v>
      </c>
      <c r="DF39" s="6" t="s">
        <v>363</v>
      </c>
      <c r="DG39" s="6" t="s">
        <v>364</v>
      </c>
      <c r="DH39" s="6" t="s">
        <v>365</v>
      </c>
      <c r="DI39" s="6"/>
      <c r="DJ39" s="6">
        <v>29</v>
      </c>
      <c r="DK39" s="6">
        <v>1</v>
      </c>
      <c r="DL39" s="6">
        <v>8</v>
      </c>
      <c r="DM39" s="6" t="s">
        <v>368</v>
      </c>
      <c r="DN39" s="6">
        <v>7</v>
      </c>
      <c r="DO39" s="6" t="s">
        <v>369</v>
      </c>
      <c r="DP39" s="6"/>
      <c r="DQ39" s="6"/>
    </row>
    <row r="40" spans="1:121" x14ac:dyDescent="0.2">
      <c r="A40" s="6" t="s">
        <v>325</v>
      </c>
      <c r="B40" s="6" t="s">
        <v>325</v>
      </c>
      <c r="C40" s="6" t="s">
        <v>193</v>
      </c>
      <c r="D40" s="6" t="s">
        <v>107</v>
      </c>
      <c r="E40" s="6" t="s">
        <v>248</v>
      </c>
      <c r="F40" s="11">
        <v>-182</v>
      </c>
      <c r="G40" s="13">
        <v>-0.273684210526</v>
      </c>
      <c r="H40" s="11">
        <v>91.960637597999948</v>
      </c>
      <c r="I40" s="13">
        <v>0.13837558409975012</v>
      </c>
      <c r="J40" s="11">
        <v>-53.970578473000046</v>
      </c>
      <c r="K40" s="13">
        <v>-7.1339324692512071E-2</v>
      </c>
      <c r="L40" s="11">
        <v>-219.41617114099995</v>
      </c>
      <c r="M40" s="13">
        <v>-0.31230827943079009</v>
      </c>
      <c r="N40" s="11">
        <v>-273.386749614</v>
      </c>
      <c r="O40" s="13">
        <v>-0.36136774237282926</v>
      </c>
      <c r="P40" s="7">
        <v>664.57271487800006</v>
      </c>
      <c r="Q40" s="7">
        <v>686.44410759300001</v>
      </c>
      <c r="R40" s="7">
        <v>722.12258326400001</v>
      </c>
      <c r="S40" s="7">
        <v>708.51726416300005</v>
      </c>
      <c r="T40" s="7">
        <v>718.57340709100004</v>
      </c>
      <c r="U40" s="7">
        <v>773.55711454200002</v>
      </c>
      <c r="V40" s="7">
        <v>756.533352476</v>
      </c>
      <c r="W40" s="7">
        <v>708.046691592</v>
      </c>
      <c r="X40" s="7">
        <v>785.34130385000003</v>
      </c>
      <c r="Y40" s="7">
        <v>702.56277400299996</v>
      </c>
      <c r="Z40" s="7">
        <v>629.35964026500005</v>
      </c>
      <c r="AA40" s="7">
        <v>637.74556570899995</v>
      </c>
      <c r="AB40" s="7">
        <v>524.78329759600001</v>
      </c>
      <c r="AC40" s="7">
        <v>475.313320191</v>
      </c>
      <c r="AD40" s="7">
        <v>487.19248803599999</v>
      </c>
      <c r="AE40" s="7">
        <v>488.484755506</v>
      </c>
      <c r="AF40" s="7">
        <v>483.14660286200001</v>
      </c>
      <c r="AG40" s="9">
        <v>8902.0943480999995</v>
      </c>
      <c r="AH40" s="13">
        <v>0.63198346648867121</v>
      </c>
      <c r="AI40" s="9">
        <v>1002.5121137000006</v>
      </c>
      <c r="AJ40" s="13">
        <v>7.1171013925305823E-2</v>
      </c>
      <c r="AK40" s="9">
        <v>1914.4332080000004</v>
      </c>
      <c r="AL40" s="13">
        <v>0.12688051444048887</v>
      </c>
      <c r="AM40" s="9">
        <v>5985.1490263999985</v>
      </c>
      <c r="AN40" s="13">
        <v>0.35200741428434318</v>
      </c>
      <c r="AO40" s="9">
        <v>7899.5822343999989</v>
      </c>
      <c r="AP40" s="13">
        <v>0.52355081053609587</v>
      </c>
      <c r="AQ40" s="9">
        <v>14085.9608204</v>
      </c>
      <c r="AR40" s="9">
        <v>14749.2773593</v>
      </c>
      <c r="AS40" s="9">
        <v>15205.0151234</v>
      </c>
      <c r="AT40" s="9">
        <v>14887.4352968</v>
      </c>
      <c r="AU40" s="9">
        <v>14982.172856200001</v>
      </c>
      <c r="AV40" s="9">
        <v>14684.175308399999</v>
      </c>
      <c r="AW40" s="9">
        <v>15088.4729341</v>
      </c>
      <c r="AX40" s="9">
        <v>16575.688882900002</v>
      </c>
      <c r="AY40" s="9">
        <v>16209.704393</v>
      </c>
      <c r="AZ40" s="9">
        <v>17002.906142100001</v>
      </c>
      <c r="BA40" s="9">
        <v>18403.330457</v>
      </c>
      <c r="BB40" s="9">
        <v>19427.457342000002</v>
      </c>
      <c r="BC40" s="9">
        <v>23014.717111000002</v>
      </c>
      <c r="BD40" s="9">
        <v>22169.475156799999</v>
      </c>
      <c r="BE40" s="9">
        <v>22716.861416299998</v>
      </c>
      <c r="BF40" s="9">
        <v>22988.055168499999</v>
      </c>
      <c r="BG40" s="11">
        <v>-94.25</v>
      </c>
      <c r="BH40" s="13">
        <v>-0.59276729559748431</v>
      </c>
      <c r="BI40" s="6">
        <v>-20</v>
      </c>
      <c r="BJ40" s="13">
        <v>-0.12578616352201258</v>
      </c>
      <c r="BK40" s="6">
        <v>4</v>
      </c>
      <c r="BL40" s="13">
        <v>2.8776978417266189E-2</v>
      </c>
      <c r="BM40" s="11">
        <v>-78.25</v>
      </c>
      <c r="BN40" s="13">
        <v>-0.54720279720279719</v>
      </c>
      <c r="BO40" s="11">
        <v>-74.25</v>
      </c>
      <c r="BP40" s="13">
        <v>-0.53417266187050361</v>
      </c>
      <c r="BQ40" s="6">
        <v>159</v>
      </c>
      <c r="BR40" s="6">
        <v>163</v>
      </c>
      <c r="BS40" s="6">
        <v>145</v>
      </c>
      <c r="BT40" s="6">
        <v>139</v>
      </c>
      <c r="BU40" s="6">
        <v>136</v>
      </c>
      <c r="BV40" s="6">
        <v>147</v>
      </c>
      <c r="BW40" s="6">
        <v>143</v>
      </c>
      <c r="BX40" s="6">
        <v>131</v>
      </c>
      <c r="BY40" s="6">
        <v>128</v>
      </c>
      <c r="BZ40" s="6">
        <v>61</v>
      </c>
      <c r="CA40" s="6">
        <v>61</v>
      </c>
      <c r="CB40" s="6">
        <v>62</v>
      </c>
      <c r="CC40" s="11">
        <v>64.75</v>
      </c>
      <c r="CD40" s="11">
        <v>-247.952</v>
      </c>
      <c r="CE40" s="11">
        <v>-6.1200799999999997</v>
      </c>
      <c r="CF40" s="11">
        <v>72.645799999999994</v>
      </c>
      <c r="CG40" s="11">
        <v>67</v>
      </c>
      <c r="CH40" s="20">
        <v>1.16089</v>
      </c>
      <c r="CI40" s="20">
        <v>1.1820299999999999</v>
      </c>
      <c r="CJ40" s="20">
        <v>1.2365200000000001</v>
      </c>
      <c r="CK40" s="20">
        <v>1.2336499999999999</v>
      </c>
      <c r="CL40" s="20">
        <v>1.2158199999999999</v>
      </c>
      <c r="CM40" s="20">
        <v>1.2712699999999999</v>
      </c>
      <c r="CN40" s="20">
        <v>1.2600499999999999</v>
      </c>
      <c r="CO40" s="20">
        <v>1.20319</v>
      </c>
      <c r="CP40" s="20">
        <v>1.29549</v>
      </c>
      <c r="CQ40" s="20">
        <v>1.2039599999999999</v>
      </c>
      <c r="CR40" s="20">
        <v>1.1071899999999999</v>
      </c>
      <c r="CS40" s="20">
        <v>1.10701</v>
      </c>
      <c r="CT40" s="20">
        <v>0.963445</v>
      </c>
      <c r="CU40" s="20">
        <v>0.89399799999999996</v>
      </c>
      <c r="CV40" s="20">
        <v>0.928365</v>
      </c>
      <c r="CW40" s="20">
        <v>0.92459899999999995</v>
      </c>
      <c r="CX40" s="20">
        <v>0.91579299999999997</v>
      </c>
      <c r="CY40" s="6" t="s">
        <v>359</v>
      </c>
      <c r="CZ40" s="6" t="s">
        <v>360</v>
      </c>
      <c r="DA40" s="6" t="s">
        <v>107</v>
      </c>
      <c r="DB40" s="6"/>
      <c r="DC40" s="6">
        <v>28860</v>
      </c>
      <c r="DD40" s="6"/>
      <c r="DE40" s="6" t="s">
        <v>362</v>
      </c>
      <c r="DF40" s="6" t="s">
        <v>363</v>
      </c>
      <c r="DG40" s="6" t="s">
        <v>364</v>
      </c>
      <c r="DH40" s="6" t="s">
        <v>365</v>
      </c>
      <c r="DI40" s="6"/>
      <c r="DJ40" s="6">
        <v>29</v>
      </c>
      <c r="DK40" s="6">
        <v>1</v>
      </c>
      <c r="DL40" s="6">
        <v>8</v>
      </c>
      <c r="DM40" s="6" t="s">
        <v>368</v>
      </c>
      <c r="DN40" s="6">
        <v>7</v>
      </c>
      <c r="DO40" s="6" t="s">
        <v>369</v>
      </c>
      <c r="DP40" s="6"/>
      <c r="DQ40" s="6"/>
    </row>
    <row r="41" spans="1:121" x14ac:dyDescent="0.2">
      <c r="A41" s="6" t="s">
        <v>327</v>
      </c>
      <c r="B41" s="6" t="s">
        <v>327</v>
      </c>
      <c r="C41" s="6" t="s">
        <v>194</v>
      </c>
      <c r="D41" s="6" t="s">
        <v>107</v>
      </c>
      <c r="E41" s="6" t="s">
        <v>248</v>
      </c>
      <c r="F41" s="11">
        <v>-223</v>
      </c>
      <c r="G41" s="13">
        <v>-8.6702954898899995E-2</v>
      </c>
      <c r="H41" s="11">
        <v>-94.34819299999981</v>
      </c>
      <c r="I41" s="13">
        <v>-3.6679212568661329E-2</v>
      </c>
      <c r="J41" s="11">
        <v>-36.430229999999938</v>
      </c>
      <c r="K41" s="13">
        <v>-1.47020331620009E-2</v>
      </c>
      <c r="L41" s="11">
        <v>-92.105999910000264</v>
      </c>
      <c r="M41" s="13">
        <v>-3.7725570833431581E-2</v>
      </c>
      <c r="N41" s="11">
        <v>-128.5362299100002</v>
      </c>
      <c r="O41" s="13">
        <v>-5.1872961401983955E-2</v>
      </c>
      <c r="P41" s="7">
        <v>2572.2524119999998</v>
      </c>
      <c r="Q41" s="7">
        <v>2623.8104499999999</v>
      </c>
      <c r="R41" s="7">
        <v>2520.1255660000002</v>
      </c>
      <c r="S41" s="7">
        <v>2497.289225</v>
      </c>
      <c r="T41" s="7">
        <v>2476.98002</v>
      </c>
      <c r="U41" s="7">
        <v>2425.2960250000001</v>
      </c>
      <c r="V41" s="7">
        <v>2477.904219</v>
      </c>
      <c r="W41" s="7">
        <v>2499.3372490000002</v>
      </c>
      <c r="X41" s="7">
        <v>2464.4496519999998</v>
      </c>
      <c r="Y41" s="7">
        <v>2441.4739890000001</v>
      </c>
      <c r="Z41" s="7">
        <v>2336.6299389999999</v>
      </c>
      <c r="AA41" s="7">
        <v>2335.2091970000001</v>
      </c>
      <c r="AB41" s="7">
        <v>2340.6491559999999</v>
      </c>
      <c r="AC41" s="7">
        <v>2344.0910739999999</v>
      </c>
      <c r="AD41" s="7">
        <v>2353.2783359999999</v>
      </c>
      <c r="AE41" s="7">
        <v>2359.426074</v>
      </c>
      <c r="AF41" s="7">
        <v>2349.3679890899998</v>
      </c>
      <c r="AG41" s="9">
        <v>14305.664477999999</v>
      </c>
      <c r="AH41" s="13">
        <v>0.39739837979492543</v>
      </c>
      <c r="AI41" s="9">
        <v>8037.4083931999994</v>
      </c>
      <c r="AJ41" s="13">
        <v>0.22327191289295209</v>
      </c>
      <c r="AK41" s="9">
        <v>3676.7203673999975</v>
      </c>
      <c r="AL41" s="13">
        <v>8.3494074272239718E-2</v>
      </c>
      <c r="AM41" s="9">
        <v>2591.5357174000019</v>
      </c>
      <c r="AN41" s="13">
        <v>5.4315741323142992E-2</v>
      </c>
      <c r="AO41" s="9">
        <v>6268.2560847999994</v>
      </c>
      <c r="AP41" s="13">
        <v>0.14234485813556896</v>
      </c>
      <c r="AQ41" s="9">
        <v>35998.295930100001</v>
      </c>
      <c r="AR41" s="9">
        <v>35978.260240199997</v>
      </c>
      <c r="AS41" s="9">
        <v>37422.456861600003</v>
      </c>
      <c r="AT41" s="9">
        <v>39607.061333099999</v>
      </c>
      <c r="AU41" s="9">
        <v>40843.639958899999</v>
      </c>
      <c r="AV41" s="9">
        <v>42930.2715856</v>
      </c>
      <c r="AW41" s="9">
        <v>44035.7043233</v>
      </c>
      <c r="AX41" s="9">
        <v>45675.100017600002</v>
      </c>
      <c r="AY41" s="9">
        <v>47227.390767999997</v>
      </c>
      <c r="AZ41" s="9">
        <v>47712.424690699998</v>
      </c>
      <c r="BA41" s="9">
        <v>48358.538269199998</v>
      </c>
      <c r="BB41" s="9">
        <v>48170.979854500001</v>
      </c>
      <c r="BC41" s="9">
        <v>48623.850163499999</v>
      </c>
      <c r="BD41" s="9">
        <v>48884.305992499998</v>
      </c>
      <c r="BE41" s="9">
        <v>49808.747485100001</v>
      </c>
      <c r="BF41" s="9">
        <v>50303.9604081</v>
      </c>
      <c r="BG41" s="11">
        <v>-1</v>
      </c>
      <c r="BH41" s="13">
        <v>-1.4084507042253521E-2</v>
      </c>
      <c r="BI41" s="6">
        <v>4</v>
      </c>
      <c r="BJ41" s="13">
        <v>5.6338028169014086E-2</v>
      </c>
      <c r="BK41" s="6">
        <v>1</v>
      </c>
      <c r="BL41" s="13">
        <v>1.3333333333333334E-2</v>
      </c>
      <c r="BM41" s="11">
        <v>-6</v>
      </c>
      <c r="BN41" s="13">
        <v>-7.8947368421052627E-2</v>
      </c>
      <c r="BO41" s="11">
        <v>-5</v>
      </c>
      <c r="BP41" s="13">
        <v>-6.6666666666666666E-2</v>
      </c>
      <c r="BQ41" s="6">
        <v>71</v>
      </c>
      <c r="BR41" s="6">
        <v>70</v>
      </c>
      <c r="BS41" s="6">
        <v>72</v>
      </c>
      <c r="BT41" s="6">
        <v>75</v>
      </c>
      <c r="BU41" s="6">
        <v>75</v>
      </c>
      <c r="BV41" s="6">
        <v>76</v>
      </c>
      <c r="BW41" s="6">
        <v>76</v>
      </c>
      <c r="BX41" s="6">
        <v>74</v>
      </c>
      <c r="BY41" s="6">
        <v>68</v>
      </c>
      <c r="BZ41" s="6">
        <v>69</v>
      </c>
      <c r="CA41" s="6">
        <v>69</v>
      </c>
      <c r="CB41" s="6">
        <v>71</v>
      </c>
      <c r="CC41" s="11">
        <v>70</v>
      </c>
      <c r="CD41" s="11">
        <v>-353.26499999999999</v>
      </c>
      <c r="CE41" s="11">
        <v>-150.797</v>
      </c>
      <c r="CF41" s="11">
        <v>281.178</v>
      </c>
      <c r="CG41" s="11">
        <v>130</v>
      </c>
      <c r="CH41" s="20">
        <v>1.35266</v>
      </c>
      <c r="CI41" s="20">
        <v>1.35745</v>
      </c>
      <c r="CJ41" s="20">
        <v>1.30609</v>
      </c>
      <c r="CK41" s="20">
        <v>1.32559</v>
      </c>
      <c r="CL41" s="20">
        <v>1.28061</v>
      </c>
      <c r="CM41" s="20">
        <v>1.22593</v>
      </c>
      <c r="CN41" s="20">
        <v>1.2785</v>
      </c>
      <c r="CO41" s="20">
        <v>1.30253</v>
      </c>
      <c r="CP41" s="20">
        <v>1.23282</v>
      </c>
      <c r="CQ41" s="20">
        <v>1.2615099999999999</v>
      </c>
      <c r="CR41" s="20">
        <v>1.26854</v>
      </c>
      <c r="CS41" s="20">
        <v>1.29332</v>
      </c>
      <c r="CT41" s="20">
        <v>1.3022800000000001</v>
      </c>
      <c r="CU41" s="20">
        <v>1.36141</v>
      </c>
      <c r="CV41" s="20">
        <v>1.3965799999999999</v>
      </c>
      <c r="CW41" s="20">
        <v>1.39788</v>
      </c>
      <c r="CX41" s="20">
        <v>1.40364</v>
      </c>
      <c r="CY41" s="6" t="s">
        <v>359</v>
      </c>
      <c r="CZ41" s="6" t="s">
        <v>360</v>
      </c>
      <c r="DA41" s="6" t="s">
        <v>107</v>
      </c>
      <c r="DB41" s="6"/>
      <c r="DC41" s="6">
        <v>28860</v>
      </c>
      <c r="DD41" s="6"/>
      <c r="DE41" s="6" t="s">
        <v>362</v>
      </c>
      <c r="DF41" s="6" t="s">
        <v>363</v>
      </c>
      <c r="DG41" s="6" t="s">
        <v>364</v>
      </c>
      <c r="DH41" s="6" t="s">
        <v>365</v>
      </c>
      <c r="DI41" s="6"/>
      <c r="DJ41" s="6">
        <v>29</v>
      </c>
      <c r="DK41" s="6">
        <v>1</v>
      </c>
      <c r="DL41" s="6">
        <v>8</v>
      </c>
      <c r="DM41" s="6" t="s">
        <v>368</v>
      </c>
      <c r="DN41" s="6">
        <v>7</v>
      </c>
      <c r="DO41" s="6" t="s">
        <v>369</v>
      </c>
      <c r="DP41" s="6"/>
      <c r="DQ41" s="6"/>
    </row>
    <row r="42" spans="1:121" x14ac:dyDescent="0.2">
      <c r="A42" s="6" t="s">
        <v>1</v>
      </c>
      <c r="B42" s="6" t="s">
        <v>1</v>
      </c>
      <c r="C42" s="6" t="s">
        <v>2</v>
      </c>
      <c r="D42" s="6" t="s">
        <v>123</v>
      </c>
      <c r="E42" s="6" t="s">
        <v>264</v>
      </c>
      <c r="F42" s="11">
        <v>-21</v>
      </c>
      <c r="G42" s="13">
        <v>-8.3665338645400003E-2</v>
      </c>
      <c r="H42" s="11">
        <v>-140.52083648600001</v>
      </c>
      <c r="I42" s="13">
        <v>-0.56007257622823436</v>
      </c>
      <c r="J42" s="11">
        <v>163.88937529200001</v>
      </c>
      <c r="K42" s="13">
        <v>1.484818418319882</v>
      </c>
      <c r="L42" s="11">
        <v>-44.200508533999994</v>
      </c>
      <c r="M42" s="13">
        <v>-0.16115921925039101</v>
      </c>
      <c r="N42" s="11">
        <v>119.688866758</v>
      </c>
      <c r="O42" s="13">
        <v>1.0843670220444579</v>
      </c>
      <c r="P42" s="7">
        <v>250.89754872899999</v>
      </c>
      <c r="Q42" s="7">
        <v>210.718410517</v>
      </c>
      <c r="R42" s="7">
        <v>111.058545673</v>
      </c>
      <c r="S42" s="7">
        <v>88.488219940600004</v>
      </c>
      <c r="T42" s="7">
        <v>144.52964320800001</v>
      </c>
      <c r="U42" s="7">
        <v>156.632508438</v>
      </c>
      <c r="V42" s="7">
        <v>110.376712243</v>
      </c>
      <c r="W42" s="7">
        <v>152.904514621</v>
      </c>
      <c r="X42" s="7">
        <v>245.470881142</v>
      </c>
      <c r="Y42" s="7">
        <v>274.266087535</v>
      </c>
      <c r="Z42" s="7">
        <v>215.09830070800001</v>
      </c>
      <c r="AA42" s="7">
        <v>169.236467508</v>
      </c>
      <c r="AB42" s="7">
        <v>169.75026177800001</v>
      </c>
      <c r="AC42" s="7">
        <v>173.17141195299999</v>
      </c>
      <c r="AD42" s="7">
        <v>206.938704245</v>
      </c>
      <c r="AE42" s="7">
        <v>218.13500029799999</v>
      </c>
      <c r="AF42" s="7">
        <v>230.065579001</v>
      </c>
      <c r="AG42" s="9">
        <v>4544.9829501999993</v>
      </c>
      <c r="AH42" s="13">
        <v>0.20403514230378381</v>
      </c>
      <c r="AI42" s="9">
        <v>1027.2963285000005</v>
      </c>
      <c r="AJ42" s="13">
        <v>4.6117786330623904E-2</v>
      </c>
      <c r="AK42" s="9">
        <v>-63.780871900002239</v>
      </c>
      <c r="AL42" s="13">
        <v>-2.7370490640428306E-3</v>
      </c>
      <c r="AM42" s="9">
        <v>3581.467493600001</v>
      </c>
      <c r="AN42" s="13">
        <v>0.15411448505039518</v>
      </c>
      <c r="AO42" s="9">
        <v>3517.6866216999988</v>
      </c>
      <c r="AP42" s="13">
        <v>0.15095561707928973</v>
      </c>
      <c r="AQ42" s="9">
        <v>22275.4908732</v>
      </c>
      <c r="AR42" s="9">
        <v>23972.747582299999</v>
      </c>
      <c r="AS42" s="9">
        <v>22213.493499799999</v>
      </c>
      <c r="AT42" s="9">
        <v>19017.786765600002</v>
      </c>
      <c r="AU42" s="9">
        <v>20432.3875907</v>
      </c>
      <c r="AV42" s="9">
        <v>18061.975297100002</v>
      </c>
      <c r="AW42" s="9">
        <v>23302.787201700001</v>
      </c>
      <c r="AX42" s="9">
        <v>25774.268355299999</v>
      </c>
      <c r="AY42" s="9">
        <v>21269.386377399998</v>
      </c>
      <c r="AZ42" s="9">
        <v>23239.006329799999</v>
      </c>
      <c r="BA42" s="9">
        <v>23654.2254077</v>
      </c>
      <c r="BB42" s="9">
        <v>25540.805091300001</v>
      </c>
      <c r="BC42" s="9">
        <v>22147.2631072</v>
      </c>
      <c r="BD42" s="9">
        <v>22338.185640799999</v>
      </c>
      <c r="BE42" s="9">
        <v>26426.148945100002</v>
      </c>
      <c r="BF42" s="9">
        <v>26820.4738234</v>
      </c>
      <c r="BG42" s="11">
        <v>0.5</v>
      </c>
      <c r="BH42" s="13">
        <v>0.1</v>
      </c>
      <c r="BI42" s="6">
        <v>0</v>
      </c>
      <c r="BJ42" s="13">
        <v>0</v>
      </c>
      <c r="BK42" s="6">
        <v>1</v>
      </c>
      <c r="BL42" s="13">
        <v>0.2</v>
      </c>
      <c r="BM42" s="11">
        <v>-0.5</v>
      </c>
      <c r="BN42" s="13">
        <v>-8.3333333333333329E-2</v>
      </c>
      <c r="BO42" s="11">
        <v>0.5</v>
      </c>
      <c r="BP42" s="13">
        <v>0.1</v>
      </c>
      <c r="BQ42" s="6">
        <v>5</v>
      </c>
      <c r="BR42" s="6">
        <v>7</v>
      </c>
      <c r="BS42" s="6">
        <v>6</v>
      </c>
      <c r="BT42" s="6">
        <v>5</v>
      </c>
      <c r="BU42" s="6">
        <v>5</v>
      </c>
      <c r="BV42" s="6">
        <v>5</v>
      </c>
      <c r="BW42" s="6">
        <v>6</v>
      </c>
      <c r="BX42" s="6">
        <v>8</v>
      </c>
      <c r="BY42" s="6">
        <v>8</v>
      </c>
      <c r="BZ42" s="6">
        <v>8</v>
      </c>
      <c r="CA42" s="6">
        <v>7</v>
      </c>
      <c r="CB42" s="6">
        <v>7</v>
      </c>
      <c r="CC42" s="11">
        <v>5.5</v>
      </c>
      <c r="CD42" s="11">
        <v>-25.3828</v>
      </c>
      <c r="CE42" s="11">
        <v>-22.875299999999999</v>
      </c>
      <c r="CF42" s="11">
        <v>27.426100000000002</v>
      </c>
      <c r="CG42" s="11">
        <v>4</v>
      </c>
      <c r="CH42" s="20">
        <v>6.1790700000000003</v>
      </c>
      <c r="CI42" s="20">
        <v>5.1098699999999999</v>
      </c>
      <c r="CJ42" s="20">
        <v>2.7440699999999998</v>
      </c>
      <c r="CK42" s="20">
        <v>2.1077599999999999</v>
      </c>
      <c r="CL42" s="20">
        <v>3.4732500000000002</v>
      </c>
      <c r="CM42" s="20">
        <v>3.6644399999999999</v>
      </c>
      <c r="CN42" s="20">
        <v>2.5893299999999999</v>
      </c>
      <c r="CO42" s="20">
        <v>3.6370100000000001</v>
      </c>
      <c r="CP42" s="20">
        <v>5.6497599999999997</v>
      </c>
      <c r="CQ42" s="20">
        <v>6.3638300000000001</v>
      </c>
      <c r="CR42" s="20">
        <v>5.22722</v>
      </c>
      <c r="CS42" s="20">
        <v>4.1725399999999997</v>
      </c>
      <c r="CT42" s="20">
        <v>4.2167000000000003</v>
      </c>
      <c r="CU42" s="20">
        <v>4.2944300000000002</v>
      </c>
      <c r="CV42" s="20">
        <v>5.1256500000000003</v>
      </c>
      <c r="CW42" s="20">
        <v>5.5050699999999999</v>
      </c>
      <c r="CX42" s="20">
        <v>5.7483300000000002</v>
      </c>
      <c r="CY42" s="6" t="s">
        <v>370</v>
      </c>
      <c r="CZ42" s="6" t="s">
        <v>371</v>
      </c>
      <c r="DA42" s="6" t="s">
        <v>123</v>
      </c>
      <c r="DB42" s="6"/>
      <c r="DC42" s="6">
        <v>41140</v>
      </c>
      <c r="DD42" s="6">
        <v>312</v>
      </c>
      <c r="DE42" s="6" t="s">
        <v>374</v>
      </c>
      <c r="DF42" s="6" t="s">
        <v>375</v>
      </c>
      <c r="DG42" s="6" t="s">
        <v>376</v>
      </c>
      <c r="DH42" s="6" t="s">
        <v>328</v>
      </c>
      <c r="DI42" s="6" t="s">
        <v>377</v>
      </c>
      <c r="DJ42" s="6">
        <v>29</v>
      </c>
      <c r="DK42" s="6">
        <v>3</v>
      </c>
      <c r="DL42" s="6">
        <v>2</v>
      </c>
      <c r="DM42" s="6" t="s">
        <v>379</v>
      </c>
      <c r="DN42" s="6">
        <v>3</v>
      </c>
      <c r="DO42" s="6" t="s">
        <v>380</v>
      </c>
      <c r="DP42" s="6"/>
      <c r="DQ42" s="6"/>
    </row>
    <row r="43" spans="1:121" x14ac:dyDescent="0.2">
      <c r="A43" s="6" t="s">
        <v>310</v>
      </c>
      <c r="B43" s="6" t="s">
        <v>310</v>
      </c>
      <c r="C43" s="6" t="s">
        <v>173</v>
      </c>
      <c r="D43" s="6" t="s">
        <v>123</v>
      </c>
      <c r="E43" s="6" t="s">
        <v>264</v>
      </c>
      <c r="F43" s="11">
        <v>1</v>
      </c>
      <c r="G43" s="13">
        <v>1</v>
      </c>
      <c r="H43" s="11">
        <v>10.329448767500001</v>
      </c>
      <c r="I43" s="13">
        <v>2.0658897535</v>
      </c>
      <c r="J43" s="11">
        <v>-10.329448767500001</v>
      </c>
      <c r="K43" s="13">
        <v>-0.67383041126693921</v>
      </c>
      <c r="L43" s="11">
        <v>6.6470009599999997</v>
      </c>
      <c r="M43" s="13">
        <v>1.329400192</v>
      </c>
      <c r="N43" s="11">
        <v>-3.6824478075000009</v>
      </c>
      <c r="O43" s="13">
        <v>-0.2402204973806473</v>
      </c>
      <c r="P43" s="7">
        <v>5</v>
      </c>
      <c r="Q43" s="7">
        <v>5</v>
      </c>
      <c r="R43" s="7">
        <v>17.045686022799998</v>
      </c>
      <c r="S43" s="7">
        <v>57.258292491500001</v>
      </c>
      <c r="T43" s="7">
        <v>29.094412747100002</v>
      </c>
      <c r="U43" s="7">
        <v>21.419770642700001</v>
      </c>
      <c r="V43" s="7">
        <v>15.329448767500001</v>
      </c>
      <c r="W43" s="7">
        <v>5</v>
      </c>
      <c r="X43" s="7">
        <v>5</v>
      </c>
      <c r="Y43" s="7">
        <v>5</v>
      </c>
      <c r="Z43" s="7">
        <v>10.5070142395</v>
      </c>
      <c r="AA43" s="7">
        <v>23.015305000000001</v>
      </c>
      <c r="AB43" s="7">
        <v>24.620100000000001</v>
      </c>
      <c r="AC43" s="7">
        <v>20.556284516600002</v>
      </c>
      <c r="AD43" s="7">
        <v>20.090961479600001</v>
      </c>
      <c r="AE43" s="7">
        <v>12.297577092599999</v>
      </c>
      <c r="AF43" s="7">
        <v>11.64700096</v>
      </c>
      <c r="AG43" s="9">
        <v>73920.055568800002</v>
      </c>
      <c r="AH43" s="13">
        <v>73920.055568800002</v>
      </c>
      <c r="AI43" s="9">
        <v>51535.0094044</v>
      </c>
      <c r="AJ43" s="13">
        <v>51535.0094044</v>
      </c>
      <c r="AK43" s="9">
        <v>-51535.0094044</v>
      </c>
      <c r="AL43" s="13">
        <v>-0.99998059609171219</v>
      </c>
      <c r="AM43" s="9">
        <v>73920.055568800002</v>
      </c>
      <c r="AN43" s="13">
        <v>73920.055568800002</v>
      </c>
      <c r="AO43" s="9">
        <v>22385.046164400002</v>
      </c>
      <c r="AP43" s="13">
        <v>0.4343573827912417</v>
      </c>
      <c r="AQ43" s="9">
        <v>1</v>
      </c>
      <c r="AR43" s="9">
        <v>1</v>
      </c>
      <c r="AS43" s="9">
        <v>66153.355795800002</v>
      </c>
      <c r="AT43" s="9">
        <v>44418.729757900001</v>
      </c>
      <c r="AU43" s="9">
        <v>48273.959675300001</v>
      </c>
      <c r="AV43" s="9">
        <v>69727.9606107</v>
      </c>
      <c r="AW43" s="9">
        <v>51536.0094044</v>
      </c>
      <c r="AX43" s="9">
        <v>1</v>
      </c>
      <c r="AY43" s="9">
        <v>1</v>
      </c>
      <c r="AZ43" s="9">
        <v>1</v>
      </c>
      <c r="BA43" s="9">
        <v>54407.878783699998</v>
      </c>
      <c r="BB43" s="9">
        <v>33076.184430699999</v>
      </c>
      <c r="BC43" s="9">
        <v>51733.751619499999</v>
      </c>
      <c r="BD43" s="9">
        <v>58049.734765100002</v>
      </c>
      <c r="BE43" s="9">
        <v>41452.2503488</v>
      </c>
      <c r="BF43" s="9">
        <v>73921.055568800002</v>
      </c>
      <c r="BG43" s="11">
        <v>-1</v>
      </c>
      <c r="BH43" s="13">
        <v>-0.33333333333333331</v>
      </c>
      <c r="BI43" s="6">
        <v>-1</v>
      </c>
      <c r="BJ43" s="13">
        <v>-0.33333333333333331</v>
      </c>
      <c r="BK43" s="6">
        <v>1</v>
      </c>
      <c r="BL43" s="13">
        <v>0.5</v>
      </c>
      <c r="BM43" s="11">
        <v>-1</v>
      </c>
      <c r="BN43" s="13">
        <v>-0.33333333333333331</v>
      </c>
      <c r="BO43" s="11">
        <v>0</v>
      </c>
      <c r="BP43" s="13">
        <v>0</v>
      </c>
      <c r="BQ43" s="6">
        <v>3</v>
      </c>
      <c r="BR43" s="6">
        <v>3</v>
      </c>
      <c r="BS43" s="6">
        <v>2</v>
      </c>
      <c r="BT43" s="6">
        <v>2</v>
      </c>
      <c r="BU43" s="6">
        <v>2</v>
      </c>
      <c r="BV43" s="6">
        <v>2</v>
      </c>
      <c r="BW43" s="6">
        <v>3</v>
      </c>
      <c r="BX43" s="6">
        <v>2</v>
      </c>
      <c r="BY43" s="6">
        <v>3</v>
      </c>
      <c r="BZ43" s="6">
        <v>2</v>
      </c>
      <c r="CA43" s="6">
        <v>2</v>
      </c>
      <c r="CB43" s="6">
        <v>2</v>
      </c>
      <c r="CC43" s="11">
        <v>2</v>
      </c>
      <c r="CD43" s="11">
        <v>11.3437</v>
      </c>
      <c r="CE43" s="11">
        <v>2.5937000000000002E-2</v>
      </c>
      <c r="CF43" s="11">
        <v>2.7328000000000002E-2</v>
      </c>
      <c r="CG43" s="11">
        <v>0</v>
      </c>
      <c r="CH43" s="20">
        <v>2.17007E-2</v>
      </c>
      <c r="CI43" s="20">
        <v>0.30402000000000001</v>
      </c>
      <c r="CJ43" s="20">
        <v>1.5725899999999999</v>
      </c>
      <c r="CK43" s="20">
        <v>4.9276</v>
      </c>
      <c r="CL43" s="20">
        <v>2.3568199999999999</v>
      </c>
      <c r="CM43" s="20">
        <v>1.5333699999999999</v>
      </c>
      <c r="CN43" s="20">
        <v>1.02112</v>
      </c>
      <c r="CO43" s="20">
        <v>0.45677699999999999</v>
      </c>
      <c r="CP43" s="20">
        <v>0.52242100000000002</v>
      </c>
      <c r="CQ43" s="20">
        <v>0.16731099999999999</v>
      </c>
      <c r="CR43" s="20">
        <v>0.634351</v>
      </c>
      <c r="CS43" s="20">
        <v>1.30823</v>
      </c>
      <c r="CT43" s="20">
        <v>1.3993199999999999</v>
      </c>
      <c r="CU43" s="20">
        <v>1.1446400000000001</v>
      </c>
      <c r="CV43" s="20">
        <v>1.2629900000000001</v>
      </c>
      <c r="CW43" s="20">
        <v>0.92716699999999996</v>
      </c>
      <c r="CX43" s="20">
        <v>0.86086700000000005</v>
      </c>
      <c r="CY43" s="6" t="s">
        <v>370</v>
      </c>
      <c r="CZ43" s="6" t="s">
        <v>371</v>
      </c>
      <c r="DA43" s="6" t="s">
        <v>123</v>
      </c>
      <c r="DB43" s="6"/>
      <c r="DC43" s="6">
        <v>41140</v>
      </c>
      <c r="DD43" s="6">
        <v>312</v>
      </c>
      <c r="DE43" s="6" t="s">
        <v>374</v>
      </c>
      <c r="DF43" s="6" t="s">
        <v>375</v>
      </c>
      <c r="DG43" s="6" t="s">
        <v>376</v>
      </c>
      <c r="DH43" s="6" t="s">
        <v>328</v>
      </c>
      <c r="DI43" s="6" t="s">
        <v>377</v>
      </c>
      <c r="DJ43" s="6">
        <v>29</v>
      </c>
      <c r="DK43" s="6">
        <v>3</v>
      </c>
      <c r="DL43" s="6">
        <v>2</v>
      </c>
      <c r="DM43" s="6" t="s">
        <v>379</v>
      </c>
      <c r="DN43" s="6">
        <v>3</v>
      </c>
      <c r="DO43" s="6" t="s">
        <v>380</v>
      </c>
      <c r="DP43" s="6"/>
      <c r="DQ43" s="6"/>
    </row>
    <row r="44" spans="1:121" x14ac:dyDescent="0.2">
      <c r="A44" s="6" t="s">
        <v>311</v>
      </c>
      <c r="B44" s="6" t="s">
        <v>311</v>
      </c>
      <c r="C44" s="6" t="s">
        <v>174</v>
      </c>
      <c r="D44" s="6" t="s">
        <v>123</v>
      </c>
      <c r="E44" s="6" t="s">
        <v>264</v>
      </c>
      <c r="F44" s="11">
        <v>54</v>
      </c>
      <c r="G44" s="13">
        <v>3.375</v>
      </c>
      <c r="H44" s="11">
        <v>22.888051000000004</v>
      </c>
      <c r="I44" s="13">
        <v>1.4578544504239193</v>
      </c>
      <c r="J44" s="11">
        <v>6.9021639999999991</v>
      </c>
      <c r="K44" s="13">
        <v>0.17886874813250897</v>
      </c>
      <c r="L44" s="11">
        <v>24.718251877899995</v>
      </c>
      <c r="M44" s="13">
        <v>0.54337730057313205</v>
      </c>
      <c r="N44" s="11">
        <v>31.620415877899994</v>
      </c>
      <c r="O44" s="13">
        <v>0.81943926622277918</v>
      </c>
      <c r="P44" s="7">
        <v>15.699819</v>
      </c>
      <c r="Q44" s="7">
        <v>33.927323000000001</v>
      </c>
      <c r="R44" s="7">
        <v>33.450032</v>
      </c>
      <c r="S44" s="7">
        <v>31.573060999999999</v>
      </c>
      <c r="T44" s="7">
        <v>28.913398999999998</v>
      </c>
      <c r="U44" s="7">
        <v>29.453714000000002</v>
      </c>
      <c r="V44" s="7">
        <v>38.587870000000002</v>
      </c>
      <c r="W44" s="7">
        <v>43.293170000000003</v>
      </c>
      <c r="X44" s="7">
        <v>92.244873999999996</v>
      </c>
      <c r="Y44" s="7">
        <v>45.490034000000001</v>
      </c>
      <c r="Z44" s="7">
        <v>46.444428000000002</v>
      </c>
      <c r="AA44" s="7">
        <v>47.106917000000003</v>
      </c>
      <c r="AB44" s="7">
        <v>82.341836999999998</v>
      </c>
      <c r="AC44" s="7">
        <v>84.603511999999995</v>
      </c>
      <c r="AD44" s="7">
        <v>89.500677999999994</v>
      </c>
      <c r="AE44" s="7">
        <v>65.732406249999997</v>
      </c>
      <c r="AF44" s="7">
        <v>70.208285877899996</v>
      </c>
      <c r="AG44" s="9">
        <v>-30385.978368800002</v>
      </c>
      <c r="AH44" s="13">
        <v>-0.32163278723549654</v>
      </c>
      <c r="AI44" s="9">
        <v>-30630.527412300005</v>
      </c>
      <c r="AJ44" s="13">
        <v>-0.32422131637620849</v>
      </c>
      <c r="AK44" s="9">
        <v>16964.647608699997</v>
      </c>
      <c r="AL44" s="13">
        <v>0.26572195823530864</v>
      </c>
      <c r="AM44" s="9">
        <v>-16720.098565199994</v>
      </c>
      <c r="AN44" s="13">
        <v>-0.20691078112399519</v>
      </c>
      <c r="AO44" s="9">
        <v>244.54904350000288</v>
      </c>
      <c r="AP44" s="13">
        <v>3.8304391710481298E-3</v>
      </c>
      <c r="AQ44" s="9">
        <v>94474.131912900004</v>
      </c>
      <c r="AR44" s="9">
        <v>56993.3462382</v>
      </c>
      <c r="AS44" s="9">
        <v>58250.388873800002</v>
      </c>
      <c r="AT44" s="9">
        <v>63418.7711757</v>
      </c>
      <c r="AU44" s="9">
        <v>70808.501877200004</v>
      </c>
      <c r="AV44" s="9">
        <v>72263.964296699996</v>
      </c>
      <c r="AW44" s="9">
        <v>63843.604500599999</v>
      </c>
      <c r="AX44" s="9">
        <v>58796.637036799999</v>
      </c>
      <c r="AY44" s="9">
        <v>39397.526491899996</v>
      </c>
      <c r="AZ44" s="9">
        <v>80808.252109299996</v>
      </c>
      <c r="BA44" s="9">
        <v>79739.1665316</v>
      </c>
      <c r="BB44" s="9">
        <v>82660.381012099999</v>
      </c>
      <c r="BC44" s="9">
        <v>40239.265453200002</v>
      </c>
      <c r="BD44" s="9">
        <v>52467.8792589</v>
      </c>
      <c r="BE44" s="9">
        <v>54948.877905100002</v>
      </c>
      <c r="BF44" s="9">
        <v>64088.153544100001</v>
      </c>
      <c r="BG44" s="11">
        <v>1.75</v>
      </c>
      <c r="BH44" s="13">
        <v>1.75</v>
      </c>
      <c r="BI44" s="6">
        <v>1</v>
      </c>
      <c r="BJ44" s="13">
        <v>1</v>
      </c>
      <c r="BK44" s="6">
        <v>1</v>
      </c>
      <c r="BL44" s="13">
        <v>0.5</v>
      </c>
      <c r="BM44" s="11">
        <v>-0.25</v>
      </c>
      <c r="BN44" s="13">
        <v>-8.3333333333333329E-2</v>
      </c>
      <c r="BO44" s="11">
        <v>0.75</v>
      </c>
      <c r="BP44" s="13">
        <v>0.375</v>
      </c>
      <c r="BQ44" s="6">
        <v>1</v>
      </c>
      <c r="BR44" s="6">
        <v>1</v>
      </c>
      <c r="BS44" s="6">
        <v>1</v>
      </c>
      <c r="BT44" s="6">
        <v>2</v>
      </c>
      <c r="BU44" s="6">
        <v>2</v>
      </c>
      <c r="BV44" s="6">
        <v>2</v>
      </c>
      <c r="BW44" s="6">
        <v>3</v>
      </c>
      <c r="BX44" s="6">
        <v>3</v>
      </c>
      <c r="BY44" s="6">
        <v>3</v>
      </c>
      <c r="BZ44" s="6">
        <v>2</v>
      </c>
      <c r="CA44" s="6">
        <v>2</v>
      </c>
      <c r="CB44" s="6">
        <v>2</v>
      </c>
      <c r="CC44" s="11">
        <v>2.75</v>
      </c>
      <c r="CD44" s="11">
        <v>55.3489</v>
      </c>
      <c r="CE44" s="11">
        <v>-2.5566200000000001</v>
      </c>
      <c r="CF44" s="11">
        <v>1.71618</v>
      </c>
      <c r="CG44" s="11">
        <v>-1</v>
      </c>
      <c r="CH44" s="20">
        <v>1.2438199999999999</v>
      </c>
      <c r="CI44" s="20">
        <v>2.6554600000000002</v>
      </c>
      <c r="CJ44" s="20">
        <v>2.75454</v>
      </c>
      <c r="CK44" s="20">
        <v>2.5746699999999998</v>
      </c>
      <c r="CL44" s="20">
        <v>2.4517000000000002</v>
      </c>
      <c r="CM44" s="20">
        <v>2.4441299999999999</v>
      </c>
      <c r="CN44" s="20">
        <v>3.1675499999999999</v>
      </c>
      <c r="CO44" s="20">
        <v>3.4508800000000002</v>
      </c>
      <c r="CP44" s="20">
        <v>7.0170000000000003</v>
      </c>
      <c r="CQ44" s="20">
        <v>3.52515</v>
      </c>
      <c r="CR44" s="20">
        <v>3.8018399999999999</v>
      </c>
      <c r="CS44" s="20">
        <v>3.9635799999999999</v>
      </c>
      <c r="CT44" s="20">
        <v>7.0668199999999999</v>
      </c>
      <c r="CU44" s="20">
        <v>7.3029299999999999</v>
      </c>
      <c r="CV44" s="20">
        <v>7.7277399999999998</v>
      </c>
      <c r="CW44" s="20">
        <v>5.7754000000000003</v>
      </c>
      <c r="CX44" s="20">
        <v>6.0703800000000001</v>
      </c>
      <c r="CY44" s="6" t="s">
        <v>370</v>
      </c>
      <c r="CZ44" s="6" t="s">
        <v>371</v>
      </c>
      <c r="DA44" s="6" t="s">
        <v>123</v>
      </c>
      <c r="DB44" s="6"/>
      <c r="DC44" s="6">
        <v>41140</v>
      </c>
      <c r="DD44" s="6">
        <v>312</v>
      </c>
      <c r="DE44" s="6" t="s">
        <v>374</v>
      </c>
      <c r="DF44" s="6" t="s">
        <v>375</v>
      </c>
      <c r="DG44" s="6" t="s">
        <v>376</v>
      </c>
      <c r="DH44" s="6" t="s">
        <v>328</v>
      </c>
      <c r="DI44" s="6" t="s">
        <v>377</v>
      </c>
      <c r="DJ44" s="6">
        <v>29</v>
      </c>
      <c r="DK44" s="6">
        <v>3</v>
      </c>
      <c r="DL44" s="6">
        <v>2</v>
      </c>
      <c r="DM44" s="6" t="s">
        <v>379</v>
      </c>
      <c r="DN44" s="6">
        <v>3</v>
      </c>
      <c r="DO44" s="6" t="s">
        <v>380</v>
      </c>
      <c r="DP44" s="6"/>
      <c r="DQ44" s="6"/>
    </row>
    <row r="45" spans="1:121" x14ac:dyDescent="0.2">
      <c r="A45" s="6" t="s">
        <v>312</v>
      </c>
      <c r="B45" s="6" t="s">
        <v>312</v>
      </c>
      <c r="C45" s="6" t="s">
        <v>175</v>
      </c>
      <c r="D45" s="6" t="s">
        <v>123</v>
      </c>
      <c r="E45" s="6" t="s">
        <v>264</v>
      </c>
      <c r="F45" s="11">
        <v>29</v>
      </c>
      <c r="G45" s="13">
        <v>8.5043988269800003E-2</v>
      </c>
      <c r="H45" s="11">
        <v>57.611124715999949</v>
      </c>
      <c r="I45" s="13">
        <v>0.1691352836621994</v>
      </c>
      <c r="J45" s="11">
        <v>-59.376416474999985</v>
      </c>
      <c r="K45" s="13">
        <v>-0.14909980590327326</v>
      </c>
      <c r="L45" s="11">
        <v>30.761963417999993</v>
      </c>
      <c r="M45" s="13">
        <v>9.0781744383041804E-2</v>
      </c>
      <c r="N45" s="11">
        <v>-28.614453056999992</v>
      </c>
      <c r="O45" s="13">
        <v>-7.1853601987303561E-2</v>
      </c>
      <c r="P45" s="7">
        <v>340.62156321600003</v>
      </c>
      <c r="Q45" s="7">
        <v>353.41547306799998</v>
      </c>
      <c r="R45" s="7">
        <v>334.063535027</v>
      </c>
      <c r="S45" s="7">
        <v>366.81310282499999</v>
      </c>
      <c r="T45" s="7">
        <v>388.168739329</v>
      </c>
      <c r="U45" s="7">
        <v>416.842521256</v>
      </c>
      <c r="V45" s="7">
        <v>398.23268793199998</v>
      </c>
      <c r="W45" s="7">
        <v>406.61556415799998</v>
      </c>
      <c r="X45" s="7">
        <v>368.636069292</v>
      </c>
      <c r="Y45" s="7">
        <v>338.85627145699999</v>
      </c>
      <c r="Z45" s="7">
        <v>327.15335390299998</v>
      </c>
      <c r="AA45" s="7">
        <v>333.57588623999999</v>
      </c>
      <c r="AB45" s="7">
        <v>313.49589101399999</v>
      </c>
      <c r="AC45" s="7">
        <v>336.91723474399998</v>
      </c>
      <c r="AD45" s="7">
        <v>352.32910162299999</v>
      </c>
      <c r="AE45" s="7">
        <v>361.66072534300002</v>
      </c>
      <c r="AF45" s="7">
        <v>369.61823487499998</v>
      </c>
      <c r="AG45" s="9">
        <v>15455.975472099995</v>
      </c>
      <c r="AH45" s="13">
        <v>0.53790474028825008</v>
      </c>
      <c r="AI45" s="9">
        <v>5483.0132742000023</v>
      </c>
      <c r="AJ45" s="13">
        <v>0.19082191457792569</v>
      </c>
      <c r="AK45" s="9">
        <v>-630.49310460000561</v>
      </c>
      <c r="AL45" s="13">
        <v>-1.8426484008565235E-2</v>
      </c>
      <c r="AM45" s="9">
        <v>10603.455302499999</v>
      </c>
      <c r="AN45" s="13">
        <v>0.31570881725895372</v>
      </c>
      <c r="AO45" s="9">
        <v>9972.962197899993</v>
      </c>
      <c r="AP45" s="13">
        <v>0.29146492977780331</v>
      </c>
      <c r="AQ45" s="9">
        <v>28733.666603900001</v>
      </c>
      <c r="AR45" s="9">
        <v>29268.7309885</v>
      </c>
      <c r="AS45" s="9">
        <v>31818.700531800001</v>
      </c>
      <c r="AT45" s="9">
        <v>31739.4938535</v>
      </c>
      <c r="AU45" s="9">
        <v>33089.599207200001</v>
      </c>
      <c r="AV45" s="9">
        <v>31772.381145700001</v>
      </c>
      <c r="AW45" s="9">
        <v>34216.679878100003</v>
      </c>
      <c r="AX45" s="9">
        <v>33847.516567300001</v>
      </c>
      <c r="AY45" s="9">
        <v>32012.433146899999</v>
      </c>
      <c r="AZ45" s="9">
        <v>33586.186773499998</v>
      </c>
      <c r="BA45" s="9">
        <v>34852.540436099996</v>
      </c>
      <c r="BB45" s="9">
        <v>35139.717480500003</v>
      </c>
      <c r="BC45" s="9">
        <v>37016.442175800003</v>
      </c>
      <c r="BD45" s="9">
        <v>39009.552293200002</v>
      </c>
      <c r="BE45" s="9">
        <v>40204.597341599998</v>
      </c>
      <c r="BF45" s="9">
        <v>44189.642075999996</v>
      </c>
      <c r="BG45" s="11">
        <v>-1</v>
      </c>
      <c r="BH45" s="13">
        <v>-2.0408163265306121E-2</v>
      </c>
      <c r="BI45" s="6">
        <v>10</v>
      </c>
      <c r="BJ45" s="13">
        <v>0.20408163265306123</v>
      </c>
      <c r="BK45" s="6">
        <v>-1</v>
      </c>
      <c r="BL45" s="13">
        <v>-1.6949152542372881E-2</v>
      </c>
      <c r="BM45" s="11">
        <v>-10</v>
      </c>
      <c r="BN45" s="13">
        <v>-0.17241379310344829</v>
      </c>
      <c r="BO45" s="11">
        <v>-11</v>
      </c>
      <c r="BP45" s="13">
        <v>-0.1864406779661017</v>
      </c>
      <c r="BQ45" s="6">
        <v>49</v>
      </c>
      <c r="BR45" s="6">
        <v>56</v>
      </c>
      <c r="BS45" s="6">
        <v>61</v>
      </c>
      <c r="BT45" s="6">
        <v>59</v>
      </c>
      <c r="BU45" s="6">
        <v>57</v>
      </c>
      <c r="BV45" s="6">
        <v>58</v>
      </c>
      <c r="BW45" s="6">
        <v>58</v>
      </c>
      <c r="BX45" s="6">
        <v>55</v>
      </c>
      <c r="BY45" s="6">
        <v>51</v>
      </c>
      <c r="BZ45" s="6">
        <v>52</v>
      </c>
      <c r="CA45" s="6">
        <v>50</v>
      </c>
      <c r="CB45" s="6">
        <v>51</v>
      </c>
      <c r="CC45" s="11">
        <v>48</v>
      </c>
      <c r="CD45" s="11">
        <v>33.020600000000002</v>
      </c>
      <c r="CE45" s="11">
        <v>-41.257899999999999</v>
      </c>
      <c r="CF45" s="11">
        <v>37.234000000000002</v>
      </c>
      <c r="CG45" s="11">
        <v>-4</v>
      </c>
      <c r="CH45" s="20">
        <v>1.86053</v>
      </c>
      <c r="CI45" s="20">
        <v>1.8939299999999999</v>
      </c>
      <c r="CJ45" s="20">
        <v>1.79993</v>
      </c>
      <c r="CK45" s="20">
        <v>1.8350299999999999</v>
      </c>
      <c r="CL45" s="20">
        <v>1.88252</v>
      </c>
      <c r="CM45" s="20">
        <v>1.8841399999999999</v>
      </c>
      <c r="CN45" s="20">
        <v>1.8045800000000001</v>
      </c>
      <c r="CO45" s="20">
        <v>1.92021</v>
      </c>
      <c r="CP45" s="20">
        <v>1.9163399999999999</v>
      </c>
      <c r="CQ45" s="20">
        <v>1.9198299999999999</v>
      </c>
      <c r="CR45" s="20">
        <v>1.9785299999999999</v>
      </c>
      <c r="CS45" s="20">
        <v>2.0541</v>
      </c>
      <c r="CT45" s="20">
        <v>1.9213800000000001</v>
      </c>
      <c r="CU45" s="20">
        <v>2.0138400000000001</v>
      </c>
      <c r="CV45" s="20">
        <v>2.0482</v>
      </c>
      <c r="CW45" s="20">
        <v>2.09531</v>
      </c>
      <c r="CX45" s="20">
        <v>2.1103299999999998</v>
      </c>
      <c r="CY45" s="6" t="s">
        <v>370</v>
      </c>
      <c r="CZ45" s="6" t="s">
        <v>371</v>
      </c>
      <c r="DA45" s="6" t="s">
        <v>123</v>
      </c>
      <c r="DB45" s="6"/>
      <c r="DC45" s="6">
        <v>41140</v>
      </c>
      <c r="DD45" s="6">
        <v>312</v>
      </c>
      <c r="DE45" s="6" t="s">
        <v>374</v>
      </c>
      <c r="DF45" s="6" t="s">
        <v>375</v>
      </c>
      <c r="DG45" s="6" t="s">
        <v>376</v>
      </c>
      <c r="DH45" s="6" t="s">
        <v>328</v>
      </c>
      <c r="DI45" s="6" t="s">
        <v>377</v>
      </c>
      <c r="DJ45" s="6">
        <v>29</v>
      </c>
      <c r="DK45" s="6">
        <v>3</v>
      </c>
      <c r="DL45" s="6">
        <v>2</v>
      </c>
      <c r="DM45" s="6" t="s">
        <v>379</v>
      </c>
      <c r="DN45" s="6">
        <v>3</v>
      </c>
      <c r="DO45" s="6" t="s">
        <v>380</v>
      </c>
      <c r="DP45" s="6"/>
      <c r="DQ45" s="6"/>
    </row>
    <row r="46" spans="1:121" x14ac:dyDescent="0.2">
      <c r="A46" s="6" t="s">
        <v>792</v>
      </c>
      <c r="B46" s="6" t="s">
        <v>176</v>
      </c>
      <c r="C46" s="6" t="s">
        <v>177</v>
      </c>
      <c r="D46" s="6" t="s">
        <v>123</v>
      </c>
      <c r="E46" s="6" t="s">
        <v>264</v>
      </c>
      <c r="F46" s="11">
        <v>-19</v>
      </c>
      <c r="G46" s="13">
        <v>-0.33333333333300003</v>
      </c>
      <c r="H46" s="11">
        <v>42.856570576999999</v>
      </c>
      <c r="I46" s="13">
        <v>0.75829979492075228</v>
      </c>
      <c r="J46" s="11">
        <v>-51.335630093199995</v>
      </c>
      <c r="K46" s="13">
        <v>-0.51659416275116521</v>
      </c>
      <c r="L46" s="11">
        <v>-10.166982215200001</v>
      </c>
      <c r="M46" s="13">
        <v>-0.2116463441717058</v>
      </c>
      <c r="N46" s="11">
        <v>-61.502612308399996</v>
      </c>
      <c r="O46" s="13">
        <v>-0.61890524095614374</v>
      </c>
      <c r="P46" s="7">
        <v>56.516658535399998</v>
      </c>
      <c r="Q46" s="7">
        <v>70.911681045700007</v>
      </c>
      <c r="R46" s="7">
        <v>91.864767557899995</v>
      </c>
      <c r="S46" s="7">
        <v>106.03987061700001</v>
      </c>
      <c r="T46" s="7">
        <v>84.485521946299997</v>
      </c>
      <c r="U46" s="7">
        <v>84.296656713800004</v>
      </c>
      <c r="V46" s="7">
        <v>99.373229112399997</v>
      </c>
      <c r="W46" s="7">
        <v>91.081806390599994</v>
      </c>
      <c r="X46" s="7">
        <v>66.491715721800006</v>
      </c>
      <c r="Y46" s="7">
        <v>48.037599019200002</v>
      </c>
      <c r="Z46" s="7">
        <v>46.821245803700002</v>
      </c>
      <c r="AA46" s="7">
        <v>34.238665149500001</v>
      </c>
      <c r="AB46" s="7">
        <v>32.524735212800003</v>
      </c>
      <c r="AC46" s="7">
        <v>40.170772482300002</v>
      </c>
      <c r="AD46" s="7">
        <v>38.241654999700003</v>
      </c>
      <c r="AE46" s="7">
        <v>35.9718471017</v>
      </c>
      <c r="AF46" s="7">
        <v>37.870616804000001</v>
      </c>
      <c r="AG46" s="9">
        <v>-3938.2922627000007</v>
      </c>
      <c r="AH46" s="13">
        <v>-9.9828693965535162E-2</v>
      </c>
      <c r="AI46" s="9">
        <v>-12328.270891599997</v>
      </c>
      <c r="AJ46" s="13">
        <v>-0.31249970796174537</v>
      </c>
      <c r="AK46" s="9">
        <v>4775.9032345999985</v>
      </c>
      <c r="AL46" s="13">
        <v>0.17608812905370577</v>
      </c>
      <c r="AM46" s="9">
        <v>3614.0753942999982</v>
      </c>
      <c r="AN46" s="13">
        <v>0.11330051972646348</v>
      </c>
      <c r="AO46" s="9">
        <v>8389.9786288999967</v>
      </c>
      <c r="AP46" s="13">
        <v>0.30933952531961473</v>
      </c>
      <c r="AQ46" s="9">
        <v>39450.503720499997</v>
      </c>
      <c r="AR46" s="9">
        <v>42398.893147900002</v>
      </c>
      <c r="AS46" s="9">
        <v>23691.568366799998</v>
      </c>
      <c r="AT46" s="9">
        <v>22103.233250900001</v>
      </c>
      <c r="AU46" s="9">
        <v>26349.089365</v>
      </c>
      <c r="AV46" s="9">
        <v>27064.3022103</v>
      </c>
      <c r="AW46" s="9">
        <v>27122.2328289</v>
      </c>
      <c r="AX46" s="9">
        <v>27401.071473600001</v>
      </c>
      <c r="AY46" s="9">
        <v>33000.376763200002</v>
      </c>
      <c r="AZ46" s="9">
        <v>31898.136063499998</v>
      </c>
      <c r="BA46" s="9">
        <v>34957.474318400004</v>
      </c>
      <c r="BB46" s="9">
        <v>37651.151594399998</v>
      </c>
      <c r="BC46" s="9">
        <v>34267.565821099997</v>
      </c>
      <c r="BD46" s="9">
        <v>31451.464229699999</v>
      </c>
      <c r="BE46" s="9">
        <v>34684.392347499997</v>
      </c>
      <c r="BF46" s="9">
        <v>35512.211457799996</v>
      </c>
      <c r="BG46" s="11">
        <v>-3</v>
      </c>
      <c r="BH46" s="13">
        <v>-0.375</v>
      </c>
      <c r="BI46" s="6">
        <v>4</v>
      </c>
      <c r="BJ46" s="13">
        <v>0.5</v>
      </c>
      <c r="BK46" s="6">
        <v>-3</v>
      </c>
      <c r="BL46" s="13">
        <v>-0.25</v>
      </c>
      <c r="BM46" s="11">
        <v>-4</v>
      </c>
      <c r="BN46" s="13">
        <v>-0.44444444444444442</v>
      </c>
      <c r="BO46" s="11">
        <v>-7</v>
      </c>
      <c r="BP46" s="13">
        <v>-0.58333333333333337</v>
      </c>
      <c r="BQ46" s="6">
        <v>8</v>
      </c>
      <c r="BR46" s="6">
        <v>9</v>
      </c>
      <c r="BS46" s="6">
        <v>10</v>
      </c>
      <c r="BT46" s="6">
        <v>12</v>
      </c>
      <c r="BU46" s="6">
        <v>10</v>
      </c>
      <c r="BV46" s="6">
        <v>11</v>
      </c>
      <c r="BW46" s="6">
        <v>9</v>
      </c>
      <c r="BX46" s="6">
        <v>6</v>
      </c>
      <c r="BY46" s="6">
        <v>5</v>
      </c>
      <c r="BZ46" s="6">
        <v>5</v>
      </c>
      <c r="CA46" s="6">
        <v>5</v>
      </c>
      <c r="CB46" s="6">
        <v>6</v>
      </c>
      <c r="CC46" s="11">
        <v>5</v>
      </c>
      <c r="CD46" s="11">
        <v>-4.8748699999999996</v>
      </c>
      <c r="CE46" s="11">
        <v>-19.949100000000001</v>
      </c>
      <c r="CF46" s="11">
        <v>6.1779500000000001</v>
      </c>
      <c r="CG46" s="11">
        <v>-14</v>
      </c>
      <c r="CH46" s="20">
        <v>0.161249</v>
      </c>
      <c r="CI46" s="20">
        <v>0.212122</v>
      </c>
      <c r="CJ46" s="20">
        <v>0.29534199999999999</v>
      </c>
      <c r="CK46" s="20">
        <v>0.33526</v>
      </c>
      <c r="CL46" s="20">
        <v>0.272679</v>
      </c>
      <c r="CM46" s="20">
        <v>0.26578400000000002</v>
      </c>
      <c r="CN46" s="20">
        <v>0.31801200000000002</v>
      </c>
      <c r="CO46" s="20">
        <v>0.29719600000000002</v>
      </c>
      <c r="CP46" s="20">
        <v>0.23530499999999999</v>
      </c>
      <c r="CQ46" s="20">
        <v>0.17527100000000001</v>
      </c>
      <c r="CR46" s="20">
        <v>0.176923</v>
      </c>
      <c r="CS46" s="20">
        <v>0.13078699999999999</v>
      </c>
      <c r="CT46" s="20">
        <v>0.12560399999999999</v>
      </c>
      <c r="CU46" s="20">
        <v>0.155001</v>
      </c>
      <c r="CV46" s="20">
        <v>0.147531</v>
      </c>
      <c r="CW46" s="20">
        <v>0.14132</v>
      </c>
      <c r="CX46" s="20">
        <v>0.147563</v>
      </c>
      <c r="CY46" s="6" t="s">
        <v>370</v>
      </c>
      <c r="CZ46" s="6" t="s">
        <v>371</v>
      </c>
      <c r="DA46" s="6" t="s">
        <v>123</v>
      </c>
      <c r="DB46" s="6"/>
      <c r="DC46" s="6">
        <v>41140</v>
      </c>
      <c r="DD46" s="6">
        <v>312</v>
      </c>
      <c r="DE46" s="6" t="s">
        <v>374</v>
      </c>
      <c r="DF46" s="6" t="s">
        <v>375</v>
      </c>
      <c r="DG46" s="6" t="s">
        <v>376</v>
      </c>
      <c r="DH46" s="6" t="s">
        <v>328</v>
      </c>
      <c r="DI46" s="6" t="s">
        <v>377</v>
      </c>
      <c r="DJ46" s="6">
        <v>29</v>
      </c>
      <c r="DK46" s="6">
        <v>3</v>
      </c>
      <c r="DL46" s="6">
        <v>2</v>
      </c>
      <c r="DM46" s="6" t="s">
        <v>379</v>
      </c>
      <c r="DN46" s="6">
        <v>3</v>
      </c>
      <c r="DO46" s="6" t="s">
        <v>380</v>
      </c>
      <c r="DP46" s="6"/>
      <c r="DQ46" s="6"/>
    </row>
    <row r="47" spans="1:121" x14ac:dyDescent="0.2">
      <c r="A47" s="6" t="s">
        <v>313</v>
      </c>
      <c r="B47" s="6" t="s">
        <v>313</v>
      </c>
      <c r="C47" s="6" t="s">
        <v>178</v>
      </c>
      <c r="D47" s="6" t="s">
        <v>123</v>
      </c>
      <c r="E47" s="6" t="s">
        <v>264</v>
      </c>
      <c r="F47" s="11">
        <v>64</v>
      </c>
      <c r="G47" s="13">
        <v>1.06666666667</v>
      </c>
      <c r="H47" s="11">
        <v>72.369164794400007</v>
      </c>
      <c r="I47" s="13">
        <v>1.1970206373752594</v>
      </c>
      <c r="J47" s="11">
        <v>-17.534785728000003</v>
      </c>
      <c r="K47" s="13">
        <v>-0.13201230201588024</v>
      </c>
      <c r="L47" s="11">
        <v>8.638713609000007</v>
      </c>
      <c r="M47" s="13">
        <v>7.4928915639652829E-2</v>
      </c>
      <c r="N47" s="11">
        <v>-8.8960721189999958</v>
      </c>
      <c r="O47" s="13">
        <v>-6.6974925017371678E-2</v>
      </c>
      <c r="P47" s="7">
        <v>60.457741942600002</v>
      </c>
      <c r="Q47" s="7">
        <v>55.073520278899998</v>
      </c>
      <c r="R47" s="7">
        <v>53.760285753200002</v>
      </c>
      <c r="S47" s="7">
        <v>62.580392999700003</v>
      </c>
      <c r="T47" s="7">
        <v>87.125486677500007</v>
      </c>
      <c r="U47" s="7">
        <v>86.093189055699995</v>
      </c>
      <c r="V47" s="7">
        <v>132.826906737</v>
      </c>
      <c r="W47" s="7">
        <v>140.693945574</v>
      </c>
      <c r="X47" s="7">
        <v>133.47777983899999</v>
      </c>
      <c r="Y47" s="7">
        <v>115.292121009</v>
      </c>
      <c r="Z47" s="7">
        <v>145.30890814099999</v>
      </c>
      <c r="AA47" s="7">
        <v>138.134049344</v>
      </c>
      <c r="AB47" s="7">
        <v>150.055424625</v>
      </c>
      <c r="AC47" s="7">
        <v>156.38364915400001</v>
      </c>
      <c r="AD47" s="7">
        <v>121.09986760699999</v>
      </c>
      <c r="AE47" s="7">
        <v>117.020266674</v>
      </c>
      <c r="AF47" s="7">
        <v>123.93083461800001</v>
      </c>
      <c r="AG47" s="9">
        <v>24288.206166000004</v>
      </c>
      <c r="AH47" s="13">
        <v>0.91418119486547267</v>
      </c>
      <c r="AI47" s="9">
        <v>22385.1679085</v>
      </c>
      <c r="AJ47" s="13">
        <v>0.84255294137380787</v>
      </c>
      <c r="AK47" s="9">
        <v>3391.3132923000012</v>
      </c>
      <c r="AL47" s="13">
        <v>6.9276315228973373E-2</v>
      </c>
      <c r="AM47" s="9">
        <v>-1488.2750347999972</v>
      </c>
      <c r="AN47" s="13">
        <v>-2.8432177198728009E-2</v>
      </c>
      <c r="AO47" s="9">
        <v>1903.038257500004</v>
      </c>
      <c r="AP47" s="13">
        <v>3.8874461559980256E-2</v>
      </c>
      <c r="AQ47" s="9">
        <v>26568.2627278</v>
      </c>
      <c r="AR47" s="9">
        <v>30705.413964700001</v>
      </c>
      <c r="AS47" s="9">
        <v>30445.979311300001</v>
      </c>
      <c r="AT47" s="9">
        <v>30158.749077799999</v>
      </c>
      <c r="AU47" s="9">
        <v>30161.489005399999</v>
      </c>
      <c r="AV47" s="9">
        <v>31358.6659248</v>
      </c>
      <c r="AW47" s="9">
        <v>48953.4306363</v>
      </c>
      <c r="AX47" s="9">
        <v>47438.928055199998</v>
      </c>
      <c r="AY47" s="9">
        <v>43605.193384799997</v>
      </c>
      <c r="AZ47" s="9">
        <v>52344.743928600001</v>
      </c>
      <c r="BA47" s="9">
        <v>55090.125191500003</v>
      </c>
      <c r="BB47" s="9">
        <v>51162.863832199997</v>
      </c>
      <c r="BC47" s="9">
        <v>47565.053147999999</v>
      </c>
      <c r="BD47" s="9">
        <v>46606.018376400003</v>
      </c>
      <c r="BE47" s="9">
        <v>51279.0800342</v>
      </c>
      <c r="BF47" s="9">
        <v>50856.468893800004</v>
      </c>
      <c r="BG47" s="11">
        <v>-4.75</v>
      </c>
      <c r="BH47" s="13">
        <v>-0.296875</v>
      </c>
      <c r="BI47" s="6">
        <v>0</v>
      </c>
      <c r="BJ47" s="13">
        <v>0</v>
      </c>
      <c r="BK47" s="6">
        <v>-3</v>
      </c>
      <c r="BL47" s="13">
        <v>-0.1875</v>
      </c>
      <c r="BM47" s="11">
        <v>-1.75</v>
      </c>
      <c r="BN47" s="13">
        <v>-0.13461538461538461</v>
      </c>
      <c r="BO47" s="11">
        <v>-4.75</v>
      </c>
      <c r="BP47" s="13">
        <v>-0.296875</v>
      </c>
      <c r="BQ47" s="6">
        <v>16</v>
      </c>
      <c r="BR47" s="6">
        <v>18</v>
      </c>
      <c r="BS47" s="6">
        <v>15</v>
      </c>
      <c r="BT47" s="6">
        <v>16</v>
      </c>
      <c r="BU47" s="6">
        <v>16</v>
      </c>
      <c r="BV47" s="6">
        <v>15</v>
      </c>
      <c r="BW47" s="6">
        <v>13</v>
      </c>
      <c r="BX47" s="6">
        <v>14</v>
      </c>
      <c r="BY47" s="6">
        <v>13</v>
      </c>
      <c r="BZ47" s="6">
        <v>15</v>
      </c>
      <c r="CA47" s="6">
        <v>16</v>
      </c>
      <c r="CB47" s="6">
        <v>12</v>
      </c>
      <c r="CC47" s="11">
        <v>11.25</v>
      </c>
      <c r="CD47" s="11">
        <v>61.8078</v>
      </c>
      <c r="CE47" s="11">
        <v>-4.9434800000000001</v>
      </c>
      <c r="CF47" s="11">
        <v>6.6087600000000002</v>
      </c>
      <c r="CG47" s="11">
        <v>2</v>
      </c>
      <c r="CH47" s="20">
        <v>0.48442400000000002</v>
      </c>
      <c r="CI47" s="20">
        <v>0.43941599999999997</v>
      </c>
      <c r="CJ47" s="20">
        <v>0.44067899999999999</v>
      </c>
      <c r="CK47" s="20">
        <v>0.49253200000000003</v>
      </c>
      <c r="CL47" s="20">
        <v>0.68339799999999995</v>
      </c>
      <c r="CM47" s="20">
        <v>0.64186399999999999</v>
      </c>
      <c r="CN47" s="20">
        <v>0.96953100000000003</v>
      </c>
      <c r="CO47" s="20">
        <v>1.02027</v>
      </c>
      <c r="CP47" s="20">
        <v>0.99235499999999999</v>
      </c>
      <c r="CQ47" s="20">
        <v>0.87493200000000004</v>
      </c>
      <c r="CR47" s="20">
        <v>1.1470499999999999</v>
      </c>
      <c r="CS47" s="20">
        <v>1.101</v>
      </c>
      <c r="CT47" s="20">
        <v>1.2022999999999999</v>
      </c>
      <c r="CU47" s="20">
        <v>1.25352</v>
      </c>
      <c r="CV47" s="20">
        <v>0.97114699999999998</v>
      </c>
      <c r="CW47" s="20">
        <v>0.958117</v>
      </c>
      <c r="CX47" s="20">
        <v>0.99821099999999996</v>
      </c>
      <c r="CY47" s="6" t="s">
        <v>370</v>
      </c>
      <c r="CZ47" s="6" t="s">
        <v>371</v>
      </c>
      <c r="DA47" s="6" t="s">
        <v>123</v>
      </c>
      <c r="DB47" s="6"/>
      <c r="DC47" s="6">
        <v>41140</v>
      </c>
      <c r="DD47" s="6">
        <v>312</v>
      </c>
      <c r="DE47" s="6" t="s">
        <v>374</v>
      </c>
      <c r="DF47" s="6" t="s">
        <v>375</v>
      </c>
      <c r="DG47" s="6" t="s">
        <v>376</v>
      </c>
      <c r="DH47" s="6" t="s">
        <v>328</v>
      </c>
      <c r="DI47" s="6" t="s">
        <v>377</v>
      </c>
      <c r="DJ47" s="6">
        <v>29</v>
      </c>
      <c r="DK47" s="6">
        <v>3</v>
      </c>
      <c r="DL47" s="6">
        <v>2</v>
      </c>
      <c r="DM47" s="6" t="s">
        <v>379</v>
      </c>
      <c r="DN47" s="6">
        <v>3</v>
      </c>
      <c r="DO47" s="6" t="s">
        <v>380</v>
      </c>
      <c r="DP47" s="6"/>
      <c r="DQ47" s="6"/>
    </row>
    <row r="48" spans="1:121" x14ac:dyDescent="0.2">
      <c r="A48" s="6" t="s">
        <v>793</v>
      </c>
      <c r="B48" s="6" t="s">
        <v>179</v>
      </c>
      <c r="C48" s="6" t="s">
        <v>180</v>
      </c>
      <c r="D48" s="6" t="s">
        <v>123</v>
      </c>
      <c r="E48" s="6" t="s">
        <v>264</v>
      </c>
      <c r="F48" s="11">
        <v>-36</v>
      </c>
      <c r="G48" s="13">
        <v>-0.1</v>
      </c>
      <c r="H48" s="11">
        <v>35</v>
      </c>
      <c r="I48" s="13">
        <v>9.3333333333333338E-2</v>
      </c>
      <c r="J48" s="11">
        <v>-6</v>
      </c>
      <c r="K48" s="13">
        <v>-1.4634146341463415E-2</v>
      </c>
      <c r="L48" s="11">
        <v>-65</v>
      </c>
      <c r="M48" s="13">
        <v>-0.1608910891089109</v>
      </c>
      <c r="N48" s="11">
        <v>-71</v>
      </c>
      <c r="O48" s="13">
        <v>-0.17317073170731706</v>
      </c>
      <c r="P48" s="7">
        <v>375</v>
      </c>
      <c r="Q48" s="7">
        <v>400</v>
      </c>
      <c r="R48" s="7">
        <v>421</v>
      </c>
      <c r="S48" s="7">
        <v>420</v>
      </c>
      <c r="T48" s="7">
        <v>426</v>
      </c>
      <c r="U48" s="7">
        <v>431</v>
      </c>
      <c r="V48" s="7">
        <v>410</v>
      </c>
      <c r="W48" s="7">
        <v>406</v>
      </c>
      <c r="X48" s="7">
        <v>373</v>
      </c>
      <c r="Y48" s="7">
        <v>404</v>
      </c>
      <c r="Z48" s="7">
        <v>399</v>
      </c>
      <c r="AA48" s="7">
        <v>438</v>
      </c>
      <c r="AB48" s="7">
        <v>403</v>
      </c>
      <c r="AC48" s="7">
        <v>384</v>
      </c>
      <c r="AD48" s="7">
        <v>356</v>
      </c>
      <c r="AE48" s="7">
        <v>341</v>
      </c>
      <c r="AF48" s="7">
        <v>339</v>
      </c>
      <c r="AG48" s="9">
        <v>8719</v>
      </c>
      <c r="AH48" s="13">
        <v>0.44630425880425878</v>
      </c>
      <c r="AI48" s="9">
        <v>2414</v>
      </c>
      <c r="AJ48" s="13">
        <v>0.12356674856674855</v>
      </c>
      <c r="AK48" s="9">
        <v>2345</v>
      </c>
      <c r="AL48" s="13">
        <v>0.10683371298405468</v>
      </c>
      <c r="AM48" s="9">
        <v>3960</v>
      </c>
      <c r="AN48" s="13">
        <v>0.16299650133772381</v>
      </c>
      <c r="AO48" s="9">
        <v>6305</v>
      </c>
      <c r="AP48" s="13">
        <v>0.28724373576309797</v>
      </c>
      <c r="AQ48" s="9">
        <v>19536</v>
      </c>
      <c r="AR48" s="9">
        <v>19699</v>
      </c>
      <c r="AS48" s="9">
        <v>20488</v>
      </c>
      <c r="AT48" s="9">
        <v>20546</v>
      </c>
      <c r="AU48" s="9">
        <v>21162</v>
      </c>
      <c r="AV48" s="9">
        <v>21274</v>
      </c>
      <c r="AW48" s="9">
        <v>21950</v>
      </c>
      <c r="AX48" s="9">
        <v>22591</v>
      </c>
      <c r="AY48" s="9">
        <v>23045</v>
      </c>
      <c r="AZ48" s="9">
        <v>24295</v>
      </c>
      <c r="BA48" s="9">
        <v>24599</v>
      </c>
      <c r="BB48" s="9">
        <v>23919</v>
      </c>
      <c r="BC48" s="9">
        <v>24476</v>
      </c>
      <c r="BD48" s="9">
        <v>25121</v>
      </c>
      <c r="BE48" s="9">
        <v>26347</v>
      </c>
      <c r="BF48" s="9">
        <v>28255</v>
      </c>
      <c r="BG48" s="11">
        <v>-7</v>
      </c>
      <c r="BH48" s="13">
        <v>-0.15909090909090909</v>
      </c>
      <c r="BI48" s="6">
        <v>-3</v>
      </c>
      <c r="BJ48" s="13">
        <v>-6.8181818181818177E-2</v>
      </c>
      <c r="BK48" s="6">
        <v>-1</v>
      </c>
      <c r="BL48" s="13">
        <v>-2.4390243902439025E-2</v>
      </c>
      <c r="BM48" s="11">
        <v>-3</v>
      </c>
      <c r="BN48" s="13">
        <v>-7.4999999999999997E-2</v>
      </c>
      <c r="BO48" s="11">
        <v>-4</v>
      </c>
      <c r="BP48" s="13">
        <v>-9.7560975609756101E-2</v>
      </c>
      <c r="BQ48" s="6">
        <v>44</v>
      </c>
      <c r="BR48" s="6">
        <v>42</v>
      </c>
      <c r="BS48" s="6">
        <v>40</v>
      </c>
      <c r="BT48" s="6">
        <v>41</v>
      </c>
      <c r="BU48" s="6">
        <v>39</v>
      </c>
      <c r="BV48" s="6">
        <v>37</v>
      </c>
      <c r="BW48" s="6">
        <v>40</v>
      </c>
      <c r="BX48" s="6">
        <v>40</v>
      </c>
      <c r="BY48" s="6">
        <v>40</v>
      </c>
      <c r="BZ48" s="6">
        <v>38</v>
      </c>
      <c r="CA48" s="6">
        <v>38</v>
      </c>
      <c r="CB48" s="6">
        <v>39</v>
      </c>
      <c r="CC48" s="11">
        <v>37</v>
      </c>
      <c r="CD48" s="11">
        <v>-53</v>
      </c>
      <c r="CE48" s="11">
        <v>-24</v>
      </c>
      <c r="CF48" s="11">
        <v>41</v>
      </c>
      <c r="CG48" s="11">
        <v>17</v>
      </c>
      <c r="CH48" s="20">
        <v>1.1200000000000001</v>
      </c>
      <c r="CI48" s="20">
        <v>1.17</v>
      </c>
      <c r="CJ48" s="20">
        <v>1.27</v>
      </c>
      <c r="CK48" s="20">
        <v>1.22</v>
      </c>
      <c r="CL48" s="20">
        <v>1.24</v>
      </c>
      <c r="CM48" s="20">
        <v>1.21</v>
      </c>
      <c r="CN48" s="20">
        <v>1.1399999999999999</v>
      </c>
      <c r="CO48" s="20">
        <v>1.1299999999999999</v>
      </c>
      <c r="CP48" s="20">
        <v>1.04</v>
      </c>
      <c r="CQ48" s="20">
        <v>1.1399999999999999</v>
      </c>
      <c r="CR48" s="20">
        <v>1.17</v>
      </c>
      <c r="CS48" s="20">
        <v>1.31</v>
      </c>
      <c r="CT48" s="20">
        <v>1.21</v>
      </c>
      <c r="CU48" s="20">
        <v>1.1499999999999999</v>
      </c>
      <c r="CV48" s="20">
        <v>1.05</v>
      </c>
      <c r="CW48" s="20">
        <v>1.02</v>
      </c>
      <c r="CX48" s="20">
        <v>1</v>
      </c>
      <c r="CY48" s="6" t="s">
        <v>370</v>
      </c>
      <c r="CZ48" s="6" t="s">
        <v>371</v>
      </c>
      <c r="DA48" s="6" t="s">
        <v>123</v>
      </c>
      <c r="DB48" s="6"/>
      <c r="DC48" s="6">
        <v>41140</v>
      </c>
      <c r="DD48" s="6">
        <v>312</v>
      </c>
      <c r="DE48" s="6" t="s">
        <v>374</v>
      </c>
      <c r="DF48" s="6" t="s">
        <v>375</v>
      </c>
      <c r="DG48" s="6" t="s">
        <v>376</v>
      </c>
      <c r="DH48" s="6" t="s">
        <v>328</v>
      </c>
      <c r="DI48" s="6" t="s">
        <v>377</v>
      </c>
      <c r="DJ48" s="6">
        <v>29</v>
      </c>
      <c r="DK48" s="6">
        <v>3</v>
      </c>
      <c r="DL48" s="6">
        <v>2</v>
      </c>
      <c r="DM48" s="6" t="s">
        <v>379</v>
      </c>
      <c r="DN48" s="6">
        <v>3</v>
      </c>
      <c r="DO48" s="6" t="s">
        <v>380</v>
      </c>
      <c r="DP48" s="6"/>
      <c r="DQ48" s="6"/>
    </row>
    <row r="49" spans="1:121" x14ac:dyDescent="0.2">
      <c r="A49" s="6" t="s">
        <v>794</v>
      </c>
      <c r="B49" s="6" t="s">
        <v>181</v>
      </c>
      <c r="C49" s="6" t="s">
        <v>182</v>
      </c>
      <c r="D49" s="6" t="s">
        <v>123</v>
      </c>
      <c r="E49" s="6" t="s">
        <v>264</v>
      </c>
      <c r="F49" s="11">
        <v>7</v>
      </c>
      <c r="G49" s="13">
        <v>7.2916666666700006E-2</v>
      </c>
      <c r="H49" s="11">
        <v>11.129637637399995</v>
      </c>
      <c r="I49" s="13">
        <v>0.11636138046639496</v>
      </c>
      <c r="J49" s="11">
        <v>14.130303527000009</v>
      </c>
      <c r="K49" s="13">
        <v>0.13233494068437765</v>
      </c>
      <c r="L49" s="11">
        <v>-17.816164482000005</v>
      </c>
      <c r="M49" s="13">
        <v>-0.14735413965821464</v>
      </c>
      <c r="N49" s="11">
        <v>-3.6858609549999954</v>
      </c>
      <c r="O49" s="13">
        <v>-3.4519300305104313E-2</v>
      </c>
      <c r="P49" s="7">
        <v>95.647177721600002</v>
      </c>
      <c r="Q49" s="7">
        <v>78.269069631799994</v>
      </c>
      <c r="R49" s="7">
        <v>75.481005960399997</v>
      </c>
      <c r="S49" s="7">
        <v>83.198302991299997</v>
      </c>
      <c r="T49" s="7">
        <v>80.565780236699993</v>
      </c>
      <c r="U49" s="7">
        <v>83.316118592099997</v>
      </c>
      <c r="V49" s="7">
        <v>106.776815359</v>
      </c>
      <c r="W49" s="7">
        <v>96.110921399800006</v>
      </c>
      <c r="X49" s="7">
        <v>70.781551732799997</v>
      </c>
      <c r="Y49" s="7">
        <v>120.90711888600001</v>
      </c>
      <c r="Z49" s="7">
        <v>112.874695722</v>
      </c>
      <c r="AA49" s="7">
        <v>116.24227255</v>
      </c>
      <c r="AB49" s="7">
        <v>93.503917235499998</v>
      </c>
      <c r="AC49" s="7">
        <v>79.623219117299996</v>
      </c>
      <c r="AD49" s="7">
        <v>80.892684942399995</v>
      </c>
      <c r="AE49" s="7">
        <v>102.657356119</v>
      </c>
      <c r="AF49" s="7">
        <v>103.090954404</v>
      </c>
      <c r="AG49" s="9">
        <v>18021.686108599999</v>
      </c>
      <c r="AH49" s="13">
        <v>0.6481962784449008</v>
      </c>
      <c r="AI49" s="9">
        <v>7411.0579901000019</v>
      </c>
      <c r="AJ49" s="13">
        <v>0.26655775600429371</v>
      </c>
      <c r="AK49" s="9">
        <v>-5774.7986902000011</v>
      </c>
      <c r="AL49" s="13">
        <v>-0.16399211337310962</v>
      </c>
      <c r="AM49" s="9">
        <v>16385.426808699998</v>
      </c>
      <c r="AN49" s="13">
        <v>0.55658756244570728</v>
      </c>
      <c r="AO49" s="9">
        <v>10610.628118499997</v>
      </c>
      <c r="AP49" s="13">
        <v>0.3013194784299385</v>
      </c>
      <c r="AQ49" s="9">
        <v>27802.822552199999</v>
      </c>
      <c r="AR49" s="9">
        <v>30606.596926999999</v>
      </c>
      <c r="AS49" s="9">
        <v>30446.550762399998</v>
      </c>
      <c r="AT49" s="9">
        <v>33467.700341900003</v>
      </c>
      <c r="AU49" s="9">
        <v>37718.340759999999</v>
      </c>
      <c r="AV49" s="9">
        <v>37597.027971199997</v>
      </c>
      <c r="AW49" s="9">
        <v>35213.880542300001</v>
      </c>
      <c r="AX49" s="9">
        <v>39387.673726699999</v>
      </c>
      <c r="AY49" s="9">
        <v>43340.720880200002</v>
      </c>
      <c r="AZ49" s="9">
        <v>29439.0818521</v>
      </c>
      <c r="BA49" s="9">
        <v>30704.3195844</v>
      </c>
      <c r="BB49" s="9">
        <v>32212.428445599999</v>
      </c>
      <c r="BC49" s="9">
        <v>51056.0411073</v>
      </c>
      <c r="BD49" s="9">
        <v>48265.530951499997</v>
      </c>
      <c r="BE49" s="9">
        <v>48479.361788100003</v>
      </c>
      <c r="BF49" s="9">
        <v>45824.508660799998</v>
      </c>
      <c r="BG49" s="11">
        <v>-0.75</v>
      </c>
      <c r="BH49" s="13">
        <v>-4.6875E-2</v>
      </c>
      <c r="BI49" s="6">
        <v>-4</v>
      </c>
      <c r="BJ49" s="13">
        <v>-0.25</v>
      </c>
      <c r="BK49" s="6">
        <v>3</v>
      </c>
      <c r="BL49" s="13">
        <v>0.25</v>
      </c>
      <c r="BM49" s="11">
        <v>0.25</v>
      </c>
      <c r="BN49" s="13">
        <v>1.6666666666666666E-2</v>
      </c>
      <c r="BO49" s="11">
        <v>3.25</v>
      </c>
      <c r="BP49" s="13">
        <v>0.27083333333333331</v>
      </c>
      <c r="BQ49" s="6">
        <v>16</v>
      </c>
      <c r="BR49" s="6">
        <v>12</v>
      </c>
      <c r="BS49" s="6">
        <v>11</v>
      </c>
      <c r="BT49" s="6">
        <v>12</v>
      </c>
      <c r="BU49" s="6">
        <v>13</v>
      </c>
      <c r="BV49" s="6">
        <v>14</v>
      </c>
      <c r="BW49" s="6">
        <v>15</v>
      </c>
      <c r="BX49" s="6">
        <v>13</v>
      </c>
      <c r="BY49" s="6">
        <v>11</v>
      </c>
      <c r="BZ49" s="6">
        <v>17</v>
      </c>
      <c r="CA49" s="6">
        <v>17</v>
      </c>
      <c r="CB49" s="6">
        <v>16</v>
      </c>
      <c r="CC49" s="11">
        <v>15.25</v>
      </c>
      <c r="CD49" s="11">
        <v>-9.0402900000000006</v>
      </c>
      <c r="CE49" s="11">
        <v>6.0286799999999996</v>
      </c>
      <c r="CF49" s="11">
        <v>10.455399999999999</v>
      </c>
      <c r="CG49" s="11">
        <v>16</v>
      </c>
      <c r="CH49" s="20">
        <v>0.96813800000000005</v>
      </c>
      <c r="CI49" s="20">
        <v>0.79558099999999998</v>
      </c>
      <c r="CJ49" s="20">
        <v>0.78990099999999996</v>
      </c>
      <c r="CK49" s="20">
        <v>0.82790600000000003</v>
      </c>
      <c r="CL49" s="20">
        <v>0.79422000000000004</v>
      </c>
      <c r="CM49" s="20">
        <v>0.77841899999999997</v>
      </c>
      <c r="CN49" s="20">
        <v>0.97460400000000003</v>
      </c>
      <c r="CO49" s="20">
        <v>0.87163900000000005</v>
      </c>
      <c r="CP49" s="20">
        <v>0.65619400000000006</v>
      </c>
      <c r="CQ49" s="20">
        <v>1.13724</v>
      </c>
      <c r="CR49" s="20">
        <v>1.09005</v>
      </c>
      <c r="CS49" s="20">
        <v>1.1290500000000001</v>
      </c>
      <c r="CT49" s="20">
        <v>0.90748200000000001</v>
      </c>
      <c r="CU49" s="20">
        <v>0.75585599999999997</v>
      </c>
      <c r="CV49" s="20">
        <v>0.74196200000000001</v>
      </c>
      <c r="CW49" s="20">
        <v>0.93676700000000002</v>
      </c>
      <c r="CX49" s="20">
        <v>0.91939400000000004</v>
      </c>
      <c r="CY49" s="6" t="s">
        <v>370</v>
      </c>
      <c r="CZ49" s="6" t="s">
        <v>371</v>
      </c>
      <c r="DA49" s="6" t="s">
        <v>123</v>
      </c>
      <c r="DB49" s="6"/>
      <c r="DC49" s="6">
        <v>41140</v>
      </c>
      <c r="DD49" s="6">
        <v>312</v>
      </c>
      <c r="DE49" s="6" t="s">
        <v>374</v>
      </c>
      <c r="DF49" s="6" t="s">
        <v>375</v>
      </c>
      <c r="DG49" s="6" t="s">
        <v>376</v>
      </c>
      <c r="DH49" s="6" t="s">
        <v>328</v>
      </c>
      <c r="DI49" s="6" t="s">
        <v>377</v>
      </c>
      <c r="DJ49" s="6">
        <v>29</v>
      </c>
      <c r="DK49" s="6">
        <v>3</v>
      </c>
      <c r="DL49" s="6">
        <v>2</v>
      </c>
      <c r="DM49" s="6" t="s">
        <v>379</v>
      </c>
      <c r="DN49" s="6">
        <v>3</v>
      </c>
      <c r="DO49" s="6" t="s">
        <v>380</v>
      </c>
      <c r="DP49" s="6"/>
      <c r="DQ49" s="6"/>
    </row>
    <row r="50" spans="1:121" x14ac:dyDescent="0.2">
      <c r="A50" s="6" t="s">
        <v>314</v>
      </c>
      <c r="B50" s="6" t="s">
        <v>314</v>
      </c>
      <c r="C50" s="6" t="s">
        <v>183</v>
      </c>
      <c r="D50" s="6" t="s">
        <v>123</v>
      </c>
      <c r="E50" s="6" t="s">
        <v>264</v>
      </c>
      <c r="F50" s="11">
        <v>-6</v>
      </c>
      <c r="G50" s="13">
        <v>-0.27272727272699998</v>
      </c>
      <c r="H50" s="11">
        <v>7.2261694070999987</v>
      </c>
      <c r="I50" s="13">
        <v>0.32232435494599937</v>
      </c>
      <c r="J50" s="11">
        <v>-10.459338489899999</v>
      </c>
      <c r="K50" s="13">
        <v>-0.35281838244287728</v>
      </c>
      <c r="L50" s="11">
        <v>-3.6439816902000004</v>
      </c>
      <c r="M50" s="13">
        <v>-0.18993150057513097</v>
      </c>
      <c r="N50" s="11">
        <v>-14.103320180099999</v>
      </c>
      <c r="O50" s="13">
        <v>-0.4757385582101421</v>
      </c>
      <c r="P50" s="7">
        <v>22.418937</v>
      </c>
      <c r="Q50" s="7">
        <v>30.933894325899999</v>
      </c>
      <c r="R50" s="7">
        <v>21.476724000000001</v>
      </c>
      <c r="S50" s="7">
        <v>21.542894</v>
      </c>
      <c r="T50" s="7">
        <v>22.375377</v>
      </c>
      <c r="U50" s="7">
        <v>22.082476063800001</v>
      </c>
      <c r="V50" s="7">
        <v>29.645106407099998</v>
      </c>
      <c r="W50" s="7">
        <v>17.913677409000002</v>
      </c>
      <c r="X50" s="7">
        <v>16.1096871136</v>
      </c>
      <c r="Y50" s="7">
        <v>19.1857679172</v>
      </c>
      <c r="Z50" s="7">
        <v>11.1532380461</v>
      </c>
      <c r="AA50" s="7">
        <v>11.845618001</v>
      </c>
      <c r="AB50" s="7">
        <v>12.491799566599999</v>
      </c>
      <c r="AC50" s="7">
        <v>16.280845397499998</v>
      </c>
      <c r="AD50" s="7">
        <v>12.8330934328</v>
      </c>
      <c r="AE50" s="7">
        <v>15.2088239332</v>
      </c>
      <c r="AF50" s="7">
        <v>15.541786226999999</v>
      </c>
      <c r="AG50" s="9">
        <v>15077.514449600003</v>
      </c>
      <c r="AH50" s="13">
        <v>0.50978443360603143</v>
      </c>
      <c r="AI50" s="9">
        <v>-6541.5425643999988</v>
      </c>
      <c r="AJ50" s="13">
        <v>-0.22117548500780043</v>
      </c>
      <c r="AK50" s="9">
        <v>6958.9391232999988</v>
      </c>
      <c r="AL50" s="13">
        <v>0.30210661910169678</v>
      </c>
      <c r="AM50" s="9">
        <v>14660.117890700003</v>
      </c>
      <c r="AN50" s="13">
        <v>0.48877402664958647</v>
      </c>
      <c r="AO50" s="9">
        <v>21619.057014000002</v>
      </c>
      <c r="AP50" s="13">
        <v>0.93854251444711245</v>
      </c>
      <c r="AQ50" s="9">
        <v>29576.2550907</v>
      </c>
      <c r="AR50" s="9">
        <v>32250.036913700002</v>
      </c>
      <c r="AS50" s="9">
        <v>42092.622668900003</v>
      </c>
      <c r="AT50" s="9">
        <v>41486.744456799999</v>
      </c>
      <c r="AU50" s="9">
        <v>27300.903449099998</v>
      </c>
      <c r="AV50" s="9">
        <v>26307.9501728</v>
      </c>
      <c r="AW50" s="9">
        <v>23034.712526300002</v>
      </c>
      <c r="AX50" s="9">
        <v>28687.194173700002</v>
      </c>
      <c r="AY50" s="9">
        <v>33620.222885900002</v>
      </c>
      <c r="AZ50" s="9">
        <v>29993.6516496</v>
      </c>
      <c r="BA50" s="9">
        <v>38787.3700274</v>
      </c>
      <c r="BB50" s="9">
        <v>50127.4588926</v>
      </c>
      <c r="BC50" s="9">
        <v>59334.369034000003</v>
      </c>
      <c r="BD50" s="9">
        <v>49581.757664700002</v>
      </c>
      <c r="BE50" s="9">
        <v>47159.243492200003</v>
      </c>
      <c r="BF50" s="9">
        <v>44653.769540300003</v>
      </c>
      <c r="BG50" s="11">
        <v>1.5</v>
      </c>
      <c r="BH50" s="13">
        <v>0.5</v>
      </c>
      <c r="BI50" s="6">
        <v>0</v>
      </c>
      <c r="BJ50" s="13">
        <v>0</v>
      </c>
      <c r="BK50" s="6">
        <v>0</v>
      </c>
      <c r="BL50" s="13">
        <v>0</v>
      </c>
      <c r="BM50" s="11">
        <v>1.5</v>
      </c>
      <c r="BN50" s="13">
        <v>0.5</v>
      </c>
      <c r="BO50" s="11">
        <v>1.5</v>
      </c>
      <c r="BP50" s="13">
        <v>0.5</v>
      </c>
      <c r="BQ50" s="6">
        <v>3</v>
      </c>
      <c r="BR50" s="6">
        <v>3</v>
      </c>
      <c r="BS50" s="6">
        <v>3</v>
      </c>
      <c r="BT50" s="6">
        <v>3</v>
      </c>
      <c r="BU50" s="6">
        <v>3</v>
      </c>
      <c r="BV50" s="6">
        <v>3</v>
      </c>
      <c r="BW50" s="6">
        <v>3</v>
      </c>
      <c r="BX50" s="6">
        <v>3</v>
      </c>
      <c r="BY50" s="6">
        <v>3</v>
      </c>
      <c r="BZ50" s="6">
        <v>3</v>
      </c>
      <c r="CA50" s="6">
        <v>3</v>
      </c>
      <c r="CB50" s="6">
        <v>3</v>
      </c>
      <c r="CC50" s="11">
        <v>4.5</v>
      </c>
      <c r="CD50" s="11">
        <v>-2.4611000000000001</v>
      </c>
      <c r="CE50" s="11">
        <v>-6.8667100000000003</v>
      </c>
      <c r="CF50" s="11">
        <v>2.4506600000000001</v>
      </c>
      <c r="CG50" s="11">
        <v>-5</v>
      </c>
      <c r="CH50" s="20">
        <v>0.28816399999999998</v>
      </c>
      <c r="CI50" s="20">
        <v>0.410555</v>
      </c>
      <c r="CJ50" s="20">
        <v>0.30641800000000002</v>
      </c>
      <c r="CK50" s="20">
        <v>0.30463200000000001</v>
      </c>
      <c r="CL50" s="20">
        <v>0.32533200000000001</v>
      </c>
      <c r="CM50" s="20">
        <v>0.31336599999999998</v>
      </c>
      <c r="CN50" s="20">
        <v>0.42039399999999999</v>
      </c>
      <c r="CO50" s="20">
        <v>0.25460100000000002</v>
      </c>
      <c r="CP50" s="20">
        <v>0.23294300000000001</v>
      </c>
      <c r="CQ50" s="20">
        <v>0.288711</v>
      </c>
      <c r="CR50" s="20">
        <v>0.178733</v>
      </c>
      <c r="CS50" s="20">
        <v>0.19478100000000001</v>
      </c>
      <c r="CT50" s="20">
        <v>0.207375</v>
      </c>
      <c r="CU50" s="20">
        <v>0.27003700000000003</v>
      </c>
      <c r="CV50" s="20">
        <v>0.213171</v>
      </c>
      <c r="CW50" s="20">
        <v>0.25407999999999997</v>
      </c>
      <c r="CX50" s="20">
        <v>0.25696200000000002</v>
      </c>
      <c r="CY50" s="6" t="s">
        <v>370</v>
      </c>
      <c r="CZ50" s="6" t="s">
        <v>371</v>
      </c>
      <c r="DA50" s="6" t="s">
        <v>123</v>
      </c>
      <c r="DB50" s="6"/>
      <c r="DC50" s="6">
        <v>41140</v>
      </c>
      <c r="DD50" s="6">
        <v>312</v>
      </c>
      <c r="DE50" s="6" t="s">
        <v>374</v>
      </c>
      <c r="DF50" s="6" t="s">
        <v>375</v>
      </c>
      <c r="DG50" s="6" t="s">
        <v>376</v>
      </c>
      <c r="DH50" s="6" t="s">
        <v>328</v>
      </c>
      <c r="DI50" s="6" t="s">
        <v>377</v>
      </c>
      <c r="DJ50" s="6">
        <v>29</v>
      </c>
      <c r="DK50" s="6">
        <v>3</v>
      </c>
      <c r="DL50" s="6">
        <v>2</v>
      </c>
      <c r="DM50" s="6" t="s">
        <v>379</v>
      </c>
      <c r="DN50" s="6">
        <v>3</v>
      </c>
      <c r="DO50" s="6" t="s">
        <v>380</v>
      </c>
      <c r="DP50" s="6"/>
      <c r="DQ50" s="6"/>
    </row>
    <row r="51" spans="1:121" x14ac:dyDescent="0.2">
      <c r="A51" s="6" t="s">
        <v>315</v>
      </c>
      <c r="B51" s="6" t="s">
        <v>315</v>
      </c>
      <c r="C51" s="6" t="s">
        <v>184</v>
      </c>
      <c r="D51" s="6" t="s">
        <v>123</v>
      </c>
      <c r="E51" s="6" t="s">
        <v>264</v>
      </c>
      <c r="F51" s="11">
        <v>-1</v>
      </c>
      <c r="G51" s="13">
        <v>-0.01</v>
      </c>
      <c r="H51" s="11">
        <v>18</v>
      </c>
      <c r="I51" s="13">
        <v>0.20689655172413793</v>
      </c>
      <c r="J51" s="11">
        <v>0</v>
      </c>
      <c r="K51" s="13">
        <v>0</v>
      </c>
      <c r="L51" s="11">
        <v>-19</v>
      </c>
      <c r="M51" s="13">
        <v>-0.18095238095238095</v>
      </c>
      <c r="N51" s="11">
        <v>-19</v>
      </c>
      <c r="O51" s="13">
        <v>-0.18095238095238095</v>
      </c>
      <c r="P51" s="7">
        <v>87</v>
      </c>
      <c r="Q51" s="7">
        <v>98</v>
      </c>
      <c r="R51" s="7">
        <v>106</v>
      </c>
      <c r="S51" s="7">
        <v>103</v>
      </c>
      <c r="T51" s="7">
        <v>95</v>
      </c>
      <c r="U51" s="7">
        <v>102</v>
      </c>
      <c r="V51" s="7">
        <v>105</v>
      </c>
      <c r="W51" s="7">
        <v>106</v>
      </c>
      <c r="X51" s="7">
        <v>110</v>
      </c>
      <c r="Y51" s="7">
        <v>105</v>
      </c>
      <c r="Z51" s="7">
        <v>73</v>
      </c>
      <c r="AA51" s="7">
        <v>73</v>
      </c>
      <c r="AB51" s="7">
        <v>76</v>
      </c>
      <c r="AC51" s="7">
        <v>84</v>
      </c>
      <c r="AD51" s="7">
        <v>85</v>
      </c>
      <c r="AE51" s="7">
        <v>87</v>
      </c>
      <c r="AF51" s="7">
        <v>86</v>
      </c>
      <c r="AG51" s="9">
        <v>15789</v>
      </c>
      <c r="AH51" s="13">
        <v>0.56007236352027245</v>
      </c>
      <c r="AI51" s="9">
        <v>9865</v>
      </c>
      <c r="AJ51" s="13">
        <v>0.3499343762193608</v>
      </c>
      <c r="AK51" s="9">
        <v>6931</v>
      </c>
      <c r="AL51" s="13">
        <v>0.18212634013033424</v>
      </c>
      <c r="AM51" s="9">
        <v>-1007</v>
      </c>
      <c r="AN51" s="13">
        <v>-2.2384244337252984E-2</v>
      </c>
      <c r="AO51" s="9">
        <v>5924</v>
      </c>
      <c r="AP51" s="13">
        <v>0.1556653352953542</v>
      </c>
      <c r="AQ51" s="9">
        <v>28191</v>
      </c>
      <c r="AR51" s="9">
        <v>31830</v>
      </c>
      <c r="AS51" s="9">
        <v>31871</v>
      </c>
      <c r="AT51" s="9">
        <v>34925</v>
      </c>
      <c r="AU51" s="9">
        <v>36259</v>
      </c>
      <c r="AV51" s="9">
        <v>37909</v>
      </c>
      <c r="AW51" s="9">
        <v>38056</v>
      </c>
      <c r="AX51" s="9">
        <v>42067</v>
      </c>
      <c r="AY51" s="9">
        <v>44128</v>
      </c>
      <c r="AZ51" s="9">
        <v>44987</v>
      </c>
      <c r="BA51" s="9">
        <v>44944</v>
      </c>
      <c r="BB51" s="9">
        <v>43615</v>
      </c>
      <c r="BC51" s="9">
        <v>44170</v>
      </c>
      <c r="BD51" s="9">
        <v>43988</v>
      </c>
      <c r="BE51" s="9">
        <v>44321</v>
      </c>
      <c r="BF51" s="9">
        <v>43980</v>
      </c>
      <c r="BG51" s="11">
        <v>0</v>
      </c>
      <c r="BH51" s="13">
        <v>0</v>
      </c>
      <c r="BI51" s="6">
        <v>-2</v>
      </c>
      <c r="BJ51" s="13">
        <v>-0.11764705882352941</v>
      </c>
      <c r="BK51" s="6">
        <v>3</v>
      </c>
      <c r="BL51" s="13">
        <v>0.2</v>
      </c>
      <c r="BM51" s="11">
        <v>-1</v>
      </c>
      <c r="BN51" s="13">
        <v>-5.5555555555555552E-2</v>
      </c>
      <c r="BO51" s="11">
        <v>2</v>
      </c>
      <c r="BP51" s="13">
        <v>0.13333333333333333</v>
      </c>
      <c r="BQ51" s="6">
        <v>17</v>
      </c>
      <c r="BR51" s="6">
        <v>16</v>
      </c>
      <c r="BS51" s="6">
        <v>16</v>
      </c>
      <c r="BT51" s="6">
        <v>15</v>
      </c>
      <c r="BU51" s="6">
        <v>17</v>
      </c>
      <c r="BV51" s="6">
        <v>19</v>
      </c>
      <c r="BW51" s="6">
        <v>18</v>
      </c>
      <c r="BX51" s="6">
        <v>15</v>
      </c>
      <c r="BY51" s="6">
        <v>16</v>
      </c>
      <c r="BZ51" s="6">
        <v>16</v>
      </c>
      <c r="CA51" s="6">
        <v>16</v>
      </c>
      <c r="CB51" s="6">
        <v>16</v>
      </c>
      <c r="CC51" s="11">
        <v>17</v>
      </c>
      <c r="CD51" s="11">
        <v>-3</v>
      </c>
      <c r="CE51" s="11">
        <v>-7</v>
      </c>
      <c r="CF51" s="11">
        <v>10</v>
      </c>
      <c r="CG51" s="11">
        <v>3</v>
      </c>
      <c r="CH51" s="20">
        <v>0.69</v>
      </c>
      <c r="CI51" s="20">
        <v>0.76</v>
      </c>
      <c r="CJ51" s="20">
        <v>0.82</v>
      </c>
      <c r="CK51" s="20">
        <v>0.77</v>
      </c>
      <c r="CL51" s="20">
        <v>0.7</v>
      </c>
      <c r="CM51" s="20">
        <v>0.72</v>
      </c>
      <c r="CN51" s="20">
        <v>0.74</v>
      </c>
      <c r="CO51" s="20">
        <v>0.76</v>
      </c>
      <c r="CP51" s="20">
        <v>0.79</v>
      </c>
      <c r="CQ51" s="20">
        <v>0.77</v>
      </c>
      <c r="CR51" s="20">
        <v>0.56000000000000005</v>
      </c>
      <c r="CS51" s="20">
        <v>0.56999999999999995</v>
      </c>
      <c r="CT51" s="20">
        <v>0.61</v>
      </c>
      <c r="CU51" s="20">
        <v>0.67</v>
      </c>
      <c r="CV51" s="20">
        <v>0.68</v>
      </c>
      <c r="CW51" s="20">
        <v>0.7</v>
      </c>
      <c r="CX51" s="20">
        <v>0.68</v>
      </c>
      <c r="CY51" s="6" t="s">
        <v>370</v>
      </c>
      <c r="CZ51" s="6" t="s">
        <v>371</v>
      </c>
      <c r="DA51" s="6" t="s">
        <v>123</v>
      </c>
      <c r="DB51" s="6"/>
      <c r="DC51" s="6">
        <v>41140</v>
      </c>
      <c r="DD51" s="6">
        <v>312</v>
      </c>
      <c r="DE51" s="6" t="s">
        <v>374</v>
      </c>
      <c r="DF51" s="6" t="s">
        <v>375</v>
      </c>
      <c r="DG51" s="6" t="s">
        <v>376</v>
      </c>
      <c r="DH51" s="6" t="s">
        <v>328</v>
      </c>
      <c r="DI51" s="6" t="s">
        <v>377</v>
      </c>
      <c r="DJ51" s="6">
        <v>29</v>
      </c>
      <c r="DK51" s="6">
        <v>3</v>
      </c>
      <c r="DL51" s="6">
        <v>2</v>
      </c>
      <c r="DM51" s="6" t="s">
        <v>379</v>
      </c>
      <c r="DN51" s="6">
        <v>3</v>
      </c>
      <c r="DO51" s="6" t="s">
        <v>380</v>
      </c>
      <c r="DP51" s="6"/>
      <c r="DQ51" s="6"/>
    </row>
    <row r="52" spans="1:121" x14ac:dyDescent="0.2">
      <c r="A52" s="6" t="s">
        <v>316</v>
      </c>
      <c r="B52" s="6" t="s">
        <v>316</v>
      </c>
      <c r="C52" s="6" t="s">
        <v>185</v>
      </c>
      <c r="D52" s="6" t="s">
        <v>123</v>
      </c>
      <c r="E52" s="6" t="s">
        <v>264</v>
      </c>
      <c r="F52" s="11">
        <v>23</v>
      </c>
      <c r="G52" s="13">
        <v>1.1499999999999999</v>
      </c>
      <c r="H52" s="11">
        <v>25</v>
      </c>
      <c r="I52" s="13">
        <v>1.25</v>
      </c>
      <c r="J52" s="11">
        <v>-6</v>
      </c>
      <c r="K52" s="13">
        <v>-0.13333333333333333</v>
      </c>
      <c r="L52" s="11">
        <v>4</v>
      </c>
      <c r="M52" s="13">
        <v>0.10256410256410256</v>
      </c>
      <c r="N52" s="11">
        <v>-2</v>
      </c>
      <c r="O52" s="13">
        <v>-4.4444444444444446E-2</v>
      </c>
      <c r="P52" s="7">
        <v>20</v>
      </c>
      <c r="Q52" s="7">
        <v>27</v>
      </c>
      <c r="R52" s="7">
        <v>30</v>
      </c>
      <c r="S52" s="7">
        <v>36</v>
      </c>
      <c r="T52" s="7">
        <v>31</v>
      </c>
      <c r="U52" s="7">
        <v>47</v>
      </c>
      <c r="V52" s="7">
        <v>45</v>
      </c>
      <c r="W52" s="7">
        <v>49</v>
      </c>
      <c r="X52" s="7">
        <v>40</v>
      </c>
      <c r="Y52" s="7">
        <v>39</v>
      </c>
      <c r="Z52" s="7">
        <v>39</v>
      </c>
      <c r="AA52" s="7">
        <v>42</v>
      </c>
      <c r="AB52" s="7">
        <v>44</v>
      </c>
      <c r="AC52" s="7">
        <v>46</v>
      </c>
      <c r="AD52" s="7">
        <v>44</v>
      </c>
      <c r="AE52" s="7">
        <v>42</v>
      </c>
      <c r="AF52" s="7">
        <v>43</v>
      </c>
      <c r="AG52" s="9">
        <v>12467</v>
      </c>
      <c r="AH52" s="13">
        <v>0.79468383477817439</v>
      </c>
      <c r="AI52" s="9">
        <v>4094</v>
      </c>
      <c r="AJ52" s="13">
        <v>0.2609637939826619</v>
      </c>
      <c r="AK52" s="9">
        <v>4586</v>
      </c>
      <c r="AL52" s="13">
        <v>0.23182691335557579</v>
      </c>
      <c r="AM52" s="9">
        <v>3787</v>
      </c>
      <c r="AN52" s="13">
        <v>0.15540873276428102</v>
      </c>
      <c r="AO52" s="9">
        <v>8373</v>
      </c>
      <c r="AP52" s="13">
        <v>0.42326357294510158</v>
      </c>
      <c r="AQ52" s="9">
        <v>15688</v>
      </c>
      <c r="AR52" s="9">
        <v>21632</v>
      </c>
      <c r="AS52" s="9">
        <v>20047</v>
      </c>
      <c r="AT52" s="9">
        <v>19107</v>
      </c>
      <c r="AU52" s="9">
        <v>22737</v>
      </c>
      <c r="AV52" s="9">
        <v>22309</v>
      </c>
      <c r="AW52" s="9">
        <v>19782</v>
      </c>
      <c r="AX52" s="9">
        <v>21567</v>
      </c>
      <c r="AY52" s="9">
        <v>24150</v>
      </c>
      <c r="AZ52" s="9">
        <v>24368</v>
      </c>
      <c r="BA52" s="9">
        <v>22957</v>
      </c>
      <c r="BB52" s="9">
        <v>24409</v>
      </c>
      <c r="BC52" s="9">
        <v>27104</v>
      </c>
      <c r="BD52" s="9">
        <v>26477</v>
      </c>
      <c r="BE52" s="9">
        <v>26849</v>
      </c>
      <c r="BF52" s="9">
        <v>28155</v>
      </c>
      <c r="BG52" s="11">
        <v>-3</v>
      </c>
      <c r="BH52" s="13">
        <v>-0.23076923076923078</v>
      </c>
      <c r="BI52" s="6">
        <v>-1</v>
      </c>
      <c r="BJ52" s="13">
        <v>-7.6923076923076927E-2</v>
      </c>
      <c r="BK52" s="6">
        <v>-1</v>
      </c>
      <c r="BL52" s="13">
        <v>-8.3333333333333329E-2</v>
      </c>
      <c r="BM52" s="11">
        <v>-1</v>
      </c>
      <c r="BN52" s="13">
        <v>-9.0909090909090912E-2</v>
      </c>
      <c r="BO52" s="11">
        <v>-2</v>
      </c>
      <c r="BP52" s="13">
        <v>-0.16666666666666666</v>
      </c>
      <c r="BQ52" s="6">
        <v>13</v>
      </c>
      <c r="BR52" s="6">
        <v>11</v>
      </c>
      <c r="BS52" s="6">
        <v>13</v>
      </c>
      <c r="BT52" s="6">
        <v>12</v>
      </c>
      <c r="BU52" s="6">
        <v>9</v>
      </c>
      <c r="BV52" s="6">
        <v>9</v>
      </c>
      <c r="BW52" s="6">
        <v>11</v>
      </c>
      <c r="BX52" s="6">
        <v>9</v>
      </c>
      <c r="BY52" s="6">
        <v>9</v>
      </c>
      <c r="BZ52" s="6">
        <v>10</v>
      </c>
      <c r="CA52" s="6">
        <v>10</v>
      </c>
      <c r="CB52" s="6">
        <v>10</v>
      </c>
      <c r="CC52" s="11">
        <v>10</v>
      </c>
      <c r="CD52" s="11">
        <v>21</v>
      </c>
      <c r="CE52" s="11">
        <v>-1</v>
      </c>
      <c r="CF52" s="11">
        <v>2</v>
      </c>
      <c r="CG52" s="11">
        <v>1</v>
      </c>
      <c r="CH52" s="20">
        <v>0.39</v>
      </c>
      <c r="CI52" s="20">
        <v>0.5</v>
      </c>
      <c r="CJ52" s="20">
        <v>0.56999999999999995</v>
      </c>
      <c r="CK52" s="20">
        <v>0.64</v>
      </c>
      <c r="CL52" s="20">
        <v>0.53</v>
      </c>
      <c r="CM52" s="20">
        <v>0.78</v>
      </c>
      <c r="CN52" s="20">
        <v>0.73</v>
      </c>
      <c r="CO52" s="20">
        <v>0.81</v>
      </c>
      <c r="CP52" s="20">
        <v>0.69</v>
      </c>
      <c r="CQ52" s="20">
        <v>0.69</v>
      </c>
      <c r="CR52" s="20">
        <v>0.74</v>
      </c>
      <c r="CS52" s="20">
        <v>0.81</v>
      </c>
      <c r="CT52" s="20">
        <v>0.85</v>
      </c>
      <c r="CU52" s="20">
        <v>0.88</v>
      </c>
      <c r="CV52" s="20">
        <v>0.83</v>
      </c>
      <c r="CW52" s="20">
        <v>0.79</v>
      </c>
      <c r="CX52" s="20">
        <v>0.8</v>
      </c>
      <c r="CY52" s="6" t="s">
        <v>370</v>
      </c>
      <c r="CZ52" s="6" t="s">
        <v>371</v>
      </c>
      <c r="DA52" s="6" t="s">
        <v>123</v>
      </c>
      <c r="DB52" s="6"/>
      <c r="DC52" s="6">
        <v>41140</v>
      </c>
      <c r="DD52" s="6">
        <v>312</v>
      </c>
      <c r="DE52" s="6" t="s">
        <v>374</v>
      </c>
      <c r="DF52" s="6" t="s">
        <v>375</v>
      </c>
      <c r="DG52" s="6" t="s">
        <v>376</v>
      </c>
      <c r="DH52" s="6" t="s">
        <v>328</v>
      </c>
      <c r="DI52" s="6" t="s">
        <v>377</v>
      </c>
      <c r="DJ52" s="6">
        <v>29</v>
      </c>
      <c r="DK52" s="6">
        <v>3</v>
      </c>
      <c r="DL52" s="6">
        <v>2</v>
      </c>
      <c r="DM52" s="6" t="s">
        <v>379</v>
      </c>
      <c r="DN52" s="6">
        <v>3</v>
      </c>
      <c r="DO52" s="6" t="s">
        <v>380</v>
      </c>
      <c r="DP52" s="6"/>
      <c r="DQ52" s="6"/>
    </row>
    <row r="53" spans="1:121" x14ac:dyDescent="0.2">
      <c r="A53" s="6" t="s">
        <v>317</v>
      </c>
      <c r="B53" s="6" t="s">
        <v>317</v>
      </c>
      <c r="C53" s="6" t="s">
        <v>186</v>
      </c>
      <c r="D53" s="6" t="s">
        <v>123</v>
      </c>
      <c r="E53" s="6" t="s">
        <v>264</v>
      </c>
      <c r="F53" s="11">
        <v>17</v>
      </c>
      <c r="G53" s="13">
        <v>0.18</v>
      </c>
      <c r="H53" s="11">
        <v>-16</v>
      </c>
      <c r="I53" s="13">
        <v>-0.1702127659574468</v>
      </c>
      <c r="J53" s="11">
        <v>-1</v>
      </c>
      <c r="K53" s="13">
        <v>-1.282051282051282E-2</v>
      </c>
      <c r="L53" s="11">
        <v>34</v>
      </c>
      <c r="M53" s="13">
        <v>0.44155844155844154</v>
      </c>
      <c r="N53" s="11">
        <v>33</v>
      </c>
      <c r="O53" s="13">
        <v>0.42307692307692302</v>
      </c>
      <c r="P53" s="7">
        <v>94</v>
      </c>
      <c r="Q53" s="7">
        <v>100</v>
      </c>
      <c r="R53" s="7">
        <v>95</v>
      </c>
      <c r="S53" s="7">
        <v>86</v>
      </c>
      <c r="T53" s="7">
        <v>89</v>
      </c>
      <c r="U53" s="7">
        <v>79</v>
      </c>
      <c r="V53" s="7">
        <v>78</v>
      </c>
      <c r="W53" s="7">
        <v>87</v>
      </c>
      <c r="X53" s="7">
        <v>86</v>
      </c>
      <c r="Y53" s="7">
        <v>77</v>
      </c>
      <c r="Z53" s="7">
        <v>80</v>
      </c>
      <c r="AA53" s="7">
        <v>90</v>
      </c>
      <c r="AB53" s="7">
        <v>83</v>
      </c>
      <c r="AC53" s="7">
        <v>92</v>
      </c>
      <c r="AD53" s="7">
        <v>100</v>
      </c>
      <c r="AE53" s="7">
        <v>104</v>
      </c>
      <c r="AF53" s="7">
        <v>111</v>
      </c>
      <c r="AG53" s="9">
        <v>17802</v>
      </c>
      <c r="AH53" s="13">
        <v>0.71808317534589161</v>
      </c>
      <c r="AI53" s="9">
        <v>11102</v>
      </c>
      <c r="AJ53" s="13">
        <v>0.44782380702674363</v>
      </c>
      <c r="AK53" s="9">
        <v>-6808</v>
      </c>
      <c r="AL53" s="13">
        <v>-0.18967486696570365</v>
      </c>
      <c r="AM53" s="9">
        <v>13508</v>
      </c>
      <c r="AN53" s="13">
        <v>0.46443183771703633</v>
      </c>
      <c r="AO53" s="9">
        <v>6700</v>
      </c>
      <c r="AP53" s="13">
        <v>0.18666592371771656</v>
      </c>
      <c r="AQ53" s="9">
        <v>24791</v>
      </c>
      <c r="AR53" s="9">
        <v>28581</v>
      </c>
      <c r="AS53" s="9">
        <v>29588</v>
      </c>
      <c r="AT53" s="9">
        <v>31504</v>
      </c>
      <c r="AU53" s="9">
        <v>34799</v>
      </c>
      <c r="AV53" s="9">
        <v>34101</v>
      </c>
      <c r="AW53" s="9">
        <v>35893</v>
      </c>
      <c r="AX53" s="9">
        <v>34195</v>
      </c>
      <c r="AY53" s="9">
        <v>28203</v>
      </c>
      <c r="AZ53" s="9">
        <v>29085</v>
      </c>
      <c r="BA53" s="9">
        <v>31278</v>
      </c>
      <c r="BB53" s="9">
        <v>31415</v>
      </c>
      <c r="BC53" s="9">
        <v>38848</v>
      </c>
      <c r="BD53" s="9">
        <v>37484</v>
      </c>
      <c r="BE53" s="9">
        <v>43661</v>
      </c>
      <c r="BF53" s="9">
        <v>42593</v>
      </c>
      <c r="BG53" s="11">
        <v>-2</v>
      </c>
      <c r="BH53" s="13">
        <v>-0.14285714285714285</v>
      </c>
      <c r="BI53" s="6">
        <v>0</v>
      </c>
      <c r="BJ53" s="13">
        <v>0</v>
      </c>
      <c r="BK53" s="6">
        <v>-1</v>
      </c>
      <c r="BL53" s="13">
        <v>-7.1428571428571425E-2</v>
      </c>
      <c r="BM53" s="11">
        <v>-1</v>
      </c>
      <c r="BN53" s="13">
        <v>-7.6923076923076927E-2</v>
      </c>
      <c r="BO53" s="11">
        <v>-2</v>
      </c>
      <c r="BP53" s="13">
        <v>-0.14285714285714285</v>
      </c>
      <c r="BQ53" s="6">
        <v>14</v>
      </c>
      <c r="BR53" s="6">
        <v>16</v>
      </c>
      <c r="BS53" s="6">
        <v>16</v>
      </c>
      <c r="BT53" s="6">
        <v>14</v>
      </c>
      <c r="BU53" s="6">
        <v>13</v>
      </c>
      <c r="BV53" s="6">
        <v>12</v>
      </c>
      <c r="BW53" s="6">
        <v>13</v>
      </c>
      <c r="BX53" s="6">
        <v>12</v>
      </c>
      <c r="BY53" s="6">
        <v>13</v>
      </c>
      <c r="BZ53" s="6">
        <v>14</v>
      </c>
      <c r="CA53" s="6">
        <v>11</v>
      </c>
      <c r="CB53" s="6">
        <v>14</v>
      </c>
      <c r="CC53" s="11">
        <v>12</v>
      </c>
      <c r="CD53" s="11">
        <v>-12</v>
      </c>
      <c r="CE53" s="11">
        <v>19</v>
      </c>
      <c r="CF53" s="11">
        <v>10</v>
      </c>
      <c r="CG53" s="11">
        <v>29</v>
      </c>
      <c r="CH53" s="20">
        <v>0.56999999999999995</v>
      </c>
      <c r="CI53" s="20">
        <v>0.6</v>
      </c>
      <c r="CJ53" s="20">
        <v>0.57999999999999996</v>
      </c>
      <c r="CK53" s="20">
        <v>0.5</v>
      </c>
      <c r="CL53" s="20">
        <v>0.5</v>
      </c>
      <c r="CM53" s="20">
        <v>0.42</v>
      </c>
      <c r="CN53" s="20">
        <v>0.4</v>
      </c>
      <c r="CO53" s="20">
        <v>0.43</v>
      </c>
      <c r="CP53" s="20">
        <v>0.42</v>
      </c>
      <c r="CQ53" s="20">
        <v>0.38</v>
      </c>
      <c r="CR53" s="20">
        <v>0.41</v>
      </c>
      <c r="CS53" s="20">
        <v>0.46</v>
      </c>
      <c r="CT53" s="20">
        <v>0.42</v>
      </c>
      <c r="CU53" s="20">
        <v>0.46</v>
      </c>
      <c r="CV53" s="20">
        <v>0.49</v>
      </c>
      <c r="CW53" s="20">
        <v>0.51</v>
      </c>
      <c r="CX53" s="20">
        <v>0.53</v>
      </c>
      <c r="CY53" s="6" t="s">
        <v>370</v>
      </c>
      <c r="CZ53" s="6" t="s">
        <v>371</v>
      </c>
      <c r="DA53" s="6" t="s">
        <v>123</v>
      </c>
      <c r="DB53" s="6"/>
      <c r="DC53" s="6">
        <v>41140</v>
      </c>
      <c r="DD53" s="6">
        <v>312</v>
      </c>
      <c r="DE53" s="6" t="s">
        <v>374</v>
      </c>
      <c r="DF53" s="6" t="s">
        <v>375</v>
      </c>
      <c r="DG53" s="6" t="s">
        <v>376</v>
      </c>
      <c r="DH53" s="6" t="s">
        <v>328</v>
      </c>
      <c r="DI53" s="6" t="s">
        <v>377</v>
      </c>
      <c r="DJ53" s="6">
        <v>29</v>
      </c>
      <c r="DK53" s="6">
        <v>3</v>
      </c>
      <c r="DL53" s="6">
        <v>2</v>
      </c>
      <c r="DM53" s="6" t="s">
        <v>379</v>
      </c>
      <c r="DN53" s="6">
        <v>3</v>
      </c>
      <c r="DO53" s="6" t="s">
        <v>380</v>
      </c>
      <c r="DP53" s="6"/>
      <c r="DQ53" s="6"/>
    </row>
    <row r="54" spans="1:121" x14ac:dyDescent="0.2">
      <c r="A54" s="6" t="s">
        <v>318</v>
      </c>
      <c r="B54" s="6" t="s">
        <v>318</v>
      </c>
      <c r="C54" s="6" t="s">
        <v>187</v>
      </c>
      <c r="D54" s="6" t="s">
        <v>123</v>
      </c>
      <c r="E54" s="6" t="s">
        <v>264</v>
      </c>
      <c r="F54" s="11">
        <v>13</v>
      </c>
      <c r="G54" s="13">
        <v>1</v>
      </c>
      <c r="H54" s="11">
        <v>11.946467</v>
      </c>
      <c r="I54" s="13"/>
      <c r="J54" s="11">
        <v>4.7663740000000008</v>
      </c>
      <c r="K54" s="13">
        <v>0.39897770612851485</v>
      </c>
      <c r="L54" s="11">
        <v>-3.8751785732000013</v>
      </c>
      <c r="M54" s="13">
        <v>-0.23186833245167601</v>
      </c>
      <c r="N54" s="11">
        <v>0.89119542679999952</v>
      </c>
      <c r="O54" s="13">
        <v>7.4599078271425312E-2</v>
      </c>
      <c r="P54" s="7">
        <v>0</v>
      </c>
      <c r="Q54" s="7">
        <v>5</v>
      </c>
      <c r="R54" s="7">
        <v>5</v>
      </c>
      <c r="S54" s="7">
        <v>0</v>
      </c>
      <c r="T54" s="7">
        <v>5</v>
      </c>
      <c r="U54" s="7">
        <v>13.817126</v>
      </c>
      <c r="V54" s="7">
        <v>11.946467</v>
      </c>
      <c r="W54" s="7">
        <v>5</v>
      </c>
      <c r="X54" s="7">
        <v>15.055319000000001</v>
      </c>
      <c r="Y54" s="7">
        <v>16.712841000000001</v>
      </c>
      <c r="Z54" s="7">
        <v>15.565177</v>
      </c>
      <c r="AA54" s="7">
        <v>5</v>
      </c>
      <c r="AB54" s="7">
        <v>14.370405999999999</v>
      </c>
      <c r="AC54" s="7">
        <v>5</v>
      </c>
      <c r="AD54" s="7">
        <v>11.085395999999999</v>
      </c>
      <c r="AE54" s="7">
        <v>12.62264925</v>
      </c>
      <c r="AF54" s="7">
        <v>12.8376624268</v>
      </c>
      <c r="AG54" s="9">
        <v>164835.036207</v>
      </c>
      <c r="AH54" s="13"/>
      <c r="AI54" s="9">
        <v>49073.457623100003</v>
      </c>
      <c r="AJ54" s="13"/>
      <c r="AK54" s="9">
        <v>-7137.2093515000015</v>
      </c>
      <c r="AL54" s="13">
        <v>-0.14543930053423326</v>
      </c>
      <c r="AM54" s="9">
        <v>122898.7879354</v>
      </c>
      <c r="AN54" s="13">
        <v>2.9306099854103858</v>
      </c>
      <c r="AO54" s="9">
        <v>115761.5785839</v>
      </c>
      <c r="AP54" s="13">
        <v>2.3589448184594266</v>
      </c>
      <c r="AQ54" s="9">
        <v>0</v>
      </c>
      <c r="AR54" s="9">
        <v>1</v>
      </c>
      <c r="AS54" s="9">
        <v>1</v>
      </c>
      <c r="AT54" s="9">
        <v>0</v>
      </c>
      <c r="AU54" s="9">
        <v>1</v>
      </c>
      <c r="AV54" s="9">
        <v>56405.997411600001</v>
      </c>
      <c r="AW54" s="9">
        <v>49073.457623100003</v>
      </c>
      <c r="AX54" s="9">
        <v>1</v>
      </c>
      <c r="AY54" s="9">
        <v>49160.530548800001</v>
      </c>
      <c r="AZ54" s="9">
        <v>41936.248271600001</v>
      </c>
      <c r="BA54" s="9">
        <v>37846.548678200001</v>
      </c>
      <c r="BB54" s="9">
        <v>1</v>
      </c>
      <c r="BC54" s="9">
        <v>37644.286753300003</v>
      </c>
      <c r="BD54" s="9">
        <v>1</v>
      </c>
      <c r="BE54" s="9">
        <v>147650.940718</v>
      </c>
      <c r="BF54" s="9">
        <v>164835.036207</v>
      </c>
      <c r="BG54" s="11">
        <v>2</v>
      </c>
      <c r="BH54" s="13" t="e">
        <v>#DIV/0!</v>
      </c>
      <c r="BI54" s="6">
        <v>1</v>
      </c>
      <c r="BJ54" s="13" t="e">
        <v>#DIV/0!</v>
      </c>
      <c r="BK54" s="6">
        <v>0</v>
      </c>
      <c r="BL54" s="13">
        <v>0</v>
      </c>
      <c r="BM54" s="11">
        <v>1</v>
      </c>
      <c r="BN54" s="13">
        <v>1</v>
      </c>
      <c r="BO54" s="11">
        <v>1</v>
      </c>
      <c r="BP54" s="13">
        <v>1</v>
      </c>
      <c r="BQ54" s="6">
        <v>0</v>
      </c>
      <c r="BR54" s="6">
        <v>1</v>
      </c>
      <c r="BS54" s="6">
        <v>1</v>
      </c>
      <c r="BT54" s="6">
        <v>1</v>
      </c>
      <c r="BU54" s="6">
        <v>1</v>
      </c>
      <c r="BV54" s="6">
        <v>1</v>
      </c>
      <c r="BW54" s="6">
        <v>1</v>
      </c>
      <c r="BX54" s="6">
        <v>1</v>
      </c>
      <c r="BY54" s="6">
        <v>1</v>
      </c>
      <c r="BZ54" s="6">
        <v>1</v>
      </c>
      <c r="CA54" s="6">
        <v>1</v>
      </c>
      <c r="CB54" s="6">
        <v>2</v>
      </c>
      <c r="CC54" s="11">
        <v>2</v>
      </c>
      <c r="CD54" s="11">
        <v>12.514200000000001</v>
      </c>
      <c r="CE54" s="11">
        <v>0.21410799999999999</v>
      </c>
      <c r="CF54" s="11">
        <v>0.10931200000000001</v>
      </c>
      <c r="CG54" s="11">
        <v>0</v>
      </c>
      <c r="CH54" s="20">
        <v>0</v>
      </c>
      <c r="CI54" s="20">
        <v>0.21285799999999999</v>
      </c>
      <c r="CJ54" s="20">
        <v>1.2679899999999999E-2</v>
      </c>
      <c r="CK54" s="20">
        <v>0</v>
      </c>
      <c r="CL54" s="20">
        <v>0.10068100000000001</v>
      </c>
      <c r="CM54" s="20">
        <v>0.35100100000000001</v>
      </c>
      <c r="CN54" s="20">
        <v>0.29294300000000001</v>
      </c>
      <c r="CO54" s="20">
        <v>0.21984799999999999</v>
      </c>
      <c r="CP54" s="20">
        <v>0.34614899999999998</v>
      </c>
      <c r="CQ54" s="20">
        <v>0.385079</v>
      </c>
      <c r="CR54" s="20">
        <v>0.36622700000000002</v>
      </c>
      <c r="CS54" s="20">
        <v>0.22351299999999999</v>
      </c>
      <c r="CT54" s="20">
        <v>0.32475300000000001</v>
      </c>
      <c r="CU54" s="20">
        <v>0.160194</v>
      </c>
      <c r="CV54" s="20">
        <v>0.243478</v>
      </c>
      <c r="CW54" s="20">
        <v>0.27951199999999998</v>
      </c>
      <c r="CX54" s="20">
        <v>0.27749200000000002</v>
      </c>
      <c r="CY54" s="6" t="s">
        <v>370</v>
      </c>
      <c r="CZ54" s="6" t="s">
        <v>371</v>
      </c>
      <c r="DA54" s="6" t="s">
        <v>123</v>
      </c>
      <c r="DB54" s="6"/>
      <c r="DC54" s="6">
        <v>41140</v>
      </c>
      <c r="DD54" s="6">
        <v>312</v>
      </c>
      <c r="DE54" s="6" t="s">
        <v>374</v>
      </c>
      <c r="DF54" s="6" t="s">
        <v>375</v>
      </c>
      <c r="DG54" s="6" t="s">
        <v>376</v>
      </c>
      <c r="DH54" s="6" t="s">
        <v>328</v>
      </c>
      <c r="DI54" s="6" t="s">
        <v>377</v>
      </c>
      <c r="DJ54" s="6">
        <v>29</v>
      </c>
      <c r="DK54" s="6">
        <v>3</v>
      </c>
      <c r="DL54" s="6">
        <v>2</v>
      </c>
      <c r="DM54" s="6" t="s">
        <v>379</v>
      </c>
      <c r="DN54" s="6">
        <v>3</v>
      </c>
      <c r="DO54" s="6" t="s">
        <v>380</v>
      </c>
      <c r="DP54" s="6"/>
      <c r="DQ54" s="6"/>
    </row>
    <row r="55" spans="1:121" x14ac:dyDescent="0.2">
      <c r="A55" s="6" t="s">
        <v>319</v>
      </c>
      <c r="B55" s="6" t="s">
        <v>319</v>
      </c>
      <c r="C55" s="6" t="s">
        <v>188</v>
      </c>
      <c r="D55" s="6" t="s">
        <v>123</v>
      </c>
      <c r="E55" s="6" t="s">
        <v>264</v>
      </c>
      <c r="F55" s="11">
        <v>41</v>
      </c>
      <c r="G55" s="13">
        <v>0.38679245283000002</v>
      </c>
      <c r="H55" s="11">
        <v>59.620087721000004</v>
      </c>
      <c r="I55" s="13">
        <v>0.56407457994648902</v>
      </c>
      <c r="J55" s="11">
        <v>-9.3888779229999955</v>
      </c>
      <c r="K55" s="13">
        <v>-5.6793698621321734E-2</v>
      </c>
      <c r="L55" s="11">
        <v>-8.7336959820000004</v>
      </c>
      <c r="M55" s="13">
        <v>-5.6011581708185688E-2</v>
      </c>
      <c r="N55" s="11">
        <v>-18.122573904999996</v>
      </c>
      <c r="O55" s="13">
        <v>-0.1096241754386692</v>
      </c>
      <c r="P55" s="7">
        <v>105.695398872</v>
      </c>
      <c r="Q55" s="7">
        <v>124.111826943</v>
      </c>
      <c r="R55" s="7">
        <v>144.79694117099999</v>
      </c>
      <c r="S55" s="7">
        <v>201.90442243000001</v>
      </c>
      <c r="T55" s="7">
        <v>173.28316696900001</v>
      </c>
      <c r="U55" s="7">
        <v>175.626920372</v>
      </c>
      <c r="V55" s="7">
        <v>165.315486593</v>
      </c>
      <c r="W55" s="7">
        <v>162.410094028</v>
      </c>
      <c r="X55" s="7">
        <v>145.90974734400001</v>
      </c>
      <c r="Y55" s="7">
        <v>155.92660867000001</v>
      </c>
      <c r="Z55" s="7">
        <v>149.50190034100001</v>
      </c>
      <c r="AA55" s="7">
        <v>139.69613541800001</v>
      </c>
      <c r="AB55" s="7">
        <v>142.396486189</v>
      </c>
      <c r="AC55" s="7">
        <v>133.39145236799999</v>
      </c>
      <c r="AD55" s="7">
        <v>140.11430813199999</v>
      </c>
      <c r="AE55" s="7">
        <v>145.91764802200001</v>
      </c>
      <c r="AF55" s="7">
        <v>147.19291268800001</v>
      </c>
      <c r="AG55" s="9">
        <v>7011.9082870999991</v>
      </c>
      <c r="AH55" s="13">
        <v>0.29429371523970371</v>
      </c>
      <c r="AI55" s="9">
        <v>2243.8765490000005</v>
      </c>
      <c r="AJ55" s="13">
        <v>9.4176754616048713E-2</v>
      </c>
      <c r="AK55" s="9">
        <v>2421.7529078000007</v>
      </c>
      <c r="AL55" s="13">
        <v>9.2893880737327558E-2</v>
      </c>
      <c r="AM55" s="9">
        <v>2346.2788302999979</v>
      </c>
      <c r="AN55" s="13">
        <v>8.2349108956034603E-2</v>
      </c>
      <c r="AO55" s="9">
        <v>4768.0317380999986</v>
      </c>
      <c r="AP55" s="13">
        <v>0.18289271799954923</v>
      </c>
      <c r="AQ55" s="9">
        <v>23826.2250398</v>
      </c>
      <c r="AR55" s="9">
        <v>23058.527961</v>
      </c>
      <c r="AS55" s="9">
        <v>24237.310937400001</v>
      </c>
      <c r="AT55" s="9">
        <v>22185.0762092</v>
      </c>
      <c r="AU55" s="9">
        <v>22551.690263500001</v>
      </c>
      <c r="AV55" s="9">
        <v>24681.7841372</v>
      </c>
      <c r="AW55" s="9">
        <v>26070.1015888</v>
      </c>
      <c r="AX55" s="9">
        <v>26459.5944786</v>
      </c>
      <c r="AY55" s="9">
        <v>27428.76758</v>
      </c>
      <c r="AZ55" s="9">
        <v>28491.854496600001</v>
      </c>
      <c r="BA55" s="9">
        <v>25291.083342900001</v>
      </c>
      <c r="BB55" s="9">
        <v>23189.817214499999</v>
      </c>
      <c r="BC55" s="9">
        <v>27134.1720599</v>
      </c>
      <c r="BD55" s="9">
        <v>28376.3701139</v>
      </c>
      <c r="BE55" s="9">
        <v>29637.367923599999</v>
      </c>
      <c r="BF55" s="9">
        <v>30838.133326899999</v>
      </c>
      <c r="BG55" s="11">
        <v>-6</v>
      </c>
      <c r="BH55" s="13">
        <v>-0.3</v>
      </c>
      <c r="BI55" s="6">
        <v>-1</v>
      </c>
      <c r="BJ55" s="13">
        <v>-0.05</v>
      </c>
      <c r="BK55" s="6">
        <v>-2</v>
      </c>
      <c r="BL55" s="13">
        <v>-0.10526315789473684</v>
      </c>
      <c r="BM55" s="11">
        <v>-3</v>
      </c>
      <c r="BN55" s="13">
        <v>-0.17647058823529413</v>
      </c>
      <c r="BO55" s="11">
        <v>-5</v>
      </c>
      <c r="BP55" s="13">
        <v>-0.26315789473684209</v>
      </c>
      <c r="BQ55" s="6">
        <v>20</v>
      </c>
      <c r="BR55" s="6">
        <v>19</v>
      </c>
      <c r="BS55" s="6">
        <v>19</v>
      </c>
      <c r="BT55" s="6">
        <v>19</v>
      </c>
      <c r="BU55" s="6">
        <v>17</v>
      </c>
      <c r="BV55" s="6">
        <v>17</v>
      </c>
      <c r="BW55" s="6">
        <v>17</v>
      </c>
      <c r="BX55" s="6">
        <v>15</v>
      </c>
      <c r="BY55" s="6">
        <v>14</v>
      </c>
      <c r="BZ55" s="6">
        <v>16</v>
      </c>
      <c r="CA55" s="6">
        <v>16</v>
      </c>
      <c r="CB55" s="6">
        <v>14</v>
      </c>
      <c r="CC55" s="11">
        <v>14</v>
      </c>
      <c r="CD55" s="11">
        <v>20.434000000000001</v>
      </c>
      <c r="CE55" s="11">
        <v>9.5096799999999995</v>
      </c>
      <c r="CF55" s="11">
        <v>11.553800000000001</v>
      </c>
      <c r="CG55" s="11">
        <v>22</v>
      </c>
      <c r="CH55" s="20">
        <v>0.59674400000000005</v>
      </c>
      <c r="CI55" s="20">
        <v>0.68486800000000003</v>
      </c>
      <c r="CJ55" s="20">
        <v>0.82015300000000002</v>
      </c>
      <c r="CK55" s="20">
        <v>1.0725100000000001</v>
      </c>
      <c r="CL55" s="20">
        <v>0.90306699999999995</v>
      </c>
      <c r="CM55" s="20">
        <v>0.86419800000000002</v>
      </c>
      <c r="CN55" s="20">
        <v>0.80170399999999997</v>
      </c>
      <c r="CO55" s="20">
        <v>0.81214399999999998</v>
      </c>
      <c r="CP55" s="20">
        <v>0.76961599999999997</v>
      </c>
      <c r="CQ55" s="20">
        <v>0.80114600000000002</v>
      </c>
      <c r="CR55" s="20">
        <v>0.78010800000000002</v>
      </c>
      <c r="CS55" s="20">
        <v>0.72557199999999999</v>
      </c>
      <c r="CT55" s="20">
        <v>0.73107800000000001</v>
      </c>
      <c r="CU55" s="20">
        <v>0.67116200000000004</v>
      </c>
      <c r="CV55" s="20">
        <v>0.69636299999999995</v>
      </c>
      <c r="CW55" s="20">
        <v>0.72785200000000005</v>
      </c>
      <c r="CX55" s="20">
        <v>0.71575900000000003</v>
      </c>
      <c r="CY55" s="6" t="s">
        <v>370</v>
      </c>
      <c r="CZ55" s="6" t="s">
        <v>371</v>
      </c>
      <c r="DA55" s="6" t="s">
        <v>123</v>
      </c>
      <c r="DB55" s="6"/>
      <c r="DC55" s="6">
        <v>41140</v>
      </c>
      <c r="DD55" s="6">
        <v>312</v>
      </c>
      <c r="DE55" s="6" t="s">
        <v>374</v>
      </c>
      <c r="DF55" s="6" t="s">
        <v>375</v>
      </c>
      <c r="DG55" s="6" t="s">
        <v>376</v>
      </c>
      <c r="DH55" s="6" t="s">
        <v>328</v>
      </c>
      <c r="DI55" s="6" t="s">
        <v>377</v>
      </c>
      <c r="DJ55" s="6">
        <v>29</v>
      </c>
      <c r="DK55" s="6">
        <v>3</v>
      </c>
      <c r="DL55" s="6">
        <v>2</v>
      </c>
      <c r="DM55" s="6" t="s">
        <v>379</v>
      </c>
      <c r="DN55" s="6">
        <v>3</v>
      </c>
      <c r="DO55" s="6" t="s">
        <v>380</v>
      </c>
      <c r="DP55" s="6"/>
      <c r="DQ55" s="6"/>
    </row>
    <row r="56" spans="1:121" x14ac:dyDescent="0.2">
      <c r="A56" s="6" t="s">
        <v>320</v>
      </c>
      <c r="B56" s="6" t="s">
        <v>320</v>
      </c>
      <c r="C56" s="6" t="s">
        <v>189</v>
      </c>
      <c r="D56" s="6" t="s">
        <v>123</v>
      </c>
      <c r="E56" s="6" t="s">
        <v>264</v>
      </c>
      <c r="F56" s="11">
        <v>1</v>
      </c>
      <c r="G56" s="13">
        <v>1</v>
      </c>
      <c r="H56" s="11">
        <v>23.653823420599998</v>
      </c>
      <c r="I56" s="13">
        <v>4.7307646841199995</v>
      </c>
      <c r="J56" s="11">
        <v>-8.5703186449999968</v>
      </c>
      <c r="K56" s="13">
        <v>-0.29909860611615852</v>
      </c>
      <c r="L56" s="11">
        <v>-5.7571875555000016</v>
      </c>
      <c r="M56" s="13">
        <v>-0.28666249341571926</v>
      </c>
      <c r="N56" s="11">
        <v>-14.327506200499998</v>
      </c>
      <c r="O56" s="13">
        <v>-0.50002074732545365</v>
      </c>
      <c r="P56" s="7">
        <v>5</v>
      </c>
      <c r="Q56" s="7">
        <v>5</v>
      </c>
      <c r="R56" s="7">
        <v>5</v>
      </c>
      <c r="S56" s="7">
        <v>5</v>
      </c>
      <c r="T56" s="7">
        <v>26.5144958371</v>
      </c>
      <c r="U56" s="7">
        <v>22.567560611499999</v>
      </c>
      <c r="V56" s="7">
        <v>28.653823420599998</v>
      </c>
      <c r="W56" s="7">
        <v>5</v>
      </c>
      <c r="X56" s="7">
        <v>5</v>
      </c>
      <c r="Y56" s="7">
        <v>20.083504775600002</v>
      </c>
      <c r="Z56" s="7">
        <v>64.254392904400007</v>
      </c>
      <c r="AA56" s="7">
        <v>14.3913379607</v>
      </c>
      <c r="AB56" s="7">
        <v>19.734666217400001</v>
      </c>
      <c r="AC56" s="7">
        <v>14.7568020165</v>
      </c>
      <c r="AD56" s="7">
        <v>14.800920612900001</v>
      </c>
      <c r="AE56" s="7">
        <v>13.685905525100001</v>
      </c>
      <c r="AF56" s="7">
        <v>14.3263172201</v>
      </c>
      <c r="AG56" s="9">
        <v>16051.7302984</v>
      </c>
      <c r="AH56" s="13">
        <v>16051.7302984</v>
      </c>
      <c r="AI56" s="9">
        <v>15374.2447417</v>
      </c>
      <c r="AJ56" s="13">
        <v>15374.2447417</v>
      </c>
      <c r="AK56" s="9">
        <v>-1981.7604293000004</v>
      </c>
      <c r="AL56" s="13">
        <v>-0.1288929355332579</v>
      </c>
      <c r="AM56" s="9">
        <v>2659.2459859999999</v>
      </c>
      <c r="AN56" s="13">
        <v>0.19854773589707408</v>
      </c>
      <c r="AO56" s="9">
        <v>677.48555669999951</v>
      </c>
      <c r="AP56" s="13">
        <v>4.4063399840560305E-2</v>
      </c>
      <c r="AQ56" s="9">
        <v>1</v>
      </c>
      <c r="AR56" s="9">
        <v>1</v>
      </c>
      <c r="AS56" s="9">
        <v>1</v>
      </c>
      <c r="AT56" s="9">
        <v>1</v>
      </c>
      <c r="AU56" s="9">
        <v>13003.7252536</v>
      </c>
      <c r="AV56" s="9">
        <v>7544.4905218599997</v>
      </c>
      <c r="AW56" s="9">
        <v>15375.2447417</v>
      </c>
      <c r="AX56" s="9">
        <v>1</v>
      </c>
      <c r="AY56" s="9">
        <v>1</v>
      </c>
      <c r="AZ56" s="9">
        <v>13393.4843124</v>
      </c>
      <c r="BA56" s="9">
        <v>22033.897625400001</v>
      </c>
      <c r="BB56" s="9">
        <v>15604.3446848</v>
      </c>
      <c r="BC56" s="9">
        <v>14806.8179341</v>
      </c>
      <c r="BD56" s="9">
        <v>12301.9821357</v>
      </c>
      <c r="BE56" s="9">
        <v>14328.6787344</v>
      </c>
      <c r="BF56" s="9">
        <v>16052.7302984</v>
      </c>
      <c r="BG56" s="11">
        <v>2</v>
      </c>
      <c r="BH56" s="13" t="e">
        <v>#DIV/0!</v>
      </c>
      <c r="BI56" s="6">
        <v>1</v>
      </c>
      <c r="BJ56" s="13" t="e">
        <v>#DIV/0!</v>
      </c>
      <c r="BK56" s="6">
        <v>3</v>
      </c>
      <c r="BL56" s="13">
        <v>3</v>
      </c>
      <c r="BM56" s="11">
        <v>-2</v>
      </c>
      <c r="BN56" s="13">
        <v>-0.5</v>
      </c>
      <c r="BO56" s="11">
        <v>1</v>
      </c>
      <c r="BP56" s="13">
        <v>1</v>
      </c>
      <c r="BQ56" s="6">
        <v>0</v>
      </c>
      <c r="BR56" s="6">
        <v>1</v>
      </c>
      <c r="BS56" s="6">
        <v>1</v>
      </c>
      <c r="BT56" s="6">
        <v>1</v>
      </c>
      <c r="BU56" s="6">
        <v>1</v>
      </c>
      <c r="BV56" s="6">
        <v>1</v>
      </c>
      <c r="BW56" s="6">
        <v>4</v>
      </c>
      <c r="BX56" s="6">
        <v>2</v>
      </c>
      <c r="BY56" s="6">
        <v>1</v>
      </c>
      <c r="BZ56" s="6">
        <v>1</v>
      </c>
      <c r="CA56" s="6">
        <v>1</v>
      </c>
      <c r="CB56" s="6">
        <v>1</v>
      </c>
      <c r="CC56" s="11">
        <v>2</v>
      </c>
      <c r="CD56" s="11">
        <v>11.453200000000001</v>
      </c>
      <c r="CE56" s="11">
        <v>0.70706100000000005</v>
      </c>
      <c r="CF56" s="11">
        <v>0.213447</v>
      </c>
      <c r="CG56" s="11">
        <v>1</v>
      </c>
      <c r="CH56" s="20">
        <v>3.3043900000000001E-2</v>
      </c>
      <c r="CI56" s="20">
        <v>7.2661500000000004E-2</v>
      </c>
      <c r="CJ56" s="20">
        <v>7.0434700000000003E-2</v>
      </c>
      <c r="CK56" s="20">
        <v>8.2283300000000004E-2</v>
      </c>
      <c r="CL56" s="20">
        <v>0.39147799999999999</v>
      </c>
      <c r="CM56" s="20">
        <v>0.31614900000000001</v>
      </c>
      <c r="CN56" s="20">
        <v>0.38943899999999998</v>
      </c>
      <c r="CO56" s="20">
        <v>8.8706499999999994E-2</v>
      </c>
      <c r="CP56" s="20">
        <v>0.113522</v>
      </c>
      <c r="CQ56" s="20">
        <v>0.23974000000000001</v>
      </c>
      <c r="CR56" s="20">
        <v>0.78467299999999995</v>
      </c>
      <c r="CS56" s="20">
        <v>0.176622</v>
      </c>
      <c r="CT56" s="20">
        <v>0.242538</v>
      </c>
      <c r="CU56" s="20">
        <v>0.179867</v>
      </c>
      <c r="CV56" s="20">
        <v>0.18012400000000001</v>
      </c>
      <c r="CW56" s="20">
        <v>0.16738</v>
      </c>
      <c r="CX56" s="20">
        <v>0.17019200000000001</v>
      </c>
      <c r="CY56" s="6" t="s">
        <v>370</v>
      </c>
      <c r="CZ56" s="6" t="s">
        <v>371</v>
      </c>
      <c r="DA56" s="6" t="s">
        <v>123</v>
      </c>
      <c r="DB56" s="6"/>
      <c r="DC56" s="6">
        <v>41140</v>
      </c>
      <c r="DD56" s="6">
        <v>312</v>
      </c>
      <c r="DE56" s="6" t="s">
        <v>374</v>
      </c>
      <c r="DF56" s="6" t="s">
        <v>375</v>
      </c>
      <c r="DG56" s="6" t="s">
        <v>376</v>
      </c>
      <c r="DH56" s="6" t="s">
        <v>328</v>
      </c>
      <c r="DI56" s="6" t="s">
        <v>377</v>
      </c>
      <c r="DJ56" s="6">
        <v>29</v>
      </c>
      <c r="DK56" s="6">
        <v>3</v>
      </c>
      <c r="DL56" s="6">
        <v>2</v>
      </c>
      <c r="DM56" s="6" t="s">
        <v>379</v>
      </c>
      <c r="DN56" s="6">
        <v>3</v>
      </c>
      <c r="DO56" s="6" t="s">
        <v>380</v>
      </c>
      <c r="DP56" s="6"/>
      <c r="DQ56" s="6"/>
    </row>
    <row r="57" spans="1:121" x14ac:dyDescent="0.2">
      <c r="A57" s="6" t="s">
        <v>321</v>
      </c>
      <c r="B57" s="6" t="s">
        <v>321</v>
      </c>
      <c r="C57" s="6" t="s">
        <v>190</v>
      </c>
      <c r="D57" s="6" t="s">
        <v>123</v>
      </c>
      <c r="E57" s="6" t="s">
        <v>264</v>
      </c>
      <c r="F57" s="11">
        <v>28</v>
      </c>
      <c r="G57" s="13">
        <v>8.3832335329299998E-2</v>
      </c>
      <c r="H57" s="11">
        <v>-52.616419822000012</v>
      </c>
      <c r="I57" s="13">
        <v>-0.1573655984751382</v>
      </c>
      <c r="J57" s="11">
        <v>24.930405790000009</v>
      </c>
      <c r="K57" s="13">
        <v>8.8486835808618103E-2</v>
      </c>
      <c r="L57" s="11">
        <v>55.587853933000019</v>
      </c>
      <c r="M57" s="13">
        <v>0.18126169823864849</v>
      </c>
      <c r="N57" s="11">
        <v>80.518259723000028</v>
      </c>
      <c r="O57" s="13">
        <v>0.28578780817770111</v>
      </c>
      <c r="P57" s="7">
        <v>334.357828724</v>
      </c>
      <c r="Q57" s="7">
        <v>345.44303093000002</v>
      </c>
      <c r="R57" s="7">
        <v>329.26490864300001</v>
      </c>
      <c r="S57" s="7">
        <v>317.06845255799999</v>
      </c>
      <c r="T57" s="7">
        <v>270.101508986</v>
      </c>
      <c r="U57" s="7">
        <v>282.990629259</v>
      </c>
      <c r="V57" s="7">
        <v>281.74140890199999</v>
      </c>
      <c r="W57" s="7">
        <v>302.832998422</v>
      </c>
      <c r="X57" s="7">
        <v>314.648687301</v>
      </c>
      <c r="Y57" s="7">
        <v>306.671814692</v>
      </c>
      <c r="Z57" s="7">
        <v>267.20360867300002</v>
      </c>
      <c r="AA57" s="7">
        <v>307.35804952500001</v>
      </c>
      <c r="AB57" s="7">
        <v>354.74525549499998</v>
      </c>
      <c r="AC57" s="7">
        <v>353.16150043099998</v>
      </c>
      <c r="AD57" s="7">
        <v>361.95719255500001</v>
      </c>
      <c r="AE57" s="7">
        <v>351.57152854100002</v>
      </c>
      <c r="AF57" s="7">
        <v>362.25966862500002</v>
      </c>
      <c r="AG57" s="9">
        <v>11444.202557000001</v>
      </c>
      <c r="AH57" s="13">
        <v>0.58203696793469828</v>
      </c>
      <c r="AI57" s="9">
        <v>5561.3617932000016</v>
      </c>
      <c r="AJ57" s="13">
        <v>0.28284348687293209</v>
      </c>
      <c r="AK57" s="9">
        <v>2196.8879376000004</v>
      </c>
      <c r="AL57" s="13">
        <v>8.7096211462025536E-2</v>
      </c>
      <c r="AM57" s="9">
        <v>3685.9528261999985</v>
      </c>
      <c r="AN57" s="13">
        <v>0.1344228659589109</v>
      </c>
      <c r="AO57" s="9">
        <v>5882.840763799999</v>
      </c>
      <c r="AP57" s="13">
        <v>0.23322679977982524</v>
      </c>
      <c r="AQ57" s="9">
        <v>19662.329349299998</v>
      </c>
      <c r="AR57" s="9">
        <v>19841.308050799998</v>
      </c>
      <c r="AS57" s="9">
        <v>21491.073658199999</v>
      </c>
      <c r="AT57" s="9">
        <v>22322.990009199999</v>
      </c>
      <c r="AU57" s="9">
        <v>24886.870715599998</v>
      </c>
      <c r="AV57" s="9">
        <v>24688.2551198</v>
      </c>
      <c r="AW57" s="9">
        <v>25223.6911425</v>
      </c>
      <c r="AX57" s="9">
        <v>25124.7175685</v>
      </c>
      <c r="AY57" s="9">
        <v>25701.306058400001</v>
      </c>
      <c r="AZ57" s="9">
        <v>27420.5790801</v>
      </c>
      <c r="BA57" s="9">
        <v>32908.431755400001</v>
      </c>
      <c r="BB57" s="9">
        <v>31795.690645999999</v>
      </c>
      <c r="BC57" s="9">
        <v>30657.0111689</v>
      </c>
      <c r="BD57" s="9">
        <v>30853.629592099998</v>
      </c>
      <c r="BE57" s="9">
        <v>31401.057569600001</v>
      </c>
      <c r="BF57" s="9">
        <v>31106.531906299999</v>
      </c>
      <c r="BG57" s="11">
        <v>26.25</v>
      </c>
      <c r="BH57" s="13">
        <v>1.75</v>
      </c>
      <c r="BI57" s="6">
        <v>-1</v>
      </c>
      <c r="BJ57" s="13">
        <v>-6.6666666666666666E-2</v>
      </c>
      <c r="BK57" s="6">
        <v>0</v>
      </c>
      <c r="BL57" s="13">
        <v>0</v>
      </c>
      <c r="BM57" s="11">
        <v>27.25</v>
      </c>
      <c r="BN57" s="13">
        <v>1.9464285714285714</v>
      </c>
      <c r="BO57" s="11">
        <v>27.25</v>
      </c>
      <c r="BP57" s="13">
        <v>1.9464285714285714</v>
      </c>
      <c r="BQ57" s="6">
        <v>15</v>
      </c>
      <c r="BR57" s="6">
        <v>14</v>
      </c>
      <c r="BS57" s="6">
        <v>14</v>
      </c>
      <c r="BT57" s="6">
        <v>14</v>
      </c>
      <c r="BU57" s="6">
        <v>16</v>
      </c>
      <c r="BV57" s="6">
        <v>15</v>
      </c>
      <c r="BW57" s="6">
        <v>14</v>
      </c>
      <c r="BX57" s="6">
        <v>14</v>
      </c>
      <c r="BY57" s="6">
        <v>16</v>
      </c>
      <c r="BZ57" s="6">
        <v>47</v>
      </c>
      <c r="CA57" s="6">
        <v>45</v>
      </c>
      <c r="CB57" s="6">
        <v>43</v>
      </c>
      <c r="CC57" s="11">
        <v>41.25</v>
      </c>
      <c r="CD57" s="11">
        <v>-130.40899999999999</v>
      </c>
      <c r="CE57" s="11">
        <v>121.762</v>
      </c>
      <c r="CF57" s="11">
        <v>36.549300000000002</v>
      </c>
      <c r="CG57" s="11">
        <v>159</v>
      </c>
      <c r="CH57" s="20">
        <v>1.1456900000000001</v>
      </c>
      <c r="CI57" s="20">
        <v>1.1135900000000001</v>
      </c>
      <c r="CJ57" s="20">
        <v>1.0562400000000001</v>
      </c>
      <c r="CK57" s="20">
        <v>0.965665</v>
      </c>
      <c r="CL57" s="20">
        <v>0.81620599999999999</v>
      </c>
      <c r="CM57" s="20">
        <v>0.80881700000000001</v>
      </c>
      <c r="CN57" s="20">
        <v>0.77950299999999995</v>
      </c>
      <c r="CO57" s="20">
        <v>0.80568200000000001</v>
      </c>
      <c r="CP57" s="20">
        <v>0.78772299999999995</v>
      </c>
      <c r="CQ57" s="20">
        <v>0.758216</v>
      </c>
      <c r="CR57" s="20">
        <v>0.68790600000000002</v>
      </c>
      <c r="CS57" s="20">
        <v>0.78213200000000005</v>
      </c>
      <c r="CT57" s="20">
        <v>0.89922100000000005</v>
      </c>
      <c r="CU57" s="20">
        <v>0.88965499999999997</v>
      </c>
      <c r="CV57" s="20">
        <v>0.90131799999999995</v>
      </c>
      <c r="CW57" s="20">
        <v>0.87450499999999998</v>
      </c>
      <c r="CX57" s="20">
        <v>0.87016499999999997</v>
      </c>
      <c r="CY57" s="6" t="s">
        <v>370</v>
      </c>
      <c r="CZ57" s="6" t="s">
        <v>371</v>
      </c>
      <c r="DA57" s="6" t="s">
        <v>123</v>
      </c>
      <c r="DB57" s="6"/>
      <c r="DC57" s="6">
        <v>41140</v>
      </c>
      <c r="DD57" s="6">
        <v>312</v>
      </c>
      <c r="DE57" s="6" t="s">
        <v>374</v>
      </c>
      <c r="DF57" s="6" t="s">
        <v>375</v>
      </c>
      <c r="DG57" s="6" t="s">
        <v>376</v>
      </c>
      <c r="DH57" s="6" t="s">
        <v>328</v>
      </c>
      <c r="DI57" s="6" t="s">
        <v>377</v>
      </c>
      <c r="DJ57" s="6">
        <v>29</v>
      </c>
      <c r="DK57" s="6">
        <v>3</v>
      </c>
      <c r="DL57" s="6">
        <v>2</v>
      </c>
      <c r="DM57" s="6" t="s">
        <v>379</v>
      </c>
      <c r="DN57" s="6">
        <v>3</v>
      </c>
      <c r="DO57" s="6" t="s">
        <v>380</v>
      </c>
      <c r="DP57" s="6"/>
      <c r="DQ57" s="6"/>
    </row>
    <row r="58" spans="1:121" x14ac:dyDescent="0.2">
      <c r="A58" s="6" t="s">
        <v>322</v>
      </c>
      <c r="B58" s="6" t="s">
        <v>322</v>
      </c>
      <c r="C58" s="6" t="s">
        <v>191</v>
      </c>
      <c r="D58" s="6" t="s">
        <v>123</v>
      </c>
      <c r="E58" s="6" t="s">
        <v>264</v>
      </c>
      <c r="F58" s="11">
        <v>68</v>
      </c>
      <c r="G58" s="13">
        <v>4</v>
      </c>
      <c r="H58" s="11">
        <v>67</v>
      </c>
      <c r="I58" s="13">
        <v>3.9411764705882351</v>
      </c>
      <c r="J58" s="11">
        <v>9</v>
      </c>
      <c r="K58" s="13">
        <v>0.10714285714285714</v>
      </c>
      <c r="L58" s="11">
        <v>-8</v>
      </c>
      <c r="M58" s="13">
        <v>-8.6021505376344093E-2</v>
      </c>
      <c r="N58" s="11">
        <v>1</v>
      </c>
      <c r="O58" s="13">
        <v>1.1904761904761904E-2</v>
      </c>
      <c r="P58" s="7">
        <v>17</v>
      </c>
      <c r="Q58" s="7">
        <v>15</v>
      </c>
      <c r="R58" s="7">
        <v>13</v>
      </c>
      <c r="S58" s="7">
        <v>20</v>
      </c>
      <c r="T58" s="7">
        <v>17</v>
      </c>
      <c r="U58" s="7">
        <v>77</v>
      </c>
      <c r="V58" s="7">
        <v>84</v>
      </c>
      <c r="W58" s="7">
        <v>90</v>
      </c>
      <c r="X58" s="7">
        <v>87</v>
      </c>
      <c r="Y58" s="7">
        <v>93</v>
      </c>
      <c r="Z58" s="7">
        <v>119</v>
      </c>
      <c r="AA58" s="7">
        <v>108</v>
      </c>
      <c r="AB58" s="7">
        <v>78</v>
      </c>
      <c r="AC58" s="7">
        <v>85</v>
      </c>
      <c r="AD58" s="7">
        <v>88</v>
      </c>
      <c r="AE58" s="7">
        <v>82</v>
      </c>
      <c r="AF58" s="7">
        <v>85</v>
      </c>
      <c r="AG58" s="9">
        <v>2915</v>
      </c>
      <c r="AH58" s="13">
        <v>0.23905199278333605</v>
      </c>
      <c r="AI58" s="9">
        <v>5420</v>
      </c>
      <c r="AJ58" s="13">
        <v>0.44448089224208626</v>
      </c>
      <c r="AK58" s="9">
        <v>-38</v>
      </c>
      <c r="AL58" s="13">
        <v>-2.1573748154876801E-3</v>
      </c>
      <c r="AM58" s="9">
        <v>-2467</v>
      </c>
      <c r="AN58" s="13">
        <v>-0.14036185707783341</v>
      </c>
      <c r="AO58" s="9">
        <v>-2505</v>
      </c>
      <c r="AP58" s="13">
        <v>-0.1422164187578063</v>
      </c>
      <c r="AQ58" s="9">
        <v>12194</v>
      </c>
      <c r="AR58" s="9">
        <v>12332</v>
      </c>
      <c r="AS58" s="9">
        <v>13432</v>
      </c>
      <c r="AT58" s="9">
        <v>13851</v>
      </c>
      <c r="AU58" s="9">
        <v>11711</v>
      </c>
      <c r="AV58" s="9">
        <v>20143</v>
      </c>
      <c r="AW58" s="9">
        <v>17614</v>
      </c>
      <c r="AX58" s="9">
        <v>18684</v>
      </c>
      <c r="AY58" s="9">
        <v>17796</v>
      </c>
      <c r="AZ58" s="9">
        <v>17576</v>
      </c>
      <c r="BA58" s="9">
        <v>14293</v>
      </c>
      <c r="BB58" s="9">
        <v>16949</v>
      </c>
      <c r="BC58" s="9">
        <v>21634</v>
      </c>
      <c r="BD58" s="9">
        <v>20428</v>
      </c>
      <c r="BE58" s="9">
        <v>17371</v>
      </c>
      <c r="BF58" s="9">
        <v>15109</v>
      </c>
      <c r="BG58" s="11">
        <v>4</v>
      </c>
      <c r="BH58" s="13">
        <v>2</v>
      </c>
      <c r="BI58" s="6">
        <v>3</v>
      </c>
      <c r="BJ58" s="13">
        <v>1.5</v>
      </c>
      <c r="BK58" s="6">
        <v>0</v>
      </c>
      <c r="BL58" s="13">
        <v>0</v>
      </c>
      <c r="BM58" s="11">
        <v>1</v>
      </c>
      <c r="BN58" s="13">
        <v>0.2</v>
      </c>
      <c r="BO58" s="11">
        <v>1</v>
      </c>
      <c r="BP58" s="13">
        <v>0.2</v>
      </c>
      <c r="BQ58" s="6">
        <v>2</v>
      </c>
      <c r="BR58" s="6">
        <v>3</v>
      </c>
      <c r="BS58" s="6">
        <v>5</v>
      </c>
      <c r="BT58" s="6">
        <v>5</v>
      </c>
      <c r="BU58" s="6">
        <v>4</v>
      </c>
      <c r="BV58" s="6">
        <v>4</v>
      </c>
      <c r="BW58" s="6">
        <v>5</v>
      </c>
      <c r="BX58" s="6">
        <v>5</v>
      </c>
      <c r="BY58" s="6">
        <v>4</v>
      </c>
      <c r="BZ58" s="6">
        <v>5</v>
      </c>
      <c r="CA58" s="6">
        <v>5</v>
      </c>
      <c r="CB58" s="6">
        <v>5</v>
      </c>
      <c r="CC58" s="11">
        <v>6</v>
      </c>
      <c r="CD58" s="11">
        <v>63</v>
      </c>
      <c r="CE58" s="11">
        <v>3</v>
      </c>
      <c r="CF58" s="11">
        <v>2</v>
      </c>
      <c r="CG58" s="11">
        <v>5</v>
      </c>
      <c r="CH58" s="20">
        <v>0.38</v>
      </c>
      <c r="CI58" s="20">
        <v>0.32</v>
      </c>
      <c r="CJ58" s="20">
        <v>0.28999999999999998</v>
      </c>
      <c r="CK58" s="20">
        <v>0.42</v>
      </c>
      <c r="CL58" s="20">
        <v>0.36</v>
      </c>
      <c r="CM58" s="20">
        <v>1.51</v>
      </c>
      <c r="CN58" s="20">
        <v>1.6</v>
      </c>
      <c r="CO58" s="20">
        <v>1.67</v>
      </c>
      <c r="CP58" s="20">
        <v>1.58</v>
      </c>
      <c r="CQ58" s="20">
        <v>1.72</v>
      </c>
      <c r="CR58" s="20">
        <v>2.2799999999999998</v>
      </c>
      <c r="CS58" s="20">
        <v>2.08</v>
      </c>
      <c r="CT58" s="20">
        <v>1.5</v>
      </c>
      <c r="CU58" s="20">
        <v>1.61</v>
      </c>
      <c r="CV58" s="20">
        <v>1.62</v>
      </c>
      <c r="CW58" s="20">
        <v>1.51</v>
      </c>
      <c r="CX58" s="20">
        <v>1.52</v>
      </c>
      <c r="CY58" s="6" t="s">
        <v>370</v>
      </c>
      <c r="CZ58" s="6" t="s">
        <v>371</v>
      </c>
      <c r="DA58" s="6" t="s">
        <v>123</v>
      </c>
      <c r="DB58" s="6"/>
      <c r="DC58" s="6">
        <v>41140</v>
      </c>
      <c r="DD58" s="6">
        <v>312</v>
      </c>
      <c r="DE58" s="6" t="s">
        <v>374</v>
      </c>
      <c r="DF58" s="6" t="s">
        <v>375</v>
      </c>
      <c r="DG58" s="6" t="s">
        <v>376</v>
      </c>
      <c r="DH58" s="6" t="s">
        <v>328</v>
      </c>
      <c r="DI58" s="6" t="s">
        <v>377</v>
      </c>
      <c r="DJ58" s="6">
        <v>29</v>
      </c>
      <c r="DK58" s="6">
        <v>3</v>
      </c>
      <c r="DL58" s="6">
        <v>2</v>
      </c>
      <c r="DM58" s="6" t="s">
        <v>379</v>
      </c>
      <c r="DN58" s="6">
        <v>3</v>
      </c>
      <c r="DO58" s="6" t="s">
        <v>380</v>
      </c>
      <c r="DP58" s="6"/>
      <c r="DQ58" s="6"/>
    </row>
    <row r="59" spans="1:121" x14ac:dyDescent="0.2">
      <c r="A59" s="6" t="s">
        <v>323</v>
      </c>
      <c r="B59" s="6" t="s">
        <v>323</v>
      </c>
      <c r="C59" s="6" t="s">
        <v>192</v>
      </c>
      <c r="D59" s="6" t="s">
        <v>123</v>
      </c>
      <c r="E59" s="6" t="s">
        <v>264</v>
      </c>
      <c r="F59" s="11">
        <v>-72</v>
      </c>
      <c r="G59" s="13">
        <v>-0.38709677419400002</v>
      </c>
      <c r="H59" s="11">
        <v>-34.802460475000004</v>
      </c>
      <c r="I59" s="13">
        <v>-0.18749327013853556</v>
      </c>
      <c r="J59" s="11">
        <v>-17.992846439000004</v>
      </c>
      <c r="K59" s="13">
        <v>-0.11930225195629932</v>
      </c>
      <c r="L59" s="11">
        <v>-19.099577408999991</v>
      </c>
      <c r="M59" s="13">
        <v>-0.14379561431228793</v>
      </c>
      <c r="N59" s="11">
        <v>-37.092423847999996</v>
      </c>
      <c r="O59" s="13">
        <v>-0.2459427256596918</v>
      </c>
      <c r="P59" s="7">
        <v>185.619784909</v>
      </c>
      <c r="Q59" s="7">
        <v>169.252678933</v>
      </c>
      <c r="R59" s="7">
        <v>169.41436493200001</v>
      </c>
      <c r="S59" s="7">
        <v>144.82209051199999</v>
      </c>
      <c r="T59" s="7">
        <v>128.60382866200001</v>
      </c>
      <c r="U59" s="7">
        <v>133.35716061700001</v>
      </c>
      <c r="V59" s="7">
        <v>150.817324434</v>
      </c>
      <c r="W59" s="7">
        <v>156.27823764600001</v>
      </c>
      <c r="X59" s="7">
        <v>135.95314866800001</v>
      </c>
      <c r="Y59" s="7">
        <v>132.824477995</v>
      </c>
      <c r="Z59" s="7">
        <v>127.57665151099999</v>
      </c>
      <c r="AA59" s="7">
        <v>127.711398363</v>
      </c>
      <c r="AB59" s="7">
        <v>137.454187813</v>
      </c>
      <c r="AC59" s="7">
        <v>137.93676098399999</v>
      </c>
      <c r="AD59" s="7">
        <v>117.764392094</v>
      </c>
      <c r="AE59" s="7">
        <v>113.59958629499999</v>
      </c>
      <c r="AF59" s="7">
        <v>113.724900586</v>
      </c>
      <c r="AG59" s="9">
        <v>5282.5999875300004</v>
      </c>
      <c r="AH59" s="13">
        <v>0.62897337169930467</v>
      </c>
      <c r="AI59" s="9">
        <v>2358.5246916300002</v>
      </c>
      <c r="AJ59" s="13">
        <v>0.28081801215923685</v>
      </c>
      <c r="AK59" s="9">
        <v>32.41045590000067</v>
      </c>
      <c r="AL59" s="13">
        <v>3.012882862329654E-3</v>
      </c>
      <c r="AM59" s="9">
        <v>2891.6648399999995</v>
      </c>
      <c r="AN59" s="13">
        <v>0.2680023179365143</v>
      </c>
      <c r="AO59" s="9">
        <v>2924.0752959000001</v>
      </c>
      <c r="AP59" s="13">
        <v>0.27182266038961955</v>
      </c>
      <c r="AQ59" s="9">
        <v>8398.7657112699999</v>
      </c>
      <c r="AR59" s="9">
        <v>9559.9792577699991</v>
      </c>
      <c r="AS59" s="9">
        <v>9691.7509545800003</v>
      </c>
      <c r="AT59" s="9">
        <v>9566.3692540800002</v>
      </c>
      <c r="AU59" s="9">
        <v>10057.1751836</v>
      </c>
      <c r="AV59" s="9">
        <v>10666.289230799999</v>
      </c>
      <c r="AW59" s="9">
        <v>10757.2904029</v>
      </c>
      <c r="AX59" s="9">
        <v>10715.771504099999</v>
      </c>
      <c r="AY59" s="9">
        <v>10767.7361877</v>
      </c>
      <c r="AZ59" s="9">
        <v>10789.700858800001</v>
      </c>
      <c r="BA59" s="9">
        <v>11400.0278039</v>
      </c>
      <c r="BB59" s="9">
        <v>10822.018693399999</v>
      </c>
      <c r="BC59" s="9">
        <v>12914.3066796</v>
      </c>
      <c r="BD59" s="9">
        <v>12996.885604999999</v>
      </c>
      <c r="BE59" s="9">
        <v>14017.960164800001</v>
      </c>
      <c r="BF59" s="9">
        <v>13681.3656988</v>
      </c>
      <c r="BG59" s="11">
        <v>-6.75</v>
      </c>
      <c r="BH59" s="13">
        <v>-0.48214285714285715</v>
      </c>
      <c r="BI59" s="6">
        <v>-3</v>
      </c>
      <c r="BJ59" s="13">
        <v>-0.21428571428571427</v>
      </c>
      <c r="BK59" s="6">
        <v>0</v>
      </c>
      <c r="BL59" s="13">
        <v>0</v>
      </c>
      <c r="BM59" s="11">
        <v>-3.75</v>
      </c>
      <c r="BN59" s="13">
        <v>-0.34090909090909088</v>
      </c>
      <c r="BO59" s="11">
        <v>-3.75</v>
      </c>
      <c r="BP59" s="13">
        <v>-0.34090909090909088</v>
      </c>
      <c r="BQ59" s="6">
        <v>14</v>
      </c>
      <c r="BR59" s="6">
        <v>13</v>
      </c>
      <c r="BS59" s="6">
        <v>11</v>
      </c>
      <c r="BT59" s="6">
        <v>11</v>
      </c>
      <c r="BU59" s="6">
        <v>12</v>
      </c>
      <c r="BV59" s="6">
        <v>13</v>
      </c>
      <c r="BW59" s="6">
        <v>11</v>
      </c>
      <c r="BX59" s="6">
        <v>9</v>
      </c>
      <c r="BY59" s="6">
        <v>11</v>
      </c>
      <c r="BZ59" s="6">
        <v>12</v>
      </c>
      <c r="CA59" s="6">
        <v>11</v>
      </c>
      <c r="CB59" s="6">
        <v>9</v>
      </c>
      <c r="CC59" s="11">
        <v>7.25</v>
      </c>
      <c r="CD59" s="11">
        <v>-134.39599999999999</v>
      </c>
      <c r="CE59" s="11">
        <v>42.210999999999999</v>
      </c>
      <c r="CF59" s="11">
        <v>20.290500000000002</v>
      </c>
      <c r="CG59" s="11">
        <v>62</v>
      </c>
      <c r="CH59" s="20">
        <v>0.85704499999999995</v>
      </c>
      <c r="CI59" s="20">
        <v>0.75390199999999996</v>
      </c>
      <c r="CJ59" s="20">
        <v>0.76012100000000005</v>
      </c>
      <c r="CK59" s="20">
        <v>0.61368999999999996</v>
      </c>
      <c r="CL59" s="20">
        <v>0.54030699999999998</v>
      </c>
      <c r="CM59" s="20">
        <v>0.53201399999999999</v>
      </c>
      <c r="CN59" s="20">
        <v>0.5857</v>
      </c>
      <c r="CO59" s="20">
        <v>0.59696499999999997</v>
      </c>
      <c r="CP59" s="20">
        <v>0.51290599999999997</v>
      </c>
      <c r="CQ59" s="20">
        <v>0.50135300000000005</v>
      </c>
      <c r="CR59" s="20">
        <v>0.49593399999999999</v>
      </c>
      <c r="CS59" s="20">
        <v>0.493759</v>
      </c>
      <c r="CT59" s="20">
        <v>0.52371999999999996</v>
      </c>
      <c r="CU59" s="20">
        <v>0.51679799999999998</v>
      </c>
      <c r="CV59" s="20">
        <v>0.43196400000000001</v>
      </c>
      <c r="CW59" s="20">
        <v>0.41525600000000001</v>
      </c>
      <c r="CX59" s="20">
        <v>0.40575699999999998</v>
      </c>
      <c r="CY59" s="6" t="s">
        <v>370</v>
      </c>
      <c r="CZ59" s="6" t="s">
        <v>371</v>
      </c>
      <c r="DA59" s="6" t="s">
        <v>123</v>
      </c>
      <c r="DB59" s="6"/>
      <c r="DC59" s="6">
        <v>41140</v>
      </c>
      <c r="DD59" s="6">
        <v>312</v>
      </c>
      <c r="DE59" s="6" t="s">
        <v>374</v>
      </c>
      <c r="DF59" s="6" t="s">
        <v>375</v>
      </c>
      <c r="DG59" s="6" t="s">
        <v>376</v>
      </c>
      <c r="DH59" s="6" t="s">
        <v>328</v>
      </c>
      <c r="DI59" s="6" t="s">
        <v>377</v>
      </c>
      <c r="DJ59" s="6">
        <v>29</v>
      </c>
      <c r="DK59" s="6">
        <v>3</v>
      </c>
      <c r="DL59" s="6">
        <v>2</v>
      </c>
      <c r="DM59" s="6" t="s">
        <v>379</v>
      </c>
      <c r="DN59" s="6">
        <v>3</v>
      </c>
      <c r="DO59" s="6" t="s">
        <v>380</v>
      </c>
      <c r="DP59" s="6"/>
      <c r="DQ59" s="6"/>
    </row>
    <row r="60" spans="1:121" x14ac:dyDescent="0.2">
      <c r="A60" s="6" t="s">
        <v>325</v>
      </c>
      <c r="B60" s="6" t="s">
        <v>325</v>
      </c>
      <c r="C60" s="6" t="s">
        <v>193</v>
      </c>
      <c r="D60" s="6" t="s">
        <v>123</v>
      </c>
      <c r="E60" s="6" t="s">
        <v>264</v>
      </c>
      <c r="F60" s="11">
        <v>12</v>
      </c>
      <c r="G60" s="13">
        <v>6.8181818181799997E-2</v>
      </c>
      <c r="H60" s="11">
        <v>77.766228947000002</v>
      </c>
      <c r="I60" s="13">
        <v>0.44129694066006303</v>
      </c>
      <c r="J60" s="11">
        <v>-19.526530003000005</v>
      </c>
      <c r="K60" s="13">
        <v>-7.6879665550985452E-2</v>
      </c>
      <c r="L60" s="11">
        <v>-46.093576697999993</v>
      </c>
      <c r="M60" s="13">
        <v>-0.19659320537943237</v>
      </c>
      <c r="N60" s="11">
        <v>-65.620106700999997</v>
      </c>
      <c r="O60" s="13">
        <v>-0.25835885105125084</v>
      </c>
      <c r="P60" s="7">
        <v>176.221998799</v>
      </c>
      <c r="Q60" s="7">
        <v>180.57950109699999</v>
      </c>
      <c r="R60" s="7">
        <v>188.654986734</v>
      </c>
      <c r="S60" s="7">
        <v>218.90909506200001</v>
      </c>
      <c r="T60" s="7">
        <v>247.71028048900001</v>
      </c>
      <c r="U60" s="7">
        <v>238.553698207</v>
      </c>
      <c r="V60" s="7">
        <v>253.98822774600001</v>
      </c>
      <c r="W60" s="7">
        <v>242.59145740899999</v>
      </c>
      <c r="X60" s="7">
        <v>249.511283322</v>
      </c>
      <c r="Y60" s="7">
        <v>234.461697743</v>
      </c>
      <c r="Z60" s="7">
        <v>220.782084217</v>
      </c>
      <c r="AA60" s="7">
        <v>215.47933062499999</v>
      </c>
      <c r="AB60" s="7">
        <v>175.67211661100001</v>
      </c>
      <c r="AC60" s="7">
        <v>173.90562916499999</v>
      </c>
      <c r="AD60" s="7">
        <v>187.111464541</v>
      </c>
      <c r="AE60" s="7">
        <v>185.099527962</v>
      </c>
      <c r="AF60" s="7">
        <v>188.36812104500001</v>
      </c>
      <c r="AG60" s="9">
        <v>4760.3003449999997</v>
      </c>
      <c r="AH60" s="13">
        <v>0.28041725031216569</v>
      </c>
      <c r="AI60" s="9">
        <v>1121.0764373999991</v>
      </c>
      <c r="AJ60" s="13">
        <v>6.6039776732925146E-2</v>
      </c>
      <c r="AK60" s="9">
        <v>1094.9852337000011</v>
      </c>
      <c r="AL60" s="13">
        <v>6.0506944804986799E-2</v>
      </c>
      <c r="AM60" s="9">
        <v>2544.2386738999994</v>
      </c>
      <c r="AN60" s="13">
        <v>0.13256879078818273</v>
      </c>
      <c r="AO60" s="9">
        <v>3639.2239076000005</v>
      </c>
      <c r="AP60" s="13">
        <v>0.20109706810025396</v>
      </c>
      <c r="AQ60" s="9">
        <v>16975.775704600001</v>
      </c>
      <c r="AR60" s="9">
        <v>17310.378245200001</v>
      </c>
      <c r="AS60" s="9">
        <v>16595.769199599999</v>
      </c>
      <c r="AT60" s="9">
        <v>16472.5593324</v>
      </c>
      <c r="AU60" s="9">
        <v>15860.1704906</v>
      </c>
      <c r="AV60" s="9">
        <v>16733.076591199999</v>
      </c>
      <c r="AW60" s="9">
        <v>18096.852142</v>
      </c>
      <c r="AX60" s="9">
        <v>19390.185201100001</v>
      </c>
      <c r="AY60" s="9">
        <v>18705.3246244</v>
      </c>
      <c r="AZ60" s="9">
        <v>19191.837375700001</v>
      </c>
      <c r="BA60" s="9">
        <v>16453.5321893</v>
      </c>
      <c r="BB60" s="9">
        <v>17042.935865700001</v>
      </c>
      <c r="BC60" s="9">
        <v>19292.025369700001</v>
      </c>
      <c r="BD60" s="9">
        <v>19971.1230048</v>
      </c>
      <c r="BE60" s="9">
        <v>21548.798727900001</v>
      </c>
      <c r="BF60" s="9">
        <v>21736.0760496</v>
      </c>
      <c r="BG60" s="11">
        <v>-15.5</v>
      </c>
      <c r="BH60" s="13">
        <v>-0.44285714285714284</v>
      </c>
      <c r="BI60" s="6">
        <v>8</v>
      </c>
      <c r="BJ60" s="13">
        <v>0.22857142857142856</v>
      </c>
      <c r="BK60" s="6">
        <v>5</v>
      </c>
      <c r="BL60" s="13">
        <v>0.11627906976744186</v>
      </c>
      <c r="BM60" s="11">
        <v>-28.5</v>
      </c>
      <c r="BN60" s="13">
        <v>-0.59375</v>
      </c>
      <c r="BO60" s="11">
        <v>-23.5</v>
      </c>
      <c r="BP60" s="13">
        <v>-0.54651162790697672</v>
      </c>
      <c r="BQ60" s="6">
        <v>35</v>
      </c>
      <c r="BR60" s="6">
        <v>43</v>
      </c>
      <c r="BS60" s="6">
        <v>47</v>
      </c>
      <c r="BT60" s="6">
        <v>43</v>
      </c>
      <c r="BU60" s="6">
        <v>42</v>
      </c>
      <c r="BV60" s="6">
        <v>38</v>
      </c>
      <c r="BW60" s="6">
        <v>48</v>
      </c>
      <c r="BX60" s="6">
        <v>52</v>
      </c>
      <c r="BY60" s="6">
        <v>47</v>
      </c>
      <c r="BZ60" s="6">
        <v>20</v>
      </c>
      <c r="CA60" s="6">
        <v>16</v>
      </c>
      <c r="CB60" s="6">
        <v>20</v>
      </c>
      <c r="CC60" s="11">
        <v>19.5</v>
      </c>
      <c r="CD60" s="11">
        <v>-5.4942299999999999</v>
      </c>
      <c r="CE60" s="11">
        <v>-1.6228400000000001</v>
      </c>
      <c r="CF60" s="11">
        <v>19.263200000000001</v>
      </c>
      <c r="CG60" s="11">
        <v>17</v>
      </c>
      <c r="CH60" s="20">
        <v>1.1978599999999999</v>
      </c>
      <c r="CI60" s="20">
        <v>1.17926</v>
      </c>
      <c r="CJ60" s="20">
        <v>1.2481</v>
      </c>
      <c r="CK60" s="20">
        <v>1.3925799999999999</v>
      </c>
      <c r="CL60" s="20">
        <v>1.58823</v>
      </c>
      <c r="CM60" s="20">
        <v>1.4659500000000001</v>
      </c>
      <c r="CN60" s="20">
        <v>1.5268900000000001</v>
      </c>
      <c r="CO60" s="20">
        <v>1.4331100000000001</v>
      </c>
      <c r="CP60" s="20">
        <v>1.4260999999999999</v>
      </c>
      <c r="CQ60" s="20">
        <v>1.3506899999999999</v>
      </c>
      <c r="CR60" s="20">
        <v>1.32901</v>
      </c>
      <c r="CS60" s="20">
        <v>1.3000100000000001</v>
      </c>
      <c r="CT60" s="20">
        <v>1.1393599999999999</v>
      </c>
      <c r="CU60" s="20">
        <v>1.1209100000000001</v>
      </c>
      <c r="CV60" s="20">
        <v>1.2040999999999999</v>
      </c>
      <c r="CW60" s="20">
        <v>1.19967</v>
      </c>
      <c r="CX60" s="20">
        <v>1.20224</v>
      </c>
      <c r="CY60" s="6" t="s">
        <v>370</v>
      </c>
      <c r="CZ60" s="6" t="s">
        <v>371</v>
      </c>
      <c r="DA60" s="6" t="s">
        <v>123</v>
      </c>
      <c r="DB60" s="6"/>
      <c r="DC60" s="6">
        <v>41140</v>
      </c>
      <c r="DD60" s="6">
        <v>312</v>
      </c>
      <c r="DE60" s="6" t="s">
        <v>374</v>
      </c>
      <c r="DF60" s="6" t="s">
        <v>375</v>
      </c>
      <c r="DG60" s="6" t="s">
        <v>376</v>
      </c>
      <c r="DH60" s="6" t="s">
        <v>328</v>
      </c>
      <c r="DI60" s="6" t="s">
        <v>377</v>
      </c>
      <c r="DJ60" s="6">
        <v>29</v>
      </c>
      <c r="DK60" s="6">
        <v>3</v>
      </c>
      <c r="DL60" s="6">
        <v>2</v>
      </c>
      <c r="DM60" s="6" t="s">
        <v>379</v>
      </c>
      <c r="DN60" s="6">
        <v>3</v>
      </c>
      <c r="DO60" s="6" t="s">
        <v>380</v>
      </c>
      <c r="DP60" s="6"/>
      <c r="DQ60" s="6"/>
    </row>
    <row r="61" spans="1:121" x14ac:dyDescent="0.2">
      <c r="A61" s="6" t="s">
        <v>327</v>
      </c>
      <c r="B61" s="6" t="s">
        <v>327</v>
      </c>
      <c r="C61" s="6" t="s">
        <v>194</v>
      </c>
      <c r="D61" s="6" t="s">
        <v>123</v>
      </c>
      <c r="E61" s="6" t="s">
        <v>264</v>
      </c>
      <c r="F61" s="11">
        <v>0</v>
      </c>
      <c r="G61" s="13">
        <v>0</v>
      </c>
      <c r="H61" s="11">
        <v>28.652761000000055</v>
      </c>
      <c r="I61" s="13">
        <v>3.5534471772242067E-2</v>
      </c>
      <c r="J61" s="11">
        <v>-10.863230000000044</v>
      </c>
      <c r="K61" s="13">
        <v>-1.30100151030946E-2</v>
      </c>
      <c r="L61" s="11">
        <v>-17.936050525000041</v>
      </c>
      <c r="M61" s="13">
        <v>-2.1763708422426042E-2</v>
      </c>
      <c r="N61" s="11">
        <v>-28.799280525000086</v>
      </c>
      <c r="O61" s="13">
        <v>-3.4490577350245528E-2</v>
      </c>
      <c r="P61" s="7">
        <v>806.33704599999999</v>
      </c>
      <c r="Q61" s="7">
        <v>799.24143600000002</v>
      </c>
      <c r="R61" s="7">
        <v>796.354108</v>
      </c>
      <c r="S61" s="7">
        <v>802.22219900000005</v>
      </c>
      <c r="T61" s="7">
        <v>806.20601899999997</v>
      </c>
      <c r="U61" s="7">
        <v>825.99652700000001</v>
      </c>
      <c r="V61" s="7">
        <v>834.98980700000004</v>
      </c>
      <c r="W61" s="7">
        <v>833.51417200000003</v>
      </c>
      <c r="X61" s="7">
        <v>841.84691799999996</v>
      </c>
      <c r="Y61" s="7">
        <v>824.126577</v>
      </c>
      <c r="Z61" s="7">
        <v>764.58608300000003</v>
      </c>
      <c r="AA61" s="7">
        <v>764.68177900000001</v>
      </c>
      <c r="AB61" s="7">
        <v>776.22002499999996</v>
      </c>
      <c r="AC61" s="7">
        <v>784.48513800000001</v>
      </c>
      <c r="AD61" s="7">
        <v>803.78199900000004</v>
      </c>
      <c r="AE61" s="7">
        <v>803.04246650000005</v>
      </c>
      <c r="AF61" s="7">
        <v>806.19052647499996</v>
      </c>
      <c r="AG61" s="9">
        <v>11173.092406300002</v>
      </c>
      <c r="AH61" s="13">
        <v>0.38005920550659672</v>
      </c>
      <c r="AI61" s="9">
        <v>7649.5149722999959</v>
      </c>
      <c r="AJ61" s="13">
        <v>0.26020267954142001</v>
      </c>
      <c r="AK61" s="9">
        <v>3427.3812515000027</v>
      </c>
      <c r="AL61" s="13">
        <v>9.2512386324043003E-2</v>
      </c>
      <c r="AM61" s="9">
        <v>96.196182500003488</v>
      </c>
      <c r="AN61" s="13">
        <v>2.3766702777378106E-3</v>
      </c>
      <c r="AO61" s="9">
        <v>3523.5774340000062</v>
      </c>
      <c r="AP61" s="13">
        <v>9.510892804067976E-2</v>
      </c>
      <c r="AQ61" s="9">
        <v>29398.294382600001</v>
      </c>
      <c r="AR61" s="9">
        <v>30269.735117299999</v>
      </c>
      <c r="AS61" s="9">
        <v>31517.0286959</v>
      </c>
      <c r="AT61" s="9">
        <v>33150.5037524</v>
      </c>
      <c r="AU61" s="9">
        <v>34782.584973899997</v>
      </c>
      <c r="AV61" s="9">
        <v>36082.818131200002</v>
      </c>
      <c r="AW61" s="9">
        <v>37047.809354899997</v>
      </c>
      <c r="AX61" s="9">
        <v>39271.091179700001</v>
      </c>
      <c r="AY61" s="9">
        <v>39773.4727403</v>
      </c>
      <c r="AZ61" s="9">
        <v>40475.1906064</v>
      </c>
      <c r="BA61" s="9">
        <v>40948.9019931</v>
      </c>
      <c r="BB61" s="9">
        <v>40058.4362473</v>
      </c>
      <c r="BC61" s="9">
        <v>39764.623740700001</v>
      </c>
      <c r="BD61" s="9">
        <v>39126.098980399998</v>
      </c>
      <c r="BE61" s="9">
        <v>39534.094630699998</v>
      </c>
      <c r="BF61" s="9">
        <v>40571.386788900003</v>
      </c>
      <c r="BG61" s="11">
        <v>4.75</v>
      </c>
      <c r="BH61" s="13">
        <v>9.6938775510204078E-2</v>
      </c>
      <c r="BI61" s="6">
        <v>3</v>
      </c>
      <c r="BJ61" s="13">
        <v>6.1224489795918366E-2</v>
      </c>
      <c r="BK61" s="6">
        <v>1</v>
      </c>
      <c r="BL61" s="13">
        <v>1.9230769230769232E-2</v>
      </c>
      <c r="BM61" s="11">
        <v>0.75</v>
      </c>
      <c r="BN61" s="13">
        <v>1.4150943396226415E-2</v>
      </c>
      <c r="BO61" s="11">
        <v>1.75</v>
      </c>
      <c r="BP61" s="13">
        <v>3.3653846153846152E-2</v>
      </c>
      <c r="BQ61" s="6">
        <v>49</v>
      </c>
      <c r="BR61" s="6">
        <v>47</v>
      </c>
      <c r="BS61" s="6">
        <v>47</v>
      </c>
      <c r="BT61" s="6">
        <v>52</v>
      </c>
      <c r="BU61" s="6">
        <v>52</v>
      </c>
      <c r="BV61" s="6">
        <v>53</v>
      </c>
      <c r="BW61" s="6">
        <v>53</v>
      </c>
      <c r="BX61" s="6">
        <v>53</v>
      </c>
      <c r="BY61" s="6">
        <v>53</v>
      </c>
      <c r="BZ61" s="6">
        <v>54</v>
      </c>
      <c r="CA61" s="6">
        <v>56</v>
      </c>
      <c r="CB61" s="6">
        <v>55</v>
      </c>
      <c r="CC61" s="11">
        <v>53.75</v>
      </c>
      <c r="CD61" s="11">
        <v>-41.017699999999998</v>
      </c>
      <c r="CE61" s="11">
        <v>-47.2712</v>
      </c>
      <c r="CF61" s="11">
        <v>88.142300000000006</v>
      </c>
      <c r="CG61" s="11">
        <v>41</v>
      </c>
      <c r="CH61" s="20">
        <v>1.65002</v>
      </c>
      <c r="CI61" s="20">
        <v>1.56816</v>
      </c>
      <c r="CJ61" s="20">
        <v>1.59459</v>
      </c>
      <c r="CK61" s="20">
        <v>1.5557700000000001</v>
      </c>
      <c r="CL61" s="20">
        <v>1.5794699999999999</v>
      </c>
      <c r="CM61" s="20">
        <v>1.5612200000000001</v>
      </c>
      <c r="CN61" s="20">
        <v>1.55501</v>
      </c>
      <c r="CO61" s="20">
        <v>1.5101100000000001</v>
      </c>
      <c r="CP61" s="20">
        <v>1.4591499999999999</v>
      </c>
      <c r="CQ61" s="20">
        <v>1.4315</v>
      </c>
      <c r="CR61" s="20">
        <v>1.4202999999999999</v>
      </c>
      <c r="CS61" s="20">
        <v>1.4719599999999999</v>
      </c>
      <c r="CT61" s="20">
        <v>1.52569</v>
      </c>
      <c r="CU61" s="20">
        <v>1.56135</v>
      </c>
      <c r="CV61" s="20">
        <v>1.6109199999999999</v>
      </c>
      <c r="CW61" s="20">
        <v>1.62913</v>
      </c>
      <c r="CX61" s="20">
        <v>1.6218399999999999</v>
      </c>
      <c r="CY61" s="6" t="s">
        <v>370</v>
      </c>
      <c r="CZ61" s="6" t="s">
        <v>371</v>
      </c>
      <c r="DA61" s="6" t="s">
        <v>123</v>
      </c>
      <c r="DB61" s="6"/>
      <c r="DC61" s="6">
        <v>41140</v>
      </c>
      <c r="DD61" s="6">
        <v>312</v>
      </c>
      <c r="DE61" s="6" t="s">
        <v>374</v>
      </c>
      <c r="DF61" s="6" t="s">
        <v>375</v>
      </c>
      <c r="DG61" s="6" t="s">
        <v>376</v>
      </c>
      <c r="DH61" s="6" t="s">
        <v>328</v>
      </c>
      <c r="DI61" s="6" t="s">
        <v>377</v>
      </c>
      <c r="DJ61" s="6">
        <v>29</v>
      </c>
      <c r="DK61" s="6">
        <v>3</v>
      </c>
      <c r="DL61" s="6">
        <v>2</v>
      </c>
      <c r="DM61" s="6" t="s">
        <v>379</v>
      </c>
      <c r="DN61" s="6">
        <v>3</v>
      </c>
      <c r="DO61" s="6" t="s">
        <v>380</v>
      </c>
      <c r="DP61" s="6"/>
      <c r="DQ61" s="6"/>
    </row>
    <row r="62" spans="1:121" x14ac:dyDescent="0.2">
      <c r="A62" s="6" t="s">
        <v>1</v>
      </c>
      <c r="B62" s="6" t="s">
        <v>1</v>
      </c>
      <c r="C62" s="6" t="s">
        <v>2</v>
      </c>
      <c r="D62" s="6" t="s">
        <v>71</v>
      </c>
      <c r="E62" s="6" t="s">
        <v>212</v>
      </c>
      <c r="F62" s="11">
        <v>106</v>
      </c>
      <c r="G62" s="13">
        <v>0.80916030534399996</v>
      </c>
      <c r="H62" s="11">
        <v>75.105743683000014</v>
      </c>
      <c r="I62" s="13">
        <v>0.57396114532573561</v>
      </c>
      <c r="J62" s="11">
        <v>40.296219152999981</v>
      </c>
      <c r="K62" s="13">
        <v>0.19564990229543</v>
      </c>
      <c r="L62" s="11">
        <v>-9.22455223999998</v>
      </c>
      <c r="M62" s="13">
        <v>-3.7459036072346789E-2</v>
      </c>
      <c r="N62" s="11">
        <v>31.071666913000001</v>
      </c>
      <c r="O62" s="13">
        <v>0.15086200947544759</v>
      </c>
      <c r="P62" s="7">
        <v>130.855101072</v>
      </c>
      <c r="Q62" s="7">
        <v>140.62274152099999</v>
      </c>
      <c r="R62" s="7">
        <v>144.55066826699999</v>
      </c>
      <c r="S62" s="7">
        <v>166.373549524</v>
      </c>
      <c r="T62" s="7">
        <v>121.381235825</v>
      </c>
      <c r="U62" s="7">
        <v>179.56654766899999</v>
      </c>
      <c r="V62" s="7">
        <v>205.96084475500001</v>
      </c>
      <c r="W62" s="7">
        <v>200.89319829900001</v>
      </c>
      <c r="X62" s="7">
        <v>228.527569156</v>
      </c>
      <c r="Y62" s="7">
        <v>246.25706390799999</v>
      </c>
      <c r="Z62" s="7">
        <v>258.00833462399999</v>
      </c>
      <c r="AA62" s="7">
        <v>246.84547555099999</v>
      </c>
      <c r="AB62" s="7">
        <v>222.704221698</v>
      </c>
      <c r="AC62" s="7">
        <v>227.96173478</v>
      </c>
      <c r="AD62" s="7">
        <v>221.820493908</v>
      </c>
      <c r="AE62" s="7">
        <v>234.40028171500001</v>
      </c>
      <c r="AF62" s="7">
        <v>237.03251166800001</v>
      </c>
      <c r="AG62" s="9">
        <v>11959.262943499998</v>
      </c>
      <c r="AH62" s="13">
        <v>0.64162403876065721</v>
      </c>
      <c r="AI62" s="9">
        <v>1430.5289397999986</v>
      </c>
      <c r="AJ62" s="13">
        <v>7.6749023769675115E-2</v>
      </c>
      <c r="AK62" s="9">
        <v>5063.4095302999995</v>
      </c>
      <c r="AL62" s="13">
        <v>0.25229275545316437</v>
      </c>
      <c r="AM62" s="9">
        <v>5465.3244734</v>
      </c>
      <c r="AN62" s="13">
        <v>0.217456206731444</v>
      </c>
      <c r="AO62" s="9">
        <v>10528.734003699999</v>
      </c>
      <c r="AP62" s="13">
        <v>0.52461158777127737</v>
      </c>
      <c r="AQ62" s="9">
        <v>18639.050629400001</v>
      </c>
      <c r="AR62" s="9">
        <v>19181.813607700002</v>
      </c>
      <c r="AS62" s="9">
        <v>19433.9795051</v>
      </c>
      <c r="AT62" s="9">
        <v>19798.161336199999</v>
      </c>
      <c r="AU62" s="9">
        <v>19510.662018899999</v>
      </c>
      <c r="AV62" s="9">
        <v>19774.7006893</v>
      </c>
      <c r="AW62" s="9">
        <v>20069.579569199999</v>
      </c>
      <c r="AX62" s="9">
        <v>23295.630289000001</v>
      </c>
      <c r="AY62" s="9">
        <v>24978.756298600001</v>
      </c>
      <c r="AZ62" s="9">
        <v>25132.989099499999</v>
      </c>
      <c r="BA62" s="9">
        <v>24484.275995399999</v>
      </c>
      <c r="BB62" s="9">
        <v>27223.939619600002</v>
      </c>
      <c r="BC62" s="9">
        <v>28186.128025999998</v>
      </c>
      <c r="BD62" s="9">
        <v>28686.662014000001</v>
      </c>
      <c r="BE62" s="9">
        <v>30046.323303000001</v>
      </c>
      <c r="BF62" s="9">
        <v>30598.313572899999</v>
      </c>
      <c r="BG62" s="11">
        <v>6.25</v>
      </c>
      <c r="BH62" s="13">
        <v>0.56818181818181823</v>
      </c>
      <c r="BI62" s="6">
        <v>1</v>
      </c>
      <c r="BJ62" s="13">
        <v>9.0909090909090912E-2</v>
      </c>
      <c r="BK62" s="6">
        <v>2</v>
      </c>
      <c r="BL62" s="13">
        <v>0.16666666666666666</v>
      </c>
      <c r="BM62" s="11">
        <v>3.25</v>
      </c>
      <c r="BN62" s="13">
        <v>0.23214285714285715</v>
      </c>
      <c r="BO62" s="11">
        <v>5.25</v>
      </c>
      <c r="BP62" s="13">
        <v>0.4375</v>
      </c>
      <c r="BQ62" s="6">
        <v>11</v>
      </c>
      <c r="BR62" s="6">
        <v>11</v>
      </c>
      <c r="BS62" s="6">
        <v>11</v>
      </c>
      <c r="BT62" s="6">
        <v>12</v>
      </c>
      <c r="BU62" s="6">
        <v>14</v>
      </c>
      <c r="BV62" s="6">
        <v>15</v>
      </c>
      <c r="BW62" s="6">
        <v>14</v>
      </c>
      <c r="BX62" s="6">
        <v>14</v>
      </c>
      <c r="BY62" s="6">
        <v>15</v>
      </c>
      <c r="BZ62" s="6">
        <v>15</v>
      </c>
      <c r="CA62" s="6">
        <v>15</v>
      </c>
      <c r="CB62" s="6">
        <v>15</v>
      </c>
      <c r="CC62" s="11">
        <v>17.25</v>
      </c>
      <c r="CD62" s="11">
        <v>103.804</v>
      </c>
      <c r="CE62" s="11">
        <v>-11.9305</v>
      </c>
      <c r="CF62" s="11">
        <v>14.304</v>
      </c>
      <c r="CG62" s="11">
        <v>2</v>
      </c>
      <c r="CH62" s="20">
        <v>4.2605500000000003</v>
      </c>
      <c r="CI62" s="20">
        <v>4.57592</v>
      </c>
      <c r="CJ62" s="20">
        <v>4.5656600000000003</v>
      </c>
      <c r="CK62" s="20">
        <v>5.4039700000000002</v>
      </c>
      <c r="CL62" s="20">
        <v>4.2884399999999996</v>
      </c>
      <c r="CM62" s="20">
        <v>6.2838000000000003</v>
      </c>
      <c r="CN62" s="20">
        <v>7.1811800000000003</v>
      </c>
      <c r="CO62" s="20">
        <v>7.1733399999999996</v>
      </c>
      <c r="CP62" s="20">
        <v>7.9666600000000001</v>
      </c>
      <c r="CQ62" s="20">
        <v>8.6110299999999995</v>
      </c>
      <c r="CR62" s="20">
        <v>9.3707200000000004</v>
      </c>
      <c r="CS62" s="20">
        <v>9.1383100000000006</v>
      </c>
      <c r="CT62" s="20">
        <v>8.4674899999999997</v>
      </c>
      <c r="CU62" s="20">
        <v>8.7876999999999992</v>
      </c>
      <c r="CV62" s="20">
        <v>8.7879400000000008</v>
      </c>
      <c r="CW62" s="20">
        <v>9.4224099999999993</v>
      </c>
      <c r="CX62" s="20">
        <v>9.5822199999999995</v>
      </c>
      <c r="CY62" s="6" t="s">
        <v>381</v>
      </c>
      <c r="CZ62" s="6" t="s">
        <v>382</v>
      </c>
      <c r="DA62" s="6" t="s">
        <v>71</v>
      </c>
      <c r="DB62" s="6"/>
      <c r="DC62" s="6"/>
      <c r="DD62" s="6"/>
      <c r="DE62" s="6"/>
      <c r="DF62" s="6"/>
      <c r="DG62" s="6"/>
      <c r="DH62" s="6" t="s">
        <v>333</v>
      </c>
      <c r="DI62" s="6"/>
      <c r="DJ62" s="6"/>
      <c r="DK62" s="6"/>
      <c r="DL62" s="6">
        <v>10</v>
      </c>
      <c r="DM62" s="6" t="s">
        <v>383</v>
      </c>
      <c r="DN62" s="6">
        <v>9</v>
      </c>
      <c r="DO62" s="6" t="s">
        <v>384</v>
      </c>
      <c r="DP62" s="6"/>
      <c r="DQ62" s="6"/>
    </row>
    <row r="63" spans="1:121" x14ac:dyDescent="0.2">
      <c r="A63" s="6" t="s">
        <v>310</v>
      </c>
      <c r="B63" s="6" t="s">
        <v>310</v>
      </c>
      <c r="C63" s="6" t="s">
        <v>173</v>
      </c>
      <c r="D63" s="6" t="s">
        <v>71</v>
      </c>
      <c r="E63" s="6" t="s">
        <v>212</v>
      </c>
      <c r="F63" s="11">
        <v>0</v>
      </c>
      <c r="G63" s="13">
        <v>0</v>
      </c>
      <c r="H63" s="11">
        <v>0</v>
      </c>
      <c r="I63" s="13"/>
      <c r="J63" s="11">
        <v>0</v>
      </c>
      <c r="K63" s="13"/>
      <c r="L63" s="11">
        <v>0</v>
      </c>
      <c r="M63" s="13"/>
      <c r="N63" s="11">
        <v>0</v>
      </c>
      <c r="O63" s="13"/>
      <c r="P63" s="7">
        <v>0</v>
      </c>
      <c r="Q63" s="7">
        <v>0</v>
      </c>
      <c r="R63" s="7">
        <v>0</v>
      </c>
      <c r="S63" s="7">
        <v>0</v>
      </c>
      <c r="T63" s="7">
        <v>0</v>
      </c>
      <c r="U63" s="7">
        <v>0</v>
      </c>
      <c r="V63" s="7">
        <v>0</v>
      </c>
      <c r="W63" s="7">
        <v>0</v>
      </c>
      <c r="X63" s="7">
        <v>0</v>
      </c>
      <c r="Y63" s="7">
        <v>0</v>
      </c>
      <c r="Z63" s="7">
        <v>0</v>
      </c>
      <c r="AA63" s="7">
        <v>0</v>
      </c>
      <c r="AB63" s="7">
        <v>0</v>
      </c>
      <c r="AC63" s="7">
        <v>0</v>
      </c>
      <c r="AD63" s="7">
        <v>0</v>
      </c>
      <c r="AE63" s="7">
        <v>0</v>
      </c>
      <c r="AF63" s="7">
        <v>0</v>
      </c>
      <c r="AG63" s="9">
        <v>0</v>
      </c>
      <c r="AH63" s="13"/>
      <c r="AI63" s="9">
        <v>0</v>
      </c>
      <c r="AJ63" s="13"/>
      <c r="AK63" s="9">
        <v>0</v>
      </c>
      <c r="AL63" s="13"/>
      <c r="AM63" s="9">
        <v>0</v>
      </c>
      <c r="AN63" s="13"/>
      <c r="AO63" s="9">
        <v>0</v>
      </c>
      <c r="AP63" s="13"/>
      <c r="AQ63" s="9">
        <v>0</v>
      </c>
      <c r="AR63" s="9">
        <v>0</v>
      </c>
      <c r="AS63" s="9">
        <v>0</v>
      </c>
      <c r="AT63" s="9">
        <v>0</v>
      </c>
      <c r="AU63" s="9">
        <v>0</v>
      </c>
      <c r="AV63" s="9">
        <v>0</v>
      </c>
      <c r="AW63" s="9">
        <v>0</v>
      </c>
      <c r="AX63" s="9">
        <v>0</v>
      </c>
      <c r="AY63" s="9">
        <v>0</v>
      </c>
      <c r="AZ63" s="9">
        <v>0</v>
      </c>
      <c r="BA63" s="9">
        <v>0</v>
      </c>
      <c r="BB63" s="9">
        <v>0</v>
      </c>
      <c r="BC63" s="9">
        <v>0</v>
      </c>
      <c r="BD63" s="9">
        <v>0</v>
      </c>
      <c r="BE63" s="9">
        <v>0</v>
      </c>
      <c r="BF63" s="9">
        <v>0</v>
      </c>
      <c r="BG63" s="11">
        <v>0</v>
      </c>
      <c r="BH63" s="13" t="e">
        <v>#DIV/0!</v>
      </c>
      <c r="BI63" s="6">
        <v>0</v>
      </c>
      <c r="BJ63" s="13" t="e">
        <v>#DIV/0!</v>
      </c>
      <c r="BK63" s="6">
        <v>0</v>
      </c>
      <c r="BL63" s="13" t="e">
        <v>#DIV/0!</v>
      </c>
      <c r="BM63" s="11">
        <v>0</v>
      </c>
      <c r="BN63" s="13" t="e">
        <v>#DIV/0!</v>
      </c>
      <c r="BO63" s="11">
        <v>0</v>
      </c>
      <c r="BP63" s="13" t="e">
        <v>#DIV/0!</v>
      </c>
      <c r="BQ63" s="6">
        <v>0</v>
      </c>
      <c r="BR63" s="6">
        <v>0</v>
      </c>
      <c r="BS63" s="6">
        <v>0</v>
      </c>
      <c r="BT63" s="6">
        <v>0</v>
      </c>
      <c r="BU63" s="6">
        <v>0</v>
      </c>
      <c r="BV63" s="6">
        <v>0</v>
      </c>
      <c r="BW63" s="6">
        <v>0</v>
      </c>
      <c r="BX63" s="6">
        <v>0</v>
      </c>
      <c r="BY63" s="6">
        <v>0</v>
      </c>
      <c r="BZ63" s="6">
        <v>0</v>
      </c>
      <c r="CA63" s="6">
        <v>0</v>
      </c>
      <c r="CB63" s="6">
        <v>0</v>
      </c>
      <c r="CC63" s="11">
        <v>0</v>
      </c>
      <c r="CD63" s="11">
        <v>0</v>
      </c>
      <c r="CE63" s="11">
        <v>0</v>
      </c>
      <c r="CF63" s="11">
        <v>0</v>
      </c>
      <c r="CG63" s="11">
        <v>0</v>
      </c>
      <c r="CH63" s="20">
        <v>0</v>
      </c>
      <c r="CI63" s="20">
        <v>0</v>
      </c>
      <c r="CJ63" s="20">
        <v>0</v>
      </c>
      <c r="CK63" s="20">
        <v>0</v>
      </c>
      <c r="CL63" s="20">
        <v>0</v>
      </c>
      <c r="CM63" s="20">
        <v>0</v>
      </c>
      <c r="CN63" s="20">
        <v>0</v>
      </c>
      <c r="CO63" s="20">
        <v>0</v>
      </c>
      <c r="CP63" s="20">
        <v>0</v>
      </c>
      <c r="CQ63" s="20">
        <v>0</v>
      </c>
      <c r="CR63" s="20">
        <v>0</v>
      </c>
      <c r="CS63" s="20">
        <v>0</v>
      </c>
      <c r="CT63" s="20">
        <v>0</v>
      </c>
      <c r="CU63" s="20">
        <v>0</v>
      </c>
      <c r="CV63" s="20">
        <v>0</v>
      </c>
      <c r="CW63" s="20">
        <v>0</v>
      </c>
      <c r="CX63" s="20">
        <v>0</v>
      </c>
      <c r="CY63" s="6" t="s">
        <v>381</v>
      </c>
      <c r="CZ63" s="6" t="s">
        <v>382</v>
      </c>
      <c r="DA63" s="6" t="s">
        <v>71</v>
      </c>
      <c r="DB63" s="6"/>
      <c r="DC63" s="6"/>
      <c r="DD63" s="6"/>
      <c r="DE63" s="6"/>
      <c r="DF63" s="6"/>
      <c r="DG63" s="6"/>
      <c r="DH63" s="6" t="s">
        <v>333</v>
      </c>
      <c r="DI63" s="6"/>
      <c r="DJ63" s="6"/>
      <c r="DK63" s="6"/>
      <c r="DL63" s="6">
        <v>10</v>
      </c>
      <c r="DM63" s="6" t="s">
        <v>383</v>
      </c>
      <c r="DN63" s="6">
        <v>9</v>
      </c>
      <c r="DO63" s="6" t="s">
        <v>384</v>
      </c>
      <c r="DP63" s="6"/>
      <c r="DQ63" s="6"/>
    </row>
    <row r="64" spans="1:121" x14ac:dyDescent="0.2">
      <c r="A64" s="6" t="s">
        <v>311</v>
      </c>
      <c r="B64" s="6" t="s">
        <v>311</v>
      </c>
      <c r="C64" s="6" t="s">
        <v>174</v>
      </c>
      <c r="D64" s="6" t="s">
        <v>71</v>
      </c>
      <c r="E64" s="6" t="s">
        <v>212</v>
      </c>
      <c r="F64" s="11">
        <v>15</v>
      </c>
      <c r="G64" s="13">
        <v>0.555555555556</v>
      </c>
      <c r="H64" s="11">
        <v>-10.271512000000001</v>
      </c>
      <c r="I64" s="13">
        <v>-0.38737405313808643</v>
      </c>
      <c r="J64" s="11">
        <v>28.887017</v>
      </c>
      <c r="K64" s="13">
        <v>1.7782935778935467</v>
      </c>
      <c r="L64" s="11">
        <v>-3.1970026689999997</v>
      </c>
      <c r="M64" s="13">
        <v>-7.0837891664026764E-2</v>
      </c>
      <c r="N64" s="11">
        <v>25.690014331</v>
      </c>
      <c r="O64" s="13">
        <v>1.5814851184118626</v>
      </c>
      <c r="P64" s="7">
        <v>26.515746</v>
      </c>
      <c r="Q64" s="7">
        <v>35.816026000000001</v>
      </c>
      <c r="R64" s="7">
        <v>31.007456999999999</v>
      </c>
      <c r="S64" s="7">
        <v>38.207962999999999</v>
      </c>
      <c r="T64" s="7">
        <v>26.160086</v>
      </c>
      <c r="U64" s="7">
        <v>23.433243000000001</v>
      </c>
      <c r="V64" s="7">
        <v>16.244233999999999</v>
      </c>
      <c r="W64" s="7">
        <v>23.544093</v>
      </c>
      <c r="X64" s="7">
        <v>29.958887000000001</v>
      </c>
      <c r="Y64" s="7">
        <v>45.131250999999999</v>
      </c>
      <c r="Z64" s="7">
        <v>43.485126000000001</v>
      </c>
      <c r="AA64" s="7">
        <v>38.951239000000001</v>
      </c>
      <c r="AB64" s="7">
        <v>40.341757000000001</v>
      </c>
      <c r="AC64" s="7">
        <v>38.483544999999999</v>
      </c>
      <c r="AD64" s="7">
        <v>37.627643395299998</v>
      </c>
      <c r="AE64" s="7">
        <v>39.459745150700002</v>
      </c>
      <c r="AF64" s="7">
        <v>41.934248330999999</v>
      </c>
      <c r="AG64" s="9">
        <v>50560.708744799995</v>
      </c>
      <c r="AH64" s="13">
        <v>1.1590663612669694</v>
      </c>
      <c r="AI64" s="9">
        <v>-2153.3096414000029</v>
      </c>
      <c r="AJ64" s="13">
        <v>-4.9363009987380205E-2</v>
      </c>
      <c r="AK64" s="9">
        <v>36246.120421700005</v>
      </c>
      <c r="AL64" s="13">
        <v>0.87406145463998108</v>
      </c>
      <c r="AM64" s="9">
        <v>16467.897964499993</v>
      </c>
      <c r="AN64" s="13">
        <v>0.21190186488608911</v>
      </c>
      <c r="AO64" s="9">
        <v>52714.018386199998</v>
      </c>
      <c r="AP64" s="13">
        <v>1.27117857178933</v>
      </c>
      <c r="AQ64" s="9">
        <v>43621.9274706</v>
      </c>
      <c r="AR64" s="9">
        <v>49328.5568002</v>
      </c>
      <c r="AS64" s="9">
        <v>40264.299433</v>
      </c>
      <c r="AT64" s="9">
        <v>51168.489640400003</v>
      </c>
      <c r="AU64" s="9">
        <v>56848.278911200003</v>
      </c>
      <c r="AV64" s="9">
        <v>62370.300127299997</v>
      </c>
      <c r="AW64" s="9">
        <v>41468.617829199997</v>
      </c>
      <c r="AX64" s="9">
        <v>100916.653422</v>
      </c>
      <c r="AY64" s="9">
        <v>72772.406873600004</v>
      </c>
      <c r="AZ64" s="9">
        <v>77714.738250900002</v>
      </c>
      <c r="BA64" s="9">
        <v>78277.532131600005</v>
      </c>
      <c r="BB64" s="9">
        <v>85082.286413399997</v>
      </c>
      <c r="BC64" s="9">
        <v>89844.492024000006</v>
      </c>
      <c r="BD64" s="9">
        <v>95170.770254599993</v>
      </c>
      <c r="BE64" s="9">
        <v>97584.690459200006</v>
      </c>
      <c r="BF64" s="9">
        <v>94182.636215399994</v>
      </c>
      <c r="BG64" s="11">
        <v>3</v>
      </c>
      <c r="BH64" s="13">
        <v>1.5</v>
      </c>
      <c r="BI64" s="6">
        <v>0</v>
      </c>
      <c r="BJ64" s="13">
        <v>0</v>
      </c>
      <c r="BK64" s="6">
        <v>2</v>
      </c>
      <c r="BL64" s="13">
        <v>1</v>
      </c>
      <c r="BM64" s="11">
        <v>1</v>
      </c>
      <c r="BN64" s="13">
        <v>0.25</v>
      </c>
      <c r="BO64" s="11">
        <v>3</v>
      </c>
      <c r="BP64" s="13">
        <v>1.5</v>
      </c>
      <c r="BQ64" s="6">
        <v>2</v>
      </c>
      <c r="BR64" s="6">
        <v>2</v>
      </c>
      <c r="BS64" s="6">
        <v>2</v>
      </c>
      <c r="BT64" s="6">
        <v>2</v>
      </c>
      <c r="BU64" s="6">
        <v>2</v>
      </c>
      <c r="BV64" s="6">
        <v>3</v>
      </c>
      <c r="BW64" s="6">
        <v>4</v>
      </c>
      <c r="BX64" s="6">
        <v>4</v>
      </c>
      <c r="BY64" s="6">
        <v>4</v>
      </c>
      <c r="BZ64" s="6">
        <v>6</v>
      </c>
      <c r="CA64" s="6">
        <v>6</v>
      </c>
      <c r="CB64" s="6">
        <v>5</v>
      </c>
      <c r="CC64" s="11">
        <v>5</v>
      </c>
      <c r="CD64" s="11">
        <v>16.837900000000001</v>
      </c>
      <c r="CE64" s="11">
        <v>-4.31792</v>
      </c>
      <c r="CF64" s="11">
        <v>2.8984899999999998</v>
      </c>
      <c r="CG64" s="11">
        <v>-1</v>
      </c>
      <c r="CH64" s="20">
        <v>2.7772600000000001</v>
      </c>
      <c r="CI64" s="20">
        <v>3.7616900000000002</v>
      </c>
      <c r="CJ64" s="20">
        <v>3.2640699999999998</v>
      </c>
      <c r="CK64" s="20">
        <v>4.2486499999999996</v>
      </c>
      <c r="CL64" s="20">
        <v>3.26119</v>
      </c>
      <c r="CM64" s="20">
        <v>2.90862</v>
      </c>
      <c r="CN64" s="20">
        <v>1.98186</v>
      </c>
      <c r="CO64" s="20">
        <v>2.81724</v>
      </c>
      <c r="CP64" s="20">
        <v>3.4517699999999998</v>
      </c>
      <c r="CQ64" s="20">
        <v>5.2705900000000003</v>
      </c>
      <c r="CR64" s="20">
        <v>5.3199199999999998</v>
      </c>
      <c r="CS64" s="20">
        <v>4.9210599999999998</v>
      </c>
      <c r="CT64" s="20">
        <v>5.2993499999999996</v>
      </c>
      <c r="CU64" s="20">
        <v>5.16378</v>
      </c>
      <c r="CV64" s="20">
        <v>5.1965000000000003</v>
      </c>
      <c r="CW64" s="20">
        <v>5.5223399999999998</v>
      </c>
      <c r="CX64" s="20">
        <v>5.8663100000000004</v>
      </c>
      <c r="CY64" s="6" t="s">
        <v>381</v>
      </c>
      <c r="CZ64" s="6" t="s">
        <v>382</v>
      </c>
      <c r="DA64" s="6" t="s">
        <v>71</v>
      </c>
      <c r="DB64" s="6"/>
      <c r="DC64" s="6"/>
      <c r="DD64" s="6"/>
      <c r="DE64" s="6"/>
      <c r="DF64" s="6"/>
      <c r="DG64" s="6"/>
      <c r="DH64" s="6" t="s">
        <v>333</v>
      </c>
      <c r="DI64" s="6"/>
      <c r="DJ64" s="6"/>
      <c r="DK64" s="6"/>
      <c r="DL64" s="6">
        <v>10</v>
      </c>
      <c r="DM64" s="6" t="s">
        <v>383</v>
      </c>
      <c r="DN64" s="6">
        <v>9</v>
      </c>
      <c r="DO64" s="6" t="s">
        <v>384</v>
      </c>
      <c r="DP64" s="6"/>
      <c r="DQ64" s="6"/>
    </row>
    <row r="65" spans="1:121" x14ac:dyDescent="0.2">
      <c r="A65" s="6" t="s">
        <v>312</v>
      </c>
      <c r="B65" s="6" t="s">
        <v>312</v>
      </c>
      <c r="C65" s="6" t="s">
        <v>175</v>
      </c>
      <c r="D65" s="6" t="s">
        <v>71</v>
      </c>
      <c r="E65" s="6" t="s">
        <v>212</v>
      </c>
      <c r="F65" s="11">
        <v>-20</v>
      </c>
      <c r="G65" s="13">
        <v>-0.22471910112400001</v>
      </c>
      <c r="H65" s="11">
        <v>4.0705889707000011</v>
      </c>
      <c r="I65" s="13">
        <v>4.5683314974821088E-2</v>
      </c>
      <c r="J65" s="11">
        <v>1.5271881215000036</v>
      </c>
      <c r="K65" s="13">
        <v>1.6390519473173226E-2</v>
      </c>
      <c r="L65" s="11">
        <v>-26.150204053799996</v>
      </c>
      <c r="M65" s="13">
        <v>-0.27613067675007402</v>
      </c>
      <c r="N65" s="11">
        <v>-24.623015932299992</v>
      </c>
      <c r="O65" s="13">
        <v>-0.26426608251131334</v>
      </c>
      <c r="P65" s="7">
        <v>89.104500690099997</v>
      </c>
      <c r="Q65" s="7">
        <v>74.907272539100006</v>
      </c>
      <c r="R65" s="7">
        <v>73.557421918000003</v>
      </c>
      <c r="S65" s="7">
        <v>74.597253783200003</v>
      </c>
      <c r="T65" s="7">
        <v>67.848617553799997</v>
      </c>
      <c r="U65" s="7">
        <v>77.742470415200003</v>
      </c>
      <c r="V65" s="7">
        <v>93.175089660799998</v>
      </c>
      <c r="W65" s="7">
        <v>94.245236948400006</v>
      </c>
      <c r="X65" s="7">
        <v>112.017354238</v>
      </c>
      <c r="Y65" s="7">
        <v>94.702277782300001</v>
      </c>
      <c r="Z65" s="7">
        <v>94.531664869899998</v>
      </c>
      <c r="AA65" s="7">
        <v>80.546583485100001</v>
      </c>
      <c r="AB65" s="7">
        <v>74.905086839099994</v>
      </c>
      <c r="AC65" s="7">
        <v>69.996804252900006</v>
      </c>
      <c r="AD65" s="7">
        <v>72.710067214700004</v>
      </c>
      <c r="AE65" s="7">
        <v>68.402257586800005</v>
      </c>
      <c r="AF65" s="7">
        <v>68.552073728500005</v>
      </c>
      <c r="AG65" s="9">
        <v>3150.4565339000001</v>
      </c>
      <c r="AH65" s="13">
        <v>0.12930519042842334</v>
      </c>
      <c r="AI65" s="9">
        <v>6378.4664579000018</v>
      </c>
      <c r="AJ65" s="13">
        <v>0.26179342933485145</v>
      </c>
      <c r="AK65" s="9">
        <v>-3505.6643904000011</v>
      </c>
      <c r="AL65" s="13">
        <v>-0.11403142242901144</v>
      </c>
      <c r="AM65" s="9">
        <v>277.65446639999936</v>
      </c>
      <c r="AN65" s="13">
        <v>1.0193904235942408E-2</v>
      </c>
      <c r="AO65" s="9">
        <v>-3228.0099240000018</v>
      </c>
      <c r="AP65" s="13">
        <v>-0.10499994359319866</v>
      </c>
      <c r="AQ65" s="9">
        <v>24364.501714599999</v>
      </c>
      <c r="AR65" s="9">
        <v>25521.2332513</v>
      </c>
      <c r="AS65" s="9">
        <v>25229.131416</v>
      </c>
      <c r="AT65" s="9">
        <v>25033.2146158</v>
      </c>
      <c r="AU65" s="9">
        <v>24843.482079900001</v>
      </c>
      <c r="AV65" s="9">
        <v>24406.751578899999</v>
      </c>
      <c r="AW65" s="9">
        <v>30742.968172500001</v>
      </c>
      <c r="AX65" s="9">
        <v>26877.883605499999</v>
      </c>
      <c r="AY65" s="9">
        <v>25413.665032500001</v>
      </c>
      <c r="AZ65" s="9">
        <v>27237.3037821</v>
      </c>
      <c r="BA65" s="9">
        <v>26133.031841799999</v>
      </c>
      <c r="BB65" s="9">
        <v>24829.305927900001</v>
      </c>
      <c r="BC65" s="9">
        <v>23841.576201100001</v>
      </c>
      <c r="BD65" s="9">
        <v>29154.2422711</v>
      </c>
      <c r="BE65" s="9">
        <v>28951.390681100002</v>
      </c>
      <c r="BF65" s="9">
        <v>27514.958248499999</v>
      </c>
      <c r="BG65" s="11">
        <v>-0.5</v>
      </c>
      <c r="BH65" s="13">
        <v>-3.3333333333333333E-2</v>
      </c>
      <c r="BI65" s="6">
        <v>5</v>
      </c>
      <c r="BJ65" s="13">
        <v>0.33333333333333331</v>
      </c>
      <c r="BK65" s="6">
        <v>3</v>
      </c>
      <c r="BL65" s="13">
        <v>0.15</v>
      </c>
      <c r="BM65" s="11">
        <v>-8.5</v>
      </c>
      <c r="BN65" s="13">
        <v>-0.36956521739130432</v>
      </c>
      <c r="BO65" s="11">
        <v>-5.5</v>
      </c>
      <c r="BP65" s="13">
        <v>-0.27500000000000002</v>
      </c>
      <c r="BQ65" s="6">
        <v>15</v>
      </c>
      <c r="BR65" s="6">
        <v>16</v>
      </c>
      <c r="BS65" s="6">
        <v>16</v>
      </c>
      <c r="BT65" s="6">
        <v>20</v>
      </c>
      <c r="BU65" s="6">
        <v>23</v>
      </c>
      <c r="BV65" s="6">
        <v>20</v>
      </c>
      <c r="BW65" s="6">
        <v>23</v>
      </c>
      <c r="BX65" s="6">
        <v>19</v>
      </c>
      <c r="BY65" s="6">
        <v>18</v>
      </c>
      <c r="BZ65" s="6">
        <v>15</v>
      </c>
      <c r="CA65" s="6">
        <v>16</v>
      </c>
      <c r="CB65" s="6">
        <v>15</v>
      </c>
      <c r="CC65" s="11">
        <v>14.5</v>
      </c>
      <c r="CD65" s="11">
        <v>-19.4998</v>
      </c>
      <c r="CE65" s="11">
        <v>-10.7928</v>
      </c>
      <c r="CF65" s="11">
        <v>9.7401900000000001</v>
      </c>
      <c r="CG65" s="11">
        <v>-1</v>
      </c>
      <c r="CH65" s="20">
        <v>0.64344800000000002</v>
      </c>
      <c r="CI65" s="20">
        <v>0.53866400000000003</v>
      </c>
      <c r="CJ65" s="20">
        <v>0.50663499999999995</v>
      </c>
      <c r="CK65" s="20">
        <v>0.50887800000000005</v>
      </c>
      <c r="CL65" s="20">
        <v>0.48375899999999999</v>
      </c>
      <c r="CM65" s="20">
        <v>0.52561899999999995</v>
      </c>
      <c r="CN65" s="20">
        <v>0.62753999999999999</v>
      </c>
      <c r="CO65" s="20">
        <v>0.66812099999999996</v>
      </c>
      <c r="CP65" s="20">
        <v>0.88199899999999998</v>
      </c>
      <c r="CQ65" s="20">
        <v>0.80859099999999995</v>
      </c>
      <c r="CR65" s="20">
        <v>0.85442600000000002</v>
      </c>
      <c r="CS65" s="20">
        <v>0.74474499999999999</v>
      </c>
      <c r="CT65" s="20">
        <v>0.70267999999999997</v>
      </c>
      <c r="CU65" s="20">
        <v>0.65037599999999995</v>
      </c>
      <c r="CV65" s="20">
        <v>0.67607600000000001</v>
      </c>
      <c r="CW65" s="20">
        <v>0.63122500000000004</v>
      </c>
      <c r="CX65" s="20">
        <v>0.63326400000000005</v>
      </c>
      <c r="CY65" s="6" t="s">
        <v>381</v>
      </c>
      <c r="CZ65" s="6" t="s">
        <v>382</v>
      </c>
      <c r="DA65" s="6" t="s">
        <v>71</v>
      </c>
      <c r="DB65" s="6"/>
      <c r="DC65" s="6"/>
      <c r="DD65" s="6"/>
      <c r="DE65" s="6"/>
      <c r="DF65" s="6"/>
      <c r="DG65" s="6"/>
      <c r="DH65" s="6" t="s">
        <v>333</v>
      </c>
      <c r="DI65" s="6"/>
      <c r="DJ65" s="6"/>
      <c r="DK65" s="6"/>
      <c r="DL65" s="6">
        <v>10</v>
      </c>
      <c r="DM65" s="6" t="s">
        <v>383</v>
      </c>
      <c r="DN65" s="6">
        <v>9</v>
      </c>
      <c r="DO65" s="6" t="s">
        <v>384</v>
      </c>
      <c r="DP65" s="6"/>
      <c r="DQ65" s="6"/>
    </row>
    <row r="66" spans="1:121" x14ac:dyDescent="0.2">
      <c r="A66" s="6" t="s">
        <v>792</v>
      </c>
      <c r="B66" s="6" t="s">
        <v>176</v>
      </c>
      <c r="C66" s="6" t="s">
        <v>177</v>
      </c>
      <c r="D66" s="6" t="s">
        <v>71</v>
      </c>
      <c r="E66" s="6" t="s">
        <v>212</v>
      </c>
      <c r="F66" s="11">
        <v>-12</v>
      </c>
      <c r="G66" s="13">
        <v>-0.444444444444</v>
      </c>
      <c r="H66" s="11">
        <v>-22.368300184700001</v>
      </c>
      <c r="I66" s="13">
        <v>-0.81730688547492603</v>
      </c>
      <c r="J66" s="11">
        <v>19.9566784889</v>
      </c>
      <c r="K66" s="13">
        <v>3.9913356977799999</v>
      </c>
      <c r="L66" s="11">
        <v>-10.205138380799999</v>
      </c>
      <c r="M66" s="13">
        <v>-0.40891412634653873</v>
      </c>
      <c r="N66" s="11">
        <v>9.7515401081000004</v>
      </c>
      <c r="O66" s="13">
        <v>1.9503080216199999</v>
      </c>
      <c r="P66" s="7">
        <v>27.368300184700001</v>
      </c>
      <c r="Q66" s="7">
        <v>26.754375180899999</v>
      </c>
      <c r="R66" s="7">
        <v>27.702836085000001</v>
      </c>
      <c r="S66" s="7">
        <v>18.482059107600001</v>
      </c>
      <c r="T66" s="7">
        <v>21.0865594182</v>
      </c>
      <c r="U66" s="7">
        <v>5</v>
      </c>
      <c r="V66" s="7">
        <v>5</v>
      </c>
      <c r="W66" s="7">
        <v>25.012970818100001</v>
      </c>
      <c r="X66" s="7">
        <v>24.441798712899999</v>
      </c>
      <c r="Y66" s="7">
        <v>24.9566784889</v>
      </c>
      <c r="Z66" s="7">
        <v>10.242757835900001</v>
      </c>
      <c r="AA66" s="7">
        <v>38.402409537300002</v>
      </c>
      <c r="AB66" s="7">
        <v>45.357152484899999</v>
      </c>
      <c r="AC66" s="7">
        <v>47.140379748999997</v>
      </c>
      <c r="AD66" s="7">
        <v>15.198430955299999</v>
      </c>
      <c r="AE66" s="7">
        <v>14.499041047</v>
      </c>
      <c r="AF66" s="7">
        <v>14.7515401081</v>
      </c>
      <c r="AG66" s="9">
        <v>12120.578156699998</v>
      </c>
      <c r="AH66" s="13">
        <v>0.68924089969990487</v>
      </c>
      <c r="AI66" s="9">
        <v>-17584.401797800001</v>
      </c>
      <c r="AJ66" s="13">
        <v>-0.99994313465159923</v>
      </c>
      <c r="AK66" s="9">
        <v>29138.573143400001</v>
      </c>
      <c r="AL66" s="13">
        <v>29138.573143400001</v>
      </c>
      <c r="AM66" s="9">
        <v>566.40681109999787</v>
      </c>
      <c r="AN66" s="13">
        <v>1.9437718195549025E-2</v>
      </c>
      <c r="AO66" s="9">
        <v>29704.979954499999</v>
      </c>
      <c r="AP66" s="13">
        <v>29704.979954499999</v>
      </c>
      <c r="AQ66" s="9">
        <v>17585.401797800001</v>
      </c>
      <c r="AR66" s="9">
        <v>20628.466569</v>
      </c>
      <c r="AS66" s="9">
        <v>19675.488145200001</v>
      </c>
      <c r="AT66" s="9">
        <v>20562.1529825</v>
      </c>
      <c r="AU66" s="9">
        <v>24558.251379400001</v>
      </c>
      <c r="AV66" s="9">
        <v>1</v>
      </c>
      <c r="AW66" s="9">
        <v>1</v>
      </c>
      <c r="AX66" s="9">
        <v>28966.4451844</v>
      </c>
      <c r="AY66" s="9">
        <v>29971.2114296</v>
      </c>
      <c r="AZ66" s="9">
        <v>29139.573143400001</v>
      </c>
      <c r="BA66" s="9">
        <v>21937.805421599998</v>
      </c>
      <c r="BB66" s="9">
        <v>38937.876719699998</v>
      </c>
      <c r="BC66" s="9">
        <v>41169.156861199997</v>
      </c>
      <c r="BD66" s="9">
        <v>42642.472783600002</v>
      </c>
      <c r="BE66" s="9">
        <v>23098.6390293</v>
      </c>
      <c r="BF66" s="9">
        <v>29705.979954499999</v>
      </c>
      <c r="BG66" s="11">
        <v>0.25</v>
      </c>
      <c r="BH66" s="13">
        <v>8.3333333333333329E-2</v>
      </c>
      <c r="BI66" s="6">
        <v>0</v>
      </c>
      <c r="BJ66" s="13">
        <v>0</v>
      </c>
      <c r="BK66" s="6">
        <v>2</v>
      </c>
      <c r="BL66" s="13">
        <v>0.66666666666666663</v>
      </c>
      <c r="BM66" s="11">
        <v>-1.75</v>
      </c>
      <c r="BN66" s="13">
        <v>-0.35</v>
      </c>
      <c r="BO66" s="11">
        <v>0.25</v>
      </c>
      <c r="BP66" s="13">
        <v>8.3333333333333329E-2</v>
      </c>
      <c r="BQ66" s="6">
        <v>3</v>
      </c>
      <c r="BR66" s="6">
        <v>3</v>
      </c>
      <c r="BS66" s="6">
        <v>3</v>
      </c>
      <c r="BT66" s="6">
        <v>3</v>
      </c>
      <c r="BU66" s="6">
        <v>5</v>
      </c>
      <c r="BV66" s="6">
        <v>5</v>
      </c>
      <c r="BW66" s="6">
        <v>5</v>
      </c>
      <c r="BX66" s="6">
        <v>3</v>
      </c>
      <c r="BY66" s="6">
        <v>5</v>
      </c>
      <c r="BZ66" s="6">
        <v>6</v>
      </c>
      <c r="CA66" s="6">
        <v>6</v>
      </c>
      <c r="CB66" s="6">
        <v>4</v>
      </c>
      <c r="CC66" s="11">
        <v>3.25</v>
      </c>
      <c r="CD66" s="11">
        <v>-5.9480500000000003</v>
      </c>
      <c r="CE66" s="11">
        <v>-9.6603999999999992</v>
      </c>
      <c r="CF66" s="11">
        <v>2.9916800000000001</v>
      </c>
      <c r="CG66" s="11">
        <v>-7</v>
      </c>
      <c r="CH66" s="20">
        <v>0.10323300000000001</v>
      </c>
      <c r="CI66" s="20">
        <v>0.107393</v>
      </c>
      <c r="CJ66" s="20">
        <v>0.11385199999999999</v>
      </c>
      <c r="CK66" s="20">
        <v>7.9681100000000005E-2</v>
      </c>
      <c r="CL66" s="20">
        <v>0.10005600000000001</v>
      </c>
      <c r="CM66" s="20">
        <v>4.3488699999999998E-2</v>
      </c>
      <c r="CN66" s="20">
        <v>4.0020600000000003E-2</v>
      </c>
      <c r="CO66" s="20">
        <v>0.12252</v>
      </c>
      <c r="CP66" s="20">
        <v>0.13100999999999999</v>
      </c>
      <c r="CQ66" s="20">
        <v>0.13722599999999999</v>
      </c>
      <c r="CR66" s="20">
        <v>5.7844800000000002E-2</v>
      </c>
      <c r="CS66" s="20">
        <v>0.22026299999999999</v>
      </c>
      <c r="CT66" s="20">
        <v>0.26810200000000001</v>
      </c>
      <c r="CU66" s="20">
        <v>0.28275</v>
      </c>
      <c r="CV66" s="20">
        <v>9.3782799999999999E-2</v>
      </c>
      <c r="CW66" s="20">
        <v>9.0729400000000002E-2</v>
      </c>
      <c r="CX66" s="20">
        <v>9.2999799999999994E-2</v>
      </c>
      <c r="CY66" s="6" t="s">
        <v>381</v>
      </c>
      <c r="CZ66" s="6" t="s">
        <v>382</v>
      </c>
      <c r="DA66" s="6" t="s">
        <v>71</v>
      </c>
      <c r="DB66" s="6"/>
      <c r="DC66" s="6"/>
      <c r="DD66" s="6"/>
      <c r="DE66" s="6"/>
      <c r="DF66" s="6"/>
      <c r="DG66" s="6"/>
      <c r="DH66" s="6" t="s">
        <v>333</v>
      </c>
      <c r="DI66" s="6"/>
      <c r="DJ66" s="6"/>
      <c r="DK66" s="6"/>
      <c r="DL66" s="6">
        <v>10</v>
      </c>
      <c r="DM66" s="6" t="s">
        <v>383</v>
      </c>
      <c r="DN66" s="6">
        <v>9</v>
      </c>
      <c r="DO66" s="6" t="s">
        <v>384</v>
      </c>
      <c r="DP66" s="6"/>
      <c r="DQ66" s="6"/>
    </row>
    <row r="67" spans="1:121" x14ac:dyDescent="0.2">
      <c r="A67" s="6" t="s">
        <v>313</v>
      </c>
      <c r="B67" s="6" t="s">
        <v>313</v>
      </c>
      <c r="C67" s="6" t="s">
        <v>178</v>
      </c>
      <c r="D67" s="6" t="s">
        <v>71</v>
      </c>
      <c r="E67" s="6" t="s">
        <v>212</v>
      </c>
      <c r="F67" s="11">
        <v>46</v>
      </c>
      <c r="G67" s="13">
        <v>0.41071428571399998</v>
      </c>
      <c r="H67" s="11">
        <v>-7.0653405199999924</v>
      </c>
      <c r="I67" s="13">
        <v>-6.2915441084300278E-2</v>
      </c>
      <c r="J67" s="11">
        <v>-17.179073224299998</v>
      </c>
      <c r="K67" s="13">
        <v>-0.16324695788084331</v>
      </c>
      <c r="L67" s="11">
        <v>69.509053763300003</v>
      </c>
      <c r="M67" s="13">
        <v>0.7893860413870466</v>
      </c>
      <c r="N67" s="11">
        <v>52.329980539000005</v>
      </c>
      <c r="O67" s="13">
        <v>0.49727421365616642</v>
      </c>
      <c r="P67" s="7">
        <v>112.29899048999999</v>
      </c>
      <c r="Q67" s="7">
        <v>96.974135966600002</v>
      </c>
      <c r="R67" s="7">
        <v>107.765596473</v>
      </c>
      <c r="S67" s="7">
        <v>107.038048438</v>
      </c>
      <c r="T67" s="7">
        <v>139.99908541400001</v>
      </c>
      <c r="U67" s="7">
        <v>151.702998525</v>
      </c>
      <c r="V67" s="7">
        <v>105.23364997</v>
      </c>
      <c r="W67" s="7">
        <v>64.919233939700007</v>
      </c>
      <c r="X67" s="7">
        <v>72.577845206600003</v>
      </c>
      <c r="Y67" s="7">
        <v>88.054576745700004</v>
      </c>
      <c r="Z67" s="7">
        <v>139.21019429</v>
      </c>
      <c r="AA67" s="7">
        <v>137.34814366099999</v>
      </c>
      <c r="AB67" s="7">
        <v>135.75678194400001</v>
      </c>
      <c r="AC67" s="7">
        <v>139.525137441</v>
      </c>
      <c r="AD67" s="7">
        <v>146.09352315699999</v>
      </c>
      <c r="AE67" s="7">
        <v>151.214952294</v>
      </c>
      <c r="AF67" s="7">
        <v>157.56363050900001</v>
      </c>
      <c r="AG67" s="9">
        <v>11665.674219400003</v>
      </c>
      <c r="AH67" s="13">
        <v>0.29931872453087255</v>
      </c>
      <c r="AI67" s="9">
        <v>-3896.7154373000012</v>
      </c>
      <c r="AJ67" s="13">
        <v>-9.9982210424901324E-2</v>
      </c>
      <c r="AK67" s="9">
        <v>2811.6429609000043</v>
      </c>
      <c r="AL67" s="13">
        <v>8.0155461476291268E-2</v>
      </c>
      <c r="AM67" s="9">
        <v>12750.7466958</v>
      </c>
      <c r="AN67" s="13">
        <v>0.33652884936068722</v>
      </c>
      <c r="AO67" s="9">
        <v>15562.389656700005</v>
      </c>
      <c r="AP67" s="13">
        <v>0.44365893605756967</v>
      </c>
      <c r="AQ67" s="9">
        <v>38974.0876976</v>
      </c>
      <c r="AR67" s="9">
        <v>30130.2935359</v>
      </c>
      <c r="AS67" s="9">
        <v>32795.270549200002</v>
      </c>
      <c r="AT67" s="9">
        <v>39774.864933899997</v>
      </c>
      <c r="AU67" s="9">
        <v>37322.718496499998</v>
      </c>
      <c r="AV67" s="9">
        <v>34039.153551199997</v>
      </c>
      <c r="AW67" s="9">
        <v>35077.372260299999</v>
      </c>
      <c r="AX67" s="9">
        <v>34772.143714799997</v>
      </c>
      <c r="AY67" s="9">
        <v>39275.717758899998</v>
      </c>
      <c r="AZ67" s="9">
        <v>37889.015221200003</v>
      </c>
      <c r="BA67" s="9">
        <v>43380.019018699997</v>
      </c>
      <c r="BB67" s="9">
        <v>49920.792072800003</v>
      </c>
      <c r="BC67" s="9">
        <v>47947.788679500001</v>
      </c>
      <c r="BD67" s="9">
        <v>50503.287668700003</v>
      </c>
      <c r="BE67" s="9">
        <v>49972.8044114</v>
      </c>
      <c r="BF67" s="9">
        <v>50639.761917000003</v>
      </c>
      <c r="BG67" s="11">
        <v>-0.25</v>
      </c>
      <c r="BH67" s="13">
        <v>-1.5625E-2</v>
      </c>
      <c r="BI67" s="6">
        <v>-2</v>
      </c>
      <c r="BJ67" s="13">
        <v>-0.125</v>
      </c>
      <c r="BK67" s="6">
        <v>1</v>
      </c>
      <c r="BL67" s="13">
        <v>7.1428571428571425E-2</v>
      </c>
      <c r="BM67" s="11">
        <v>0.75</v>
      </c>
      <c r="BN67" s="13">
        <v>0.05</v>
      </c>
      <c r="BO67" s="11">
        <v>1.75</v>
      </c>
      <c r="BP67" s="13">
        <v>0.125</v>
      </c>
      <c r="BQ67" s="6">
        <v>16</v>
      </c>
      <c r="BR67" s="6">
        <v>15</v>
      </c>
      <c r="BS67" s="6">
        <v>16</v>
      </c>
      <c r="BT67" s="6">
        <v>14</v>
      </c>
      <c r="BU67" s="6">
        <v>12</v>
      </c>
      <c r="BV67" s="6">
        <v>13</v>
      </c>
      <c r="BW67" s="6">
        <v>15</v>
      </c>
      <c r="BX67" s="6">
        <v>16</v>
      </c>
      <c r="BY67" s="6">
        <v>15</v>
      </c>
      <c r="BZ67" s="6">
        <v>15</v>
      </c>
      <c r="CA67" s="6">
        <v>15</v>
      </c>
      <c r="CB67" s="6">
        <v>16</v>
      </c>
      <c r="CC67" s="11">
        <v>15.75</v>
      </c>
      <c r="CD67" s="11">
        <v>42.171399999999998</v>
      </c>
      <c r="CE67" s="11">
        <v>-9.1824100000000008</v>
      </c>
      <c r="CF67" s="11">
        <v>12.275600000000001</v>
      </c>
      <c r="CG67" s="11">
        <v>3</v>
      </c>
      <c r="CH67" s="20">
        <v>1.1895899999999999</v>
      </c>
      <c r="CI67" s="20">
        <v>1.0382499999999999</v>
      </c>
      <c r="CJ67" s="20">
        <v>1.12923</v>
      </c>
      <c r="CK67" s="20">
        <v>1.1487499999999999</v>
      </c>
      <c r="CL67" s="20">
        <v>1.6144400000000001</v>
      </c>
      <c r="CM67" s="20">
        <v>1.6917599999999999</v>
      </c>
      <c r="CN67" s="20">
        <v>1.1416500000000001</v>
      </c>
      <c r="CO67" s="20">
        <v>0.70671799999999996</v>
      </c>
      <c r="CP67" s="20">
        <v>0.81727799999999995</v>
      </c>
      <c r="CQ67" s="20">
        <v>1.0070399999999999</v>
      </c>
      <c r="CR67" s="20">
        <v>1.64235</v>
      </c>
      <c r="CS67" s="20">
        <v>1.64378</v>
      </c>
      <c r="CT67" s="20">
        <v>1.66489</v>
      </c>
      <c r="CU67" s="20">
        <v>1.7384999999999999</v>
      </c>
      <c r="CV67" s="20">
        <v>1.87392</v>
      </c>
      <c r="CW67" s="20">
        <v>1.9720500000000001</v>
      </c>
      <c r="CX67" s="20">
        <v>2.0533700000000001</v>
      </c>
      <c r="CY67" s="6" t="s">
        <v>381</v>
      </c>
      <c r="CZ67" s="6" t="s">
        <v>382</v>
      </c>
      <c r="DA67" s="6" t="s">
        <v>71</v>
      </c>
      <c r="DB67" s="6"/>
      <c r="DC67" s="6"/>
      <c r="DD67" s="6"/>
      <c r="DE67" s="6"/>
      <c r="DF67" s="6"/>
      <c r="DG67" s="6"/>
      <c r="DH67" s="6" t="s">
        <v>333</v>
      </c>
      <c r="DI67" s="6"/>
      <c r="DJ67" s="6"/>
      <c r="DK67" s="6"/>
      <c r="DL67" s="6">
        <v>10</v>
      </c>
      <c r="DM67" s="6" t="s">
        <v>383</v>
      </c>
      <c r="DN67" s="6">
        <v>9</v>
      </c>
      <c r="DO67" s="6" t="s">
        <v>384</v>
      </c>
      <c r="DP67" s="6"/>
      <c r="DQ67" s="6"/>
    </row>
    <row r="68" spans="1:121" x14ac:dyDescent="0.2">
      <c r="A68" s="6" t="s">
        <v>793</v>
      </c>
      <c r="B68" s="6" t="s">
        <v>179</v>
      </c>
      <c r="C68" s="6" t="s">
        <v>180</v>
      </c>
      <c r="D68" s="6" t="s">
        <v>71</v>
      </c>
      <c r="E68" s="6" t="s">
        <v>212</v>
      </c>
      <c r="F68" s="11">
        <v>-79</v>
      </c>
      <c r="G68" s="13">
        <v>-0.3</v>
      </c>
      <c r="H68" s="11">
        <v>15</v>
      </c>
      <c r="I68" s="13">
        <v>5.6603773584905662E-2</v>
      </c>
      <c r="J68" s="11">
        <v>-63</v>
      </c>
      <c r="K68" s="13">
        <v>-0.22500000000000001</v>
      </c>
      <c r="L68" s="11">
        <v>-31</v>
      </c>
      <c r="M68" s="13">
        <v>-0.14285714285714285</v>
      </c>
      <c r="N68" s="11">
        <v>-94</v>
      </c>
      <c r="O68" s="13">
        <v>-0.33571428571428569</v>
      </c>
      <c r="P68" s="7">
        <v>265</v>
      </c>
      <c r="Q68" s="7">
        <v>240</v>
      </c>
      <c r="R68" s="7">
        <v>231</v>
      </c>
      <c r="S68" s="7">
        <v>247</v>
      </c>
      <c r="T68" s="7">
        <v>247</v>
      </c>
      <c r="U68" s="7">
        <v>262</v>
      </c>
      <c r="V68" s="7">
        <v>280</v>
      </c>
      <c r="W68" s="7">
        <v>267</v>
      </c>
      <c r="X68" s="7">
        <v>218</v>
      </c>
      <c r="Y68" s="7">
        <v>217</v>
      </c>
      <c r="Z68" s="7">
        <v>191</v>
      </c>
      <c r="AA68" s="7">
        <v>197</v>
      </c>
      <c r="AB68" s="7">
        <v>198</v>
      </c>
      <c r="AC68" s="7">
        <v>191</v>
      </c>
      <c r="AD68" s="7">
        <v>196</v>
      </c>
      <c r="AE68" s="7">
        <v>186</v>
      </c>
      <c r="AF68" s="7">
        <v>186</v>
      </c>
      <c r="AG68" s="9">
        <v>13464</v>
      </c>
      <c r="AH68" s="13">
        <v>0.79952494061757717</v>
      </c>
      <c r="AI68" s="9">
        <v>2446</v>
      </c>
      <c r="AJ68" s="13">
        <v>0.14524940617577198</v>
      </c>
      <c r="AK68" s="9">
        <v>9536</v>
      </c>
      <c r="AL68" s="13">
        <v>0.49445193404542154</v>
      </c>
      <c r="AM68" s="9">
        <v>1482</v>
      </c>
      <c r="AN68" s="13">
        <v>5.141905488862674E-2</v>
      </c>
      <c r="AO68" s="9">
        <v>11018</v>
      </c>
      <c r="AP68" s="13">
        <v>0.57129524007051746</v>
      </c>
      <c r="AQ68" s="9">
        <v>16840</v>
      </c>
      <c r="AR68" s="9">
        <v>17825</v>
      </c>
      <c r="AS68" s="9">
        <v>17599</v>
      </c>
      <c r="AT68" s="9">
        <v>16998</v>
      </c>
      <c r="AU68" s="9">
        <v>17871</v>
      </c>
      <c r="AV68" s="9">
        <v>17382</v>
      </c>
      <c r="AW68" s="9">
        <v>19286</v>
      </c>
      <c r="AX68" s="9">
        <v>21788</v>
      </c>
      <c r="AY68" s="9">
        <v>25975</v>
      </c>
      <c r="AZ68" s="9">
        <v>28822</v>
      </c>
      <c r="BA68" s="9">
        <v>25655</v>
      </c>
      <c r="BB68" s="9">
        <v>24635</v>
      </c>
      <c r="BC68" s="9">
        <v>24301</v>
      </c>
      <c r="BD68" s="9">
        <v>25397</v>
      </c>
      <c r="BE68" s="9">
        <v>26925</v>
      </c>
      <c r="BF68" s="9">
        <v>30304</v>
      </c>
      <c r="BG68" s="11">
        <v>-8</v>
      </c>
      <c r="BH68" s="13">
        <v>-0.21621621621621623</v>
      </c>
      <c r="BI68" s="6">
        <v>2</v>
      </c>
      <c r="BJ68" s="13">
        <v>5.4054054054054057E-2</v>
      </c>
      <c r="BK68" s="6">
        <v>-11</v>
      </c>
      <c r="BL68" s="13">
        <v>-0.28205128205128205</v>
      </c>
      <c r="BM68" s="11">
        <v>1</v>
      </c>
      <c r="BN68" s="13">
        <v>3.5714285714285712E-2</v>
      </c>
      <c r="BO68" s="11">
        <v>-10</v>
      </c>
      <c r="BP68" s="13">
        <v>-0.25641025641025639</v>
      </c>
      <c r="BQ68" s="6">
        <v>37</v>
      </c>
      <c r="BR68" s="6">
        <v>39</v>
      </c>
      <c r="BS68" s="6">
        <v>40</v>
      </c>
      <c r="BT68" s="6">
        <v>39</v>
      </c>
      <c r="BU68" s="6">
        <v>37</v>
      </c>
      <c r="BV68" s="6">
        <v>34</v>
      </c>
      <c r="BW68" s="6">
        <v>28</v>
      </c>
      <c r="BX68" s="6">
        <v>26</v>
      </c>
      <c r="BY68" s="6">
        <v>28</v>
      </c>
      <c r="BZ68" s="6">
        <v>28</v>
      </c>
      <c r="CA68" s="6">
        <v>30</v>
      </c>
      <c r="CB68" s="6">
        <v>30</v>
      </c>
      <c r="CC68" s="11">
        <v>29</v>
      </c>
      <c r="CD68" s="11">
        <v>-91</v>
      </c>
      <c r="CE68" s="11">
        <v>-17</v>
      </c>
      <c r="CF68" s="11">
        <v>29</v>
      </c>
      <c r="CG68" s="11">
        <v>12</v>
      </c>
      <c r="CH68" s="20">
        <v>1.05</v>
      </c>
      <c r="CI68" s="20">
        <v>0.94</v>
      </c>
      <c r="CJ68" s="20">
        <v>0.89</v>
      </c>
      <c r="CK68" s="20">
        <v>0.98</v>
      </c>
      <c r="CL68" s="20">
        <v>1.06</v>
      </c>
      <c r="CM68" s="20">
        <v>1.1000000000000001</v>
      </c>
      <c r="CN68" s="20">
        <v>1.1499999999999999</v>
      </c>
      <c r="CO68" s="20">
        <v>1.1100000000000001</v>
      </c>
      <c r="CP68" s="20">
        <v>0.92</v>
      </c>
      <c r="CQ68" s="20">
        <v>0.92</v>
      </c>
      <c r="CR68" s="20">
        <v>0.84</v>
      </c>
      <c r="CS68" s="20">
        <v>0.88</v>
      </c>
      <c r="CT68" s="20">
        <v>0.91</v>
      </c>
      <c r="CU68" s="20">
        <v>0.89</v>
      </c>
      <c r="CV68" s="20">
        <v>0.93</v>
      </c>
      <c r="CW68" s="20">
        <v>0.89</v>
      </c>
      <c r="CX68" s="20">
        <v>0.89</v>
      </c>
      <c r="CY68" s="6" t="s">
        <v>381</v>
      </c>
      <c r="CZ68" s="6" t="s">
        <v>382</v>
      </c>
      <c r="DA68" s="6" t="s">
        <v>71</v>
      </c>
      <c r="DB68" s="6"/>
      <c r="DC68" s="6"/>
      <c r="DD68" s="6"/>
      <c r="DE68" s="6"/>
      <c r="DF68" s="6"/>
      <c r="DG68" s="6"/>
      <c r="DH68" s="6" t="s">
        <v>333</v>
      </c>
      <c r="DI68" s="6"/>
      <c r="DJ68" s="6"/>
      <c r="DK68" s="6"/>
      <c r="DL68" s="6">
        <v>10</v>
      </c>
      <c r="DM68" s="6" t="s">
        <v>383</v>
      </c>
      <c r="DN68" s="6">
        <v>9</v>
      </c>
      <c r="DO68" s="6" t="s">
        <v>384</v>
      </c>
      <c r="DP68" s="6"/>
      <c r="DQ68" s="6"/>
    </row>
    <row r="69" spans="1:121" x14ac:dyDescent="0.2">
      <c r="A69" s="6" t="s">
        <v>794</v>
      </c>
      <c r="B69" s="6" t="s">
        <v>181</v>
      </c>
      <c r="C69" s="6" t="s">
        <v>182</v>
      </c>
      <c r="D69" s="6" t="s">
        <v>71</v>
      </c>
      <c r="E69" s="6" t="s">
        <v>212</v>
      </c>
      <c r="F69" s="11">
        <v>-28</v>
      </c>
      <c r="G69" s="13">
        <v>-0.30434782608700001</v>
      </c>
      <c r="H69" s="11">
        <v>9.0364136200999923</v>
      </c>
      <c r="I69" s="13">
        <v>9.8370549148924277E-2</v>
      </c>
      <c r="J69" s="11">
        <v>-22.153661054899999</v>
      </c>
      <c r="K69" s="13">
        <v>-0.2195662687317729</v>
      </c>
      <c r="L69" s="11">
        <v>-14.938439069600001</v>
      </c>
      <c r="M69" s="13">
        <v>-0.1897095976608007</v>
      </c>
      <c r="N69" s="11">
        <v>-37.0921001245</v>
      </c>
      <c r="O69" s="13">
        <v>-0.36762203789158571</v>
      </c>
      <c r="P69" s="7">
        <v>91.860965484900007</v>
      </c>
      <c r="Q69" s="7">
        <v>106.272867409</v>
      </c>
      <c r="R69" s="7">
        <v>104.691612869</v>
      </c>
      <c r="S69" s="7">
        <v>96.511598294600006</v>
      </c>
      <c r="T69" s="7">
        <v>95.503178014499994</v>
      </c>
      <c r="U69" s="7">
        <v>97.606338472000004</v>
      </c>
      <c r="V69" s="7">
        <v>100.897379105</v>
      </c>
      <c r="W69" s="7">
        <v>85.853695376199994</v>
      </c>
      <c r="X69" s="7">
        <v>80.595918856300003</v>
      </c>
      <c r="Y69" s="7">
        <v>78.7437180501</v>
      </c>
      <c r="Z69" s="7">
        <v>64.563459272800003</v>
      </c>
      <c r="AA69" s="7">
        <v>63.723672951499999</v>
      </c>
      <c r="AB69" s="7">
        <v>55.7123349576</v>
      </c>
      <c r="AC69" s="7">
        <v>63.4686534764</v>
      </c>
      <c r="AD69" s="7">
        <v>65.252769169299995</v>
      </c>
      <c r="AE69" s="7">
        <v>65.057260763200006</v>
      </c>
      <c r="AF69" s="7">
        <v>63.805278980499999</v>
      </c>
      <c r="AG69" s="9">
        <v>12994.110577399999</v>
      </c>
      <c r="AH69" s="13">
        <v>0.44336918578378426</v>
      </c>
      <c r="AI69" s="9">
        <v>12796.408616799996</v>
      </c>
      <c r="AJ69" s="13">
        <v>0.43662344071897502</v>
      </c>
      <c r="AK69" s="9">
        <v>154.42216770000232</v>
      </c>
      <c r="AL69" s="13">
        <v>3.6676310798537297E-3</v>
      </c>
      <c r="AM69" s="9">
        <v>43.279792900000757</v>
      </c>
      <c r="AN69" s="13">
        <v>1.0241681258476951E-3</v>
      </c>
      <c r="AO69" s="9">
        <v>197.70196060000308</v>
      </c>
      <c r="AP69" s="13">
        <v>4.6955554765507794E-3</v>
      </c>
      <c r="AQ69" s="9">
        <v>29307.653743300001</v>
      </c>
      <c r="AR69" s="9">
        <v>28047.210644700001</v>
      </c>
      <c r="AS69" s="9">
        <v>33144.539893100002</v>
      </c>
      <c r="AT69" s="9">
        <v>31536.9302503</v>
      </c>
      <c r="AU69" s="9">
        <v>31954.840042899999</v>
      </c>
      <c r="AV69" s="9">
        <v>35130.980922199997</v>
      </c>
      <c r="AW69" s="9">
        <v>42104.062360099997</v>
      </c>
      <c r="AX69" s="9">
        <v>41346.3669209</v>
      </c>
      <c r="AY69" s="9">
        <v>41171.297614499999</v>
      </c>
      <c r="AZ69" s="9">
        <v>42258.484527799999</v>
      </c>
      <c r="BA69" s="9">
        <v>44101.852527900002</v>
      </c>
      <c r="BB69" s="9">
        <v>42688.601885099997</v>
      </c>
      <c r="BC69" s="9">
        <v>42234.945595199999</v>
      </c>
      <c r="BD69" s="9">
        <v>40924.762259000003</v>
      </c>
      <c r="BE69" s="9">
        <v>40658.835774400002</v>
      </c>
      <c r="BF69" s="9">
        <v>42301.7643207</v>
      </c>
      <c r="BG69" s="11">
        <v>-14.5</v>
      </c>
      <c r="BH69" s="13">
        <v>-0.5</v>
      </c>
      <c r="BI69" s="6">
        <v>-6</v>
      </c>
      <c r="BJ69" s="13">
        <v>-0.20689655172413793</v>
      </c>
      <c r="BK69" s="6">
        <v>-6</v>
      </c>
      <c r="BL69" s="13">
        <v>-0.2608695652173913</v>
      </c>
      <c r="BM69" s="11">
        <v>-2.5</v>
      </c>
      <c r="BN69" s="13">
        <v>-0.14705882352941177</v>
      </c>
      <c r="BO69" s="11">
        <v>-8.5</v>
      </c>
      <c r="BP69" s="13">
        <v>-0.36956521739130432</v>
      </c>
      <c r="BQ69" s="6">
        <v>29</v>
      </c>
      <c r="BR69" s="6">
        <v>27</v>
      </c>
      <c r="BS69" s="6">
        <v>24</v>
      </c>
      <c r="BT69" s="6">
        <v>23</v>
      </c>
      <c r="BU69" s="6">
        <v>21</v>
      </c>
      <c r="BV69" s="6">
        <v>21</v>
      </c>
      <c r="BW69" s="6">
        <v>17</v>
      </c>
      <c r="BX69" s="6">
        <v>16</v>
      </c>
      <c r="BY69" s="6">
        <v>16</v>
      </c>
      <c r="BZ69" s="6">
        <v>15</v>
      </c>
      <c r="CA69" s="6">
        <v>15</v>
      </c>
      <c r="CB69" s="6">
        <v>14</v>
      </c>
      <c r="CC69" s="11">
        <v>14.5</v>
      </c>
      <c r="CD69" s="11">
        <v>-43.8872</v>
      </c>
      <c r="CE69" s="11">
        <v>5.7900299999999998</v>
      </c>
      <c r="CF69" s="11">
        <v>10.041499999999999</v>
      </c>
      <c r="CG69" s="11">
        <v>16</v>
      </c>
      <c r="CH69" s="20">
        <v>1.22926</v>
      </c>
      <c r="CI69" s="20">
        <v>1.4495499999999999</v>
      </c>
      <c r="CJ69" s="20">
        <v>1.40052</v>
      </c>
      <c r="CK69" s="20">
        <v>1.3096000000000001</v>
      </c>
      <c r="CL69" s="20">
        <v>1.3841300000000001</v>
      </c>
      <c r="CM69" s="20">
        <v>1.3640600000000001</v>
      </c>
      <c r="CN69" s="20">
        <v>1.3687800000000001</v>
      </c>
      <c r="CO69" s="20">
        <v>1.1688400000000001</v>
      </c>
      <c r="CP69" s="20">
        <v>1.1316999999999999</v>
      </c>
      <c r="CQ69" s="20">
        <v>1.1161799999999999</v>
      </c>
      <c r="CR69" s="20">
        <v>0.93184100000000003</v>
      </c>
      <c r="CS69" s="20">
        <v>0.92936099999999999</v>
      </c>
      <c r="CT69" s="20">
        <v>0.82760599999999995</v>
      </c>
      <c r="CU69" s="20">
        <v>0.93657599999999996</v>
      </c>
      <c r="CV69" s="20">
        <v>0.95730300000000002</v>
      </c>
      <c r="CW69" s="20">
        <v>0.94559199999999999</v>
      </c>
      <c r="CX69" s="20">
        <v>0.92067399999999999</v>
      </c>
      <c r="CY69" s="6" t="s">
        <v>381</v>
      </c>
      <c r="CZ69" s="6" t="s">
        <v>382</v>
      </c>
      <c r="DA69" s="6" t="s">
        <v>71</v>
      </c>
      <c r="DB69" s="6"/>
      <c r="DC69" s="6"/>
      <c r="DD69" s="6"/>
      <c r="DE69" s="6"/>
      <c r="DF69" s="6"/>
      <c r="DG69" s="6"/>
      <c r="DH69" s="6" t="s">
        <v>333</v>
      </c>
      <c r="DI69" s="6"/>
      <c r="DJ69" s="6"/>
      <c r="DK69" s="6"/>
      <c r="DL69" s="6">
        <v>10</v>
      </c>
      <c r="DM69" s="6" t="s">
        <v>383</v>
      </c>
      <c r="DN69" s="6">
        <v>9</v>
      </c>
      <c r="DO69" s="6" t="s">
        <v>384</v>
      </c>
      <c r="DP69" s="6"/>
      <c r="DQ69" s="6"/>
    </row>
    <row r="70" spans="1:121" x14ac:dyDescent="0.2">
      <c r="A70" s="6" t="s">
        <v>314</v>
      </c>
      <c r="B70" s="6" t="s">
        <v>314</v>
      </c>
      <c r="C70" s="6" t="s">
        <v>183</v>
      </c>
      <c r="D70" s="6" t="s">
        <v>71</v>
      </c>
      <c r="E70" s="6" t="s">
        <v>212</v>
      </c>
      <c r="F70" s="11">
        <v>-3</v>
      </c>
      <c r="G70" s="13">
        <v>-0.125</v>
      </c>
      <c r="H70" s="11">
        <v>8.7793663415999994</v>
      </c>
      <c r="I70" s="13">
        <v>0.36059235971215753</v>
      </c>
      <c r="J70" s="11">
        <v>-12.752621341599998</v>
      </c>
      <c r="K70" s="13">
        <v>-0.38496813738125329</v>
      </c>
      <c r="L70" s="11">
        <v>0.69222129679999966</v>
      </c>
      <c r="M70" s="13">
        <v>3.3976032408662635E-2</v>
      </c>
      <c r="N70" s="11">
        <v>-12.060400044799998</v>
      </c>
      <c r="O70" s="13">
        <v>-0.3640717948845586</v>
      </c>
      <c r="P70" s="7">
        <v>24.347066999999999</v>
      </c>
      <c r="Q70" s="7">
        <v>37.306609467400001</v>
      </c>
      <c r="R70" s="7">
        <v>24.885764334299999</v>
      </c>
      <c r="S70" s="7">
        <v>25.677775239300001</v>
      </c>
      <c r="T70" s="7">
        <v>30.127837317699999</v>
      </c>
      <c r="U70" s="7">
        <v>34.5126964325</v>
      </c>
      <c r="V70" s="7">
        <v>33.126433341599999</v>
      </c>
      <c r="W70" s="7">
        <v>26.601973000000001</v>
      </c>
      <c r="X70" s="7">
        <v>22.529185999999999</v>
      </c>
      <c r="Y70" s="7">
        <v>20.373812000000001</v>
      </c>
      <c r="Z70" s="7">
        <v>23.659678310099999</v>
      </c>
      <c r="AA70" s="7">
        <v>24.389554099800002</v>
      </c>
      <c r="AB70" s="7">
        <v>22.863454626900001</v>
      </c>
      <c r="AC70" s="7">
        <v>23.296693422899999</v>
      </c>
      <c r="AD70" s="7">
        <v>21.206151110699999</v>
      </c>
      <c r="AE70" s="7">
        <v>21.844143642199999</v>
      </c>
      <c r="AF70" s="7">
        <v>21.066033296800001</v>
      </c>
      <c r="AG70" s="9">
        <v>14451.276238999999</v>
      </c>
      <c r="AH70" s="13">
        <v>0.39637640686049225</v>
      </c>
      <c r="AI70" s="9">
        <v>4753.7446767000001</v>
      </c>
      <c r="AJ70" s="13">
        <v>0.13038794656747399</v>
      </c>
      <c r="AK70" s="9">
        <v>15249.253164100002</v>
      </c>
      <c r="AL70" s="13">
        <v>0.37001782869132882</v>
      </c>
      <c r="AM70" s="9">
        <v>-5551.7216018000036</v>
      </c>
      <c r="AN70" s="13">
        <v>-9.832762212516194E-2</v>
      </c>
      <c r="AO70" s="9">
        <v>9697.5315622999988</v>
      </c>
      <c r="AP70" s="13">
        <v>0.23530723332703293</v>
      </c>
      <c r="AQ70" s="9">
        <v>36458.467226799999</v>
      </c>
      <c r="AR70" s="9">
        <v>36219.977352800001</v>
      </c>
      <c r="AS70" s="9">
        <v>41220.370322000002</v>
      </c>
      <c r="AT70" s="9">
        <v>45403.602313299998</v>
      </c>
      <c r="AU70" s="9">
        <v>40062.3975861</v>
      </c>
      <c r="AV70" s="9">
        <v>38332.341156199996</v>
      </c>
      <c r="AW70" s="9">
        <v>41212.2119035</v>
      </c>
      <c r="AX70" s="9">
        <v>53708.733913099997</v>
      </c>
      <c r="AY70" s="9">
        <v>58545.005432600003</v>
      </c>
      <c r="AZ70" s="9">
        <v>56461.465067600002</v>
      </c>
      <c r="BA70" s="9">
        <v>54765.4461276</v>
      </c>
      <c r="BB70" s="9">
        <v>50276.160759999999</v>
      </c>
      <c r="BC70" s="9">
        <v>50839.685130500002</v>
      </c>
      <c r="BD70" s="9">
        <v>47107.624497800003</v>
      </c>
      <c r="BE70" s="9">
        <v>50355.010497800002</v>
      </c>
      <c r="BF70" s="9">
        <v>50909.743465799998</v>
      </c>
      <c r="BG70" s="11">
        <v>0</v>
      </c>
      <c r="BH70" s="13">
        <v>0</v>
      </c>
      <c r="BI70" s="6">
        <v>1</v>
      </c>
      <c r="BJ70" s="13">
        <v>0.25</v>
      </c>
      <c r="BK70" s="6">
        <v>0</v>
      </c>
      <c r="BL70" s="13">
        <v>0</v>
      </c>
      <c r="BM70" s="11">
        <v>-1</v>
      </c>
      <c r="BN70" s="13">
        <v>-0.2</v>
      </c>
      <c r="BO70" s="11">
        <v>-1</v>
      </c>
      <c r="BP70" s="13">
        <v>-0.2</v>
      </c>
      <c r="BQ70" s="6">
        <v>4</v>
      </c>
      <c r="BR70" s="6">
        <v>5</v>
      </c>
      <c r="BS70" s="6">
        <v>5</v>
      </c>
      <c r="BT70" s="6">
        <v>5</v>
      </c>
      <c r="BU70" s="6">
        <v>5</v>
      </c>
      <c r="BV70" s="6">
        <v>5</v>
      </c>
      <c r="BW70" s="6">
        <v>5</v>
      </c>
      <c r="BX70" s="6">
        <v>5</v>
      </c>
      <c r="BY70" s="6">
        <v>4</v>
      </c>
      <c r="BZ70" s="6">
        <v>4</v>
      </c>
      <c r="CA70" s="6">
        <v>4</v>
      </c>
      <c r="CB70" s="6">
        <v>4</v>
      </c>
      <c r="CC70" s="11">
        <v>4</v>
      </c>
      <c r="CD70" s="11">
        <v>1.51481</v>
      </c>
      <c r="CE70" s="11">
        <v>-7.4572700000000003</v>
      </c>
      <c r="CF70" s="11">
        <v>2.6614300000000002</v>
      </c>
      <c r="CG70" s="11">
        <v>-4</v>
      </c>
      <c r="CH70" s="20">
        <v>0.41373399999999999</v>
      </c>
      <c r="CI70" s="20">
        <v>0.664412</v>
      </c>
      <c r="CJ70" s="20">
        <v>0.453878</v>
      </c>
      <c r="CK70" s="20">
        <v>0.49513200000000002</v>
      </c>
      <c r="CL70" s="20">
        <v>0.64400999999999997</v>
      </c>
      <c r="CM70" s="20">
        <v>0.73257899999999998</v>
      </c>
      <c r="CN70" s="20">
        <v>0.69819900000000001</v>
      </c>
      <c r="CO70" s="20">
        <v>0.56757199999999997</v>
      </c>
      <c r="CP70" s="20">
        <v>0.49341800000000002</v>
      </c>
      <c r="CQ70" s="20">
        <v>0.462036</v>
      </c>
      <c r="CR70" s="20">
        <v>0.56665399999999999</v>
      </c>
      <c r="CS70" s="20">
        <v>0.60218099999999997</v>
      </c>
      <c r="CT70" s="20">
        <v>0.58094800000000002</v>
      </c>
      <c r="CU70" s="20">
        <v>0.60065500000000005</v>
      </c>
      <c r="CV70" s="20">
        <v>0.56342599999999998</v>
      </c>
      <c r="CW70" s="20">
        <v>0.58126800000000001</v>
      </c>
      <c r="CX70" s="20">
        <v>0.56353299999999995</v>
      </c>
      <c r="CY70" s="6" t="s">
        <v>381</v>
      </c>
      <c r="CZ70" s="6" t="s">
        <v>382</v>
      </c>
      <c r="DA70" s="6" t="s">
        <v>71</v>
      </c>
      <c r="DB70" s="6"/>
      <c r="DC70" s="6"/>
      <c r="DD70" s="6"/>
      <c r="DE70" s="6"/>
      <c r="DF70" s="6"/>
      <c r="DG70" s="6"/>
      <c r="DH70" s="6" t="s">
        <v>333</v>
      </c>
      <c r="DI70" s="6"/>
      <c r="DJ70" s="6"/>
      <c r="DK70" s="6"/>
      <c r="DL70" s="6">
        <v>10</v>
      </c>
      <c r="DM70" s="6" t="s">
        <v>383</v>
      </c>
      <c r="DN70" s="6">
        <v>9</v>
      </c>
      <c r="DO70" s="6" t="s">
        <v>384</v>
      </c>
      <c r="DP70" s="6"/>
      <c r="DQ70" s="6"/>
    </row>
    <row r="71" spans="1:121" x14ac:dyDescent="0.2">
      <c r="A71" s="6" t="s">
        <v>315</v>
      </c>
      <c r="B71" s="6" t="s">
        <v>315</v>
      </c>
      <c r="C71" s="6" t="s">
        <v>184</v>
      </c>
      <c r="D71" s="6" t="s">
        <v>71</v>
      </c>
      <c r="E71" s="6" t="s">
        <v>212</v>
      </c>
      <c r="F71" s="11">
        <v>-59</v>
      </c>
      <c r="G71" s="13">
        <v>-0.49</v>
      </c>
      <c r="H71" s="11">
        <v>25</v>
      </c>
      <c r="I71" s="13">
        <v>0.20661157024793389</v>
      </c>
      <c r="J71" s="11">
        <v>-10</v>
      </c>
      <c r="K71" s="13">
        <v>-6.8493150684931503E-2</v>
      </c>
      <c r="L71" s="11">
        <v>-74</v>
      </c>
      <c r="M71" s="13">
        <v>-0.54411764705882348</v>
      </c>
      <c r="N71" s="11">
        <v>-84</v>
      </c>
      <c r="O71" s="13">
        <v>-0.57534246575342463</v>
      </c>
      <c r="P71" s="7">
        <v>121</v>
      </c>
      <c r="Q71" s="7">
        <v>123</v>
      </c>
      <c r="R71" s="7">
        <v>126</v>
      </c>
      <c r="S71" s="7">
        <v>126</v>
      </c>
      <c r="T71" s="7">
        <v>136</v>
      </c>
      <c r="U71" s="7">
        <v>137</v>
      </c>
      <c r="V71" s="7">
        <v>146</v>
      </c>
      <c r="W71" s="7">
        <v>149</v>
      </c>
      <c r="X71" s="7">
        <v>146</v>
      </c>
      <c r="Y71" s="7">
        <v>136</v>
      </c>
      <c r="Z71" s="7">
        <v>80</v>
      </c>
      <c r="AA71" s="7">
        <v>61</v>
      </c>
      <c r="AB71" s="7">
        <v>70</v>
      </c>
      <c r="AC71" s="7">
        <v>68</v>
      </c>
      <c r="AD71" s="7">
        <v>64</v>
      </c>
      <c r="AE71" s="7">
        <v>66</v>
      </c>
      <c r="AF71" s="7">
        <v>62</v>
      </c>
      <c r="AG71" s="9">
        <v>10812</v>
      </c>
      <c r="AH71" s="13">
        <v>0.32734869357231522</v>
      </c>
      <c r="AI71" s="9">
        <v>7766</v>
      </c>
      <c r="AJ71" s="13">
        <v>0.23512670683338885</v>
      </c>
      <c r="AK71" s="9">
        <v>1867</v>
      </c>
      <c r="AL71" s="13">
        <v>4.5765412427993625E-2</v>
      </c>
      <c r="AM71" s="9">
        <v>1179</v>
      </c>
      <c r="AN71" s="13">
        <v>2.763583516947166E-2</v>
      </c>
      <c r="AO71" s="9">
        <v>3046</v>
      </c>
      <c r="AP71" s="13">
        <v>7.4666012991788211E-2</v>
      </c>
      <c r="AQ71" s="9">
        <v>33029</v>
      </c>
      <c r="AR71" s="9">
        <v>34037</v>
      </c>
      <c r="AS71" s="9">
        <v>33410</v>
      </c>
      <c r="AT71" s="9">
        <v>36360</v>
      </c>
      <c r="AU71" s="9">
        <v>38401</v>
      </c>
      <c r="AV71" s="9">
        <v>38643</v>
      </c>
      <c r="AW71" s="9">
        <v>40795</v>
      </c>
      <c r="AX71" s="9">
        <v>44777</v>
      </c>
      <c r="AY71" s="9">
        <v>42434</v>
      </c>
      <c r="AZ71" s="9">
        <v>42662</v>
      </c>
      <c r="BA71" s="9">
        <v>42187</v>
      </c>
      <c r="BB71" s="9">
        <v>39973</v>
      </c>
      <c r="BC71" s="9">
        <v>42414</v>
      </c>
      <c r="BD71" s="9">
        <v>43599</v>
      </c>
      <c r="BE71" s="9">
        <v>42923</v>
      </c>
      <c r="BF71" s="9">
        <v>43841</v>
      </c>
      <c r="BG71" s="11">
        <v>-5</v>
      </c>
      <c r="BH71" s="13">
        <v>-0.21739130434782608</v>
      </c>
      <c r="BI71" s="6">
        <v>0</v>
      </c>
      <c r="BJ71" s="13">
        <v>0</v>
      </c>
      <c r="BK71" s="6">
        <v>-2</v>
      </c>
      <c r="BL71" s="13">
        <v>-8.6956521739130432E-2</v>
      </c>
      <c r="BM71" s="11">
        <v>-3</v>
      </c>
      <c r="BN71" s="13">
        <v>-0.14285714285714285</v>
      </c>
      <c r="BO71" s="11">
        <v>-5</v>
      </c>
      <c r="BP71" s="13">
        <v>-0.21739130434782608</v>
      </c>
      <c r="BQ71" s="6">
        <v>23</v>
      </c>
      <c r="BR71" s="6">
        <v>25</v>
      </c>
      <c r="BS71" s="6">
        <v>23</v>
      </c>
      <c r="BT71" s="6">
        <v>23</v>
      </c>
      <c r="BU71" s="6">
        <v>22</v>
      </c>
      <c r="BV71" s="6">
        <v>22</v>
      </c>
      <c r="BW71" s="6">
        <v>21</v>
      </c>
      <c r="BX71" s="6">
        <v>20</v>
      </c>
      <c r="BY71" s="6">
        <v>18</v>
      </c>
      <c r="BZ71" s="6">
        <v>19</v>
      </c>
      <c r="CA71" s="6">
        <v>19</v>
      </c>
      <c r="CB71" s="6">
        <v>18</v>
      </c>
      <c r="CC71" s="11">
        <v>18</v>
      </c>
      <c r="CD71" s="11">
        <v>-63</v>
      </c>
      <c r="CE71" s="11">
        <v>-10</v>
      </c>
      <c r="CF71" s="11">
        <v>13</v>
      </c>
      <c r="CG71" s="11">
        <v>3</v>
      </c>
      <c r="CH71" s="20">
        <v>1.26</v>
      </c>
      <c r="CI71" s="20">
        <v>1.27</v>
      </c>
      <c r="CJ71" s="20">
        <v>1.24</v>
      </c>
      <c r="CK71" s="20">
        <v>1.28</v>
      </c>
      <c r="CL71" s="20">
        <v>1.49</v>
      </c>
      <c r="CM71" s="20">
        <v>1.45</v>
      </c>
      <c r="CN71" s="20">
        <v>1.54</v>
      </c>
      <c r="CO71" s="20">
        <v>1.6</v>
      </c>
      <c r="CP71" s="20">
        <v>1.59</v>
      </c>
      <c r="CQ71" s="20">
        <v>1.5</v>
      </c>
      <c r="CR71" s="20">
        <v>0.92</v>
      </c>
      <c r="CS71" s="20">
        <v>0.72</v>
      </c>
      <c r="CT71" s="20">
        <v>0.86</v>
      </c>
      <c r="CU71" s="20">
        <v>0.84</v>
      </c>
      <c r="CV71" s="20">
        <v>0.82</v>
      </c>
      <c r="CW71" s="20">
        <v>0.84</v>
      </c>
      <c r="CX71" s="20">
        <v>0.79</v>
      </c>
      <c r="CY71" s="6" t="s">
        <v>381</v>
      </c>
      <c r="CZ71" s="6" t="s">
        <v>382</v>
      </c>
      <c r="DA71" s="6" t="s">
        <v>71</v>
      </c>
      <c r="DB71" s="6"/>
      <c r="DC71" s="6"/>
      <c r="DD71" s="6"/>
      <c r="DE71" s="6"/>
      <c r="DF71" s="6"/>
      <c r="DG71" s="6"/>
      <c r="DH71" s="6" t="s">
        <v>333</v>
      </c>
      <c r="DI71" s="6"/>
      <c r="DJ71" s="6"/>
      <c r="DK71" s="6"/>
      <c r="DL71" s="6">
        <v>10</v>
      </c>
      <c r="DM71" s="6" t="s">
        <v>383</v>
      </c>
      <c r="DN71" s="6">
        <v>9</v>
      </c>
      <c r="DO71" s="6" t="s">
        <v>384</v>
      </c>
      <c r="DP71" s="6"/>
      <c r="DQ71" s="6"/>
    </row>
    <row r="72" spans="1:121" x14ac:dyDescent="0.2">
      <c r="A72" s="6" t="s">
        <v>316</v>
      </c>
      <c r="B72" s="6" t="s">
        <v>316</v>
      </c>
      <c r="C72" s="6" t="s">
        <v>185</v>
      </c>
      <c r="D72" s="6" t="s">
        <v>71</v>
      </c>
      <c r="E72" s="6" t="s">
        <v>212</v>
      </c>
      <c r="F72" s="11">
        <v>7</v>
      </c>
      <c r="G72" s="13">
        <v>0.7</v>
      </c>
      <c r="H72" s="11">
        <v>4</v>
      </c>
      <c r="I72" s="13">
        <v>0.4</v>
      </c>
      <c r="J72" s="11">
        <v>-1</v>
      </c>
      <c r="K72" s="13">
        <v>-7.1428571428571425E-2</v>
      </c>
      <c r="L72" s="11">
        <v>4</v>
      </c>
      <c r="M72" s="13">
        <v>0.30769230769230771</v>
      </c>
      <c r="N72" s="11">
        <v>3</v>
      </c>
      <c r="O72" s="13">
        <v>0.21428571428571427</v>
      </c>
      <c r="P72" s="7">
        <v>10</v>
      </c>
      <c r="Q72" s="7">
        <v>10</v>
      </c>
      <c r="R72" s="7">
        <v>10</v>
      </c>
      <c r="S72" s="7">
        <v>11</v>
      </c>
      <c r="T72" s="7">
        <v>11</v>
      </c>
      <c r="U72" s="7">
        <v>14</v>
      </c>
      <c r="V72" s="7">
        <v>14</v>
      </c>
      <c r="W72" s="7">
        <v>13</v>
      </c>
      <c r="X72" s="7">
        <v>14</v>
      </c>
      <c r="Y72" s="7">
        <v>13</v>
      </c>
      <c r="Z72" s="7">
        <v>13</v>
      </c>
      <c r="AA72" s="7">
        <v>14</v>
      </c>
      <c r="AB72" s="7">
        <v>14</v>
      </c>
      <c r="AC72" s="7">
        <v>14</v>
      </c>
      <c r="AD72" s="7">
        <v>14</v>
      </c>
      <c r="AE72" s="7">
        <v>16</v>
      </c>
      <c r="AF72" s="7">
        <v>17</v>
      </c>
      <c r="AG72" s="9">
        <v>5306</v>
      </c>
      <c r="AH72" s="13">
        <v>0.26174033149171272</v>
      </c>
      <c r="AI72" s="9">
        <v>-13</v>
      </c>
      <c r="AJ72" s="13">
        <v>-6.4127861089187052E-4</v>
      </c>
      <c r="AK72" s="9">
        <v>-1035</v>
      </c>
      <c r="AL72" s="13">
        <v>-5.1088405153265216E-2</v>
      </c>
      <c r="AM72" s="9">
        <v>6354</v>
      </c>
      <c r="AN72" s="13">
        <v>0.33052434456928836</v>
      </c>
      <c r="AO72" s="9">
        <v>5319</v>
      </c>
      <c r="AP72" s="13">
        <v>0.26254997778764994</v>
      </c>
      <c r="AQ72" s="9">
        <v>20272</v>
      </c>
      <c r="AR72" s="9">
        <v>23304</v>
      </c>
      <c r="AS72" s="9">
        <v>26025</v>
      </c>
      <c r="AT72" s="9">
        <v>24333</v>
      </c>
      <c r="AU72" s="9">
        <v>24452</v>
      </c>
      <c r="AV72" s="9">
        <v>19508</v>
      </c>
      <c r="AW72" s="9">
        <v>20259</v>
      </c>
      <c r="AX72" s="9">
        <v>20282</v>
      </c>
      <c r="AY72" s="9">
        <v>21447</v>
      </c>
      <c r="AZ72" s="9">
        <v>19224</v>
      </c>
      <c r="BA72" s="9">
        <v>21809</v>
      </c>
      <c r="BB72" s="9">
        <v>20576</v>
      </c>
      <c r="BC72" s="9">
        <v>22206</v>
      </c>
      <c r="BD72" s="9">
        <v>25059</v>
      </c>
      <c r="BE72" s="9">
        <v>24222</v>
      </c>
      <c r="BF72" s="9">
        <v>25578</v>
      </c>
      <c r="BG72" s="11">
        <v>0</v>
      </c>
      <c r="BH72" s="13">
        <v>0</v>
      </c>
      <c r="BI72" s="6">
        <v>0</v>
      </c>
      <c r="BJ72" s="13">
        <v>0</v>
      </c>
      <c r="BK72" s="6">
        <v>0</v>
      </c>
      <c r="BL72" s="13">
        <v>0</v>
      </c>
      <c r="BM72" s="11">
        <v>0</v>
      </c>
      <c r="BN72" s="13">
        <v>0</v>
      </c>
      <c r="BO72" s="11">
        <v>0</v>
      </c>
      <c r="BP72" s="13">
        <v>0</v>
      </c>
      <c r="BQ72" s="6">
        <v>5</v>
      </c>
      <c r="BR72" s="6">
        <v>6</v>
      </c>
      <c r="BS72" s="6">
        <v>5</v>
      </c>
      <c r="BT72" s="6">
        <v>5</v>
      </c>
      <c r="BU72" s="6">
        <v>5</v>
      </c>
      <c r="BV72" s="6">
        <v>5</v>
      </c>
      <c r="BW72" s="6">
        <v>5</v>
      </c>
      <c r="BX72" s="6">
        <v>6</v>
      </c>
      <c r="BY72" s="6">
        <v>6</v>
      </c>
      <c r="BZ72" s="6">
        <v>5</v>
      </c>
      <c r="CA72" s="6">
        <v>3</v>
      </c>
      <c r="CB72" s="6">
        <v>3</v>
      </c>
      <c r="CC72" s="11">
        <v>5</v>
      </c>
      <c r="CD72" s="11">
        <v>6</v>
      </c>
      <c r="CE72" s="11">
        <v>-1</v>
      </c>
      <c r="CF72" s="11">
        <v>1</v>
      </c>
      <c r="CG72" s="11">
        <v>0</v>
      </c>
      <c r="CH72" s="20">
        <v>0.26</v>
      </c>
      <c r="CI72" s="20">
        <v>0.26</v>
      </c>
      <c r="CJ72" s="20">
        <v>0.24</v>
      </c>
      <c r="CK72" s="20">
        <v>0.26</v>
      </c>
      <c r="CL72" s="20">
        <v>0.28000000000000003</v>
      </c>
      <c r="CM72" s="20">
        <v>0.34</v>
      </c>
      <c r="CN72" s="20">
        <v>0.35</v>
      </c>
      <c r="CO72" s="20">
        <v>0.33</v>
      </c>
      <c r="CP72" s="20">
        <v>0.35</v>
      </c>
      <c r="CQ72" s="20">
        <v>0.35</v>
      </c>
      <c r="CR72" s="20">
        <v>0.36</v>
      </c>
      <c r="CS72" s="20">
        <v>0.41</v>
      </c>
      <c r="CT72" s="20">
        <v>0.41</v>
      </c>
      <c r="CU72" s="20">
        <v>0.4</v>
      </c>
      <c r="CV72" s="20">
        <v>0.43</v>
      </c>
      <c r="CW72" s="20">
        <v>0.49</v>
      </c>
      <c r="CX72" s="20">
        <v>0.52</v>
      </c>
      <c r="CY72" s="6" t="s">
        <v>381</v>
      </c>
      <c r="CZ72" s="6" t="s">
        <v>382</v>
      </c>
      <c r="DA72" s="6" t="s">
        <v>71</v>
      </c>
      <c r="DB72" s="6"/>
      <c r="DC72" s="6"/>
      <c r="DD72" s="6"/>
      <c r="DE72" s="6"/>
      <c r="DF72" s="6"/>
      <c r="DG72" s="6"/>
      <c r="DH72" s="6" t="s">
        <v>333</v>
      </c>
      <c r="DI72" s="6"/>
      <c r="DJ72" s="6"/>
      <c r="DK72" s="6"/>
      <c r="DL72" s="6">
        <v>10</v>
      </c>
      <c r="DM72" s="6" t="s">
        <v>383</v>
      </c>
      <c r="DN72" s="6">
        <v>9</v>
      </c>
      <c r="DO72" s="6" t="s">
        <v>384</v>
      </c>
      <c r="DP72" s="6"/>
      <c r="DQ72" s="6"/>
    </row>
    <row r="73" spans="1:121" x14ac:dyDescent="0.2">
      <c r="A73" s="6" t="s">
        <v>317</v>
      </c>
      <c r="B73" s="6" t="s">
        <v>317</v>
      </c>
      <c r="C73" s="6" t="s">
        <v>186</v>
      </c>
      <c r="D73" s="6" t="s">
        <v>71</v>
      </c>
      <c r="E73" s="6" t="s">
        <v>212</v>
      </c>
      <c r="F73" s="11">
        <v>68</v>
      </c>
      <c r="G73" s="13">
        <v>1.84</v>
      </c>
      <c r="H73" s="11">
        <v>19</v>
      </c>
      <c r="I73" s="13">
        <v>0.51351351351351349</v>
      </c>
      <c r="J73" s="11">
        <v>15</v>
      </c>
      <c r="K73" s="13">
        <v>0.26785714285714285</v>
      </c>
      <c r="L73" s="11">
        <v>34</v>
      </c>
      <c r="M73" s="13">
        <v>0.47887323943661969</v>
      </c>
      <c r="N73" s="11">
        <v>49</v>
      </c>
      <c r="O73" s="13">
        <v>0.875</v>
      </c>
      <c r="P73" s="7">
        <v>37</v>
      </c>
      <c r="Q73" s="7">
        <v>41</v>
      </c>
      <c r="R73" s="7">
        <v>44</v>
      </c>
      <c r="S73" s="7">
        <v>48</v>
      </c>
      <c r="T73" s="7">
        <v>48</v>
      </c>
      <c r="U73" s="7">
        <v>56</v>
      </c>
      <c r="V73" s="7">
        <v>56</v>
      </c>
      <c r="W73" s="7">
        <v>63</v>
      </c>
      <c r="X73" s="7">
        <v>65</v>
      </c>
      <c r="Y73" s="7">
        <v>71</v>
      </c>
      <c r="Z73" s="7">
        <v>76</v>
      </c>
      <c r="AA73" s="7">
        <v>81</v>
      </c>
      <c r="AB73" s="7">
        <v>89</v>
      </c>
      <c r="AC73" s="7">
        <v>95</v>
      </c>
      <c r="AD73" s="7">
        <v>98</v>
      </c>
      <c r="AE73" s="7">
        <v>99</v>
      </c>
      <c r="AF73" s="7">
        <v>105</v>
      </c>
      <c r="AG73" s="9">
        <v>12293</v>
      </c>
      <c r="AH73" s="13">
        <v>0.43797206783525722</v>
      </c>
      <c r="AI73" s="9">
        <v>4931</v>
      </c>
      <c r="AJ73" s="13">
        <v>0.17568049023799345</v>
      </c>
      <c r="AK73" s="9">
        <v>3303</v>
      </c>
      <c r="AL73" s="13">
        <v>0.10009394224067396</v>
      </c>
      <c r="AM73" s="9">
        <v>4059</v>
      </c>
      <c r="AN73" s="13">
        <v>0.11181202137623272</v>
      </c>
      <c r="AO73" s="9">
        <v>7362</v>
      </c>
      <c r="AP73" s="13">
        <v>0.2230976696263523</v>
      </c>
      <c r="AQ73" s="9">
        <v>28068</v>
      </c>
      <c r="AR73" s="9">
        <v>26639</v>
      </c>
      <c r="AS73" s="9">
        <v>27904</v>
      </c>
      <c r="AT73" s="9">
        <v>30912</v>
      </c>
      <c r="AU73" s="9">
        <v>30695</v>
      </c>
      <c r="AV73" s="9">
        <v>31226</v>
      </c>
      <c r="AW73" s="9">
        <v>32999</v>
      </c>
      <c r="AX73" s="9">
        <v>33808</v>
      </c>
      <c r="AY73" s="9">
        <v>34216</v>
      </c>
      <c r="AZ73" s="9">
        <v>36302</v>
      </c>
      <c r="BA73" s="9">
        <v>39641</v>
      </c>
      <c r="BB73" s="9">
        <v>39855</v>
      </c>
      <c r="BC73" s="9">
        <v>39973</v>
      </c>
      <c r="BD73" s="9">
        <v>39886</v>
      </c>
      <c r="BE73" s="9">
        <v>39491</v>
      </c>
      <c r="BF73" s="9">
        <v>40361</v>
      </c>
      <c r="BG73" s="11">
        <v>-4</v>
      </c>
      <c r="BH73" s="13">
        <v>-0.30769230769230771</v>
      </c>
      <c r="BI73" s="6">
        <v>-3</v>
      </c>
      <c r="BJ73" s="13">
        <v>-0.23076923076923078</v>
      </c>
      <c r="BK73" s="6">
        <v>0</v>
      </c>
      <c r="BL73" s="13">
        <v>0</v>
      </c>
      <c r="BM73" s="11">
        <v>-1</v>
      </c>
      <c r="BN73" s="13">
        <v>-0.1</v>
      </c>
      <c r="BO73" s="11">
        <v>-1</v>
      </c>
      <c r="BP73" s="13">
        <v>-0.1</v>
      </c>
      <c r="BQ73" s="6">
        <v>13</v>
      </c>
      <c r="BR73" s="6">
        <v>12</v>
      </c>
      <c r="BS73" s="6">
        <v>13</v>
      </c>
      <c r="BT73" s="6">
        <v>10</v>
      </c>
      <c r="BU73" s="6">
        <v>10</v>
      </c>
      <c r="BV73" s="6">
        <v>9</v>
      </c>
      <c r="BW73" s="6">
        <v>10</v>
      </c>
      <c r="BX73" s="6">
        <v>10</v>
      </c>
      <c r="BY73" s="6">
        <v>11</v>
      </c>
      <c r="BZ73" s="6">
        <v>11</v>
      </c>
      <c r="CA73" s="6">
        <v>11</v>
      </c>
      <c r="CB73" s="6">
        <v>9</v>
      </c>
      <c r="CC73" s="11">
        <v>9</v>
      </c>
      <c r="CD73" s="11">
        <v>56</v>
      </c>
      <c r="CE73" s="11">
        <v>7</v>
      </c>
      <c r="CF73" s="11">
        <v>4</v>
      </c>
      <c r="CG73" s="11">
        <v>11</v>
      </c>
      <c r="CH73" s="20">
        <v>0.3</v>
      </c>
      <c r="CI73" s="20">
        <v>0.33</v>
      </c>
      <c r="CJ73" s="20">
        <v>0.34</v>
      </c>
      <c r="CK73" s="20">
        <v>0.38</v>
      </c>
      <c r="CL73" s="20">
        <v>0.4</v>
      </c>
      <c r="CM73" s="20">
        <v>0.44</v>
      </c>
      <c r="CN73" s="20">
        <v>0.43</v>
      </c>
      <c r="CO73" s="20">
        <v>0.46</v>
      </c>
      <c r="CP73" s="20">
        <v>0.49</v>
      </c>
      <c r="CQ73" s="20">
        <v>0.53</v>
      </c>
      <c r="CR73" s="20">
        <v>0.57999999999999996</v>
      </c>
      <c r="CS73" s="20">
        <v>0.62</v>
      </c>
      <c r="CT73" s="20">
        <v>0.68</v>
      </c>
      <c r="CU73" s="20">
        <v>0.74</v>
      </c>
      <c r="CV73" s="20">
        <v>0.77</v>
      </c>
      <c r="CW73" s="20">
        <v>0.77</v>
      </c>
      <c r="CX73" s="20">
        <v>0.8</v>
      </c>
      <c r="CY73" s="6" t="s">
        <v>381</v>
      </c>
      <c r="CZ73" s="6" t="s">
        <v>382</v>
      </c>
      <c r="DA73" s="6" t="s">
        <v>71</v>
      </c>
      <c r="DB73" s="6"/>
      <c r="DC73" s="6"/>
      <c r="DD73" s="6"/>
      <c r="DE73" s="6"/>
      <c r="DF73" s="6"/>
      <c r="DG73" s="6"/>
      <c r="DH73" s="6" t="s">
        <v>333</v>
      </c>
      <c r="DI73" s="6"/>
      <c r="DJ73" s="6"/>
      <c r="DK73" s="6"/>
      <c r="DL73" s="6">
        <v>10</v>
      </c>
      <c r="DM73" s="6" t="s">
        <v>383</v>
      </c>
      <c r="DN73" s="6">
        <v>9</v>
      </c>
      <c r="DO73" s="6" t="s">
        <v>384</v>
      </c>
      <c r="DP73" s="6"/>
      <c r="DQ73" s="6"/>
    </row>
    <row r="74" spans="1:121" x14ac:dyDescent="0.2">
      <c r="A74" s="6" t="s">
        <v>318</v>
      </c>
      <c r="B74" s="6" t="s">
        <v>318</v>
      </c>
      <c r="C74" s="6" t="s">
        <v>187</v>
      </c>
      <c r="D74" s="6" t="s">
        <v>71</v>
      </c>
      <c r="E74" s="6" t="s">
        <v>212</v>
      </c>
      <c r="F74" s="11">
        <v>0</v>
      </c>
      <c r="G74" s="13">
        <v>0</v>
      </c>
      <c r="H74" s="11">
        <v>0</v>
      </c>
      <c r="I74" s="13"/>
      <c r="J74" s="11">
        <v>0</v>
      </c>
      <c r="K74" s="13"/>
      <c r="L74" s="11">
        <v>0</v>
      </c>
      <c r="M74" s="13"/>
      <c r="N74" s="11">
        <v>0</v>
      </c>
      <c r="O74" s="13"/>
      <c r="P74" s="7">
        <v>0</v>
      </c>
      <c r="Q74" s="7">
        <v>0</v>
      </c>
      <c r="R74" s="7">
        <v>0</v>
      </c>
      <c r="S74" s="7">
        <v>0</v>
      </c>
      <c r="T74" s="7">
        <v>0</v>
      </c>
      <c r="U74" s="7">
        <v>0</v>
      </c>
      <c r="V74" s="7">
        <v>0</v>
      </c>
      <c r="W74" s="7">
        <v>0</v>
      </c>
      <c r="X74" s="7">
        <v>0</v>
      </c>
      <c r="Y74" s="7">
        <v>0</v>
      </c>
      <c r="Z74" s="7">
        <v>0</v>
      </c>
      <c r="AA74" s="7">
        <v>0</v>
      </c>
      <c r="AB74" s="7">
        <v>0</v>
      </c>
      <c r="AC74" s="7">
        <v>0</v>
      </c>
      <c r="AD74" s="7">
        <v>0</v>
      </c>
      <c r="AE74" s="7">
        <v>0</v>
      </c>
      <c r="AF74" s="7">
        <v>0</v>
      </c>
      <c r="AG74" s="9">
        <v>0</v>
      </c>
      <c r="AH74" s="13"/>
      <c r="AI74" s="9">
        <v>0</v>
      </c>
      <c r="AJ74" s="13"/>
      <c r="AK74" s="9">
        <v>0</v>
      </c>
      <c r="AL74" s="13"/>
      <c r="AM74" s="9">
        <v>0</v>
      </c>
      <c r="AN74" s="13"/>
      <c r="AO74" s="9">
        <v>0</v>
      </c>
      <c r="AP74" s="13"/>
      <c r="AQ74" s="9">
        <v>0</v>
      </c>
      <c r="AR74" s="9">
        <v>0</v>
      </c>
      <c r="AS74" s="9">
        <v>0</v>
      </c>
      <c r="AT74" s="9">
        <v>0</v>
      </c>
      <c r="AU74" s="9">
        <v>0</v>
      </c>
      <c r="AV74" s="9">
        <v>0</v>
      </c>
      <c r="AW74" s="9">
        <v>0</v>
      </c>
      <c r="AX74" s="9">
        <v>0</v>
      </c>
      <c r="AY74" s="9">
        <v>0</v>
      </c>
      <c r="AZ74" s="9">
        <v>0</v>
      </c>
      <c r="BA74" s="9">
        <v>0</v>
      </c>
      <c r="BB74" s="9">
        <v>0</v>
      </c>
      <c r="BC74" s="9">
        <v>0</v>
      </c>
      <c r="BD74" s="9">
        <v>0</v>
      </c>
      <c r="BE74" s="9">
        <v>0</v>
      </c>
      <c r="BF74" s="9">
        <v>0</v>
      </c>
      <c r="BG74" s="11">
        <v>0</v>
      </c>
      <c r="BH74" s="13" t="e">
        <v>#DIV/0!</v>
      </c>
      <c r="BI74" s="6">
        <v>0</v>
      </c>
      <c r="BJ74" s="13" t="e">
        <v>#DIV/0!</v>
      </c>
      <c r="BK74" s="6">
        <v>0</v>
      </c>
      <c r="BL74" s="13" t="e">
        <v>#DIV/0!</v>
      </c>
      <c r="BM74" s="11">
        <v>0</v>
      </c>
      <c r="BN74" s="13" t="e">
        <v>#DIV/0!</v>
      </c>
      <c r="BO74" s="11">
        <v>0</v>
      </c>
      <c r="BP74" s="13" t="e">
        <v>#DIV/0!</v>
      </c>
      <c r="BQ74" s="6">
        <v>0</v>
      </c>
      <c r="BR74" s="6">
        <v>0</v>
      </c>
      <c r="BS74" s="6">
        <v>0</v>
      </c>
      <c r="BT74" s="6">
        <v>0</v>
      </c>
      <c r="BU74" s="6">
        <v>0</v>
      </c>
      <c r="BV74" s="6">
        <v>0</v>
      </c>
      <c r="BW74" s="6">
        <v>0</v>
      </c>
      <c r="BX74" s="6">
        <v>0</v>
      </c>
      <c r="BY74" s="6">
        <v>0</v>
      </c>
      <c r="BZ74" s="6">
        <v>0</v>
      </c>
      <c r="CA74" s="6">
        <v>0</v>
      </c>
      <c r="CB74" s="6">
        <v>0</v>
      </c>
      <c r="CC74" s="11">
        <v>0</v>
      </c>
      <c r="CD74" s="11">
        <v>0</v>
      </c>
      <c r="CE74" s="11">
        <v>0</v>
      </c>
      <c r="CF74" s="11">
        <v>0</v>
      </c>
      <c r="CG74" s="11">
        <v>0</v>
      </c>
      <c r="CH74" s="20">
        <v>0</v>
      </c>
      <c r="CI74" s="20">
        <v>0</v>
      </c>
      <c r="CJ74" s="20">
        <v>0</v>
      </c>
      <c r="CK74" s="20">
        <v>0</v>
      </c>
      <c r="CL74" s="20">
        <v>0</v>
      </c>
      <c r="CM74" s="20">
        <v>0</v>
      </c>
      <c r="CN74" s="20">
        <v>0</v>
      </c>
      <c r="CO74" s="20">
        <v>0</v>
      </c>
      <c r="CP74" s="20">
        <v>0</v>
      </c>
      <c r="CQ74" s="20">
        <v>0</v>
      </c>
      <c r="CR74" s="20">
        <v>0</v>
      </c>
      <c r="CS74" s="20">
        <v>0</v>
      </c>
      <c r="CT74" s="20">
        <v>0</v>
      </c>
      <c r="CU74" s="20">
        <v>0</v>
      </c>
      <c r="CV74" s="20">
        <v>0</v>
      </c>
      <c r="CW74" s="20">
        <v>0</v>
      </c>
      <c r="CX74" s="20">
        <v>0</v>
      </c>
      <c r="CY74" s="6" t="s">
        <v>381</v>
      </c>
      <c r="CZ74" s="6" t="s">
        <v>382</v>
      </c>
      <c r="DA74" s="6" t="s">
        <v>71</v>
      </c>
      <c r="DB74" s="6"/>
      <c r="DC74" s="6"/>
      <c r="DD74" s="6"/>
      <c r="DE74" s="6"/>
      <c r="DF74" s="6"/>
      <c r="DG74" s="6"/>
      <c r="DH74" s="6" t="s">
        <v>333</v>
      </c>
      <c r="DI74" s="6"/>
      <c r="DJ74" s="6"/>
      <c r="DK74" s="6"/>
      <c r="DL74" s="6">
        <v>10</v>
      </c>
      <c r="DM74" s="6" t="s">
        <v>383</v>
      </c>
      <c r="DN74" s="6">
        <v>9</v>
      </c>
      <c r="DO74" s="6" t="s">
        <v>384</v>
      </c>
      <c r="DP74" s="6"/>
      <c r="DQ74" s="6"/>
    </row>
    <row r="75" spans="1:121" x14ac:dyDescent="0.2">
      <c r="A75" s="6" t="s">
        <v>319</v>
      </c>
      <c r="B75" s="6" t="s">
        <v>319</v>
      </c>
      <c r="C75" s="6" t="s">
        <v>188</v>
      </c>
      <c r="D75" s="6" t="s">
        <v>71</v>
      </c>
      <c r="E75" s="6" t="s">
        <v>212</v>
      </c>
      <c r="F75" s="11">
        <v>1</v>
      </c>
      <c r="G75" s="13">
        <v>2.3255813953500001E-2</v>
      </c>
      <c r="H75" s="11">
        <v>1.5378688870999966</v>
      </c>
      <c r="I75" s="13">
        <v>3.5993762549876185E-2</v>
      </c>
      <c r="J75" s="11">
        <v>14.107116892900002</v>
      </c>
      <c r="K75" s="13">
        <v>0.31870513497858644</v>
      </c>
      <c r="L75" s="11">
        <v>-13.9950385227</v>
      </c>
      <c r="M75" s="13">
        <v>-0.23976025776665064</v>
      </c>
      <c r="N75" s="11">
        <v>0.11207837020000255</v>
      </c>
      <c r="O75" s="13">
        <v>2.5320518979146862E-3</v>
      </c>
      <c r="P75" s="7">
        <v>42.725983008</v>
      </c>
      <c r="Q75" s="7">
        <v>26.331103327899999</v>
      </c>
      <c r="R75" s="7">
        <v>48.1907360668</v>
      </c>
      <c r="S75" s="7">
        <v>38.750248043900001</v>
      </c>
      <c r="T75" s="7">
        <v>32.570436035500002</v>
      </c>
      <c r="U75" s="7">
        <v>34.089949829399998</v>
      </c>
      <c r="V75" s="7">
        <v>44.263851895099997</v>
      </c>
      <c r="W75" s="7">
        <v>58.393776905300001</v>
      </c>
      <c r="X75" s="7">
        <v>61.725688080200001</v>
      </c>
      <c r="Y75" s="7">
        <v>58.370968787999999</v>
      </c>
      <c r="Z75" s="7">
        <v>60.5896756295</v>
      </c>
      <c r="AA75" s="7">
        <v>55.191457319599998</v>
      </c>
      <c r="AB75" s="7">
        <v>44.888495072600001</v>
      </c>
      <c r="AC75" s="7">
        <v>47.058227046900001</v>
      </c>
      <c r="AD75" s="7">
        <v>40.966740231999999</v>
      </c>
      <c r="AE75" s="7">
        <v>44.191896544999999</v>
      </c>
      <c r="AF75" s="7">
        <v>44.375930265299999</v>
      </c>
      <c r="AG75" s="9">
        <v>-3323.1853476000033</v>
      </c>
      <c r="AH75" s="13">
        <v>-0.16170851420129051</v>
      </c>
      <c r="AI75" s="9">
        <v>-5739.4609138000014</v>
      </c>
      <c r="AJ75" s="13">
        <v>-0.27928616661639571</v>
      </c>
      <c r="AK75" s="9">
        <v>5418.1449425999999</v>
      </c>
      <c r="AL75" s="13">
        <v>0.36581885263190222</v>
      </c>
      <c r="AM75" s="9">
        <v>-3001.8693764000018</v>
      </c>
      <c r="AN75" s="13">
        <v>-0.14839325179533805</v>
      </c>
      <c r="AO75" s="9">
        <v>2416.2755661999981</v>
      </c>
      <c r="AP75" s="13">
        <v>0.16314055172647668</v>
      </c>
      <c r="AQ75" s="9">
        <v>20550.466152100002</v>
      </c>
      <c r="AR75" s="9">
        <v>18490.994184300002</v>
      </c>
      <c r="AS75" s="9">
        <v>18851.590315400001</v>
      </c>
      <c r="AT75" s="9">
        <v>17896.868384099998</v>
      </c>
      <c r="AU75" s="9">
        <v>16400.2830024</v>
      </c>
      <c r="AV75" s="9">
        <v>17353.825314099999</v>
      </c>
      <c r="AW75" s="9">
        <v>14811.0052383</v>
      </c>
      <c r="AX75" s="9">
        <v>16688.621060099998</v>
      </c>
      <c r="AY75" s="9">
        <v>19534.7660019</v>
      </c>
      <c r="AZ75" s="9">
        <v>20229.1501809</v>
      </c>
      <c r="BA75" s="9">
        <v>18801.356785799999</v>
      </c>
      <c r="BB75" s="9">
        <v>16544.877372700001</v>
      </c>
      <c r="BC75" s="9">
        <v>18732.265473200001</v>
      </c>
      <c r="BD75" s="9">
        <v>18960.214305199999</v>
      </c>
      <c r="BE75" s="9">
        <v>17507.694967899999</v>
      </c>
      <c r="BF75" s="9">
        <v>17227.280804499998</v>
      </c>
      <c r="BG75" s="11">
        <v>0</v>
      </c>
      <c r="BH75" s="13">
        <v>0</v>
      </c>
      <c r="BI75" s="6">
        <v>1</v>
      </c>
      <c r="BJ75" s="13">
        <v>0.25</v>
      </c>
      <c r="BK75" s="6">
        <v>1</v>
      </c>
      <c r="BL75" s="13">
        <v>0.2</v>
      </c>
      <c r="BM75" s="11">
        <v>-2</v>
      </c>
      <c r="BN75" s="13">
        <v>-0.33333333333333331</v>
      </c>
      <c r="BO75" s="11">
        <v>-1</v>
      </c>
      <c r="BP75" s="13">
        <v>-0.2</v>
      </c>
      <c r="BQ75" s="6">
        <v>4</v>
      </c>
      <c r="BR75" s="6">
        <v>5</v>
      </c>
      <c r="BS75" s="6">
        <v>5</v>
      </c>
      <c r="BT75" s="6">
        <v>5</v>
      </c>
      <c r="BU75" s="6">
        <v>7</v>
      </c>
      <c r="BV75" s="6">
        <v>6</v>
      </c>
      <c r="BW75" s="6">
        <v>6</v>
      </c>
      <c r="BX75" s="6">
        <v>5</v>
      </c>
      <c r="BY75" s="6">
        <v>4</v>
      </c>
      <c r="BZ75" s="6">
        <v>4</v>
      </c>
      <c r="CA75" s="6">
        <v>5</v>
      </c>
      <c r="CB75" s="6">
        <v>5</v>
      </c>
      <c r="CC75" s="11">
        <v>4</v>
      </c>
      <c r="CD75" s="11">
        <v>-6.8646799999999999</v>
      </c>
      <c r="CE75" s="11">
        <v>3.8441700000000001</v>
      </c>
      <c r="CF75" s="11">
        <v>4.6704600000000003</v>
      </c>
      <c r="CG75" s="11">
        <v>9</v>
      </c>
      <c r="CH75" s="20">
        <v>0.31891399999999998</v>
      </c>
      <c r="CI75" s="20">
        <v>0.19497500000000001</v>
      </c>
      <c r="CJ75" s="20">
        <v>0.34893099999999999</v>
      </c>
      <c r="CK75" s="20">
        <v>0.28068799999999999</v>
      </c>
      <c r="CL75" s="20">
        <v>0.24954899999999999</v>
      </c>
      <c r="CM75" s="20">
        <v>0.250911</v>
      </c>
      <c r="CN75" s="20">
        <v>0.31904399999999999</v>
      </c>
      <c r="CO75" s="20">
        <v>0.43834699999999999</v>
      </c>
      <c r="CP75" s="20">
        <v>0.49313200000000001</v>
      </c>
      <c r="CQ75" s="20">
        <v>0.45196900000000001</v>
      </c>
      <c r="CR75" s="20">
        <v>0.47250999999999999</v>
      </c>
      <c r="CS75" s="20">
        <v>0.43042999999999998</v>
      </c>
      <c r="CT75" s="20">
        <v>0.35274699999999998</v>
      </c>
      <c r="CU75" s="20">
        <v>0.36806</v>
      </c>
      <c r="CV75" s="20">
        <v>0.32565899999999998</v>
      </c>
      <c r="CW75" s="20">
        <v>0.35111100000000001</v>
      </c>
      <c r="CX75" s="20">
        <v>0.34913699999999998</v>
      </c>
      <c r="CY75" s="6" t="s">
        <v>381</v>
      </c>
      <c r="CZ75" s="6" t="s">
        <v>382</v>
      </c>
      <c r="DA75" s="6" t="s">
        <v>71</v>
      </c>
      <c r="DB75" s="6"/>
      <c r="DC75" s="6"/>
      <c r="DD75" s="6"/>
      <c r="DE75" s="6"/>
      <c r="DF75" s="6"/>
      <c r="DG75" s="6"/>
      <c r="DH75" s="6" t="s">
        <v>333</v>
      </c>
      <c r="DI75" s="6"/>
      <c r="DJ75" s="6"/>
      <c r="DK75" s="6"/>
      <c r="DL75" s="6">
        <v>10</v>
      </c>
      <c r="DM75" s="6" t="s">
        <v>383</v>
      </c>
      <c r="DN75" s="6">
        <v>9</v>
      </c>
      <c r="DO75" s="6" t="s">
        <v>384</v>
      </c>
      <c r="DP75" s="6"/>
      <c r="DQ75" s="6"/>
    </row>
    <row r="76" spans="1:121" x14ac:dyDescent="0.2">
      <c r="A76" s="6" t="s">
        <v>320</v>
      </c>
      <c r="B76" s="6" t="s">
        <v>320</v>
      </c>
      <c r="C76" s="6" t="s">
        <v>189</v>
      </c>
      <c r="D76" s="6" t="s">
        <v>71</v>
      </c>
      <c r="E76" s="6" t="s">
        <v>212</v>
      </c>
      <c r="F76" s="11">
        <v>0</v>
      </c>
      <c r="G76" s="13">
        <v>0</v>
      </c>
      <c r="H76" s="11">
        <v>13.201564886</v>
      </c>
      <c r="I76" s="13"/>
      <c r="J76" s="11">
        <v>-8.2015648859999999</v>
      </c>
      <c r="K76" s="13">
        <v>-0.62125702193817933</v>
      </c>
      <c r="L76" s="11">
        <v>-5</v>
      </c>
      <c r="M76" s="13">
        <v>-1</v>
      </c>
      <c r="N76" s="11">
        <v>-13.201564886</v>
      </c>
      <c r="O76" s="13">
        <v>-1</v>
      </c>
      <c r="P76" s="7">
        <v>0</v>
      </c>
      <c r="Q76" s="7">
        <v>0</v>
      </c>
      <c r="R76" s="7">
        <v>0</v>
      </c>
      <c r="S76" s="7">
        <v>0</v>
      </c>
      <c r="T76" s="7">
        <v>0</v>
      </c>
      <c r="U76" s="7">
        <v>5</v>
      </c>
      <c r="V76" s="7">
        <v>13.201564886</v>
      </c>
      <c r="W76" s="7">
        <v>5</v>
      </c>
      <c r="X76" s="7">
        <v>5</v>
      </c>
      <c r="Y76" s="7">
        <v>5</v>
      </c>
      <c r="Z76" s="7">
        <v>5</v>
      </c>
      <c r="AA76" s="7">
        <v>0</v>
      </c>
      <c r="AB76" s="7">
        <v>0</v>
      </c>
      <c r="AC76" s="7">
        <v>0</v>
      </c>
      <c r="AD76" s="7">
        <v>0</v>
      </c>
      <c r="AE76" s="7">
        <v>0</v>
      </c>
      <c r="AF76" s="7">
        <v>0</v>
      </c>
      <c r="AG76" s="9">
        <v>0</v>
      </c>
      <c r="AH76" s="13"/>
      <c r="AI76" s="9">
        <v>40757.813858100002</v>
      </c>
      <c r="AJ76" s="13"/>
      <c r="AK76" s="9">
        <v>-40756.813858100002</v>
      </c>
      <c r="AL76" s="13">
        <v>-0.99997546482734623</v>
      </c>
      <c r="AM76" s="9">
        <v>-1</v>
      </c>
      <c r="AN76" s="13">
        <v>-1</v>
      </c>
      <c r="AO76" s="9">
        <v>-40757.813858100002</v>
      </c>
      <c r="AP76" s="13">
        <v>-1</v>
      </c>
      <c r="AQ76" s="9">
        <v>0</v>
      </c>
      <c r="AR76" s="9">
        <v>0</v>
      </c>
      <c r="AS76" s="9">
        <v>0</v>
      </c>
      <c r="AT76" s="9">
        <v>0</v>
      </c>
      <c r="AU76" s="9">
        <v>0</v>
      </c>
      <c r="AV76" s="9">
        <v>1</v>
      </c>
      <c r="AW76" s="9">
        <v>40757.813858100002</v>
      </c>
      <c r="AX76" s="9">
        <v>1</v>
      </c>
      <c r="AY76" s="9">
        <v>1</v>
      </c>
      <c r="AZ76" s="9">
        <v>1</v>
      </c>
      <c r="BA76" s="9">
        <v>1</v>
      </c>
      <c r="BB76" s="9">
        <v>0</v>
      </c>
      <c r="BC76" s="9">
        <v>0</v>
      </c>
      <c r="BD76" s="9">
        <v>0</v>
      </c>
      <c r="BE76" s="9">
        <v>0</v>
      </c>
      <c r="BF76" s="9">
        <v>0</v>
      </c>
      <c r="BG76" s="11">
        <v>0</v>
      </c>
      <c r="BH76" s="13" t="e">
        <v>#DIV/0!</v>
      </c>
      <c r="BI76" s="6">
        <v>1</v>
      </c>
      <c r="BJ76" s="13" t="e">
        <v>#DIV/0!</v>
      </c>
      <c r="BK76" s="6">
        <v>-1</v>
      </c>
      <c r="BL76" s="13">
        <v>-1</v>
      </c>
      <c r="BM76" s="11">
        <v>0</v>
      </c>
      <c r="BN76" s="13" t="e">
        <v>#DIV/0!</v>
      </c>
      <c r="BO76" s="11">
        <v>-1</v>
      </c>
      <c r="BP76" s="13">
        <v>-1</v>
      </c>
      <c r="BQ76" s="6">
        <v>0</v>
      </c>
      <c r="BR76" s="6">
        <v>0</v>
      </c>
      <c r="BS76" s="6">
        <v>1</v>
      </c>
      <c r="BT76" s="6">
        <v>1</v>
      </c>
      <c r="BU76" s="6">
        <v>0</v>
      </c>
      <c r="BV76" s="6">
        <v>1</v>
      </c>
      <c r="BW76" s="6">
        <v>0</v>
      </c>
      <c r="BX76" s="6">
        <v>0</v>
      </c>
      <c r="BY76" s="6">
        <v>0</v>
      </c>
      <c r="BZ76" s="6">
        <v>0</v>
      </c>
      <c r="CA76" s="6">
        <v>0</v>
      </c>
      <c r="CB76" s="6">
        <v>0</v>
      </c>
      <c r="CC76" s="11">
        <v>0</v>
      </c>
      <c r="CD76" s="11">
        <v>0</v>
      </c>
      <c r="CE76" s="11">
        <v>0</v>
      </c>
      <c r="CF76" s="11">
        <v>0</v>
      </c>
      <c r="CG76" s="11">
        <v>0</v>
      </c>
      <c r="CH76" s="20">
        <v>0</v>
      </c>
      <c r="CI76" s="20">
        <v>0</v>
      </c>
      <c r="CJ76" s="20">
        <v>0</v>
      </c>
      <c r="CK76" s="20">
        <v>0</v>
      </c>
      <c r="CL76" s="20">
        <v>0</v>
      </c>
      <c r="CM76" s="20">
        <v>0.20719799999999999</v>
      </c>
      <c r="CN76" s="20">
        <v>0.26667600000000002</v>
      </c>
      <c r="CO76" s="20">
        <v>2.4354500000000001E-2</v>
      </c>
      <c r="CP76" s="20">
        <v>8.0379300000000001E-2</v>
      </c>
      <c r="CQ76" s="20">
        <v>1.4800300000000001E-2</v>
      </c>
      <c r="CR76" s="20">
        <v>1.5996400000000001E-2</v>
      </c>
      <c r="CS76" s="20">
        <v>0</v>
      </c>
      <c r="CT76" s="20">
        <v>0</v>
      </c>
      <c r="CU76" s="20">
        <v>0</v>
      </c>
      <c r="CV76" s="20">
        <v>0</v>
      </c>
      <c r="CW76" s="20">
        <v>0</v>
      </c>
      <c r="CX76" s="20">
        <v>0</v>
      </c>
      <c r="CY76" s="6" t="s">
        <v>381</v>
      </c>
      <c r="CZ76" s="6" t="s">
        <v>382</v>
      </c>
      <c r="DA76" s="6" t="s">
        <v>71</v>
      </c>
      <c r="DB76" s="6"/>
      <c r="DC76" s="6"/>
      <c r="DD76" s="6"/>
      <c r="DE76" s="6"/>
      <c r="DF76" s="6"/>
      <c r="DG76" s="6"/>
      <c r="DH76" s="6" t="s">
        <v>333</v>
      </c>
      <c r="DI76" s="6"/>
      <c r="DJ76" s="6"/>
      <c r="DK76" s="6"/>
      <c r="DL76" s="6">
        <v>10</v>
      </c>
      <c r="DM76" s="6" t="s">
        <v>383</v>
      </c>
      <c r="DN76" s="6">
        <v>9</v>
      </c>
      <c r="DO76" s="6" t="s">
        <v>384</v>
      </c>
      <c r="DP76" s="6"/>
      <c r="DQ76" s="6"/>
    </row>
    <row r="77" spans="1:121" x14ac:dyDescent="0.2">
      <c r="A77" s="6" t="s">
        <v>321</v>
      </c>
      <c r="B77" s="6" t="s">
        <v>321</v>
      </c>
      <c r="C77" s="6" t="s">
        <v>190</v>
      </c>
      <c r="D77" s="6" t="s">
        <v>71</v>
      </c>
      <c r="E77" s="6" t="s">
        <v>212</v>
      </c>
      <c r="F77" s="11">
        <v>-168</v>
      </c>
      <c r="G77" s="13">
        <v>-0.33600000000000002</v>
      </c>
      <c r="H77" s="11">
        <v>-207.393498497</v>
      </c>
      <c r="I77" s="13">
        <v>-0.41456092561535635</v>
      </c>
      <c r="J77" s="11">
        <v>-2.6619793859999845</v>
      </c>
      <c r="K77" s="13">
        <v>-9.0890022331790426E-3</v>
      </c>
      <c r="L77" s="11">
        <v>42.148036402999992</v>
      </c>
      <c r="M77" s="13">
        <v>0.14522929196505829</v>
      </c>
      <c r="N77" s="11">
        <v>39.486057017000007</v>
      </c>
      <c r="O77" s="13">
        <v>0.13482030037288581</v>
      </c>
      <c r="P77" s="7">
        <v>500.272663636</v>
      </c>
      <c r="Q77" s="7">
        <v>489.86429645599998</v>
      </c>
      <c r="R77" s="7">
        <v>493.43912853099999</v>
      </c>
      <c r="S77" s="7">
        <v>414.06874345900002</v>
      </c>
      <c r="T77" s="7">
        <v>315.84550108000002</v>
      </c>
      <c r="U77" s="7">
        <v>309.86741204600003</v>
      </c>
      <c r="V77" s="7">
        <v>292.87916513900001</v>
      </c>
      <c r="W77" s="7">
        <v>312.21148552900002</v>
      </c>
      <c r="X77" s="7">
        <v>289.19826535599998</v>
      </c>
      <c r="Y77" s="7">
        <v>290.21718575300002</v>
      </c>
      <c r="Z77" s="7">
        <v>271.420518577</v>
      </c>
      <c r="AA77" s="7">
        <v>282.21731589500001</v>
      </c>
      <c r="AB77" s="7">
        <v>312.19903962799998</v>
      </c>
      <c r="AC77" s="7">
        <v>303.66784026699997</v>
      </c>
      <c r="AD77" s="7">
        <v>312.34252061900003</v>
      </c>
      <c r="AE77" s="7">
        <v>325.51641150900002</v>
      </c>
      <c r="AF77" s="7">
        <v>332.36522215600002</v>
      </c>
      <c r="AG77" s="9">
        <v>8370.0743758999997</v>
      </c>
      <c r="AH77" s="13">
        <v>0.33772189675341541</v>
      </c>
      <c r="AI77" s="9">
        <v>2182.6550405999988</v>
      </c>
      <c r="AJ77" s="13">
        <v>8.8067365612933879E-2</v>
      </c>
      <c r="AK77" s="9">
        <v>3798.8956725000025</v>
      </c>
      <c r="AL77" s="13">
        <v>0.14087420713785839</v>
      </c>
      <c r="AM77" s="9">
        <v>2388.5236627999984</v>
      </c>
      <c r="AN77" s="13">
        <v>7.7636492132964183E-2</v>
      </c>
      <c r="AO77" s="9">
        <v>6187.419335300001</v>
      </c>
      <c r="AP77" s="13">
        <v>0.22944767854501849</v>
      </c>
      <c r="AQ77" s="9">
        <v>24783.9256393</v>
      </c>
      <c r="AR77" s="9">
        <v>25602.964902799999</v>
      </c>
      <c r="AS77" s="9">
        <v>25353.4845355</v>
      </c>
      <c r="AT77" s="9">
        <v>26351.646298799998</v>
      </c>
      <c r="AU77" s="9">
        <v>26689.9049294</v>
      </c>
      <c r="AV77" s="9">
        <v>28173.964701000001</v>
      </c>
      <c r="AW77" s="9">
        <v>26966.580679899998</v>
      </c>
      <c r="AX77" s="9">
        <v>29900.996636899999</v>
      </c>
      <c r="AY77" s="9">
        <v>29751.660610800001</v>
      </c>
      <c r="AZ77" s="9">
        <v>30765.476352400001</v>
      </c>
      <c r="BA77" s="9">
        <v>31931.4948821</v>
      </c>
      <c r="BB77" s="9">
        <v>30721.112169299999</v>
      </c>
      <c r="BC77" s="9">
        <v>30580.151680800001</v>
      </c>
      <c r="BD77" s="9">
        <v>30479.0827641</v>
      </c>
      <c r="BE77" s="9">
        <v>32251.034290600001</v>
      </c>
      <c r="BF77" s="9">
        <v>33154.000015199999</v>
      </c>
      <c r="BG77" s="11">
        <v>25</v>
      </c>
      <c r="BH77" s="13">
        <v>1.3157894736842106</v>
      </c>
      <c r="BI77" s="6">
        <v>-2</v>
      </c>
      <c r="BJ77" s="13">
        <v>-0.10526315789473684</v>
      </c>
      <c r="BK77" s="6">
        <v>1</v>
      </c>
      <c r="BL77" s="13">
        <v>5.8823529411764705E-2</v>
      </c>
      <c r="BM77" s="11">
        <v>26</v>
      </c>
      <c r="BN77" s="13">
        <v>1.4444444444444444</v>
      </c>
      <c r="BO77" s="11">
        <v>27</v>
      </c>
      <c r="BP77" s="13">
        <v>1.588235294117647</v>
      </c>
      <c r="BQ77" s="6">
        <v>19</v>
      </c>
      <c r="BR77" s="6">
        <v>17</v>
      </c>
      <c r="BS77" s="6">
        <v>17</v>
      </c>
      <c r="BT77" s="6">
        <v>17</v>
      </c>
      <c r="BU77" s="6">
        <v>18</v>
      </c>
      <c r="BV77" s="6">
        <v>19</v>
      </c>
      <c r="BW77" s="6">
        <v>18</v>
      </c>
      <c r="BX77" s="6">
        <v>17</v>
      </c>
      <c r="BY77" s="6">
        <v>18</v>
      </c>
      <c r="BZ77" s="6">
        <v>40</v>
      </c>
      <c r="CA77" s="6">
        <v>39</v>
      </c>
      <c r="CB77" s="6">
        <v>40</v>
      </c>
      <c r="CC77" s="11">
        <v>44</v>
      </c>
      <c r="CD77" s="11">
        <v>-404.77600000000001</v>
      </c>
      <c r="CE77" s="11">
        <v>182.18299999999999</v>
      </c>
      <c r="CF77" s="11">
        <v>54.6858</v>
      </c>
      <c r="CG77" s="11">
        <v>237</v>
      </c>
      <c r="CH77" s="20">
        <v>2.26627</v>
      </c>
      <c r="CI77" s="20">
        <v>2.11904</v>
      </c>
      <c r="CJ77" s="20">
        <v>2.02345</v>
      </c>
      <c r="CK77" s="20">
        <v>1.7196400000000001</v>
      </c>
      <c r="CL77" s="20">
        <v>1.4031899999999999</v>
      </c>
      <c r="CM77" s="20">
        <v>1.3247199999999999</v>
      </c>
      <c r="CN77" s="20">
        <v>1.2043600000000001</v>
      </c>
      <c r="CO77" s="20">
        <v>1.2469300000000001</v>
      </c>
      <c r="CP77" s="20">
        <v>1.0966100000000001</v>
      </c>
      <c r="CQ77" s="20">
        <v>1.08134</v>
      </c>
      <c r="CR77" s="20">
        <v>1.0443199999999999</v>
      </c>
      <c r="CS77" s="20">
        <v>1.07833</v>
      </c>
      <c r="CT77" s="20">
        <v>1.2112799999999999</v>
      </c>
      <c r="CU77" s="20">
        <v>1.1891400000000001</v>
      </c>
      <c r="CV77" s="20">
        <v>1.24403</v>
      </c>
      <c r="CW77" s="20">
        <v>1.2897000000000001</v>
      </c>
      <c r="CX77" s="20">
        <v>1.2917099999999999</v>
      </c>
      <c r="CY77" s="6" t="s">
        <v>381</v>
      </c>
      <c r="CZ77" s="6" t="s">
        <v>382</v>
      </c>
      <c r="DA77" s="6" t="s">
        <v>71</v>
      </c>
      <c r="DB77" s="6"/>
      <c r="DC77" s="6"/>
      <c r="DD77" s="6"/>
      <c r="DE77" s="6"/>
      <c r="DF77" s="6"/>
      <c r="DG77" s="6"/>
      <c r="DH77" s="6" t="s">
        <v>333</v>
      </c>
      <c r="DI77" s="6"/>
      <c r="DJ77" s="6"/>
      <c r="DK77" s="6"/>
      <c r="DL77" s="6">
        <v>10</v>
      </c>
      <c r="DM77" s="6" t="s">
        <v>383</v>
      </c>
      <c r="DN77" s="6">
        <v>9</v>
      </c>
      <c r="DO77" s="6" t="s">
        <v>384</v>
      </c>
      <c r="DP77" s="6"/>
      <c r="DQ77" s="6"/>
    </row>
    <row r="78" spans="1:121" x14ac:dyDescent="0.2">
      <c r="A78" s="6" t="s">
        <v>322</v>
      </c>
      <c r="B78" s="6" t="s">
        <v>322</v>
      </c>
      <c r="C78" s="6" t="s">
        <v>191</v>
      </c>
      <c r="D78" s="6" t="s">
        <v>71</v>
      </c>
      <c r="E78" s="6" t="s">
        <v>212</v>
      </c>
      <c r="F78" s="11">
        <v>4</v>
      </c>
      <c r="G78" s="13">
        <v>0.31</v>
      </c>
      <c r="H78" s="11">
        <v>1</v>
      </c>
      <c r="I78" s="13">
        <v>7.6923076923076927E-2</v>
      </c>
      <c r="J78" s="11">
        <v>-2</v>
      </c>
      <c r="K78" s="13">
        <v>-0.14285714285714285</v>
      </c>
      <c r="L78" s="11">
        <v>5</v>
      </c>
      <c r="M78" s="13">
        <v>0.41666666666666674</v>
      </c>
      <c r="N78" s="11">
        <v>3</v>
      </c>
      <c r="O78" s="13">
        <v>0.21428571428571427</v>
      </c>
      <c r="P78" s="7">
        <v>13</v>
      </c>
      <c r="Q78" s="7">
        <v>11</v>
      </c>
      <c r="R78" s="7">
        <v>12</v>
      </c>
      <c r="S78" s="7">
        <v>11</v>
      </c>
      <c r="T78" s="7">
        <v>12</v>
      </c>
      <c r="U78" s="7">
        <v>11</v>
      </c>
      <c r="V78" s="7">
        <v>14</v>
      </c>
      <c r="W78" s="7">
        <v>13</v>
      </c>
      <c r="X78" s="7">
        <v>14</v>
      </c>
      <c r="Y78" s="7">
        <v>12</v>
      </c>
      <c r="Z78" s="7">
        <v>11</v>
      </c>
      <c r="AA78" s="7">
        <v>13</v>
      </c>
      <c r="AB78" s="7">
        <v>14</v>
      </c>
      <c r="AC78" s="7">
        <v>21</v>
      </c>
      <c r="AD78" s="7">
        <v>21</v>
      </c>
      <c r="AE78" s="7">
        <v>16</v>
      </c>
      <c r="AF78" s="7">
        <v>17</v>
      </c>
      <c r="AG78" s="9">
        <v>5745</v>
      </c>
      <c r="AH78" s="13">
        <v>0.59527510102580039</v>
      </c>
      <c r="AI78" s="9">
        <v>2714</v>
      </c>
      <c r="AJ78" s="13">
        <v>0.28121438192933373</v>
      </c>
      <c r="AK78" s="9">
        <v>1646</v>
      </c>
      <c r="AL78" s="13">
        <v>0.13311767084512738</v>
      </c>
      <c r="AM78" s="9">
        <v>1385</v>
      </c>
      <c r="AN78" s="13">
        <v>9.8850902862036974E-2</v>
      </c>
      <c r="AO78" s="9">
        <v>3031</v>
      </c>
      <c r="AP78" s="13">
        <v>0.24512737565709664</v>
      </c>
      <c r="AQ78" s="9">
        <v>9651</v>
      </c>
      <c r="AR78" s="9">
        <v>11490</v>
      </c>
      <c r="AS78" s="9">
        <v>11285</v>
      </c>
      <c r="AT78" s="9">
        <v>12600</v>
      </c>
      <c r="AU78" s="9">
        <v>14197</v>
      </c>
      <c r="AV78" s="9">
        <v>15603</v>
      </c>
      <c r="AW78" s="9">
        <v>12365</v>
      </c>
      <c r="AX78" s="9">
        <v>14726</v>
      </c>
      <c r="AY78" s="9">
        <v>13944</v>
      </c>
      <c r="AZ78" s="9">
        <v>14011</v>
      </c>
      <c r="BA78" s="9">
        <v>14164</v>
      </c>
      <c r="BB78" s="9">
        <v>11887</v>
      </c>
      <c r="BC78" s="9">
        <v>12260</v>
      </c>
      <c r="BD78" s="9">
        <v>11720</v>
      </c>
      <c r="BE78" s="9">
        <v>12758</v>
      </c>
      <c r="BF78" s="9">
        <v>15396</v>
      </c>
      <c r="BG78" s="11">
        <v>1</v>
      </c>
      <c r="BH78" s="13">
        <v>0.33333333333333331</v>
      </c>
      <c r="BI78" s="6">
        <v>1</v>
      </c>
      <c r="BJ78" s="13">
        <v>0.33333333333333331</v>
      </c>
      <c r="BK78" s="6">
        <v>0</v>
      </c>
      <c r="BL78" s="13">
        <v>0</v>
      </c>
      <c r="BM78" s="11">
        <v>0</v>
      </c>
      <c r="BN78" s="13">
        <v>0</v>
      </c>
      <c r="BO78" s="11">
        <v>0</v>
      </c>
      <c r="BP78" s="13">
        <v>0</v>
      </c>
      <c r="BQ78" s="6">
        <v>3</v>
      </c>
      <c r="BR78" s="6">
        <v>4</v>
      </c>
      <c r="BS78" s="6">
        <v>4</v>
      </c>
      <c r="BT78" s="6">
        <v>4</v>
      </c>
      <c r="BU78" s="6">
        <v>5</v>
      </c>
      <c r="BV78" s="6">
        <v>5</v>
      </c>
      <c r="BW78" s="6">
        <v>4</v>
      </c>
      <c r="BX78" s="6">
        <v>4</v>
      </c>
      <c r="BY78" s="6">
        <v>4</v>
      </c>
      <c r="BZ78" s="6">
        <v>4</v>
      </c>
      <c r="CA78" s="6">
        <v>4</v>
      </c>
      <c r="CB78" s="6">
        <v>4</v>
      </c>
      <c r="CC78" s="11">
        <v>4</v>
      </c>
      <c r="CD78" s="11">
        <v>0</v>
      </c>
      <c r="CE78" s="11">
        <v>2</v>
      </c>
      <c r="CF78" s="11">
        <v>1</v>
      </c>
      <c r="CG78" s="11">
        <v>3</v>
      </c>
      <c r="CH78" s="20">
        <v>0.4</v>
      </c>
      <c r="CI78" s="20">
        <v>0.32</v>
      </c>
      <c r="CJ78" s="20">
        <v>0.33</v>
      </c>
      <c r="CK78" s="20">
        <v>0.3</v>
      </c>
      <c r="CL78" s="20">
        <v>0.36</v>
      </c>
      <c r="CM78" s="20">
        <v>0.31</v>
      </c>
      <c r="CN78" s="20">
        <v>0.4</v>
      </c>
      <c r="CO78" s="20">
        <v>0.36</v>
      </c>
      <c r="CP78" s="20">
        <v>0.37</v>
      </c>
      <c r="CQ78" s="20">
        <v>0.33</v>
      </c>
      <c r="CR78" s="20">
        <v>0.3</v>
      </c>
      <c r="CS78" s="20">
        <v>0.37</v>
      </c>
      <c r="CT78" s="20">
        <v>0.42</v>
      </c>
      <c r="CU78" s="20">
        <v>0.62</v>
      </c>
      <c r="CV78" s="20">
        <v>0.61</v>
      </c>
      <c r="CW78" s="20">
        <v>0.47</v>
      </c>
      <c r="CX78" s="20">
        <v>0.5</v>
      </c>
      <c r="CY78" s="6" t="s">
        <v>381</v>
      </c>
      <c r="CZ78" s="6" t="s">
        <v>382</v>
      </c>
      <c r="DA78" s="6" t="s">
        <v>71</v>
      </c>
      <c r="DB78" s="6"/>
      <c r="DC78" s="6"/>
      <c r="DD78" s="6"/>
      <c r="DE78" s="6"/>
      <c r="DF78" s="6"/>
      <c r="DG78" s="6"/>
      <c r="DH78" s="6" t="s">
        <v>333</v>
      </c>
      <c r="DI78" s="6"/>
      <c r="DJ78" s="6"/>
      <c r="DK78" s="6"/>
      <c r="DL78" s="6">
        <v>10</v>
      </c>
      <c r="DM78" s="6" t="s">
        <v>383</v>
      </c>
      <c r="DN78" s="6">
        <v>9</v>
      </c>
      <c r="DO78" s="6" t="s">
        <v>384</v>
      </c>
      <c r="DP78" s="6"/>
      <c r="DQ78" s="6"/>
    </row>
    <row r="79" spans="1:121" x14ac:dyDescent="0.2">
      <c r="A79" s="6" t="s">
        <v>323</v>
      </c>
      <c r="B79" s="6" t="s">
        <v>323</v>
      </c>
      <c r="C79" s="6" t="s">
        <v>192</v>
      </c>
      <c r="D79" s="6" t="s">
        <v>71</v>
      </c>
      <c r="E79" s="6" t="s">
        <v>212</v>
      </c>
      <c r="F79" s="11">
        <v>-72</v>
      </c>
      <c r="G79" s="13">
        <v>-0.34449760765600002</v>
      </c>
      <c r="H79" s="11">
        <v>1.2024916750000045</v>
      </c>
      <c r="I79" s="13">
        <v>5.7618286682141785E-3</v>
      </c>
      <c r="J79" s="11">
        <v>28.507994667999981</v>
      </c>
      <c r="K79" s="13">
        <v>0.1358156391131187</v>
      </c>
      <c r="L79" s="11">
        <v>-101.76217894499999</v>
      </c>
      <c r="M79" s="13">
        <v>-0.42683661402512146</v>
      </c>
      <c r="N79" s="11">
        <v>-73.254184277000007</v>
      </c>
      <c r="O79" s="13">
        <v>-0.34899206244270414</v>
      </c>
      <c r="P79" s="7">
        <v>208.69965843200001</v>
      </c>
      <c r="Q79" s="7">
        <v>206.84180211</v>
      </c>
      <c r="R79" s="7">
        <v>224.89023910399999</v>
      </c>
      <c r="S79" s="7">
        <v>223.332704656</v>
      </c>
      <c r="T79" s="7">
        <v>207.71023663099999</v>
      </c>
      <c r="U79" s="7">
        <v>193.75632126100001</v>
      </c>
      <c r="V79" s="7">
        <v>209.90215010700001</v>
      </c>
      <c r="W79" s="7">
        <v>209.73879735</v>
      </c>
      <c r="X79" s="7">
        <v>218.68876942599999</v>
      </c>
      <c r="Y79" s="7">
        <v>238.41014477499999</v>
      </c>
      <c r="Z79" s="7">
        <v>219.973158297</v>
      </c>
      <c r="AA79" s="7">
        <v>227.36117764100001</v>
      </c>
      <c r="AB79" s="7">
        <v>201.90617610300001</v>
      </c>
      <c r="AC79" s="7">
        <v>190.575142134</v>
      </c>
      <c r="AD79" s="7">
        <v>164.697360586</v>
      </c>
      <c r="AE79" s="7">
        <v>145.16754503799999</v>
      </c>
      <c r="AF79" s="7">
        <v>136.64796583</v>
      </c>
      <c r="AG79" s="9">
        <v>6216.6893249000004</v>
      </c>
      <c r="AH79" s="13">
        <v>0.60282605258441269</v>
      </c>
      <c r="AI79" s="9">
        <v>1753.4729795000003</v>
      </c>
      <c r="AJ79" s="13">
        <v>0.17003249467712739</v>
      </c>
      <c r="AK79" s="9">
        <v>-183.43920070000058</v>
      </c>
      <c r="AL79" s="13">
        <v>-1.5202922263539814E-2</v>
      </c>
      <c r="AM79" s="9">
        <v>4646.6555461000007</v>
      </c>
      <c r="AN79" s="13">
        <v>0.3910467258073283</v>
      </c>
      <c r="AO79" s="9">
        <v>4463.2163454000001</v>
      </c>
      <c r="AP79" s="13">
        <v>0.36989875056992794</v>
      </c>
      <c r="AQ79" s="9">
        <v>10312.5757393</v>
      </c>
      <c r="AR79" s="9">
        <v>10396.8828027</v>
      </c>
      <c r="AS79" s="9">
        <v>10312.5169062</v>
      </c>
      <c r="AT79" s="9">
        <v>10955.090342699999</v>
      </c>
      <c r="AU79" s="9">
        <v>11807.328388899999</v>
      </c>
      <c r="AV79" s="9">
        <v>11964.339666899999</v>
      </c>
      <c r="AW79" s="9">
        <v>12066.048718800001</v>
      </c>
      <c r="AX79" s="9">
        <v>11995.196479599999</v>
      </c>
      <c r="AY79" s="9">
        <v>12146.626179700001</v>
      </c>
      <c r="AZ79" s="9">
        <v>11882.6095181</v>
      </c>
      <c r="BA79" s="9">
        <v>11998.5729135</v>
      </c>
      <c r="BB79" s="9">
        <v>12994.113966200001</v>
      </c>
      <c r="BC79" s="9">
        <v>12847.645151299999</v>
      </c>
      <c r="BD79" s="9">
        <v>14045.1854618</v>
      </c>
      <c r="BE79" s="9">
        <v>15282.4246109</v>
      </c>
      <c r="BF79" s="9">
        <v>16529.265064200001</v>
      </c>
      <c r="BG79" s="11">
        <v>-5.25</v>
      </c>
      <c r="BH79" s="13">
        <v>-0.328125</v>
      </c>
      <c r="BI79" s="6">
        <v>-3</v>
      </c>
      <c r="BJ79" s="13">
        <v>-0.1875</v>
      </c>
      <c r="BK79" s="6">
        <v>0</v>
      </c>
      <c r="BL79" s="13">
        <v>0</v>
      </c>
      <c r="BM79" s="11">
        <v>-2.25</v>
      </c>
      <c r="BN79" s="13">
        <v>-0.17307692307692307</v>
      </c>
      <c r="BO79" s="11">
        <v>-2.25</v>
      </c>
      <c r="BP79" s="13">
        <v>-0.17307692307692307</v>
      </c>
      <c r="BQ79" s="6">
        <v>16</v>
      </c>
      <c r="BR79" s="6">
        <v>15</v>
      </c>
      <c r="BS79" s="6">
        <v>13</v>
      </c>
      <c r="BT79" s="6">
        <v>13</v>
      </c>
      <c r="BU79" s="6">
        <v>14</v>
      </c>
      <c r="BV79" s="6">
        <v>12</v>
      </c>
      <c r="BW79" s="6">
        <v>13</v>
      </c>
      <c r="BX79" s="6">
        <v>14</v>
      </c>
      <c r="BY79" s="6">
        <v>14</v>
      </c>
      <c r="BZ79" s="6">
        <v>14</v>
      </c>
      <c r="CA79" s="6">
        <v>13</v>
      </c>
      <c r="CB79" s="6">
        <v>13</v>
      </c>
      <c r="CC79" s="11">
        <v>10.75</v>
      </c>
      <c r="CD79" s="11">
        <v>-142.32499999999999</v>
      </c>
      <c r="CE79" s="11">
        <v>47.459499999999998</v>
      </c>
      <c r="CF79" s="11">
        <v>22.813400000000001</v>
      </c>
      <c r="CG79" s="11">
        <v>70</v>
      </c>
      <c r="CH79" s="20">
        <v>1.2739400000000001</v>
      </c>
      <c r="CI79" s="20">
        <v>1.2363299999999999</v>
      </c>
      <c r="CJ79" s="20">
        <v>1.2898700000000001</v>
      </c>
      <c r="CK79" s="20">
        <v>1.2905</v>
      </c>
      <c r="CL79" s="20">
        <v>1.2829600000000001</v>
      </c>
      <c r="CM79" s="20">
        <v>1.1561999999999999</v>
      </c>
      <c r="CN79" s="20">
        <v>1.2115499999999999</v>
      </c>
      <c r="CO79" s="20">
        <v>1.2027099999999999</v>
      </c>
      <c r="CP79" s="20">
        <v>1.24963</v>
      </c>
      <c r="CQ79" s="20">
        <v>1.35616</v>
      </c>
      <c r="CR79" s="20">
        <v>1.27799</v>
      </c>
      <c r="CS79" s="20">
        <v>1.3198799999999999</v>
      </c>
      <c r="CT79" s="20">
        <v>1.1774800000000001</v>
      </c>
      <c r="CU79" s="20">
        <v>1.10992</v>
      </c>
      <c r="CV79" s="20">
        <v>0.96626999999999996</v>
      </c>
      <c r="CW79" s="20">
        <v>0.84523099999999995</v>
      </c>
      <c r="CX79" s="20">
        <v>0.78882699999999994</v>
      </c>
      <c r="CY79" s="6" t="s">
        <v>381</v>
      </c>
      <c r="CZ79" s="6" t="s">
        <v>382</v>
      </c>
      <c r="DA79" s="6" t="s">
        <v>71</v>
      </c>
      <c r="DB79" s="6"/>
      <c r="DC79" s="6"/>
      <c r="DD79" s="6"/>
      <c r="DE79" s="6"/>
      <c r="DF79" s="6"/>
      <c r="DG79" s="6"/>
      <c r="DH79" s="6" t="s">
        <v>333</v>
      </c>
      <c r="DI79" s="6"/>
      <c r="DJ79" s="6"/>
      <c r="DK79" s="6"/>
      <c r="DL79" s="6">
        <v>10</v>
      </c>
      <c r="DM79" s="6" t="s">
        <v>383</v>
      </c>
      <c r="DN79" s="6">
        <v>9</v>
      </c>
      <c r="DO79" s="6" t="s">
        <v>384</v>
      </c>
      <c r="DP79" s="6"/>
      <c r="DQ79" s="6"/>
    </row>
    <row r="80" spans="1:121" x14ac:dyDescent="0.2">
      <c r="A80" s="6" t="s">
        <v>325</v>
      </c>
      <c r="B80" s="6" t="s">
        <v>325</v>
      </c>
      <c r="C80" s="6" t="s">
        <v>193</v>
      </c>
      <c r="D80" s="6" t="s">
        <v>71</v>
      </c>
      <c r="E80" s="6" t="s">
        <v>212</v>
      </c>
      <c r="F80" s="11">
        <v>-11</v>
      </c>
      <c r="G80" s="13">
        <v>-7.5342465753400006E-2</v>
      </c>
      <c r="H80" s="11">
        <v>62.836778514000002</v>
      </c>
      <c r="I80" s="13">
        <v>0.43062496161227359</v>
      </c>
      <c r="J80" s="11">
        <v>-25.142295969999992</v>
      </c>
      <c r="K80" s="13">
        <v>-0.12043824680365751</v>
      </c>
      <c r="L80" s="11">
        <v>-48.994357363999995</v>
      </c>
      <c r="M80" s="13">
        <v>-0.26683280386077929</v>
      </c>
      <c r="N80" s="11">
        <v>-74.136653333999988</v>
      </c>
      <c r="O80" s="13">
        <v>-0.3551341755777403</v>
      </c>
      <c r="P80" s="7">
        <v>145.91996311299999</v>
      </c>
      <c r="Q80" s="7">
        <v>183.57042139699999</v>
      </c>
      <c r="R80" s="7">
        <v>217.05592610100001</v>
      </c>
      <c r="S80" s="7">
        <v>222.88235444700001</v>
      </c>
      <c r="T80" s="7">
        <v>202.79697964600001</v>
      </c>
      <c r="U80" s="7">
        <v>200.93538835300001</v>
      </c>
      <c r="V80" s="7">
        <v>208.756741627</v>
      </c>
      <c r="W80" s="7">
        <v>217.72576028099999</v>
      </c>
      <c r="X80" s="7">
        <v>207.05505348299999</v>
      </c>
      <c r="Y80" s="7">
        <v>183.614445657</v>
      </c>
      <c r="Z80" s="7">
        <v>191.91657463499999</v>
      </c>
      <c r="AA80" s="7">
        <v>167.31818729400001</v>
      </c>
      <c r="AB80" s="7">
        <v>142.61780357200001</v>
      </c>
      <c r="AC80" s="7">
        <v>138.126235326</v>
      </c>
      <c r="AD80" s="7">
        <v>139.35122590200001</v>
      </c>
      <c r="AE80" s="7">
        <v>133.32154328799999</v>
      </c>
      <c r="AF80" s="7">
        <v>134.62008829300001</v>
      </c>
      <c r="AG80" s="9">
        <v>2941.1834135000008</v>
      </c>
      <c r="AH80" s="13">
        <v>0.19647347190171432</v>
      </c>
      <c r="AI80" s="9">
        <v>1984.8311720000002</v>
      </c>
      <c r="AJ80" s="13">
        <v>0.13258835532379443</v>
      </c>
      <c r="AK80" s="9">
        <v>900.20132500000182</v>
      </c>
      <c r="AL80" s="13">
        <v>5.3094479450087419E-2</v>
      </c>
      <c r="AM80" s="9">
        <v>56.150916499998857</v>
      </c>
      <c r="AN80" s="13">
        <v>3.144844908087762E-3</v>
      </c>
      <c r="AO80" s="9">
        <v>956.35224150000067</v>
      </c>
      <c r="AP80" s="13">
        <v>5.6406298261521361E-2</v>
      </c>
      <c r="AQ80" s="9">
        <v>14969.8755004</v>
      </c>
      <c r="AR80" s="9">
        <v>13448.7800152</v>
      </c>
      <c r="AS80" s="9">
        <v>13393.650092600001</v>
      </c>
      <c r="AT80" s="9">
        <v>13848.3319077</v>
      </c>
      <c r="AU80" s="9">
        <v>15382.818015499999</v>
      </c>
      <c r="AV80" s="9">
        <v>15752.4094706</v>
      </c>
      <c r="AW80" s="9">
        <v>16954.7066724</v>
      </c>
      <c r="AX80" s="9">
        <v>17118.940745299999</v>
      </c>
      <c r="AY80" s="9">
        <v>17714.561537599999</v>
      </c>
      <c r="AZ80" s="9">
        <v>17854.907997400001</v>
      </c>
      <c r="BA80" s="9">
        <v>16170.015270800001</v>
      </c>
      <c r="BB80" s="9">
        <v>16751.584347799999</v>
      </c>
      <c r="BC80" s="9">
        <v>18791.289333100001</v>
      </c>
      <c r="BD80" s="9">
        <v>18236.184883400001</v>
      </c>
      <c r="BE80" s="9">
        <v>18216.593505000001</v>
      </c>
      <c r="BF80" s="9">
        <v>17911.0589139</v>
      </c>
      <c r="BG80" s="11">
        <v>-34.75</v>
      </c>
      <c r="BH80" s="13">
        <v>-0.82738095238095233</v>
      </c>
      <c r="BI80" s="6">
        <v>1</v>
      </c>
      <c r="BJ80" s="13">
        <v>2.3809523809523808E-2</v>
      </c>
      <c r="BK80" s="6">
        <v>-4</v>
      </c>
      <c r="BL80" s="13">
        <v>-9.3023255813953487E-2</v>
      </c>
      <c r="BM80" s="11">
        <v>-31.75</v>
      </c>
      <c r="BN80" s="13">
        <v>-0.8141025641025641</v>
      </c>
      <c r="BO80" s="11">
        <v>-35.75</v>
      </c>
      <c r="BP80" s="13">
        <v>-0.83139534883720934</v>
      </c>
      <c r="BQ80" s="6">
        <v>42</v>
      </c>
      <c r="BR80" s="6">
        <v>41</v>
      </c>
      <c r="BS80" s="6">
        <v>39</v>
      </c>
      <c r="BT80" s="6">
        <v>43</v>
      </c>
      <c r="BU80" s="6">
        <v>40</v>
      </c>
      <c r="BV80" s="6">
        <v>43</v>
      </c>
      <c r="BW80" s="6">
        <v>39</v>
      </c>
      <c r="BX80" s="6">
        <v>39</v>
      </c>
      <c r="BY80" s="6">
        <v>33</v>
      </c>
      <c r="BZ80" s="6">
        <v>8</v>
      </c>
      <c r="CA80" s="6">
        <v>7</v>
      </c>
      <c r="CB80" s="6">
        <v>8</v>
      </c>
      <c r="CC80" s="11">
        <v>7.25</v>
      </c>
      <c r="CD80" s="11">
        <v>-25.9069</v>
      </c>
      <c r="CE80" s="11">
        <v>-1.34378</v>
      </c>
      <c r="CF80" s="11">
        <v>15.950799999999999</v>
      </c>
      <c r="CG80" s="11">
        <v>15</v>
      </c>
      <c r="CH80" s="20">
        <v>1.31132</v>
      </c>
      <c r="CI80" s="20">
        <v>1.6086400000000001</v>
      </c>
      <c r="CJ80" s="20">
        <v>1.8356699999999999</v>
      </c>
      <c r="CK80" s="20">
        <v>1.9334</v>
      </c>
      <c r="CL80" s="20">
        <v>1.91161</v>
      </c>
      <c r="CM80" s="20">
        <v>1.84697</v>
      </c>
      <c r="CN80" s="20">
        <v>1.8652500000000001</v>
      </c>
      <c r="CO80" s="20">
        <v>1.9308399999999999</v>
      </c>
      <c r="CP80" s="20">
        <v>1.7924800000000001</v>
      </c>
      <c r="CQ80" s="20">
        <v>1.5940799999999999</v>
      </c>
      <c r="CR80" s="20">
        <v>1.7265600000000001</v>
      </c>
      <c r="CS80" s="20">
        <v>1.51572</v>
      </c>
      <c r="CT80" s="20">
        <v>1.41578</v>
      </c>
      <c r="CU80" s="20">
        <v>1.3839399999999999</v>
      </c>
      <c r="CV80" s="20">
        <v>1.4343300000000001</v>
      </c>
      <c r="CW80" s="20">
        <v>1.3763300000000001</v>
      </c>
      <c r="CX80" s="20">
        <v>1.39015</v>
      </c>
      <c r="CY80" s="6" t="s">
        <v>381</v>
      </c>
      <c r="CZ80" s="6" t="s">
        <v>382</v>
      </c>
      <c r="DA80" s="6" t="s">
        <v>71</v>
      </c>
      <c r="DB80" s="6"/>
      <c r="DC80" s="6"/>
      <c r="DD80" s="6"/>
      <c r="DE80" s="6"/>
      <c r="DF80" s="6"/>
      <c r="DG80" s="6"/>
      <c r="DH80" s="6" t="s">
        <v>333</v>
      </c>
      <c r="DI80" s="6"/>
      <c r="DJ80" s="6"/>
      <c r="DK80" s="6"/>
      <c r="DL80" s="6">
        <v>10</v>
      </c>
      <c r="DM80" s="6" t="s">
        <v>383</v>
      </c>
      <c r="DN80" s="6">
        <v>9</v>
      </c>
      <c r="DO80" s="6" t="s">
        <v>384</v>
      </c>
      <c r="DP80" s="6"/>
      <c r="DQ80" s="6"/>
    </row>
    <row r="81" spans="1:121" x14ac:dyDescent="0.2">
      <c r="A81" s="6" t="s">
        <v>327</v>
      </c>
      <c r="B81" s="6" t="s">
        <v>327</v>
      </c>
      <c r="C81" s="6" t="s">
        <v>194</v>
      </c>
      <c r="D81" s="6" t="s">
        <v>71</v>
      </c>
      <c r="E81" s="6" t="s">
        <v>212</v>
      </c>
      <c r="F81" s="11">
        <v>-74</v>
      </c>
      <c r="G81" s="13">
        <v>-0.16192560175099999</v>
      </c>
      <c r="H81" s="11">
        <v>-26.613844999999969</v>
      </c>
      <c r="I81" s="13">
        <v>-5.8225775296279439E-2</v>
      </c>
      <c r="J81" s="11">
        <v>-9.3752100000000382</v>
      </c>
      <c r="K81" s="13">
        <v>-2.1779196896269917E-2</v>
      </c>
      <c r="L81" s="11">
        <v>-38.324551186999997</v>
      </c>
      <c r="M81" s="13">
        <v>-9.1012499127385918E-2</v>
      </c>
      <c r="N81" s="11">
        <v>-47.699761187000036</v>
      </c>
      <c r="O81" s="13">
        <v>-0.1108095168851389</v>
      </c>
      <c r="P81" s="7">
        <v>457.08013099999999</v>
      </c>
      <c r="Q81" s="7">
        <v>465.30013000000002</v>
      </c>
      <c r="R81" s="7">
        <v>455.80819400000001</v>
      </c>
      <c r="S81" s="7">
        <v>458.24677800000001</v>
      </c>
      <c r="T81" s="7">
        <v>447.26652100000001</v>
      </c>
      <c r="U81" s="7">
        <v>424.72206399999999</v>
      </c>
      <c r="V81" s="7">
        <v>430.46628600000003</v>
      </c>
      <c r="W81" s="7">
        <v>444.02828899999997</v>
      </c>
      <c r="X81" s="7">
        <v>442.21693299999998</v>
      </c>
      <c r="Y81" s="7">
        <v>421.09107599999999</v>
      </c>
      <c r="Z81" s="7">
        <v>415.63697000000002</v>
      </c>
      <c r="AA81" s="7">
        <v>405.99011400000001</v>
      </c>
      <c r="AB81" s="7">
        <v>395.69984399999998</v>
      </c>
      <c r="AC81" s="7">
        <v>383.65356200000002</v>
      </c>
      <c r="AD81" s="7">
        <v>388.81660399999998</v>
      </c>
      <c r="AE81" s="7">
        <v>389.2294685</v>
      </c>
      <c r="AF81" s="7">
        <v>382.76652481299999</v>
      </c>
      <c r="AG81" s="9">
        <v>13567.847253600001</v>
      </c>
      <c r="AH81" s="13">
        <v>0.46356595612219886</v>
      </c>
      <c r="AI81" s="9">
        <v>7165.8861188999981</v>
      </c>
      <c r="AJ81" s="13">
        <v>0.24483330244518128</v>
      </c>
      <c r="AK81" s="9">
        <v>4262.1018108000062</v>
      </c>
      <c r="AL81" s="13">
        <v>0.11698042907991792</v>
      </c>
      <c r="AM81" s="9">
        <v>2139.8593238999965</v>
      </c>
      <c r="AN81" s="13">
        <v>5.258102525002839E-2</v>
      </c>
      <c r="AO81" s="9">
        <v>6401.9611347000027</v>
      </c>
      <c r="AP81" s="13">
        <v>0.17571240522515663</v>
      </c>
      <c r="AQ81" s="9">
        <v>29268.428956899999</v>
      </c>
      <c r="AR81" s="9">
        <v>29825.7667578</v>
      </c>
      <c r="AS81" s="9">
        <v>31972.4438333</v>
      </c>
      <c r="AT81" s="9">
        <v>32044.2386797</v>
      </c>
      <c r="AU81" s="9">
        <v>33051.0391036</v>
      </c>
      <c r="AV81" s="9">
        <v>34894.056149800002</v>
      </c>
      <c r="AW81" s="9">
        <v>36434.315075799997</v>
      </c>
      <c r="AX81" s="9">
        <v>36280.456355000002</v>
      </c>
      <c r="AY81" s="9">
        <v>39439.979147899998</v>
      </c>
      <c r="AZ81" s="9">
        <v>40696.416886600004</v>
      </c>
      <c r="BA81" s="9">
        <v>41046.182598799998</v>
      </c>
      <c r="BB81" s="9">
        <v>40739.378109899997</v>
      </c>
      <c r="BC81" s="9">
        <v>41133.775948000002</v>
      </c>
      <c r="BD81" s="9">
        <v>42696.442963699999</v>
      </c>
      <c r="BE81" s="9">
        <v>41509.902405000001</v>
      </c>
      <c r="BF81" s="9">
        <v>42836.2762105</v>
      </c>
      <c r="BG81" s="11">
        <v>-4</v>
      </c>
      <c r="BH81" s="13">
        <v>-0.12121212121212122</v>
      </c>
      <c r="BI81" s="6">
        <v>-2</v>
      </c>
      <c r="BJ81" s="13">
        <v>-6.0606060606060608E-2</v>
      </c>
      <c r="BK81" s="6">
        <v>1</v>
      </c>
      <c r="BL81" s="13">
        <v>3.2258064516129031E-2</v>
      </c>
      <c r="BM81" s="11">
        <v>-3</v>
      </c>
      <c r="BN81" s="13">
        <v>-9.375E-2</v>
      </c>
      <c r="BO81" s="11">
        <v>-2</v>
      </c>
      <c r="BP81" s="13">
        <v>-6.4516129032258063E-2</v>
      </c>
      <c r="BQ81" s="6">
        <v>33</v>
      </c>
      <c r="BR81" s="6">
        <v>32</v>
      </c>
      <c r="BS81" s="6">
        <v>32</v>
      </c>
      <c r="BT81" s="6">
        <v>31</v>
      </c>
      <c r="BU81" s="6">
        <v>31</v>
      </c>
      <c r="BV81" s="6">
        <v>32</v>
      </c>
      <c r="BW81" s="6">
        <v>32</v>
      </c>
      <c r="BX81" s="6">
        <v>32</v>
      </c>
      <c r="BY81" s="6">
        <v>30</v>
      </c>
      <c r="BZ81" s="6">
        <v>30</v>
      </c>
      <c r="CA81" s="6">
        <v>29</v>
      </c>
      <c r="CB81" s="6">
        <v>29</v>
      </c>
      <c r="CC81" s="11">
        <v>29</v>
      </c>
      <c r="CD81" s="11">
        <v>-97.481800000000007</v>
      </c>
      <c r="CE81" s="11">
        <v>-26.796199999999999</v>
      </c>
      <c r="CF81" s="11">
        <v>49.964399999999998</v>
      </c>
      <c r="CG81" s="11">
        <v>23</v>
      </c>
      <c r="CH81" s="20">
        <v>1.2365600000000001</v>
      </c>
      <c r="CI81" s="20">
        <v>1.2250700000000001</v>
      </c>
      <c r="CJ81" s="20">
        <v>1.16672</v>
      </c>
      <c r="CK81" s="20">
        <v>1.21184</v>
      </c>
      <c r="CL81" s="20">
        <v>1.2882499999999999</v>
      </c>
      <c r="CM81" s="20">
        <v>1.20078</v>
      </c>
      <c r="CN81" s="20">
        <v>1.1915</v>
      </c>
      <c r="CO81" s="20">
        <v>1.20764</v>
      </c>
      <c r="CP81" s="20">
        <v>1.1609400000000001</v>
      </c>
      <c r="CQ81" s="20">
        <v>1.1022799999999999</v>
      </c>
      <c r="CR81" s="20">
        <v>1.15391</v>
      </c>
      <c r="CS81" s="20">
        <v>1.1734500000000001</v>
      </c>
      <c r="CT81" s="20">
        <v>1.19045</v>
      </c>
      <c r="CU81" s="20">
        <v>1.1869700000000001</v>
      </c>
      <c r="CV81" s="20">
        <v>1.2464</v>
      </c>
      <c r="CW81" s="20">
        <v>1.2577400000000001</v>
      </c>
      <c r="CX81" s="20">
        <v>1.24587</v>
      </c>
      <c r="CY81" s="6" t="s">
        <v>381</v>
      </c>
      <c r="CZ81" s="6" t="s">
        <v>382</v>
      </c>
      <c r="DA81" s="6" t="s">
        <v>71</v>
      </c>
      <c r="DB81" s="6"/>
      <c r="DC81" s="6"/>
      <c r="DD81" s="6"/>
      <c r="DE81" s="6"/>
      <c r="DF81" s="6"/>
      <c r="DG81" s="6"/>
      <c r="DH81" s="6" t="s">
        <v>333</v>
      </c>
      <c r="DI81" s="6"/>
      <c r="DJ81" s="6"/>
      <c r="DK81" s="6"/>
      <c r="DL81" s="6">
        <v>10</v>
      </c>
      <c r="DM81" s="6" t="s">
        <v>383</v>
      </c>
      <c r="DN81" s="6">
        <v>9</v>
      </c>
      <c r="DO81" s="6" t="s">
        <v>384</v>
      </c>
      <c r="DP81" s="6"/>
      <c r="DQ81" s="6"/>
    </row>
    <row r="82" spans="1:121" x14ac:dyDescent="0.2">
      <c r="A82" s="6" t="s">
        <v>1</v>
      </c>
      <c r="B82" s="6" t="s">
        <v>1</v>
      </c>
      <c r="C82" s="6" t="s">
        <v>2</v>
      </c>
      <c r="D82" s="6" t="s">
        <v>58</v>
      </c>
      <c r="E82" s="6" t="s">
        <v>199</v>
      </c>
      <c r="F82" s="11">
        <v>379</v>
      </c>
      <c r="G82" s="13">
        <v>3.6095238095200002</v>
      </c>
      <c r="H82" s="11">
        <v>31.864692751999996</v>
      </c>
      <c r="I82" s="13">
        <v>0.30321027125190686</v>
      </c>
      <c r="J82" s="11">
        <v>17.663540304000009</v>
      </c>
      <c r="K82" s="13">
        <v>0.12897259349665022</v>
      </c>
      <c r="L82" s="11">
        <v>329.15967584299995</v>
      </c>
      <c r="M82" s="13">
        <v>2.1288394329821965</v>
      </c>
      <c r="N82" s="11">
        <v>346.82321614699998</v>
      </c>
      <c r="O82" s="13">
        <v>2.532373969288499</v>
      </c>
      <c r="P82" s="7">
        <v>105.091073005</v>
      </c>
      <c r="Q82" s="7">
        <v>99.569322437300002</v>
      </c>
      <c r="R82" s="7">
        <v>162.09677813100001</v>
      </c>
      <c r="S82" s="7">
        <v>181.402058794</v>
      </c>
      <c r="T82" s="7">
        <v>172.19639812400001</v>
      </c>
      <c r="U82" s="7">
        <v>160.19893545599999</v>
      </c>
      <c r="V82" s="7">
        <v>136.95576575699999</v>
      </c>
      <c r="W82" s="7">
        <v>141.42896867100001</v>
      </c>
      <c r="X82" s="7">
        <v>163.35051940599999</v>
      </c>
      <c r="Y82" s="7">
        <v>154.619306061</v>
      </c>
      <c r="Z82" s="7">
        <v>160.64079330800001</v>
      </c>
      <c r="AA82" s="7">
        <v>135.133137863</v>
      </c>
      <c r="AB82" s="7">
        <v>162.062203995</v>
      </c>
      <c r="AC82" s="7">
        <v>233.83968866999999</v>
      </c>
      <c r="AD82" s="7">
        <v>422.72126458600002</v>
      </c>
      <c r="AE82" s="7">
        <v>447.171860326</v>
      </c>
      <c r="AF82" s="7">
        <v>483.77898190399998</v>
      </c>
      <c r="AG82" s="9">
        <v>11208.760354099999</v>
      </c>
      <c r="AH82" s="13">
        <v>0.60610948738491444</v>
      </c>
      <c r="AI82" s="9">
        <v>4011.5701274999992</v>
      </c>
      <c r="AJ82" s="13">
        <v>0.21692414118732337</v>
      </c>
      <c r="AK82" s="9">
        <v>2608.7433937999995</v>
      </c>
      <c r="AL82" s="13">
        <v>0.11592079574784379</v>
      </c>
      <c r="AM82" s="9">
        <v>4588.4468328000003</v>
      </c>
      <c r="AN82" s="13">
        <v>0.182710002809964</v>
      </c>
      <c r="AO82" s="9">
        <v>7197.1902265999997</v>
      </c>
      <c r="AP82" s="13">
        <v>0.3198106874746296</v>
      </c>
      <c r="AQ82" s="9">
        <v>18492.963049400001</v>
      </c>
      <c r="AR82" s="9">
        <v>20031.670005299999</v>
      </c>
      <c r="AS82" s="9">
        <v>19598.1136124</v>
      </c>
      <c r="AT82" s="9">
        <v>19605.652084500001</v>
      </c>
      <c r="AU82" s="9">
        <v>20603.375955</v>
      </c>
      <c r="AV82" s="9">
        <v>19521.6495325</v>
      </c>
      <c r="AW82" s="9">
        <v>22504.5331769</v>
      </c>
      <c r="AX82" s="9">
        <v>24330.399187399998</v>
      </c>
      <c r="AY82" s="9">
        <v>24172.594019299999</v>
      </c>
      <c r="AZ82" s="9">
        <v>25113.2765707</v>
      </c>
      <c r="BA82" s="9">
        <v>24396.0670751</v>
      </c>
      <c r="BB82" s="9">
        <v>26661.768957100001</v>
      </c>
      <c r="BC82" s="9">
        <v>30378.0607948</v>
      </c>
      <c r="BD82" s="9">
        <v>29763.8455904</v>
      </c>
      <c r="BE82" s="9">
        <v>29754.274738299999</v>
      </c>
      <c r="BF82" s="9">
        <v>29701.7234035</v>
      </c>
      <c r="BG82" s="11">
        <v>7.5</v>
      </c>
      <c r="BH82" s="13">
        <v>0.68181818181818177</v>
      </c>
      <c r="BI82" s="6">
        <v>1</v>
      </c>
      <c r="BJ82" s="13">
        <v>9.0909090909090912E-2</v>
      </c>
      <c r="BK82" s="6">
        <v>2</v>
      </c>
      <c r="BL82" s="13">
        <v>0.16666666666666666</v>
      </c>
      <c r="BM82" s="11">
        <v>4.5</v>
      </c>
      <c r="BN82" s="13">
        <v>0.32142857142857145</v>
      </c>
      <c r="BO82" s="11">
        <v>6.5</v>
      </c>
      <c r="BP82" s="13">
        <v>0.54166666666666663</v>
      </c>
      <c r="BQ82" s="6">
        <v>11</v>
      </c>
      <c r="BR82" s="6">
        <v>11</v>
      </c>
      <c r="BS82" s="6">
        <v>10</v>
      </c>
      <c r="BT82" s="6">
        <v>12</v>
      </c>
      <c r="BU82" s="6">
        <v>12</v>
      </c>
      <c r="BV82" s="6">
        <v>14</v>
      </c>
      <c r="BW82" s="6">
        <v>14</v>
      </c>
      <c r="BX82" s="6">
        <v>13</v>
      </c>
      <c r="BY82" s="6">
        <v>11</v>
      </c>
      <c r="BZ82" s="6">
        <v>14</v>
      </c>
      <c r="CA82" s="6">
        <v>16</v>
      </c>
      <c r="CB82" s="6">
        <v>17</v>
      </c>
      <c r="CC82" s="11">
        <v>18.5</v>
      </c>
      <c r="CD82" s="11">
        <v>376.78199999999998</v>
      </c>
      <c r="CE82" s="11">
        <v>-9.5815400000000004</v>
      </c>
      <c r="CF82" s="11">
        <v>11.4877</v>
      </c>
      <c r="CG82" s="11">
        <v>1</v>
      </c>
      <c r="CH82" s="20">
        <v>0.68669100000000005</v>
      </c>
      <c r="CI82" s="20">
        <v>0.69254800000000005</v>
      </c>
      <c r="CJ82" s="20">
        <v>1.1671800000000001</v>
      </c>
      <c r="CK82" s="20">
        <v>1.3277300000000001</v>
      </c>
      <c r="CL82" s="20">
        <v>1.22085</v>
      </c>
      <c r="CM82" s="20">
        <v>1.14625</v>
      </c>
      <c r="CN82" s="20">
        <v>0.97857899999999998</v>
      </c>
      <c r="CO82" s="20">
        <v>1.0559700000000001</v>
      </c>
      <c r="CP82" s="20">
        <v>1.2462200000000001</v>
      </c>
      <c r="CQ82" s="20">
        <v>1.18354</v>
      </c>
      <c r="CR82" s="20">
        <v>1.20851</v>
      </c>
      <c r="CS82" s="20">
        <v>1.00888</v>
      </c>
      <c r="CT82" s="20">
        <v>1.22905</v>
      </c>
      <c r="CU82" s="20">
        <v>1.7722500000000001</v>
      </c>
      <c r="CV82" s="20">
        <v>3.1439699999999999</v>
      </c>
      <c r="CW82" s="20">
        <v>3.3783300000000001</v>
      </c>
      <c r="CX82" s="20">
        <v>3.6234199999999999</v>
      </c>
      <c r="CY82" s="6" t="s">
        <v>385</v>
      </c>
      <c r="CZ82" s="6" t="s">
        <v>386</v>
      </c>
      <c r="DA82" s="6" t="s">
        <v>58</v>
      </c>
      <c r="DB82" s="6"/>
      <c r="DC82" s="6">
        <v>33020</v>
      </c>
      <c r="DD82" s="6">
        <v>190</v>
      </c>
      <c r="DE82" s="6" t="s">
        <v>389</v>
      </c>
      <c r="DF82" s="6" t="s">
        <v>363</v>
      </c>
      <c r="DG82" s="6" t="s">
        <v>364</v>
      </c>
      <c r="DH82" s="6" t="s">
        <v>365</v>
      </c>
      <c r="DI82" s="6" t="s">
        <v>390</v>
      </c>
      <c r="DJ82" s="6">
        <v>29</v>
      </c>
      <c r="DK82" s="6">
        <v>7</v>
      </c>
      <c r="DL82" s="6">
        <v>5</v>
      </c>
      <c r="DM82" s="6" t="s">
        <v>392</v>
      </c>
      <c r="DN82" s="6">
        <v>6</v>
      </c>
      <c r="DO82" s="6" t="s">
        <v>393</v>
      </c>
      <c r="DP82" s="6"/>
      <c r="DQ82" s="6"/>
    </row>
    <row r="83" spans="1:121" x14ac:dyDescent="0.2">
      <c r="A83" s="6" t="s">
        <v>310</v>
      </c>
      <c r="B83" s="6" t="s">
        <v>310</v>
      </c>
      <c r="C83" s="6" t="s">
        <v>173</v>
      </c>
      <c r="D83" s="6" t="s">
        <v>58</v>
      </c>
      <c r="E83" s="6" t="s">
        <v>199</v>
      </c>
      <c r="F83" s="11">
        <v>1</v>
      </c>
      <c r="G83" s="13">
        <v>1</v>
      </c>
      <c r="H83" s="11">
        <v>0</v>
      </c>
      <c r="I83" s="13">
        <v>0</v>
      </c>
      <c r="J83" s="11">
        <v>-5</v>
      </c>
      <c r="K83" s="13">
        <v>-1</v>
      </c>
      <c r="L83" s="11">
        <v>0</v>
      </c>
      <c r="M83" s="13"/>
      <c r="N83" s="11">
        <v>-5</v>
      </c>
      <c r="O83" s="13">
        <v>-1</v>
      </c>
      <c r="P83" s="7">
        <v>5</v>
      </c>
      <c r="Q83" s="7">
        <v>5</v>
      </c>
      <c r="R83" s="7">
        <v>5</v>
      </c>
      <c r="S83" s="7">
        <v>5</v>
      </c>
      <c r="T83" s="7">
        <v>5</v>
      </c>
      <c r="U83" s="7">
        <v>10.446330353600001</v>
      </c>
      <c r="V83" s="7">
        <v>5</v>
      </c>
      <c r="W83" s="7">
        <v>5</v>
      </c>
      <c r="X83" s="7">
        <v>0</v>
      </c>
      <c r="Y83" s="7">
        <v>0</v>
      </c>
      <c r="Z83" s="7">
        <v>0</v>
      </c>
      <c r="AA83" s="7">
        <v>0</v>
      </c>
      <c r="AB83" s="7">
        <v>0</v>
      </c>
      <c r="AC83" s="7">
        <v>0</v>
      </c>
      <c r="AD83" s="7">
        <v>0</v>
      </c>
      <c r="AE83" s="7">
        <v>0</v>
      </c>
      <c r="AF83" s="7">
        <v>0</v>
      </c>
      <c r="AG83" s="9">
        <v>-1</v>
      </c>
      <c r="AH83" s="13">
        <v>-1</v>
      </c>
      <c r="AI83" s="9">
        <v>0</v>
      </c>
      <c r="AJ83" s="13">
        <v>0</v>
      </c>
      <c r="AK83" s="9">
        <v>-1</v>
      </c>
      <c r="AL83" s="13">
        <v>-1</v>
      </c>
      <c r="AM83" s="9">
        <v>0</v>
      </c>
      <c r="AN83" s="13"/>
      <c r="AO83" s="9">
        <v>-1</v>
      </c>
      <c r="AP83" s="13">
        <v>-1</v>
      </c>
      <c r="AQ83" s="9">
        <v>1</v>
      </c>
      <c r="AR83" s="9">
        <v>1</v>
      </c>
      <c r="AS83" s="9">
        <v>1</v>
      </c>
      <c r="AT83" s="9">
        <v>1</v>
      </c>
      <c r="AU83" s="9">
        <v>1</v>
      </c>
      <c r="AV83" s="9">
        <v>52614.524520200001</v>
      </c>
      <c r="AW83" s="9">
        <v>1</v>
      </c>
      <c r="AX83" s="9">
        <v>1</v>
      </c>
      <c r="AY83" s="9">
        <v>0</v>
      </c>
      <c r="AZ83" s="9">
        <v>0</v>
      </c>
      <c r="BA83" s="9">
        <v>0</v>
      </c>
      <c r="BB83" s="9">
        <v>0</v>
      </c>
      <c r="BC83" s="9">
        <v>0</v>
      </c>
      <c r="BD83" s="9">
        <v>0</v>
      </c>
      <c r="BE83" s="9">
        <v>0</v>
      </c>
      <c r="BF83" s="9">
        <v>0</v>
      </c>
      <c r="BG83" s="11">
        <v>-3</v>
      </c>
      <c r="BH83" s="13">
        <v>-1</v>
      </c>
      <c r="BI83" s="6">
        <v>-2</v>
      </c>
      <c r="BJ83" s="13">
        <v>-0.66666666666666663</v>
      </c>
      <c r="BK83" s="6">
        <v>-1</v>
      </c>
      <c r="BL83" s="13">
        <v>-1</v>
      </c>
      <c r="BM83" s="11">
        <v>0</v>
      </c>
      <c r="BN83" s="13" t="e">
        <v>#DIV/0!</v>
      </c>
      <c r="BO83" s="11">
        <v>-1</v>
      </c>
      <c r="BP83" s="13">
        <v>-1</v>
      </c>
      <c r="BQ83" s="6">
        <v>3</v>
      </c>
      <c r="BR83" s="6">
        <v>3</v>
      </c>
      <c r="BS83" s="6">
        <v>2</v>
      </c>
      <c r="BT83" s="6">
        <v>1</v>
      </c>
      <c r="BU83" s="6">
        <v>1</v>
      </c>
      <c r="BV83" s="6">
        <v>0</v>
      </c>
      <c r="BW83" s="6">
        <v>0</v>
      </c>
      <c r="BX83" s="6">
        <v>0</v>
      </c>
      <c r="BY83" s="6">
        <v>0</v>
      </c>
      <c r="BZ83" s="6">
        <v>0</v>
      </c>
      <c r="CA83" s="6">
        <v>0</v>
      </c>
      <c r="CB83" s="6">
        <v>0</v>
      </c>
      <c r="CC83" s="11">
        <v>0</v>
      </c>
      <c r="CD83" s="11">
        <v>-0.60653000000000001</v>
      </c>
      <c r="CE83" s="11">
        <v>5.1873900000000001E-2</v>
      </c>
      <c r="CF83" s="11">
        <v>5.4656000000000003E-2</v>
      </c>
      <c r="CG83" s="11">
        <v>0</v>
      </c>
      <c r="CH83" s="20">
        <v>1.15152E-2</v>
      </c>
      <c r="CI83" s="20">
        <v>1.2940399999999999E-2</v>
      </c>
      <c r="CJ83" s="20">
        <v>3.3331100000000002E-2</v>
      </c>
      <c r="CK83" s="20">
        <v>9.2187500000000006E-2</v>
      </c>
      <c r="CL83" s="20">
        <v>0.204152</v>
      </c>
      <c r="CM83" s="20">
        <v>0.228713</v>
      </c>
      <c r="CN83" s="20">
        <v>0.14136399999999999</v>
      </c>
      <c r="CO83" s="20">
        <v>2.9407900000000001E-2</v>
      </c>
      <c r="CP83" s="20">
        <v>0</v>
      </c>
      <c r="CQ83" s="20">
        <v>0</v>
      </c>
      <c r="CR83" s="20">
        <v>0</v>
      </c>
      <c r="CS83" s="20">
        <v>0</v>
      </c>
      <c r="CT83" s="20">
        <v>0</v>
      </c>
      <c r="CU83" s="20">
        <v>0</v>
      </c>
      <c r="CV83" s="20">
        <v>0</v>
      </c>
      <c r="CW83" s="20">
        <v>0</v>
      </c>
      <c r="CX83" s="20">
        <v>0</v>
      </c>
      <c r="CY83" s="6" t="s">
        <v>385</v>
      </c>
      <c r="CZ83" s="6" t="s">
        <v>386</v>
      </c>
      <c r="DA83" s="6" t="s">
        <v>58</v>
      </c>
      <c r="DB83" s="6"/>
      <c r="DC83" s="6">
        <v>33020</v>
      </c>
      <c r="DD83" s="6">
        <v>190</v>
      </c>
      <c r="DE83" s="6" t="s">
        <v>389</v>
      </c>
      <c r="DF83" s="6" t="s">
        <v>363</v>
      </c>
      <c r="DG83" s="6" t="s">
        <v>364</v>
      </c>
      <c r="DH83" s="6" t="s">
        <v>365</v>
      </c>
      <c r="DI83" s="6" t="s">
        <v>390</v>
      </c>
      <c r="DJ83" s="6">
        <v>29</v>
      </c>
      <c r="DK83" s="6">
        <v>7</v>
      </c>
      <c r="DL83" s="6">
        <v>5</v>
      </c>
      <c r="DM83" s="6" t="s">
        <v>392</v>
      </c>
      <c r="DN83" s="6">
        <v>6</v>
      </c>
      <c r="DO83" s="6" t="s">
        <v>393</v>
      </c>
      <c r="DP83" s="6"/>
      <c r="DQ83" s="6"/>
    </row>
    <row r="84" spans="1:121" x14ac:dyDescent="0.2">
      <c r="A84" s="6" t="s">
        <v>311</v>
      </c>
      <c r="B84" s="6" t="s">
        <v>311</v>
      </c>
      <c r="C84" s="6" t="s">
        <v>174</v>
      </c>
      <c r="D84" s="6" t="s">
        <v>58</v>
      </c>
      <c r="E84" s="6" t="s">
        <v>199</v>
      </c>
      <c r="F84" s="11">
        <v>-6</v>
      </c>
      <c r="G84" s="13">
        <v>-6.7415730337099994E-2</v>
      </c>
      <c r="H84" s="11">
        <v>-3.7880669999999981</v>
      </c>
      <c r="I84" s="13">
        <v>-4.2801144338634113E-2</v>
      </c>
      <c r="J84" s="11">
        <v>1.7743820000000028</v>
      </c>
      <c r="K84" s="13">
        <v>2.0945111717937431E-2</v>
      </c>
      <c r="L84" s="11">
        <v>-3.9350815028000028</v>
      </c>
      <c r="M84" s="13">
        <v>-4.5497433168921263E-2</v>
      </c>
      <c r="N84" s="11">
        <v>-2.1606995028</v>
      </c>
      <c r="O84" s="13">
        <v>-2.5505270271586271E-2</v>
      </c>
      <c r="P84" s="7">
        <v>88.503872000000001</v>
      </c>
      <c r="Q84" s="7">
        <v>85.488029999999995</v>
      </c>
      <c r="R84" s="7">
        <v>83.120260000000002</v>
      </c>
      <c r="S84" s="7">
        <v>83.142144000000002</v>
      </c>
      <c r="T84" s="7">
        <v>81.678376</v>
      </c>
      <c r="U84" s="7">
        <v>80.779743999999994</v>
      </c>
      <c r="V84" s="7">
        <v>84.715805000000003</v>
      </c>
      <c r="W84" s="7">
        <v>88.976755999999995</v>
      </c>
      <c r="X84" s="7">
        <v>90.346917000000005</v>
      </c>
      <c r="Y84" s="7">
        <v>86.490187000000006</v>
      </c>
      <c r="Z84" s="7">
        <v>89.237465999999998</v>
      </c>
      <c r="AA84" s="7">
        <v>85.203406999999999</v>
      </c>
      <c r="AB84" s="7">
        <v>85.110352000000006</v>
      </c>
      <c r="AC84" s="7">
        <v>84.910861999999995</v>
      </c>
      <c r="AD84" s="7">
        <v>83.259428</v>
      </c>
      <c r="AE84" s="7">
        <v>81.920759000000004</v>
      </c>
      <c r="AF84" s="7">
        <v>82.555105497200003</v>
      </c>
      <c r="AG84" s="9">
        <v>39832.898109500005</v>
      </c>
      <c r="AH84" s="13">
        <v>0.49775950769352961</v>
      </c>
      <c r="AI84" s="9">
        <v>16882.582420000006</v>
      </c>
      <c r="AJ84" s="13">
        <v>0.21096797654224519</v>
      </c>
      <c r="AK84" s="9">
        <v>4174.714910499999</v>
      </c>
      <c r="AL84" s="13">
        <v>4.3079615984323326E-2</v>
      </c>
      <c r="AM84" s="9">
        <v>18775.600779</v>
      </c>
      <c r="AN84" s="13">
        <v>0.18574681865969225</v>
      </c>
      <c r="AO84" s="9">
        <v>22950.315689499999</v>
      </c>
      <c r="AP84" s="13">
        <v>0.23682833626218483</v>
      </c>
      <c r="AQ84" s="9">
        <v>80024.3842535</v>
      </c>
      <c r="AR84" s="9">
        <v>76018.022816299999</v>
      </c>
      <c r="AS84" s="9">
        <v>81159.613019199998</v>
      </c>
      <c r="AT84" s="9">
        <v>89141.919667199996</v>
      </c>
      <c r="AU84" s="9">
        <v>91705.7613805</v>
      </c>
      <c r="AV84" s="9">
        <v>99598.654021599999</v>
      </c>
      <c r="AW84" s="9">
        <v>96906.966673500006</v>
      </c>
      <c r="AX84" s="9">
        <v>95527.274959799994</v>
      </c>
      <c r="AY84" s="9">
        <v>105828.59435299999</v>
      </c>
      <c r="AZ84" s="9">
        <v>101081.68158400001</v>
      </c>
      <c r="BA84" s="9">
        <v>101645.896673</v>
      </c>
      <c r="BB84" s="9">
        <v>108123.40298899999</v>
      </c>
      <c r="BC84" s="9">
        <v>112371.496487</v>
      </c>
      <c r="BD84" s="9">
        <v>113359.37523799999</v>
      </c>
      <c r="BE84" s="9">
        <v>115569.675678</v>
      </c>
      <c r="BF84" s="9">
        <v>119857.28236300001</v>
      </c>
      <c r="BG84" s="11">
        <v>-2</v>
      </c>
      <c r="BH84" s="13">
        <v>-0.33333333333333331</v>
      </c>
      <c r="BI84" s="6">
        <v>0</v>
      </c>
      <c r="BJ84" s="13">
        <v>0</v>
      </c>
      <c r="BK84" s="6">
        <v>-1</v>
      </c>
      <c r="BL84" s="13">
        <v>-0.16666666666666666</v>
      </c>
      <c r="BM84" s="11">
        <v>-1</v>
      </c>
      <c r="BN84" s="13">
        <v>-0.2</v>
      </c>
      <c r="BO84" s="11">
        <v>-2</v>
      </c>
      <c r="BP84" s="13">
        <v>-0.33333333333333331</v>
      </c>
      <c r="BQ84" s="6">
        <v>6</v>
      </c>
      <c r="BR84" s="6">
        <v>6</v>
      </c>
      <c r="BS84" s="6">
        <v>6</v>
      </c>
      <c r="BT84" s="6">
        <v>6</v>
      </c>
      <c r="BU84" s="6">
        <v>6</v>
      </c>
      <c r="BV84" s="6">
        <v>5</v>
      </c>
      <c r="BW84" s="6">
        <v>5</v>
      </c>
      <c r="BX84" s="6">
        <v>5</v>
      </c>
      <c r="BY84" s="6">
        <v>4</v>
      </c>
      <c r="BZ84" s="6">
        <v>4</v>
      </c>
      <c r="CA84" s="6">
        <v>4</v>
      </c>
      <c r="CB84" s="6">
        <v>4</v>
      </c>
      <c r="CC84" s="11">
        <v>4</v>
      </c>
      <c r="CD84" s="11">
        <v>-1.2110000000000001</v>
      </c>
      <c r="CE84" s="11">
        <v>-14.4123</v>
      </c>
      <c r="CF84" s="11">
        <v>9.6745400000000004</v>
      </c>
      <c r="CG84" s="11">
        <v>-4</v>
      </c>
      <c r="CH84" s="20">
        <v>1.8603499999999999</v>
      </c>
      <c r="CI84" s="20">
        <v>1.91916</v>
      </c>
      <c r="CJ84" s="20">
        <v>1.99471</v>
      </c>
      <c r="CK84" s="20">
        <v>2.0833300000000001</v>
      </c>
      <c r="CL84" s="20">
        <v>2.0432999999999999</v>
      </c>
      <c r="CM84" s="20">
        <v>2.0501299999999998</v>
      </c>
      <c r="CN84" s="20">
        <v>2.11808</v>
      </c>
      <c r="CO84" s="20">
        <v>2.2262599999999999</v>
      </c>
      <c r="CP84" s="20">
        <v>2.27806</v>
      </c>
      <c r="CQ84" s="20">
        <v>2.2110699999999999</v>
      </c>
      <c r="CR84" s="20">
        <v>2.2613400000000001</v>
      </c>
      <c r="CS84" s="20">
        <v>2.1708500000000002</v>
      </c>
      <c r="CT84" s="20">
        <v>2.2300399999999998</v>
      </c>
      <c r="CU84" s="20">
        <v>2.2400000000000002</v>
      </c>
      <c r="CV84" s="20">
        <v>2.15862</v>
      </c>
      <c r="CW84" s="20">
        <v>2.1547000000000001</v>
      </c>
      <c r="CX84" s="20">
        <v>2.1396999999999999</v>
      </c>
      <c r="CY84" s="6" t="s">
        <v>385</v>
      </c>
      <c r="CZ84" s="6" t="s">
        <v>386</v>
      </c>
      <c r="DA84" s="6" t="s">
        <v>58</v>
      </c>
      <c r="DB84" s="6"/>
      <c r="DC84" s="6">
        <v>33020</v>
      </c>
      <c r="DD84" s="6">
        <v>190</v>
      </c>
      <c r="DE84" s="6" t="s">
        <v>389</v>
      </c>
      <c r="DF84" s="6" t="s">
        <v>363</v>
      </c>
      <c r="DG84" s="6" t="s">
        <v>364</v>
      </c>
      <c r="DH84" s="6" t="s">
        <v>365</v>
      </c>
      <c r="DI84" s="6" t="s">
        <v>390</v>
      </c>
      <c r="DJ84" s="6">
        <v>29</v>
      </c>
      <c r="DK84" s="6">
        <v>7</v>
      </c>
      <c r="DL84" s="6">
        <v>5</v>
      </c>
      <c r="DM84" s="6" t="s">
        <v>392</v>
      </c>
      <c r="DN84" s="6">
        <v>6</v>
      </c>
      <c r="DO84" s="6" t="s">
        <v>393</v>
      </c>
      <c r="DP84" s="6"/>
      <c r="DQ84" s="6"/>
    </row>
    <row r="85" spans="1:121" x14ac:dyDescent="0.2">
      <c r="A85" s="6" t="s">
        <v>312</v>
      </c>
      <c r="B85" s="6" t="s">
        <v>312</v>
      </c>
      <c r="C85" s="6" t="s">
        <v>175</v>
      </c>
      <c r="D85" s="6" t="s">
        <v>58</v>
      </c>
      <c r="E85" s="6" t="s">
        <v>199</v>
      </c>
      <c r="F85" s="11">
        <v>-156</v>
      </c>
      <c r="G85" s="13">
        <v>-0.28312159709599999</v>
      </c>
      <c r="H85" s="11">
        <v>-47.931689327999948</v>
      </c>
      <c r="I85" s="13">
        <v>-8.6951732281808913E-2</v>
      </c>
      <c r="J85" s="11">
        <v>-109.493480568</v>
      </c>
      <c r="K85" s="13">
        <v>-0.21754546147617759</v>
      </c>
      <c r="L85" s="11">
        <v>1.4064823439999827</v>
      </c>
      <c r="M85" s="13">
        <v>3.5713871915793991E-3</v>
      </c>
      <c r="N85" s="11">
        <v>-108.08699822400001</v>
      </c>
      <c r="O85" s="13">
        <v>-0.21475101335930047</v>
      </c>
      <c r="P85" s="7">
        <v>551.24478915099996</v>
      </c>
      <c r="Q85" s="7">
        <v>415.03797795600002</v>
      </c>
      <c r="R85" s="7">
        <v>440.37553776099998</v>
      </c>
      <c r="S85" s="7">
        <v>434.57537648300001</v>
      </c>
      <c r="T85" s="7">
        <v>422.956441799</v>
      </c>
      <c r="U85" s="7">
        <v>523.85709253100003</v>
      </c>
      <c r="V85" s="7">
        <v>503.31309982300002</v>
      </c>
      <c r="W85" s="7">
        <v>468.82728828</v>
      </c>
      <c r="X85" s="7">
        <v>441.415442047</v>
      </c>
      <c r="Y85" s="7">
        <v>393.81961925500002</v>
      </c>
      <c r="Z85" s="7">
        <v>373.391964605</v>
      </c>
      <c r="AA85" s="7">
        <v>371.27761009300002</v>
      </c>
      <c r="AB85" s="7">
        <v>384.00957077100003</v>
      </c>
      <c r="AC85" s="7">
        <v>374.87062838200001</v>
      </c>
      <c r="AD85" s="7">
        <v>388.387824997</v>
      </c>
      <c r="AE85" s="7">
        <v>396.403300839</v>
      </c>
      <c r="AF85" s="7">
        <v>395.226101599</v>
      </c>
      <c r="AG85" s="9">
        <v>4592.2115792999975</v>
      </c>
      <c r="AH85" s="13">
        <v>0.13514911139783489</v>
      </c>
      <c r="AI85" s="9">
        <v>-4712.4199902000037</v>
      </c>
      <c r="AJ85" s="13">
        <v>-0.13868685342803946</v>
      </c>
      <c r="AK85" s="9">
        <v>3376.7284891999989</v>
      </c>
      <c r="AL85" s="13">
        <v>0.11537889387893412</v>
      </c>
      <c r="AM85" s="9">
        <v>5927.9030803000023</v>
      </c>
      <c r="AN85" s="13">
        <v>0.18159709691755344</v>
      </c>
      <c r="AO85" s="9">
        <v>9304.6315695000012</v>
      </c>
      <c r="AP85" s="13">
        <v>0.31792846297046046</v>
      </c>
      <c r="AQ85" s="9">
        <v>33978.851446400004</v>
      </c>
      <c r="AR85" s="9">
        <v>27094.654988099999</v>
      </c>
      <c r="AS85" s="9">
        <v>28959.036775500001</v>
      </c>
      <c r="AT85" s="9">
        <v>27135.0927386</v>
      </c>
      <c r="AU85" s="9">
        <v>27700.101712899999</v>
      </c>
      <c r="AV85" s="9">
        <v>29709.181570000001</v>
      </c>
      <c r="AW85" s="9">
        <v>29266.4314562</v>
      </c>
      <c r="AX85" s="9">
        <v>31473.789295499999</v>
      </c>
      <c r="AY85" s="9">
        <v>31125.377558600001</v>
      </c>
      <c r="AZ85" s="9">
        <v>32643.159945399999</v>
      </c>
      <c r="BA85" s="9">
        <v>33822.482749199997</v>
      </c>
      <c r="BB85" s="9">
        <v>34489.045040600002</v>
      </c>
      <c r="BC85" s="9">
        <v>35252.382247599999</v>
      </c>
      <c r="BD85" s="9">
        <v>36575.782484299998</v>
      </c>
      <c r="BE85" s="9">
        <v>36267.882154999999</v>
      </c>
      <c r="BF85" s="9">
        <v>38571.063025700001</v>
      </c>
      <c r="BG85" s="11">
        <v>-13.75</v>
      </c>
      <c r="BH85" s="13">
        <v>-0.20220588235294118</v>
      </c>
      <c r="BI85" s="6">
        <v>0</v>
      </c>
      <c r="BJ85" s="13">
        <v>0</v>
      </c>
      <c r="BK85" s="6">
        <v>-3</v>
      </c>
      <c r="BL85" s="13">
        <v>-4.4117647058823532E-2</v>
      </c>
      <c r="BM85" s="11">
        <v>-10.75</v>
      </c>
      <c r="BN85" s="13">
        <v>-0.16538461538461538</v>
      </c>
      <c r="BO85" s="11">
        <v>-13.75</v>
      </c>
      <c r="BP85" s="13">
        <v>-0.20220588235294118</v>
      </c>
      <c r="BQ85" s="6">
        <v>68</v>
      </c>
      <c r="BR85" s="6">
        <v>72</v>
      </c>
      <c r="BS85" s="6">
        <v>71</v>
      </c>
      <c r="BT85" s="6">
        <v>68</v>
      </c>
      <c r="BU85" s="6">
        <v>66</v>
      </c>
      <c r="BV85" s="6">
        <v>66</v>
      </c>
      <c r="BW85" s="6">
        <v>65</v>
      </c>
      <c r="BX85" s="6">
        <v>60</v>
      </c>
      <c r="BY85" s="6">
        <v>58</v>
      </c>
      <c r="BZ85" s="6">
        <v>59</v>
      </c>
      <c r="CA85" s="6">
        <v>57</v>
      </c>
      <c r="CB85" s="6">
        <v>56</v>
      </c>
      <c r="CC85" s="11">
        <v>54.25</v>
      </c>
      <c r="CD85" s="11">
        <v>-149.50700000000001</v>
      </c>
      <c r="CE85" s="11">
        <v>-66.769800000000004</v>
      </c>
      <c r="CF85" s="11">
        <v>60.2577</v>
      </c>
      <c r="CG85" s="11">
        <v>-7</v>
      </c>
      <c r="CH85" s="20">
        <v>0.79887399999999997</v>
      </c>
      <c r="CI85" s="20">
        <v>0.63794499999999998</v>
      </c>
      <c r="CJ85" s="20">
        <v>0.69146700000000005</v>
      </c>
      <c r="CK85" s="20">
        <v>0.66802899999999998</v>
      </c>
      <c r="CL85" s="20">
        <v>0.60516300000000001</v>
      </c>
      <c r="CM85" s="20">
        <v>0.72418400000000005</v>
      </c>
      <c r="CN85" s="20">
        <v>0.69467900000000005</v>
      </c>
      <c r="CO85" s="20">
        <v>0.69496999999999998</v>
      </c>
      <c r="CP85" s="20">
        <v>0.76061699999999999</v>
      </c>
      <c r="CQ85" s="20">
        <v>0.73606899999999997</v>
      </c>
      <c r="CR85" s="20">
        <v>0.69906299999999999</v>
      </c>
      <c r="CS85" s="20">
        <v>0.69230199999999997</v>
      </c>
      <c r="CT85" s="20">
        <v>0.71853999999999996</v>
      </c>
      <c r="CU85" s="20">
        <v>0.68479500000000004</v>
      </c>
      <c r="CV85" s="20">
        <v>0.67796100000000004</v>
      </c>
      <c r="CW85" s="20">
        <v>0.68750299999999998</v>
      </c>
      <c r="CX85" s="20">
        <v>0.67642999999999998</v>
      </c>
      <c r="CY85" s="6" t="s">
        <v>385</v>
      </c>
      <c r="CZ85" s="6" t="s">
        <v>386</v>
      </c>
      <c r="DA85" s="6" t="s">
        <v>58</v>
      </c>
      <c r="DB85" s="6"/>
      <c r="DC85" s="6">
        <v>33020</v>
      </c>
      <c r="DD85" s="6">
        <v>190</v>
      </c>
      <c r="DE85" s="6" t="s">
        <v>389</v>
      </c>
      <c r="DF85" s="6" t="s">
        <v>363</v>
      </c>
      <c r="DG85" s="6" t="s">
        <v>364</v>
      </c>
      <c r="DH85" s="6" t="s">
        <v>365</v>
      </c>
      <c r="DI85" s="6" t="s">
        <v>390</v>
      </c>
      <c r="DJ85" s="6">
        <v>29</v>
      </c>
      <c r="DK85" s="6">
        <v>7</v>
      </c>
      <c r="DL85" s="6">
        <v>5</v>
      </c>
      <c r="DM85" s="6" t="s">
        <v>392</v>
      </c>
      <c r="DN85" s="6">
        <v>6</v>
      </c>
      <c r="DO85" s="6" t="s">
        <v>393</v>
      </c>
      <c r="DP85" s="6"/>
      <c r="DQ85" s="6"/>
    </row>
    <row r="86" spans="1:121" x14ac:dyDescent="0.2">
      <c r="A86" s="6" t="s">
        <v>792</v>
      </c>
      <c r="B86" s="6" t="s">
        <v>176</v>
      </c>
      <c r="C86" s="6" t="s">
        <v>177</v>
      </c>
      <c r="D86" s="6" t="s">
        <v>58</v>
      </c>
      <c r="E86" s="6" t="s">
        <v>199</v>
      </c>
      <c r="F86" s="11">
        <v>-580</v>
      </c>
      <c r="G86" s="13">
        <v>-0.21561338290000001</v>
      </c>
      <c r="H86" s="11">
        <v>-308.96644608999986</v>
      </c>
      <c r="I86" s="13">
        <v>-0.11486576452822202</v>
      </c>
      <c r="J86" s="11">
        <v>-360.6771854399999</v>
      </c>
      <c r="K86" s="13">
        <v>-0.15149169446096986</v>
      </c>
      <c r="L86" s="11">
        <v>90.259059550000075</v>
      </c>
      <c r="M86" s="13">
        <v>4.4679145411440656E-2</v>
      </c>
      <c r="N86" s="11">
        <v>-270.41812588999983</v>
      </c>
      <c r="O86" s="13">
        <v>-0.1135810684949764</v>
      </c>
      <c r="P86" s="7">
        <v>2689.8044631399998</v>
      </c>
      <c r="Q86" s="7">
        <v>2313.4446496300002</v>
      </c>
      <c r="R86" s="7">
        <v>1927.775723</v>
      </c>
      <c r="S86" s="7">
        <v>2004.34017503</v>
      </c>
      <c r="T86" s="7">
        <v>2207.4222303800002</v>
      </c>
      <c r="U86" s="7">
        <v>2278.2605686500001</v>
      </c>
      <c r="V86" s="7">
        <v>2380.83801705</v>
      </c>
      <c r="W86" s="7">
        <v>2205.7404869699999</v>
      </c>
      <c r="X86" s="7">
        <v>1828.1252827999999</v>
      </c>
      <c r="Y86" s="7">
        <v>2020.1608316100001</v>
      </c>
      <c r="Z86" s="7">
        <v>2080.6029142399998</v>
      </c>
      <c r="AA86" s="7">
        <v>2090.5353007499998</v>
      </c>
      <c r="AB86" s="7">
        <v>2029.5594664400001</v>
      </c>
      <c r="AC86" s="7">
        <v>2057.8239000799999</v>
      </c>
      <c r="AD86" s="7">
        <v>2095.3460102099998</v>
      </c>
      <c r="AE86" s="7">
        <v>2086.2930866500001</v>
      </c>
      <c r="AF86" s="7">
        <v>2110.4198911600001</v>
      </c>
      <c r="AG86" s="9">
        <v>15135.757682200005</v>
      </c>
      <c r="AH86" s="13">
        <v>0.38412436509879871</v>
      </c>
      <c r="AI86" s="9">
        <v>7420.4974418999991</v>
      </c>
      <c r="AJ86" s="13">
        <v>0.18832184872642521</v>
      </c>
      <c r="AK86" s="9">
        <v>2619.5486860000019</v>
      </c>
      <c r="AL86" s="13">
        <v>5.5944845845086237E-2</v>
      </c>
      <c r="AM86" s="9">
        <v>5095.7115543000036</v>
      </c>
      <c r="AN86" s="13">
        <v>0.10306167792186106</v>
      </c>
      <c r="AO86" s="9">
        <v>7715.2602403000055</v>
      </c>
      <c r="AP86" s="13">
        <v>0.16477229345082176</v>
      </c>
      <c r="AQ86" s="9">
        <v>39403.274192999997</v>
      </c>
      <c r="AR86" s="9">
        <v>40102.638914800002</v>
      </c>
      <c r="AS86" s="9">
        <v>42796.7008413</v>
      </c>
      <c r="AT86" s="9">
        <v>43359.647163200003</v>
      </c>
      <c r="AU86" s="9">
        <v>44324.969012100002</v>
      </c>
      <c r="AV86" s="9">
        <v>45054.8243028</v>
      </c>
      <c r="AW86" s="9">
        <v>46823.771634899997</v>
      </c>
      <c r="AX86" s="9">
        <v>47830.6649751</v>
      </c>
      <c r="AY86" s="9">
        <v>49138.648601100002</v>
      </c>
      <c r="AZ86" s="9">
        <v>49443.320320899998</v>
      </c>
      <c r="BA86" s="9">
        <v>49321.065268500002</v>
      </c>
      <c r="BB86" s="9">
        <v>51640.276668400002</v>
      </c>
      <c r="BC86" s="9">
        <v>52998.1961773</v>
      </c>
      <c r="BD86" s="9">
        <v>52440.708136100002</v>
      </c>
      <c r="BE86" s="9">
        <v>54507.491563199997</v>
      </c>
      <c r="BF86" s="9">
        <v>54539.031875200002</v>
      </c>
      <c r="BG86" s="11">
        <v>-5.75</v>
      </c>
      <c r="BH86" s="13">
        <v>-0.11979166666666667</v>
      </c>
      <c r="BI86" s="6">
        <v>1</v>
      </c>
      <c r="BJ86" s="13">
        <v>2.0833333333333332E-2</v>
      </c>
      <c r="BK86" s="6">
        <v>2</v>
      </c>
      <c r="BL86" s="13">
        <v>4.0816326530612242E-2</v>
      </c>
      <c r="BM86" s="11">
        <v>-8.75</v>
      </c>
      <c r="BN86" s="13">
        <v>-0.17156862745098039</v>
      </c>
      <c r="BO86" s="11">
        <v>-6.75</v>
      </c>
      <c r="BP86" s="13">
        <v>-0.13775510204081631</v>
      </c>
      <c r="BQ86" s="6">
        <v>48</v>
      </c>
      <c r="BR86" s="6">
        <v>50</v>
      </c>
      <c r="BS86" s="6">
        <v>49</v>
      </c>
      <c r="BT86" s="6">
        <v>49</v>
      </c>
      <c r="BU86" s="6">
        <v>50</v>
      </c>
      <c r="BV86" s="6">
        <v>49</v>
      </c>
      <c r="BW86" s="6">
        <v>51</v>
      </c>
      <c r="BX86" s="6">
        <v>45</v>
      </c>
      <c r="BY86" s="6">
        <v>44</v>
      </c>
      <c r="BZ86" s="6">
        <v>48</v>
      </c>
      <c r="CA86" s="6">
        <v>47</v>
      </c>
      <c r="CB86" s="6">
        <v>45</v>
      </c>
      <c r="CC86" s="11">
        <v>42.25</v>
      </c>
      <c r="CD86" s="11">
        <v>76.028400000000005</v>
      </c>
      <c r="CE86" s="11">
        <v>-949.44100000000003</v>
      </c>
      <c r="CF86" s="11">
        <v>294.02800000000002</v>
      </c>
      <c r="CG86" s="11">
        <v>-655</v>
      </c>
      <c r="CH86" s="20">
        <v>2.0361500000000001</v>
      </c>
      <c r="CI86" s="20">
        <v>1.98492</v>
      </c>
      <c r="CJ86" s="20">
        <v>1.8061499999999999</v>
      </c>
      <c r="CK86" s="20">
        <v>1.94722</v>
      </c>
      <c r="CL86" s="20">
        <v>2.1019000000000001</v>
      </c>
      <c r="CM86" s="20">
        <v>2.19693</v>
      </c>
      <c r="CN86" s="20">
        <v>2.3206500000000001</v>
      </c>
      <c r="CO86" s="20">
        <v>2.2591999999999999</v>
      </c>
      <c r="CP86" s="20">
        <v>2.1444399999999999</v>
      </c>
      <c r="CQ86" s="20">
        <v>2.4315799999999999</v>
      </c>
      <c r="CR86" s="20">
        <v>2.4338299999999999</v>
      </c>
      <c r="CS86" s="20">
        <v>2.41811</v>
      </c>
      <c r="CT86" s="20">
        <v>2.3928699999999998</v>
      </c>
      <c r="CU86" s="20">
        <v>2.4266700000000001</v>
      </c>
      <c r="CV86" s="20">
        <v>2.42727</v>
      </c>
      <c r="CW86" s="20">
        <v>2.4536199999999999</v>
      </c>
      <c r="CX86" s="20">
        <v>2.4650500000000002</v>
      </c>
      <c r="CY86" s="6" t="s">
        <v>385</v>
      </c>
      <c r="CZ86" s="6" t="s">
        <v>386</v>
      </c>
      <c r="DA86" s="6" t="s">
        <v>58</v>
      </c>
      <c r="DB86" s="6"/>
      <c r="DC86" s="6">
        <v>33020</v>
      </c>
      <c r="DD86" s="6">
        <v>190</v>
      </c>
      <c r="DE86" s="6" t="s">
        <v>389</v>
      </c>
      <c r="DF86" s="6" t="s">
        <v>363</v>
      </c>
      <c r="DG86" s="6" t="s">
        <v>364</v>
      </c>
      <c r="DH86" s="6" t="s">
        <v>365</v>
      </c>
      <c r="DI86" s="6" t="s">
        <v>390</v>
      </c>
      <c r="DJ86" s="6">
        <v>29</v>
      </c>
      <c r="DK86" s="6">
        <v>7</v>
      </c>
      <c r="DL86" s="6">
        <v>5</v>
      </c>
      <c r="DM86" s="6" t="s">
        <v>392</v>
      </c>
      <c r="DN86" s="6">
        <v>6</v>
      </c>
      <c r="DO86" s="6" t="s">
        <v>393</v>
      </c>
      <c r="DP86" s="6"/>
      <c r="DQ86" s="6"/>
    </row>
    <row r="87" spans="1:121" x14ac:dyDescent="0.2">
      <c r="A87" s="6" t="s">
        <v>313</v>
      </c>
      <c r="B87" s="6" t="s">
        <v>313</v>
      </c>
      <c r="C87" s="6" t="s">
        <v>178</v>
      </c>
      <c r="D87" s="6" t="s">
        <v>58</v>
      </c>
      <c r="E87" s="6" t="s">
        <v>199</v>
      </c>
      <c r="F87" s="11">
        <v>122</v>
      </c>
      <c r="G87" s="13">
        <v>0.31443298969099998</v>
      </c>
      <c r="H87" s="11">
        <v>53.024904785999979</v>
      </c>
      <c r="I87" s="13">
        <v>0.13666308669980981</v>
      </c>
      <c r="J87" s="11">
        <v>-35.563044391999995</v>
      </c>
      <c r="K87" s="13">
        <v>-8.0637768995610842E-2</v>
      </c>
      <c r="L87" s="11">
        <v>104.93068933699999</v>
      </c>
      <c r="M87" s="13">
        <v>0.25879473668974329</v>
      </c>
      <c r="N87" s="11">
        <v>69.367644944999995</v>
      </c>
      <c r="O87" s="13">
        <v>0.15728833749966495</v>
      </c>
      <c r="P87" s="7">
        <v>387.997271732</v>
      </c>
      <c r="Q87" s="7">
        <v>341.99658196199999</v>
      </c>
      <c r="R87" s="7">
        <v>332.41014787199998</v>
      </c>
      <c r="S87" s="7">
        <v>342.99356026300001</v>
      </c>
      <c r="T87" s="7">
        <v>405.644713819</v>
      </c>
      <c r="U87" s="7">
        <v>424.14243443599997</v>
      </c>
      <c r="V87" s="7">
        <v>441.02217651799998</v>
      </c>
      <c r="W87" s="7">
        <v>418.327239018</v>
      </c>
      <c r="X87" s="7">
        <v>395.65424897100002</v>
      </c>
      <c r="Y87" s="7">
        <v>405.45913212599999</v>
      </c>
      <c r="Z87" s="7">
        <v>408.37540049400002</v>
      </c>
      <c r="AA87" s="7">
        <v>475.46783725699999</v>
      </c>
      <c r="AB87" s="7">
        <v>478.99128568499998</v>
      </c>
      <c r="AC87" s="7">
        <v>479.25153374899998</v>
      </c>
      <c r="AD87" s="7">
        <v>447.317744543</v>
      </c>
      <c r="AE87" s="7">
        <v>489.07034250700002</v>
      </c>
      <c r="AF87" s="7">
        <v>510.38982146299998</v>
      </c>
      <c r="AG87" s="9">
        <v>12120.620845300004</v>
      </c>
      <c r="AH87" s="13">
        <v>0.44407709931730555</v>
      </c>
      <c r="AI87" s="9">
        <v>8005.1330669999988</v>
      </c>
      <c r="AJ87" s="13">
        <v>0.29329324936526513</v>
      </c>
      <c r="AK87" s="9">
        <v>2481.366380600004</v>
      </c>
      <c r="AL87" s="13">
        <v>7.0295479019396298E-2</v>
      </c>
      <c r="AM87" s="9">
        <v>1634.1213977000007</v>
      </c>
      <c r="AN87" s="13">
        <v>4.325308879527108E-2</v>
      </c>
      <c r="AO87" s="9">
        <v>4115.4877783000047</v>
      </c>
      <c r="AP87" s="13">
        <v>0.11658906441059944</v>
      </c>
      <c r="AQ87" s="9">
        <v>27293.9560809</v>
      </c>
      <c r="AR87" s="9">
        <v>29029.475070600001</v>
      </c>
      <c r="AS87" s="9">
        <v>30032.5224815</v>
      </c>
      <c r="AT87" s="9">
        <v>31883.048787799999</v>
      </c>
      <c r="AU87" s="9">
        <v>32829.934518399998</v>
      </c>
      <c r="AV87" s="9">
        <v>33997.889806699997</v>
      </c>
      <c r="AW87" s="9">
        <v>35299.089147899998</v>
      </c>
      <c r="AX87" s="9">
        <v>37150.384633399997</v>
      </c>
      <c r="AY87" s="9">
        <v>37764.0022121</v>
      </c>
      <c r="AZ87" s="9">
        <v>37780.455528500002</v>
      </c>
      <c r="BA87" s="9">
        <v>37303.926541300003</v>
      </c>
      <c r="BB87" s="9">
        <v>39022.787849200002</v>
      </c>
      <c r="BC87" s="9">
        <v>41289.443520399996</v>
      </c>
      <c r="BD87" s="9">
        <v>39972.659364699997</v>
      </c>
      <c r="BE87" s="9">
        <v>41948.341169699997</v>
      </c>
      <c r="BF87" s="9">
        <v>39414.576926200003</v>
      </c>
      <c r="BG87" s="11">
        <v>-3.25</v>
      </c>
      <c r="BH87" s="13">
        <v>-9.285714285714286E-2</v>
      </c>
      <c r="BI87" s="6">
        <v>3</v>
      </c>
      <c r="BJ87" s="13">
        <v>8.5714285714285715E-2</v>
      </c>
      <c r="BK87" s="6">
        <v>-4</v>
      </c>
      <c r="BL87" s="13">
        <v>-0.10526315789473684</v>
      </c>
      <c r="BM87" s="11">
        <v>-2.25</v>
      </c>
      <c r="BN87" s="13">
        <v>-6.6176470588235295E-2</v>
      </c>
      <c r="BO87" s="11">
        <v>-6.25</v>
      </c>
      <c r="BP87" s="13">
        <v>-0.16447368421052633</v>
      </c>
      <c r="BQ87" s="6">
        <v>35</v>
      </c>
      <c r="BR87" s="6">
        <v>37</v>
      </c>
      <c r="BS87" s="6">
        <v>35</v>
      </c>
      <c r="BT87" s="6">
        <v>38</v>
      </c>
      <c r="BU87" s="6">
        <v>39</v>
      </c>
      <c r="BV87" s="6">
        <v>39</v>
      </c>
      <c r="BW87" s="6">
        <v>34</v>
      </c>
      <c r="BX87" s="6">
        <v>30</v>
      </c>
      <c r="BY87" s="6">
        <v>36</v>
      </c>
      <c r="BZ87" s="6">
        <v>36</v>
      </c>
      <c r="CA87" s="6">
        <v>39</v>
      </c>
      <c r="CB87" s="6">
        <v>35</v>
      </c>
      <c r="CC87" s="11">
        <v>31.75</v>
      </c>
      <c r="CD87" s="11">
        <v>111.705</v>
      </c>
      <c r="CE87" s="11">
        <v>-31.7256</v>
      </c>
      <c r="CF87" s="11">
        <v>42.412799999999997</v>
      </c>
      <c r="CG87" s="11">
        <v>10</v>
      </c>
      <c r="CH87" s="20">
        <v>0.82484299999999999</v>
      </c>
      <c r="CI87" s="20">
        <v>0.78265700000000005</v>
      </c>
      <c r="CJ87" s="20">
        <v>0.79406500000000002</v>
      </c>
      <c r="CK87" s="20">
        <v>0.82949399999999995</v>
      </c>
      <c r="CL87" s="20">
        <v>0.93871099999999996</v>
      </c>
      <c r="CM87" s="20">
        <v>0.96711899999999995</v>
      </c>
      <c r="CN87" s="20">
        <v>0.980487</v>
      </c>
      <c r="CO87" s="20">
        <v>0.95223899999999995</v>
      </c>
      <c r="CP87" s="20">
        <v>0.97502900000000003</v>
      </c>
      <c r="CQ87" s="20">
        <v>1.0150699999999999</v>
      </c>
      <c r="CR87" s="20">
        <v>0.99795</v>
      </c>
      <c r="CS87" s="20">
        <v>1.14757</v>
      </c>
      <c r="CT87" s="20">
        <v>1.1716899999999999</v>
      </c>
      <c r="CU87" s="20">
        <v>1.1740299999999999</v>
      </c>
      <c r="CV87" s="20">
        <v>1.07714</v>
      </c>
      <c r="CW87" s="20">
        <v>1.19872</v>
      </c>
      <c r="CX87" s="20">
        <v>1.2323299999999999</v>
      </c>
      <c r="CY87" s="6" t="s">
        <v>385</v>
      </c>
      <c r="CZ87" s="6" t="s">
        <v>386</v>
      </c>
      <c r="DA87" s="6" t="s">
        <v>58</v>
      </c>
      <c r="DB87" s="6"/>
      <c r="DC87" s="6">
        <v>33020</v>
      </c>
      <c r="DD87" s="6">
        <v>190</v>
      </c>
      <c r="DE87" s="6" t="s">
        <v>389</v>
      </c>
      <c r="DF87" s="6" t="s">
        <v>363</v>
      </c>
      <c r="DG87" s="6" t="s">
        <v>364</v>
      </c>
      <c r="DH87" s="6" t="s">
        <v>365</v>
      </c>
      <c r="DI87" s="6" t="s">
        <v>390</v>
      </c>
      <c r="DJ87" s="6">
        <v>29</v>
      </c>
      <c r="DK87" s="6">
        <v>7</v>
      </c>
      <c r="DL87" s="6">
        <v>5</v>
      </c>
      <c r="DM87" s="6" t="s">
        <v>392</v>
      </c>
      <c r="DN87" s="6">
        <v>6</v>
      </c>
      <c r="DO87" s="6" t="s">
        <v>393</v>
      </c>
      <c r="DP87" s="6"/>
      <c r="DQ87" s="6"/>
    </row>
    <row r="88" spans="1:121" x14ac:dyDescent="0.2">
      <c r="A88" s="6" t="s">
        <v>793</v>
      </c>
      <c r="B88" s="6" t="s">
        <v>179</v>
      </c>
      <c r="C88" s="6" t="s">
        <v>180</v>
      </c>
      <c r="D88" s="6" t="s">
        <v>58</v>
      </c>
      <c r="E88" s="6" t="s">
        <v>199</v>
      </c>
      <c r="F88" s="11">
        <v>-32</v>
      </c>
      <c r="G88" s="13">
        <v>-0.02</v>
      </c>
      <c r="H88" s="11">
        <v>-81</v>
      </c>
      <c r="I88" s="13">
        <v>-5.5365686944634313E-2</v>
      </c>
      <c r="J88" s="11">
        <v>-87</v>
      </c>
      <c r="K88" s="13">
        <v>-6.2952243125904486E-2</v>
      </c>
      <c r="L88" s="11">
        <v>136</v>
      </c>
      <c r="M88" s="13">
        <v>0.10501930501930502</v>
      </c>
      <c r="N88" s="11">
        <v>49</v>
      </c>
      <c r="O88" s="13">
        <v>3.5455861070911719E-2</v>
      </c>
      <c r="P88" s="7">
        <v>1463</v>
      </c>
      <c r="Q88" s="7">
        <v>1448</v>
      </c>
      <c r="R88" s="7">
        <v>1411</v>
      </c>
      <c r="S88" s="7">
        <v>1383</v>
      </c>
      <c r="T88" s="7">
        <v>1521</v>
      </c>
      <c r="U88" s="7">
        <v>1387</v>
      </c>
      <c r="V88" s="7">
        <v>1382</v>
      </c>
      <c r="W88" s="7">
        <v>1390</v>
      </c>
      <c r="X88" s="7">
        <v>1339</v>
      </c>
      <c r="Y88" s="7">
        <v>1295</v>
      </c>
      <c r="Z88" s="7">
        <v>1294</v>
      </c>
      <c r="AA88" s="7">
        <v>1373</v>
      </c>
      <c r="AB88" s="7">
        <v>1402</v>
      </c>
      <c r="AC88" s="7">
        <v>1382</v>
      </c>
      <c r="AD88" s="7">
        <v>1343</v>
      </c>
      <c r="AE88" s="7">
        <v>1349</v>
      </c>
      <c r="AF88" s="7">
        <v>1431</v>
      </c>
      <c r="AG88" s="9">
        <v>9753</v>
      </c>
      <c r="AH88" s="13">
        <v>0.47722268434701759</v>
      </c>
      <c r="AI88" s="9">
        <v>6270</v>
      </c>
      <c r="AJ88" s="13">
        <v>0.30679649655037433</v>
      </c>
      <c r="AK88" s="9">
        <v>-210</v>
      </c>
      <c r="AL88" s="13">
        <v>-7.8631070505859879E-3</v>
      </c>
      <c r="AM88" s="9">
        <v>3693</v>
      </c>
      <c r="AN88" s="13">
        <v>0.1393742687851455</v>
      </c>
      <c r="AO88" s="9">
        <v>3483</v>
      </c>
      <c r="AP88" s="13">
        <v>0.13041524693900475</v>
      </c>
      <c r="AQ88" s="9">
        <v>20437</v>
      </c>
      <c r="AR88" s="9">
        <v>21250</v>
      </c>
      <c r="AS88" s="9">
        <v>22406</v>
      </c>
      <c r="AT88" s="9">
        <v>24006</v>
      </c>
      <c r="AU88" s="9">
        <v>23753</v>
      </c>
      <c r="AV88" s="9">
        <v>25531</v>
      </c>
      <c r="AW88" s="9">
        <v>26707</v>
      </c>
      <c r="AX88" s="9">
        <v>26522</v>
      </c>
      <c r="AY88" s="9">
        <v>26124</v>
      </c>
      <c r="AZ88" s="9">
        <v>26497</v>
      </c>
      <c r="BA88" s="9">
        <v>26637</v>
      </c>
      <c r="BB88" s="9">
        <v>27444</v>
      </c>
      <c r="BC88" s="9">
        <v>29220</v>
      </c>
      <c r="BD88" s="9">
        <v>29816</v>
      </c>
      <c r="BE88" s="9">
        <v>29982</v>
      </c>
      <c r="BF88" s="9">
        <v>30190</v>
      </c>
      <c r="BG88" s="11">
        <v>-26</v>
      </c>
      <c r="BH88" s="13">
        <v>-0.22033898305084745</v>
      </c>
      <c r="BI88" s="6">
        <v>-12</v>
      </c>
      <c r="BJ88" s="13">
        <v>-0.10169491525423729</v>
      </c>
      <c r="BK88" s="6">
        <v>-4</v>
      </c>
      <c r="BL88" s="13">
        <v>-3.7735849056603772E-2</v>
      </c>
      <c r="BM88" s="11">
        <v>-10</v>
      </c>
      <c r="BN88" s="13">
        <v>-9.8039215686274508E-2</v>
      </c>
      <c r="BO88" s="11">
        <v>-14</v>
      </c>
      <c r="BP88" s="13">
        <v>-0.13207547169811321</v>
      </c>
      <c r="BQ88" s="6">
        <v>118</v>
      </c>
      <c r="BR88" s="6">
        <v>116</v>
      </c>
      <c r="BS88" s="6">
        <v>110</v>
      </c>
      <c r="BT88" s="6">
        <v>106</v>
      </c>
      <c r="BU88" s="6">
        <v>107</v>
      </c>
      <c r="BV88" s="6">
        <v>104</v>
      </c>
      <c r="BW88" s="6">
        <v>102</v>
      </c>
      <c r="BX88" s="6">
        <v>98</v>
      </c>
      <c r="BY88" s="6">
        <v>100</v>
      </c>
      <c r="BZ88" s="6">
        <v>98</v>
      </c>
      <c r="CA88" s="6">
        <v>98</v>
      </c>
      <c r="CB88" s="6">
        <v>96</v>
      </c>
      <c r="CC88" s="11">
        <v>92</v>
      </c>
      <c r="CD88" s="11">
        <v>-98</v>
      </c>
      <c r="CE88" s="11">
        <v>-94</v>
      </c>
      <c r="CF88" s="11">
        <v>160</v>
      </c>
      <c r="CG88" s="11">
        <v>66</v>
      </c>
      <c r="CH88" s="20">
        <v>1.1599999999999999</v>
      </c>
      <c r="CI88" s="20">
        <v>1.21</v>
      </c>
      <c r="CJ88" s="20">
        <v>1.24</v>
      </c>
      <c r="CK88" s="20">
        <v>1.23</v>
      </c>
      <c r="CL88" s="20">
        <v>1.31</v>
      </c>
      <c r="CM88" s="20">
        <v>1.19</v>
      </c>
      <c r="CN88" s="20">
        <v>1.17</v>
      </c>
      <c r="CO88" s="20">
        <v>1.21</v>
      </c>
      <c r="CP88" s="20">
        <v>1.24</v>
      </c>
      <c r="CQ88" s="20">
        <v>1.21</v>
      </c>
      <c r="CR88" s="20">
        <v>1.18</v>
      </c>
      <c r="CS88" s="20">
        <v>1.24</v>
      </c>
      <c r="CT88" s="20">
        <v>1.29</v>
      </c>
      <c r="CU88" s="20">
        <v>1.26</v>
      </c>
      <c r="CV88" s="20">
        <v>1.2</v>
      </c>
      <c r="CW88" s="20">
        <v>1.21</v>
      </c>
      <c r="CX88" s="20">
        <v>1.27</v>
      </c>
      <c r="CY88" s="6" t="s">
        <v>385</v>
      </c>
      <c r="CZ88" s="6" t="s">
        <v>386</v>
      </c>
      <c r="DA88" s="6" t="s">
        <v>58</v>
      </c>
      <c r="DB88" s="6"/>
      <c r="DC88" s="6">
        <v>33020</v>
      </c>
      <c r="DD88" s="6">
        <v>190</v>
      </c>
      <c r="DE88" s="6" t="s">
        <v>389</v>
      </c>
      <c r="DF88" s="6" t="s">
        <v>363</v>
      </c>
      <c r="DG88" s="6" t="s">
        <v>364</v>
      </c>
      <c r="DH88" s="6" t="s">
        <v>365</v>
      </c>
      <c r="DI88" s="6" t="s">
        <v>390</v>
      </c>
      <c r="DJ88" s="6">
        <v>29</v>
      </c>
      <c r="DK88" s="6">
        <v>7</v>
      </c>
      <c r="DL88" s="6">
        <v>5</v>
      </c>
      <c r="DM88" s="6" t="s">
        <v>392</v>
      </c>
      <c r="DN88" s="6">
        <v>6</v>
      </c>
      <c r="DO88" s="6" t="s">
        <v>393</v>
      </c>
      <c r="DP88" s="6"/>
      <c r="DQ88" s="6"/>
    </row>
    <row r="89" spans="1:121" x14ac:dyDescent="0.2">
      <c r="A89" s="6" t="s">
        <v>794</v>
      </c>
      <c r="B89" s="6" t="s">
        <v>181</v>
      </c>
      <c r="C89" s="6" t="s">
        <v>182</v>
      </c>
      <c r="D89" s="6" t="s">
        <v>58</v>
      </c>
      <c r="E89" s="6" t="s">
        <v>199</v>
      </c>
      <c r="F89" s="11">
        <v>-272</v>
      </c>
      <c r="G89" s="13">
        <v>-0.54075546719699996</v>
      </c>
      <c r="H89" s="11">
        <v>-67.782126839999989</v>
      </c>
      <c r="I89" s="13">
        <v>-0.13485300543508527</v>
      </c>
      <c r="J89" s="11">
        <v>-171.66277289999999</v>
      </c>
      <c r="K89" s="13">
        <v>-0.39475865276218497</v>
      </c>
      <c r="L89" s="11">
        <v>-32.494918060000003</v>
      </c>
      <c r="M89" s="13">
        <v>-0.12346458231489343</v>
      </c>
      <c r="N89" s="11">
        <v>-204.15769096</v>
      </c>
      <c r="O89" s="13">
        <v>-0.46948452289860521</v>
      </c>
      <c r="P89" s="7">
        <v>502.63712418799997</v>
      </c>
      <c r="Q89" s="7">
        <v>529.436745535</v>
      </c>
      <c r="R89" s="7">
        <v>504.47224544699998</v>
      </c>
      <c r="S89" s="7">
        <v>430.85916764799998</v>
      </c>
      <c r="T89" s="7">
        <v>429.57214027999999</v>
      </c>
      <c r="U89" s="7">
        <v>376.37070111200001</v>
      </c>
      <c r="V89" s="7">
        <v>434.85499734799998</v>
      </c>
      <c r="W89" s="7">
        <v>386.40296976399998</v>
      </c>
      <c r="X89" s="7">
        <v>314.44584692699999</v>
      </c>
      <c r="Y89" s="7">
        <v>263.19222444799999</v>
      </c>
      <c r="Z89" s="7">
        <v>276.17145870399997</v>
      </c>
      <c r="AA89" s="7">
        <v>287.02263119499997</v>
      </c>
      <c r="AB89" s="7">
        <v>272.39099205799999</v>
      </c>
      <c r="AC89" s="7">
        <v>238.358688613</v>
      </c>
      <c r="AD89" s="7">
        <v>228.275024863</v>
      </c>
      <c r="AE89" s="7">
        <v>237.30677693300001</v>
      </c>
      <c r="AF89" s="7">
        <v>230.69730638799999</v>
      </c>
      <c r="AG89" s="9">
        <v>27887.786832400001</v>
      </c>
      <c r="AH89" s="13">
        <v>1.2930822902857178</v>
      </c>
      <c r="AI89" s="9">
        <v>19176.663091499999</v>
      </c>
      <c r="AJ89" s="13">
        <v>0.88917071761267474</v>
      </c>
      <c r="AK89" s="9">
        <v>8186.4134640000048</v>
      </c>
      <c r="AL89" s="13">
        <v>0.20092528068258261</v>
      </c>
      <c r="AM89" s="9">
        <v>524.71027689999755</v>
      </c>
      <c r="AN89" s="13">
        <v>1.0723695936622956E-2</v>
      </c>
      <c r="AO89" s="9">
        <v>8711.1237409000023</v>
      </c>
      <c r="AP89" s="13">
        <v>0.21380363823522619</v>
      </c>
      <c r="AQ89" s="9">
        <v>21566.908031999999</v>
      </c>
      <c r="AR89" s="9">
        <v>23073.717879899999</v>
      </c>
      <c r="AS89" s="9">
        <v>27794.818181400002</v>
      </c>
      <c r="AT89" s="9">
        <v>34549.979638800003</v>
      </c>
      <c r="AU89" s="9">
        <v>35142.6704188</v>
      </c>
      <c r="AV89" s="9">
        <v>45395.033120400003</v>
      </c>
      <c r="AW89" s="9">
        <v>40743.571123499998</v>
      </c>
      <c r="AX89" s="9">
        <v>39567.140210600002</v>
      </c>
      <c r="AY89" s="9">
        <v>48920.6989627</v>
      </c>
      <c r="AZ89" s="9">
        <v>48929.984587500003</v>
      </c>
      <c r="BA89" s="9">
        <v>47850.272123000002</v>
      </c>
      <c r="BB89" s="9">
        <v>50157.922982800003</v>
      </c>
      <c r="BC89" s="9">
        <v>47676.046325900003</v>
      </c>
      <c r="BD89" s="9">
        <v>49770.157934000003</v>
      </c>
      <c r="BE89" s="9">
        <v>50642.224542900003</v>
      </c>
      <c r="BF89" s="9">
        <v>49454.6948644</v>
      </c>
      <c r="BG89" s="11">
        <v>-4.75</v>
      </c>
      <c r="BH89" s="13">
        <v>-0.17592592592592593</v>
      </c>
      <c r="BI89" s="6">
        <v>-2</v>
      </c>
      <c r="BJ89" s="13">
        <v>-7.407407407407407E-2</v>
      </c>
      <c r="BK89" s="6">
        <v>2</v>
      </c>
      <c r="BL89" s="13">
        <v>0.08</v>
      </c>
      <c r="BM89" s="11">
        <v>-4.75</v>
      </c>
      <c r="BN89" s="13">
        <v>-0.17592592592592593</v>
      </c>
      <c r="BO89" s="11">
        <v>-2.75</v>
      </c>
      <c r="BP89" s="13">
        <v>-0.11</v>
      </c>
      <c r="BQ89" s="6">
        <v>27</v>
      </c>
      <c r="BR89" s="6">
        <v>25</v>
      </c>
      <c r="BS89" s="6">
        <v>24</v>
      </c>
      <c r="BT89" s="6">
        <v>25</v>
      </c>
      <c r="BU89" s="6">
        <v>27</v>
      </c>
      <c r="BV89" s="6">
        <v>29</v>
      </c>
      <c r="BW89" s="6">
        <v>27</v>
      </c>
      <c r="BX89" s="6">
        <v>25</v>
      </c>
      <c r="BY89" s="6">
        <v>25</v>
      </c>
      <c r="BZ89" s="6">
        <v>23</v>
      </c>
      <c r="CA89" s="6">
        <v>23</v>
      </c>
      <c r="CB89" s="6">
        <v>23</v>
      </c>
      <c r="CC89" s="11">
        <v>22.25</v>
      </c>
      <c r="CD89" s="11">
        <v>-358.56599999999997</v>
      </c>
      <c r="CE89" s="11">
        <v>31.6814</v>
      </c>
      <c r="CF89" s="11">
        <v>54.944299999999998</v>
      </c>
      <c r="CG89" s="11">
        <v>87</v>
      </c>
      <c r="CH89" s="20">
        <v>1.3498600000000001</v>
      </c>
      <c r="CI89" s="20">
        <v>1.5435700000000001</v>
      </c>
      <c r="CJ89" s="20">
        <v>1.5384800000000001</v>
      </c>
      <c r="CK89" s="20">
        <v>1.31745</v>
      </c>
      <c r="CL89" s="20">
        <v>1.24935</v>
      </c>
      <c r="CM89" s="20">
        <v>1.0754600000000001</v>
      </c>
      <c r="CN89" s="20">
        <v>1.2089300000000001</v>
      </c>
      <c r="CO89" s="20">
        <v>1.1000000000000001</v>
      </c>
      <c r="CP89" s="20">
        <v>0.96627700000000005</v>
      </c>
      <c r="CQ89" s="20">
        <v>0.81666899999999998</v>
      </c>
      <c r="CR89" s="20">
        <v>0.82563500000000001</v>
      </c>
      <c r="CS89" s="20">
        <v>0.84418199999999999</v>
      </c>
      <c r="CT89" s="20">
        <v>0.80710099999999996</v>
      </c>
      <c r="CU89" s="20">
        <v>0.69152400000000003</v>
      </c>
      <c r="CV89" s="20">
        <v>0.62870499999999996</v>
      </c>
      <c r="CW89" s="20">
        <v>0.64824899999999996</v>
      </c>
      <c r="CX89" s="20">
        <v>0.61674399999999996</v>
      </c>
      <c r="CY89" s="6" t="s">
        <v>385</v>
      </c>
      <c r="CZ89" s="6" t="s">
        <v>386</v>
      </c>
      <c r="DA89" s="6" t="s">
        <v>58</v>
      </c>
      <c r="DB89" s="6"/>
      <c r="DC89" s="6">
        <v>33020</v>
      </c>
      <c r="DD89" s="6">
        <v>190</v>
      </c>
      <c r="DE89" s="6" t="s">
        <v>389</v>
      </c>
      <c r="DF89" s="6" t="s">
        <v>363</v>
      </c>
      <c r="DG89" s="6" t="s">
        <v>364</v>
      </c>
      <c r="DH89" s="6" t="s">
        <v>365</v>
      </c>
      <c r="DI89" s="6" t="s">
        <v>390</v>
      </c>
      <c r="DJ89" s="6">
        <v>29</v>
      </c>
      <c r="DK89" s="6">
        <v>7</v>
      </c>
      <c r="DL89" s="6">
        <v>5</v>
      </c>
      <c r="DM89" s="6" t="s">
        <v>392</v>
      </c>
      <c r="DN89" s="6">
        <v>6</v>
      </c>
      <c r="DO89" s="6" t="s">
        <v>393</v>
      </c>
      <c r="DP89" s="6"/>
      <c r="DQ89" s="6"/>
    </row>
    <row r="90" spans="1:121" x14ac:dyDescent="0.2">
      <c r="A90" s="6" t="s">
        <v>314</v>
      </c>
      <c r="B90" s="6" t="s">
        <v>314</v>
      </c>
      <c r="C90" s="6" t="s">
        <v>183</v>
      </c>
      <c r="D90" s="6" t="s">
        <v>58</v>
      </c>
      <c r="E90" s="6" t="s">
        <v>199</v>
      </c>
      <c r="F90" s="11">
        <v>-55</v>
      </c>
      <c r="G90" s="13">
        <v>-0.34591194968599998</v>
      </c>
      <c r="H90" s="11">
        <v>-21.012563311999997</v>
      </c>
      <c r="I90" s="13">
        <v>-0.13183587254904436</v>
      </c>
      <c r="J90" s="11">
        <v>-17.551635000000005</v>
      </c>
      <c r="K90" s="13">
        <v>-0.12684410980042296</v>
      </c>
      <c r="L90" s="11">
        <v>-16.464992347999996</v>
      </c>
      <c r="M90" s="13">
        <v>-0.13627697075074388</v>
      </c>
      <c r="N90" s="11">
        <v>-34.016627348</v>
      </c>
      <c r="O90" s="13">
        <v>-0.24583514950999047</v>
      </c>
      <c r="P90" s="7">
        <v>159.38426246</v>
      </c>
      <c r="Q90" s="7">
        <v>139.79022900000001</v>
      </c>
      <c r="R90" s="7">
        <v>131.71105051699999</v>
      </c>
      <c r="S90" s="7">
        <v>127.013450518</v>
      </c>
      <c r="T90" s="7">
        <v>127.86717967600001</v>
      </c>
      <c r="U90" s="7">
        <v>129.67209638099999</v>
      </c>
      <c r="V90" s="7">
        <v>138.371699148</v>
      </c>
      <c r="W90" s="7">
        <v>129.428624681</v>
      </c>
      <c r="X90" s="7">
        <v>121.875761017</v>
      </c>
      <c r="Y90" s="7">
        <v>120.820064148</v>
      </c>
      <c r="Z90" s="7">
        <v>113.289666095</v>
      </c>
      <c r="AA90" s="7">
        <v>108.00779543500001</v>
      </c>
      <c r="AB90" s="7">
        <v>106.419801353</v>
      </c>
      <c r="AC90" s="7">
        <v>103.089068845</v>
      </c>
      <c r="AD90" s="7">
        <v>105.487202368</v>
      </c>
      <c r="AE90" s="7">
        <v>105.89455837</v>
      </c>
      <c r="AF90" s="7">
        <v>104.3550718</v>
      </c>
      <c r="AG90" s="9">
        <v>24844.5962822</v>
      </c>
      <c r="AH90" s="13">
        <v>0.90735906088442453</v>
      </c>
      <c r="AI90" s="9">
        <v>3410.1684038000021</v>
      </c>
      <c r="AJ90" s="13">
        <v>0.12454407248897786</v>
      </c>
      <c r="AK90" s="9">
        <v>7099.6701828000005</v>
      </c>
      <c r="AL90" s="13">
        <v>0.23057325453298527</v>
      </c>
      <c r="AM90" s="9">
        <v>14334.757695599998</v>
      </c>
      <c r="AN90" s="13">
        <v>0.37831506887539679</v>
      </c>
      <c r="AO90" s="9">
        <v>21434.427878399998</v>
      </c>
      <c r="AP90" s="13">
        <v>0.69611766007785281</v>
      </c>
      <c r="AQ90" s="9">
        <v>27381.218035099999</v>
      </c>
      <c r="AR90" s="9">
        <v>30500.56194</v>
      </c>
      <c r="AS90" s="9">
        <v>31044.0967169</v>
      </c>
      <c r="AT90" s="9">
        <v>29673.122475200002</v>
      </c>
      <c r="AU90" s="9">
        <v>28149.845455999999</v>
      </c>
      <c r="AV90" s="9">
        <v>29347.638489699999</v>
      </c>
      <c r="AW90" s="9">
        <v>30791.386438900001</v>
      </c>
      <c r="AX90" s="9">
        <v>32853.723203499998</v>
      </c>
      <c r="AY90" s="9">
        <v>37362.530404099998</v>
      </c>
      <c r="AZ90" s="9">
        <v>37891.056621700001</v>
      </c>
      <c r="BA90" s="9">
        <v>41546.0428827</v>
      </c>
      <c r="BB90" s="9">
        <v>45967.777295699998</v>
      </c>
      <c r="BC90" s="9">
        <v>43128.020163499998</v>
      </c>
      <c r="BD90" s="9">
        <v>44467.345201299999</v>
      </c>
      <c r="BE90" s="9">
        <v>46345.586273300003</v>
      </c>
      <c r="BF90" s="9">
        <v>52225.814317299999</v>
      </c>
      <c r="BG90" s="11">
        <v>-1</v>
      </c>
      <c r="BH90" s="13">
        <v>-8.3333333333333329E-2</v>
      </c>
      <c r="BI90" s="6">
        <v>0</v>
      </c>
      <c r="BJ90" s="13">
        <v>0</v>
      </c>
      <c r="BK90" s="6">
        <v>1</v>
      </c>
      <c r="BL90" s="13">
        <v>8.3333333333333329E-2</v>
      </c>
      <c r="BM90" s="11">
        <v>-2</v>
      </c>
      <c r="BN90" s="13">
        <v>-0.15384615384615385</v>
      </c>
      <c r="BO90" s="11">
        <v>-1</v>
      </c>
      <c r="BP90" s="13">
        <v>-8.3333333333333329E-2</v>
      </c>
      <c r="BQ90" s="6">
        <v>12</v>
      </c>
      <c r="BR90" s="6">
        <v>12</v>
      </c>
      <c r="BS90" s="6">
        <v>12</v>
      </c>
      <c r="BT90" s="6">
        <v>12</v>
      </c>
      <c r="BU90" s="6">
        <v>13</v>
      </c>
      <c r="BV90" s="6">
        <v>13</v>
      </c>
      <c r="BW90" s="6">
        <v>13</v>
      </c>
      <c r="BX90" s="6">
        <v>11</v>
      </c>
      <c r="BY90" s="6">
        <v>10</v>
      </c>
      <c r="BZ90" s="6">
        <v>10</v>
      </c>
      <c r="CA90" s="6">
        <v>11</v>
      </c>
      <c r="CB90" s="6">
        <v>10</v>
      </c>
      <c r="CC90" s="11">
        <v>11</v>
      </c>
      <c r="CD90" s="11">
        <v>-23.633900000000001</v>
      </c>
      <c r="CE90" s="11">
        <v>-48.817900000000002</v>
      </c>
      <c r="CF90" s="11">
        <v>17.422599999999999</v>
      </c>
      <c r="CG90" s="11">
        <v>-32</v>
      </c>
      <c r="CH90" s="20">
        <v>0.54354999999999998</v>
      </c>
      <c r="CI90" s="20">
        <v>0.53214499999999998</v>
      </c>
      <c r="CJ90" s="20">
        <v>0.54763300000000004</v>
      </c>
      <c r="CK90" s="20">
        <v>0.55188999999999999</v>
      </c>
      <c r="CL90" s="20">
        <v>0.54849499999999995</v>
      </c>
      <c r="CM90" s="20">
        <v>0.56278899999999998</v>
      </c>
      <c r="CN90" s="20">
        <v>0.59766300000000006</v>
      </c>
      <c r="CO90" s="20">
        <v>0.57742400000000005</v>
      </c>
      <c r="CP90" s="20">
        <v>0.584148</v>
      </c>
      <c r="CQ90" s="20">
        <v>0.59978600000000004</v>
      </c>
      <c r="CR90" s="20">
        <v>0.56202300000000005</v>
      </c>
      <c r="CS90" s="20">
        <v>0.53779200000000005</v>
      </c>
      <c r="CT90" s="20">
        <v>0.53936200000000001</v>
      </c>
      <c r="CU90" s="20">
        <v>0.52256000000000002</v>
      </c>
      <c r="CV90" s="20">
        <v>0.52615400000000001</v>
      </c>
      <c r="CW90" s="20">
        <v>0.52958899999999998</v>
      </c>
      <c r="CX90" s="20">
        <v>0.51720500000000003</v>
      </c>
      <c r="CY90" s="6" t="s">
        <v>385</v>
      </c>
      <c r="CZ90" s="6" t="s">
        <v>386</v>
      </c>
      <c r="DA90" s="6" t="s">
        <v>58</v>
      </c>
      <c r="DB90" s="6"/>
      <c r="DC90" s="6">
        <v>33020</v>
      </c>
      <c r="DD90" s="6">
        <v>190</v>
      </c>
      <c r="DE90" s="6" t="s">
        <v>389</v>
      </c>
      <c r="DF90" s="6" t="s">
        <v>363</v>
      </c>
      <c r="DG90" s="6" t="s">
        <v>364</v>
      </c>
      <c r="DH90" s="6" t="s">
        <v>365</v>
      </c>
      <c r="DI90" s="6" t="s">
        <v>390</v>
      </c>
      <c r="DJ90" s="6">
        <v>29</v>
      </c>
      <c r="DK90" s="6">
        <v>7</v>
      </c>
      <c r="DL90" s="6">
        <v>5</v>
      </c>
      <c r="DM90" s="6" t="s">
        <v>392</v>
      </c>
      <c r="DN90" s="6">
        <v>6</v>
      </c>
      <c r="DO90" s="6" t="s">
        <v>393</v>
      </c>
      <c r="DP90" s="6"/>
      <c r="DQ90" s="6"/>
    </row>
    <row r="91" spans="1:121" x14ac:dyDescent="0.2">
      <c r="A91" s="6" t="s">
        <v>315</v>
      </c>
      <c r="B91" s="6" t="s">
        <v>315</v>
      </c>
      <c r="C91" s="6" t="s">
        <v>184</v>
      </c>
      <c r="D91" s="6" t="s">
        <v>58</v>
      </c>
      <c r="E91" s="6" t="s">
        <v>199</v>
      </c>
      <c r="F91" s="11">
        <v>-31</v>
      </c>
      <c r="G91" s="13">
        <v>-0.1</v>
      </c>
      <c r="H91" s="11">
        <v>22</v>
      </c>
      <c r="I91" s="13">
        <v>7.3333333333333334E-2</v>
      </c>
      <c r="J91" s="11">
        <v>-51</v>
      </c>
      <c r="K91" s="13">
        <v>-0.15838509316770186</v>
      </c>
      <c r="L91" s="11">
        <v>-2</v>
      </c>
      <c r="M91" s="13">
        <v>-7.3800738007380063E-3</v>
      </c>
      <c r="N91" s="11">
        <v>-53</v>
      </c>
      <c r="O91" s="13">
        <v>-0.16459627329192547</v>
      </c>
      <c r="P91" s="7">
        <v>300</v>
      </c>
      <c r="Q91" s="7">
        <v>314</v>
      </c>
      <c r="R91" s="7">
        <v>323</v>
      </c>
      <c r="S91" s="7">
        <v>324</v>
      </c>
      <c r="T91" s="7">
        <v>309</v>
      </c>
      <c r="U91" s="7">
        <v>312</v>
      </c>
      <c r="V91" s="7">
        <v>322</v>
      </c>
      <c r="W91" s="7">
        <v>308</v>
      </c>
      <c r="X91" s="7">
        <v>285</v>
      </c>
      <c r="Y91" s="7">
        <v>271</v>
      </c>
      <c r="Z91" s="7">
        <v>298</v>
      </c>
      <c r="AA91" s="7">
        <v>310</v>
      </c>
      <c r="AB91" s="7">
        <v>292</v>
      </c>
      <c r="AC91" s="7">
        <v>300</v>
      </c>
      <c r="AD91" s="7">
        <v>277</v>
      </c>
      <c r="AE91" s="7">
        <v>273</v>
      </c>
      <c r="AF91" s="7">
        <v>269</v>
      </c>
      <c r="AG91" s="9">
        <v>18484</v>
      </c>
      <c r="AH91" s="13">
        <v>0.52148398927916495</v>
      </c>
      <c r="AI91" s="9">
        <v>6849</v>
      </c>
      <c r="AJ91" s="13">
        <v>0.19322894625476089</v>
      </c>
      <c r="AK91" s="9">
        <v>237</v>
      </c>
      <c r="AL91" s="13">
        <v>5.603631720811463E-3</v>
      </c>
      <c r="AM91" s="9">
        <v>11398</v>
      </c>
      <c r="AN91" s="13">
        <v>0.26799275822341351</v>
      </c>
      <c r="AO91" s="9">
        <v>11635</v>
      </c>
      <c r="AP91" s="13">
        <v>0.27509812266515343</v>
      </c>
      <c r="AQ91" s="9">
        <v>35445</v>
      </c>
      <c r="AR91" s="9">
        <v>36211</v>
      </c>
      <c r="AS91" s="9">
        <v>36229</v>
      </c>
      <c r="AT91" s="9">
        <v>38635</v>
      </c>
      <c r="AU91" s="9">
        <v>40043</v>
      </c>
      <c r="AV91" s="9">
        <v>40769</v>
      </c>
      <c r="AW91" s="9">
        <v>42294</v>
      </c>
      <c r="AX91" s="9">
        <v>44408</v>
      </c>
      <c r="AY91" s="9">
        <v>43420</v>
      </c>
      <c r="AZ91" s="9">
        <v>42531</v>
      </c>
      <c r="BA91" s="9">
        <v>42184</v>
      </c>
      <c r="BB91" s="9">
        <v>44193</v>
      </c>
      <c r="BC91" s="9">
        <v>47637</v>
      </c>
      <c r="BD91" s="9">
        <v>48714</v>
      </c>
      <c r="BE91" s="9">
        <v>53438</v>
      </c>
      <c r="BF91" s="9">
        <v>53929</v>
      </c>
      <c r="BG91" s="11">
        <v>-2</v>
      </c>
      <c r="BH91" s="13">
        <v>-0.04</v>
      </c>
      <c r="BI91" s="6">
        <v>2</v>
      </c>
      <c r="BJ91" s="13">
        <v>0.04</v>
      </c>
      <c r="BK91" s="6">
        <v>-6</v>
      </c>
      <c r="BL91" s="13">
        <v>-0.11538461538461539</v>
      </c>
      <c r="BM91" s="11">
        <v>2</v>
      </c>
      <c r="BN91" s="13">
        <v>4.3478260869565216E-2</v>
      </c>
      <c r="BO91" s="11">
        <v>-4</v>
      </c>
      <c r="BP91" s="13">
        <v>-7.6923076923076927E-2</v>
      </c>
      <c r="BQ91" s="6">
        <v>50</v>
      </c>
      <c r="BR91" s="6">
        <v>49</v>
      </c>
      <c r="BS91" s="6">
        <v>50</v>
      </c>
      <c r="BT91" s="6">
        <v>52</v>
      </c>
      <c r="BU91" s="6">
        <v>50</v>
      </c>
      <c r="BV91" s="6">
        <v>49</v>
      </c>
      <c r="BW91" s="6">
        <v>46</v>
      </c>
      <c r="BX91" s="6">
        <v>48</v>
      </c>
      <c r="BY91" s="6">
        <v>49</v>
      </c>
      <c r="BZ91" s="6">
        <v>48</v>
      </c>
      <c r="CA91" s="6">
        <v>51</v>
      </c>
      <c r="CB91" s="6">
        <v>50</v>
      </c>
      <c r="CC91" s="11">
        <v>48</v>
      </c>
      <c r="CD91" s="11">
        <v>-40</v>
      </c>
      <c r="CE91" s="11">
        <v>-24</v>
      </c>
      <c r="CF91" s="11">
        <v>33</v>
      </c>
      <c r="CG91" s="11">
        <v>9</v>
      </c>
      <c r="CH91" s="20">
        <v>0.63</v>
      </c>
      <c r="CI91" s="20">
        <v>0.7</v>
      </c>
      <c r="CJ91" s="20">
        <v>0.73</v>
      </c>
      <c r="CK91" s="20">
        <v>0.74</v>
      </c>
      <c r="CL91" s="20">
        <v>0.68</v>
      </c>
      <c r="CM91" s="20">
        <v>0.68</v>
      </c>
      <c r="CN91" s="20">
        <v>0.7</v>
      </c>
      <c r="CO91" s="20">
        <v>0.69</v>
      </c>
      <c r="CP91" s="20">
        <v>0.68</v>
      </c>
      <c r="CQ91" s="20">
        <v>0.66</v>
      </c>
      <c r="CR91" s="20">
        <v>0.71</v>
      </c>
      <c r="CS91" s="20">
        <v>0.74</v>
      </c>
      <c r="CT91" s="20">
        <v>0.71</v>
      </c>
      <c r="CU91" s="20">
        <v>0.73</v>
      </c>
      <c r="CV91" s="20">
        <v>0.66</v>
      </c>
      <c r="CW91" s="20">
        <v>0.66</v>
      </c>
      <c r="CX91" s="20">
        <v>0.64</v>
      </c>
      <c r="CY91" s="6" t="s">
        <v>385</v>
      </c>
      <c r="CZ91" s="6" t="s">
        <v>386</v>
      </c>
      <c r="DA91" s="6" t="s">
        <v>58</v>
      </c>
      <c r="DB91" s="6"/>
      <c r="DC91" s="6">
        <v>33020</v>
      </c>
      <c r="DD91" s="6">
        <v>190</v>
      </c>
      <c r="DE91" s="6" t="s">
        <v>389</v>
      </c>
      <c r="DF91" s="6" t="s">
        <v>363</v>
      </c>
      <c r="DG91" s="6" t="s">
        <v>364</v>
      </c>
      <c r="DH91" s="6" t="s">
        <v>365</v>
      </c>
      <c r="DI91" s="6" t="s">
        <v>390</v>
      </c>
      <c r="DJ91" s="6">
        <v>29</v>
      </c>
      <c r="DK91" s="6">
        <v>7</v>
      </c>
      <c r="DL91" s="6">
        <v>5</v>
      </c>
      <c r="DM91" s="6" t="s">
        <v>392</v>
      </c>
      <c r="DN91" s="6">
        <v>6</v>
      </c>
      <c r="DO91" s="6" t="s">
        <v>393</v>
      </c>
      <c r="DP91" s="6"/>
      <c r="DQ91" s="6"/>
    </row>
    <row r="92" spans="1:121" x14ac:dyDescent="0.2">
      <c r="A92" s="6" t="s">
        <v>316</v>
      </c>
      <c r="B92" s="6" t="s">
        <v>316</v>
      </c>
      <c r="C92" s="6" t="s">
        <v>185</v>
      </c>
      <c r="D92" s="6" t="s">
        <v>58</v>
      </c>
      <c r="E92" s="6" t="s">
        <v>199</v>
      </c>
      <c r="F92" s="11">
        <v>-15</v>
      </c>
      <c r="G92" s="13">
        <v>-0.21</v>
      </c>
      <c r="H92" s="11">
        <v>22</v>
      </c>
      <c r="I92" s="13">
        <v>0.31428571428571428</v>
      </c>
      <c r="J92" s="11">
        <v>-30</v>
      </c>
      <c r="K92" s="13">
        <v>-0.32608695652173914</v>
      </c>
      <c r="L92" s="11">
        <v>-7</v>
      </c>
      <c r="M92" s="13">
        <v>-0.1129032258064516</v>
      </c>
      <c r="N92" s="11">
        <v>-37</v>
      </c>
      <c r="O92" s="13">
        <v>-0.40217391304347822</v>
      </c>
      <c r="P92" s="7">
        <v>70</v>
      </c>
      <c r="Q92" s="7">
        <v>62</v>
      </c>
      <c r="R92" s="7">
        <v>65</v>
      </c>
      <c r="S92" s="7">
        <v>73</v>
      </c>
      <c r="T92" s="7">
        <v>75</v>
      </c>
      <c r="U92" s="7">
        <v>79</v>
      </c>
      <c r="V92" s="7">
        <v>92</v>
      </c>
      <c r="W92" s="7">
        <v>91</v>
      </c>
      <c r="X92" s="7">
        <v>80</v>
      </c>
      <c r="Y92" s="7">
        <v>62</v>
      </c>
      <c r="Z92" s="7">
        <v>54</v>
      </c>
      <c r="AA92" s="7">
        <v>55</v>
      </c>
      <c r="AB92" s="7">
        <v>55</v>
      </c>
      <c r="AC92" s="7">
        <v>56</v>
      </c>
      <c r="AD92" s="7">
        <v>57</v>
      </c>
      <c r="AE92" s="7">
        <v>54</v>
      </c>
      <c r="AF92" s="7">
        <v>55</v>
      </c>
      <c r="AG92" s="9">
        <v>16248</v>
      </c>
      <c r="AH92" s="13">
        <v>0.78405636249577759</v>
      </c>
      <c r="AI92" s="9">
        <v>5881</v>
      </c>
      <c r="AJ92" s="13">
        <v>0.28379095690778361</v>
      </c>
      <c r="AK92" s="9">
        <v>2553</v>
      </c>
      <c r="AL92" s="13">
        <v>9.5963013080739734E-2</v>
      </c>
      <c r="AM92" s="9">
        <v>7814</v>
      </c>
      <c r="AN92" s="13">
        <v>0.26799739342181983</v>
      </c>
      <c r="AO92" s="9">
        <v>10367</v>
      </c>
      <c r="AP92" s="13">
        <v>0.38967824387310174</v>
      </c>
      <c r="AQ92" s="9">
        <v>20723</v>
      </c>
      <c r="AR92" s="9">
        <v>23751</v>
      </c>
      <c r="AS92" s="9">
        <v>23765</v>
      </c>
      <c r="AT92" s="9">
        <v>27804</v>
      </c>
      <c r="AU92" s="9">
        <v>29251</v>
      </c>
      <c r="AV92" s="9">
        <v>27850</v>
      </c>
      <c r="AW92" s="9">
        <v>26604</v>
      </c>
      <c r="AX92" s="9">
        <v>24254</v>
      </c>
      <c r="AY92" s="9">
        <v>24856</v>
      </c>
      <c r="AZ92" s="9">
        <v>29157</v>
      </c>
      <c r="BA92" s="9">
        <v>29354</v>
      </c>
      <c r="BB92" s="9">
        <v>33708</v>
      </c>
      <c r="BC92" s="9">
        <v>35294</v>
      </c>
      <c r="BD92" s="9">
        <v>34317</v>
      </c>
      <c r="BE92" s="9">
        <v>35117</v>
      </c>
      <c r="BF92" s="9">
        <v>36971</v>
      </c>
      <c r="BG92" s="11">
        <v>-6</v>
      </c>
      <c r="BH92" s="13">
        <v>-0.31578947368421051</v>
      </c>
      <c r="BI92" s="6">
        <v>-1</v>
      </c>
      <c r="BJ92" s="13">
        <v>-5.2631578947368418E-2</v>
      </c>
      <c r="BK92" s="6">
        <v>-3</v>
      </c>
      <c r="BL92" s="13">
        <v>-0.16666666666666666</v>
      </c>
      <c r="BM92" s="11">
        <v>-2</v>
      </c>
      <c r="BN92" s="13">
        <v>-0.13333333333333333</v>
      </c>
      <c r="BO92" s="11">
        <v>-5</v>
      </c>
      <c r="BP92" s="13">
        <v>-0.27777777777777779</v>
      </c>
      <c r="BQ92" s="6">
        <v>19</v>
      </c>
      <c r="BR92" s="6">
        <v>20</v>
      </c>
      <c r="BS92" s="6">
        <v>20</v>
      </c>
      <c r="BT92" s="6">
        <v>18</v>
      </c>
      <c r="BU92" s="6">
        <v>20</v>
      </c>
      <c r="BV92" s="6">
        <v>18</v>
      </c>
      <c r="BW92" s="6">
        <v>15</v>
      </c>
      <c r="BX92" s="6">
        <v>14</v>
      </c>
      <c r="BY92" s="6">
        <v>13</v>
      </c>
      <c r="BZ92" s="6">
        <v>13</v>
      </c>
      <c r="CA92" s="6">
        <v>13</v>
      </c>
      <c r="CB92" s="6">
        <v>13</v>
      </c>
      <c r="CC92" s="11">
        <v>13</v>
      </c>
      <c r="CD92" s="11">
        <v>-19</v>
      </c>
      <c r="CE92" s="11">
        <v>-4</v>
      </c>
      <c r="CF92" s="11">
        <v>8</v>
      </c>
      <c r="CG92" s="11">
        <v>4</v>
      </c>
      <c r="CH92" s="20">
        <v>0.36</v>
      </c>
      <c r="CI92" s="20">
        <v>0.33</v>
      </c>
      <c r="CJ92" s="20">
        <v>0.35</v>
      </c>
      <c r="CK92" s="20">
        <v>0.39</v>
      </c>
      <c r="CL92" s="20">
        <v>0.38</v>
      </c>
      <c r="CM92" s="20">
        <v>0.4</v>
      </c>
      <c r="CN92" s="20">
        <v>0.46</v>
      </c>
      <c r="CO92" s="20">
        <v>0.48</v>
      </c>
      <c r="CP92" s="20">
        <v>0.45</v>
      </c>
      <c r="CQ92" s="20">
        <v>0.37</v>
      </c>
      <c r="CR92" s="20">
        <v>0.31</v>
      </c>
      <c r="CS92" s="20">
        <v>0.32</v>
      </c>
      <c r="CT92" s="20">
        <v>0.33</v>
      </c>
      <c r="CU92" s="20">
        <v>0.32</v>
      </c>
      <c r="CV92" s="20">
        <v>0.32</v>
      </c>
      <c r="CW92" s="20">
        <v>0.31</v>
      </c>
      <c r="CX92" s="20">
        <v>0.31</v>
      </c>
      <c r="CY92" s="6" t="s">
        <v>385</v>
      </c>
      <c r="CZ92" s="6" t="s">
        <v>386</v>
      </c>
      <c r="DA92" s="6" t="s">
        <v>58</v>
      </c>
      <c r="DB92" s="6"/>
      <c r="DC92" s="6">
        <v>33020</v>
      </c>
      <c r="DD92" s="6">
        <v>190</v>
      </c>
      <c r="DE92" s="6" t="s">
        <v>389</v>
      </c>
      <c r="DF92" s="6" t="s">
        <v>363</v>
      </c>
      <c r="DG92" s="6" t="s">
        <v>364</v>
      </c>
      <c r="DH92" s="6" t="s">
        <v>365</v>
      </c>
      <c r="DI92" s="6" t="s">
        <v>390</v>
      </c>
      <c r="DJ92" s="6">
        <v>29</v>
      </c>
      <c r="DK92" s="6">
        <v>7</v>
      </c>
      <c r="DL92" s="6">
        <v>5</v>
      </c>
      <c r="DM92" s="6" t="s">
        <v>392</v>
      </c>
      <c r="DN92" s="6">
        <v>6</v>
      </c>
      <c r="DO92" s="6" t="s">
        <v>393</v>
      </c>
      <c r="DP92" s="6"/>
      <c r="DQ92" s="6"/>
    </row>
    <row r="93" spans="1:121" x14ac:dyDescent="0.2">
      <c r="A93" s="6" t="s">
        <v>317</v>
      </c>
      <c r="B93" s="6" t="s">
        <v>317</v>
      </c>
      <c r="C93" s="6" t="s">
        <v>186</v>
      </c>
      <c r="D93" s="6" t="s">
        <v>58</v>
      </c>
      <c r="E93" s="6" t="s">
        <v>199</v>
      </c>
      <c r="F93" s="11">
        <v>4</v>
      </c>
      <c r="G93" s="13">
        <v>0.03</v>
      </c>
      <c r="H93" s="11">
        <v>-14</v>
      </c>
      <c r="I93" s="13">
        <v>-9.589041095890409E-2</v>
      </c>
      <c r="J93" s="11">
        <v>-4</v>
      </c>
      <c r="K93" s="13">
        <v>-3.0303030303030304E-2</v>
      </c>
      <c r="L93" s="11">
        <v>22</v>
      </c>
      <c r="M93" s="13">
        <v>0.171875</v>
      </c>
      <c r="N93" s="11">
        <v>18</v>
      </c>
      <c r="O93" s="13">
        <v>0.13636363636363635</v>
      </c>
      <c r="P93" s="7">
        <v>146</v>
      </c>
      <c r="Q93" s="7">
        <v>147</v>
      </c>
      <c r="R93" s="7">
        <v>149</v>
      </c>
      <c r="S93" s="7">
        <v>145</v>
      </c>
      <c r="T93" s="7">
        <v>151</v>
      </c>
      <c r="U93" s="7">
        <v>155</v>
      </c>
      <c r="V93" s="7">
        <v>132</v>
      </c>
      <c r="W93" s="7">
        <v>129</v>
      </c>
      <c r="X93" s="7">
        <v>137</v>
      </c>
      <c r="Y93" s="7">
        <v>128</v>
      </c>
      <c r="Z93" s="7">
        <v>136</v>
      </c>
      <c r="AA93" s="7">
        <v>143</v>
      </c>
      <c r="AB93" s="7">
        <v>140</v>
      </c>
      <c r="AC93" s="7">
        <v>145</v>
      </c>
      <c r="AD93" s="7">
        <v>145</v>
      </c>
      <c r="AE93" s="7">
        <v>148</v>
      </c>
      <c r="AF93" s="7">
        <v>150</v>
      </c>
      <c r="AG93" s="9">
        <v>4158</v>
      </c>
      <c r="AH93" s="13">
        <v>0.10823896915267474</v>
      </c>
      <c r="AI93" s="9">
        <v>1367</v>
      </c>
      <c r="AJ93" s="13">
        <v>3.5585057920083298E-2</v>
      </c>
      <c r="AK93" s="9">
        <v>4858</v>
      </c>
      <c r="AL93" s="13">
        <v>0.12211552963651905</v>
      </c>
      <c r="AM93" s="9">
        <v>-2067</v>
      </c>
      <c r="AN93" s="13">
        <v>-4.6303763440860214E-2</v>
      </c>
      <c r="AO93" s="9">
        <v>2791</v>
      </c>
      <c r="AP93" s="13">
        <v>7.0157357598914089E-2</v>
      </c>
      <c r="AQ93" s="9">
        <v>38415</v>
      </c>
      <c r="AR93" s="9">
        <v>37546</v>
      </c>
      <c r="AS93" s="9">
        <v>38177</v>
      </c>
      <c r="AT93" s="9">
        <v>38741</v>
      </c>
      <c r="AU93" s="9">
        <v>39387</v>
      </c>
      <c r="AV93" s="9">
        <v>39040</v>
      </c>
      <c r="AW93" s="9">
        <v>39782</v>
      </c>
      <c r="AX93" s="9">
        <v>42550</v>
      </c>
      <c r="AY93" s="9">
        <v>42721</v>
      </c>
      <c r="AZ93" s="9">
        <v>44640</v>
      </c>
      <c r="BA93" s="9">
        <v>40459</v>
      </c>
      <c r="BB93" s="9">
        <v>40996</v>
      </c>
      <c r="BC93" s="9">
        <v>41777</v>
      </c>
      <c r="BD93" s="9">
        <v>39503</v>
      </c>
      <c r="BE93" s="9">
        <v>40754</v>
      </c>
      <c r="BF93" s="9">
        <v>42573</v>
      </c>
      <c r="BG93" s="11">
        <v>1</v>
      </c>
      <c r="BH93" s="13">
        <v>4.1666666666666664E-2</v>
      </c>
      <c r="BI93" s="6">
        <v>-2</v>
      </c>
      <c r="BJ93" s="13">
        <v>-8.3333333333333329E-2</v>
      </c>
      <c r="BK93" s="6">
        <v>2</v>
      </c>
      <c r="BL93" s="13">
        <v>9.0909090909090912E-2</v>
      </c>
      <c r="BM93" s="11">
        <v>1</v>
      </c>
      <c r="BN93" s="13">
        <v>4.1666666666666664E-2</v>
      </c>
      <c r="BO93" s="11">
        <v>3</v>
      </c>
      <c r="BP93" s="13">
        <v>0.13636363636363635</v>
      </c>
      <c r="BQ93" s="6">
        <v>24</v>
      </c>
      <c r="BR93" s="6">
        <v>24</v>
      </c>
      <c r="BS93" s="6">
        <v>22</v>
      </c>
      <c r="BT93" s="6">
        <v>22</v>
      </c>
      <c r="BU93" s="6">
        <v>21</v>
      </c>
      <c r="BV93" s="6">
        <v>22</v>
      </c>
      <c r="BW93" s="6">
        <v>24</v>
      </c>
      <c r="BX93" s="6">
        <v>25</v>
      </c>
      <c r="BY93" s="6">
        <v>25</v>
      </c>
      <c r="BZ93" s="6">
        <v>26</v>
      </c>
      <c r="CA93" s="6">
        <v>25</v>
      </c>
      <c r="CB93" s="6">
        <v>26</v>
      </c>
      <c r="CC93" s="11">
        <v>25</v>
      </c>
      <c r="CD93" s="11">
        <v>-41</v>
      </c>
      <c r="CE93" s="11">
        <v>29</v>
      </c>
      <c r="CF93" s="11">
        <v>16</v>
      </c>
      <c r="CG93" s="11">
        <v>45</v>
      </c>
      <c r="CH93" s="20">
        <v>0.23</v>
      </c>
      <c r="CI93" s="20">
        <v>0.25</v>
      </c>
      <c r="CJ93" s="20">
        <v>0.26</v>
      </c>
      <c r="CK93" s="20">
        <v>0.26</v>
      </c>
      <c r="CL93" s="20">
        <v>0.25</v>
      </c>
      <c r="CM93" s="20">
        <v>0.25</v>
      </c>
      <c r="CN93" s="20">
        <v>0.2</v>
      </c>
      <c r="CO93" s="20">
        <v>0.2</v>
      </c>
      <c r="CP93" s="20">
        <v>0.22</v>
      </c>
      <c r="CQ93" s="20">
        <v>0.21</v>
      </c>
      <c r="CR93" s="20">
        <v>0.21</v>
      </c>
      <c r="CS93" s="20">
        <v>0.22</v>
      </c>
      <c r="CT93" s="20">
        <v>0.22</v>
      </c>
      <c r="CU93" s="20">
        <v>0.22</v>
      </c>
      <c r="CV93" s="20">
        <v>0.21</v>
      </c>
      <c r="CW93" s="20">
        <v>0.22</v>
      </c>
      <c r="CX93" s="20">
        <v>0.21</v>
      </c>
      <c r="CY93" s="6" t="s">
        <v>385</v>
      </c>
      <c r="CZ93" s="6" t="s">
        <v>386</v>
      </c>
      <c r="DA93" s="6" t="s">
        <v>58</v>
      </c>
      <c r="DB93" s="6"/>
      <c r="DC93" s="6">
        <v>33020</v>
      </c>
      <c r="DD93" s="6">
        <v>190</v>
      </c>
      <c r="DE93" s="6" t="s">
        <v>389</v>
      </c>
      <c r="DF93" s="6" t="s">
        <v>363</v>
      </c>
      <c r="DG93" s="6" t="s">
        <v>364</v>
      </c>
      <c r="DH93" s="6" t="s">
        <v>365</v>
      </c>
      <c r="DI93" s="6" t="s">
        <v>390</v>
      </c>
      <c r="DJ93" s="6">
        <v>29</v>
      </c>
      <c r="DK93" s="6">
        <v>7</v>
      </c>
      <c r="DL93" s="6">
        <v>5</v>
      </c>
      <c r="DM93" s="6" t="s">
        <v>392</v>
      </c>
      <c r="DN93" s="6">
        <v>6</v>
      </c>
      <c r="DO93" s="6" t="s">
        <v>393</v>
      </c>
      <c r="DP93" s="6"/>
      <c r="DQ93" s="6"/>
    </row>
    <row r="94" spans="1:121" x14ac:dyDescent="0.2">
      <c r="A94" s="6" t="s">
        <v>318</v>
      </c>
      <c r="B94" s="6" t="s">
        <v>318</v>
      </c>
      <c r="C94" s="6" t="s">
        <v>187</v>
      </c>
      <c r="D94" s="6" t="s">
        <v>58</v>
      </c>
      <c r="E94" s="6" t="s">
        <v>199</v>
      </c>
      <c r="F94" s="11">
        <v>7</v>
      </c>
      <c r="G94" s="13">
        <v>0.53846153846199996</v>
      </c>
      <c r="H94" s="11">
        <v>-7.7680120000000006</v>
      </c>
      <c r="I94" s="13">
        <v>-0.60839635802347303</v>
      </c>
      <c r="J94" s="11">
        <v>0</v>
      </c>
      <c r="K94" s="13">
        <v>0</v>
      </c>
      <c r="L94" s="11">
        <v>15.275776345000001</v>
      </c>
      <c r="M94" s="13">
        <v>3.0551552690000001</v>
      </c>
      <c r="N94" s="11">
        <v>15.275776345000001</v>
      </c>
      <c r="O94" s="13">
        <v>3.0551552690000001</v>
      </c>
      <c r="P94" s="7">
        <v>12.768012000000001</v>
      </c>
      <c r="Q94" s="7">
        <v>10.132111</v>
      </c>
      <c r="R94" s="7">
        <v>5</v>
      </c>
      <c r="S94" s="7">
        <v>5</v>
      </c>
      <c r="T94" s="7">
        <v>5</v>
      </c>
      <c r="U94" s="7">
        <v>5</v>
      </c>
      <c r="V94" s="7">
        <v>5</v>
      </c>
      <c r="W94" s="7">
        <v>5</v>
      </c>
      <c r="X94" s="7">
        <v>5</v>
      </c>
      <c r="Y94" s="7">
        <v>5</v>
      </c>
      <c r="Z94" s="7">
        <v>5</v>
      </c>
      <c r="AA94" s="7">
        <v>11.902028</v>
      </c>
      <c r="AB94" s="7">
        <v>10.341336999999999</v>
      </c>
      <c r="AC94" s="7">
        <v>12.897793999999999</v>
      </c>
      <c r="AD94" s="7">
        <v>17.006111000000001</v>
      </c>
      <c r="AE94" s="7">
        <v>18.809248</v>
      </c>
      <c r="AF94" s="7">
        <v>20.275776345000001</v>
      </c>
      <c r="AG94" s="9">
        <v>31060.119088300002</v>
      </c>
      <c r="AH94" s="13">
        <v>0.69440883578406409</v>
      </c>
      <c r="AI94" s="9">
        <v>-44727.865025500003</v>
      </c>
      <c r="AJ94" s="13">
        <v>-0.99997764307233317</v>
      </c>
      <c r="AK94" s="9">
        <v>0</v>
      </c>
      <c r="AL94" s="13">
        <v>0</v>
      </c>
      <c r="AM94" s="9">
        <v>75787.984113800005</v>
      </c>
      <c r="AN94" s="13">
        <v>75787.984113800005</v>
      </c>
      <c r="AO94" s="9">
        <v>75787.984113800005</v>
      </c>
      <c r="AP94" s="13">
        <v>75787.984113800005</v>
      </c>
      <c r="AQ94" s="9">
        <v>44728.865025500003</v>
      </c>
      <c r="AR94" s="9">
        <v>63287.8310556</v>
      </c>
      <c r="AS94" s="9">
        <v>1</v>
      </c>
      <c r="AT94" s="9">
        <v>1</v>
      </c>
      <c r="AU94" s="9">
        <v>1</v>
      </c>
      <c r="AV94" s="9">
        <v>1</v>
      </c>
      <c r="AW94" s="9">
        <v>1</v>
      </c>
      <c r="AX94" s="9">
        <v>1</v>
      </c>
      <c r="AY94" s="9">
        <v>1</v>
      </c>
      <c r="AZ94" s="9">
        <v>1</v>
      </c>
      <c r="BA94" s="9">
        <v>1</v>
      </c>
      <c r="BB94" s="9">
        <v>54278.9667242</v>
      </c>
      <c r="BC94" s="9">
        <v>44545.721091300002</v>
      </c>
      <c r="BD94" s="9">
        <v>71013.576560700007</v>
      </c>
      <c r="BE94" s="9">
        <v>73374.546690699994</v>
      </c>
      <c r="BF94" s="9">
        <v>75788.984113800005</v>
      </c>
      <c r="BG94" s="11">
        <v>3</v>
      </c>
      <c r="BH94" s="13">
        <v>3</v>
      </c>
      <c r="BI94" s="6">
        <v>1</v>
      </c>
      <c r="BJ94" s="13">
        <v>1</v>
      </c>
      <c r="BK94" s="6">
        <v>0</v>
      </c>
      <c r="BL94" s="13">
        <v>0</v>
      </c>
      <c r="BM94" s="11">
        <v>2</v>
      </c>
      <c r="BN94" s="13">
        <v>1</v>
      </c>
      <c r="BO94" s="11">
        <v>2</v>
      </c>
      <c r="BP94" s="13">
        <v>1</v>
      </c>
      <c r="BQ94" s="6">
        <v>1</v>
      </c>
      <c r="BR94" s="6">
        <v>1</v>
      </c>
      <c r="BS94" s="6">
        <v>1</v>
      </c>
      <c r="BT94" s="6">
        <v>2</v>
      </c>
      <c r="BU94" s="6">
        <v>2</v>
      </c>
      <c r="BV94" s="6">
        <v>2</v>
      </c>
      <c r="BW94" s="6">
        <v>2</v>
      </c>
      <c r="BX94" s="6">
        <v>1</v>
      </c>
      <c r="BY94" s="6">
        <v>1</v>
      </c>
      <c r="BZ94" s="6">
        <v>1</v>
      </c>
      <c r="CA94" s="6">
        <v>3</v>
      </c>
      <c r="CB94" s="6">
        <v>4</v>
      </c>
      <c r="CC94" s="11">
        <v>4</v>
      </c>
      <c r="CD94" s="11">
        <v>3.3783300000000001</v>
      </c>
      <c r="CE94" s="11">
        <v>2.73373</v>
      </c>
      <c r="CF94" s="11">
        <v>1.3956999999999999</v>
      </c>
      <c r="CG94" s="11">
        <v>4</v>
      </c>
      <c r="CH94" s="20">
        <v>9.3817499999999998E-2</v>
      </c>
      <c r="CI94" s="20">
        <v>7.9437900000000006E-2</v>
      </c>
      <c r="CJ94" s="20">
        <v>1.8501299999999998E-2</v>
      </c>
      <c r="CK94" s="20">
        <v>2.7554900000000002E-3</v>
      </c>
      <c r="CL94" s="20">
        <v>2.3346600000000001E-3</v>
      </c>
      <c r="CM94" s="20">
        <v>2.9976300000000001E-2</v>
      </c>
      <c r="CN94" s="20">
        <v>4.62669E-2</v>
      </c>
      <c r="CO94" s="20">
        <v>7.1358900000000003E-2</v>
      </c>
      <c r="CP94" s="20">
        <v>5.7579499999999999E-2</v>
      </c>
      <c r="CQ94" s="20">
        <v>3.1641299999999997E-2</v>
      </c>
      <c r="CR94" s="20">
        <v>3.4961399999999997E-2</v>
      </c>
      <c r="CS94" s="20">
        <v>8.3335400000000004E-2</v>
      </c>
      <c r="CT94" s="20">
        <v>7.1348900000000007E-2</v>
      </c>
      <c r="CU94" s="20">
        <v>8.7410199999999993E-2</v>
      </c>
      <c r="CV94" s="20">
        <v>0.11215799999999999</v>
      </c>
      <c r="CW94" s="20">
        <v>0.124684</v>
      </c>
      <c r="CX94" s="20">
        <v>0.13137799999999999</v>
      </c>
      <c r="CY94" s="6" t="s">
        <v>385</v>
      </c>
      <c r="CZ94" s="6" t="s">
        <v>386</v>
      </c>
      <c r="DA94" s="6" t="s">
        <v>58</v>
      </c>
      <c r="DB94" s="6"/>
      <c r="DC94" s="6">
        <v>33020</v>
      </c>
      <c r="DD94" s="6">
        <v>190</v>
      </c>
      <c r="DE94" s="6" t="s">
        <v>389</v>
      </c>
      <c r="DF94" s="6" t="s">
        <v>363</v>
      </c>
      <c r="DG94" s="6" t="s">
        <v>364</v>
      </c>
      <c r="DH94" s="6" t="s">
        <v>365</v>
      </c>
      <c r="DI94" s="6" t="s">
        <v>390</v>
      </c>
      <c r="DJ94" s="6">
        <v>29</v>
      </c>
      <c r="DK94" s="6">
        <v>7</v>
      </c>
      <c r="DL94" s="6">
        <v>5</v>
      </c>
      <c r="DM94" s="6" t="s">
        <v>392</v>
      </c>
      <c r="DN94" s="6">
        <v>6</v>
      </c>
      <c r="DO94" s="6" t="s">
        <v>393</v>
      </c>
      <c r="DP94" s="6"/>
      <c r="DQ94" s="6"/>
    </row>
    <row r="95" spans="1:121" x14ac:dyDescent="0.2">
      <c r="A95" s="6" t="s">
        <v>319</v>
      </c>
      <c r="B95" s="6" t="s">
        <v>319</v>
      </c>
      <c r="C95" s="6" t="s">
        <v>188</v>
      </c>
      <c r="D95" s="6" t="s">
        <v>58</v>
      </c>
      <c r="E95" s="6" t="s">
        <v>199</v>
      </c>
      <c r="F95" s="11">
        <v>300</v>
      </c>
      <c r="G95" s="13">
        <v>1.42857142857</v>
      </c>
      <c r="H95" s="11">
        <v>-67.120105295999991</v>
      </c>
      <c r="I95" s="13">
        <v>-0.31984432258254164</v>
      </c>
      <c r="J95" s="11">
        <v>51.965677940000006</v>
      </c>
      <c r="K95" s="13">
        <v>0.36407787433593802</v>
      </c>
      <c r="L95" s="11">
        <v>315.47572277</v>
      </c>
      <c r="M95" s="13">
        <v>1.6203337157207998</v>
      </c>
      <c r="N95" s="11">
        <v>367.44140071000004</v>
      </c>
      <c r="O95" s="13">
        <v>2.5743392449912186</v>
      </c>
      <c r="P95" s="7">
        <v>209.852420559</v>
      </c>
      <c r="Q95" s="7">
        <v>176.407399946</v>
      </c>
      <c r="R95" s="7">
        <v>163.82106037599999</v>
      </c>
      <c r="S95" s="7">
        <v>167.34239574899999</v>
      </c>
      <c r="T95" s="7">
        <v>126.363572654</v>
      </c>
      <c r="U95" s="7">
        <v>125.495661708</v>
      </c>
      <c r="V95" s="7">
        <v>142.732315263</v>
      </c>
      <c r="W95" s="7">
        <v>150.17775468299999</v>
      </c>
      <c r="X95" s="7">
        <v>165.15630873399999</v>
      </c>
      <c r="Y95" s="7">
        <v>194.69799320300001</v>
      </c>
      <c r="Z95" s="7">
        <v>404.31034163499999</v>
      </c>
      <c r="AA95" s="7">
        <v>399.77452658800001</v>
      </c>
      <c r="AB95" s="7">
        <v>376.93089320199999</v>
      </c>
      <c r="AC95" s="7">
        <v>456.72014890200001</v>
      </c>
      <c r="AD95" s="7">
        <v>532.93303916299999</v>
      </c>
      <c r="AE95" s="7">
        <v>460.74783175800002</v>
      </c>
      <c r="AF95" s="7">
        <v>510.17371597300001</v>
      </c>
      <c r="AG95" s="9">
        <v>10368.021747399998</v>
      </c>
      <c r="AH95" s="13">
        <v>0.55236067837497604</v>
      </c>
      <c r="AI95" s="9">
        <v>3184.9043566</v>
      </c>
      <c r="AJ95" s="13">
        <v>0.16967710657167109</v>
      </c>
      <c r="AK95" s="9">
        <v>5464.0669593999992</v>
      </c>
      <c r="AL95" s="13">
        <v>0.24887248130407649</v>
      </c>
      <c r="AM95" s="9">
        <v>1719.0504313999991</v>
      </c>
      <c r="AN95" s="13">
        <v>6.269478055752907E-2</v>
      </c>
      <c r="AO95" s="9">
        <v>7183.1173907999982</v>
      </c>
      <c r="AP95" s="13">
        <v>0.32717026746377237</v>
      </c>
      <c r="AQ95" s="9">
        <v>18770.383471000001</v>
      </c>
      <c r="AR95" s="9">
        <v>17577.3495124</v>
      </c>
      <c r="AS95" s="9">
        <v>18796.474527900002</v>
      </c>
      <c r="AT95" s="9">
        <v>21915.582453700001</v>
      </c>
      <c r="AU95" s="9">
        <v>25124.393701500001</v>
      </c>
      <c r="AV95" s="9">
        <v>20860.160844599999</v>
      </c>
      <c r="AW95" s="9">
        <v>21955.287827600001</v>
      </c>
      <c r="AX95" s="9">
        <v>25108.011824699999</v>
      </c>
      <c r="AY95" s="9">
        <v>22518.5480947</v>
      </c>
      <c r="AZ95" s="9">
        <v>27419.354787</v>
      </c>
      <c r="BA95" s="9">
        <v>23400.7422979</v>
      </c>
      <c r="BB95" s="9">
        <v>23181.7285801</v>
      </c>
      <c r="BC95" s="9">
        <v>26860.005901500001</v>
      </c>
      <c r="BD95" s="9">
        <v>27787.011201199999</v>
      </c>
      <c r="BE95" s="9">
        <v>29378.354113099998</v>
      </c>
      <c r="BF95" s="9">
        <v>29138.405218399999</v>
      </c>
      <c r="BG95" s="11">
        <v>2</v>
      </c>
      <c r="BH95" s="13">
        <v>8.6956521739130432E-2</v>
      </c>
      <c r="BI95" s="6">
        <v>-2</v>
      </c>
      <c r="BJ95" s="13">
        <v>-8.6956521739130432E-2</v>
      </c>
      <c r="BK95" s="6">
        <v>-3</v>
      </c>
      <c r="BL95" s="13">
        <v>-0.14285714285714285</v>
      </c>
      <c r="BM95" s="11">
        <v>7</v>
      </c>
      <c r="BN95" s="13">
        <v>0.3888888888888889</v>
      </c>
      <c r="BO95" s="11">
        <v>4</v>
      </c>
      <c r="BP95" s="13">
        <v>0.19047619047619047</v>
      </c>
      <c r="BQ95" s="6">
        <v>23</v>
      </c>
      <c r="BR95" s="6">
        <v>23</v>
      </c>
      <c r="BS95" s="6">
        <v>21</v>
      </c>
      <c r="BT95" s="6">
        <v>21</v>
      </c>
      <c r="BU95" s="6">
        <v>22</v>
      </c>
      <c r="BV95" s="6">
        <v>19</v>
      </c>
      <c r="BW95" s="6">
        <v>18</v>
      </c>
      <c r="BX95" s="6">
        <v>17</v>
      </c>
      <c r="BY95" s="6">
        <v>17</v>
      </c>
      <c r="BZ95" s="6">
        <v>18</v>
      </c>
      <c r="CA95" s="6">
        <v>20</v>
      </c>
      <c r="CB95" s="6">
        <v>23</v>
      </c>
      <c r="CC95" s="11">
        <v>25</v>
      </c>
      <c r="CD95" s="11">
        <v>258.50099999999998</v>
      </c>
      <c r="CE95" s="11">
        <v>18.881</v>
      </c>
      <c r="CF95" s="11">
        <v>22.939399999999999</v>
      </c>
      <c r="CG95" s="11">
        <v>42</v>
      </c>
      <c r="CH95" s="20">
        <v>0.31435099999999999</v>
      </c>
      <c r="CI95" s="20">
        <v>0.27920800000000001</v>
      </c>
      <c r="CJ95" s="20">
        <v>0.27041199999999999</v>
      </c>
      <c r="CK95" s="20">
        <v>0.273146</v>
      </c>
      <c r="CL95" s="20">
        <v>0.19428699999999999</v>
      </c>
      <c r="CM95" s="20">
        <v>0.188862</v>
      </c>
      <c r="CN95" s="20">
        <v>0.21082799999999999</v>
      </c>
      <c r="CO95" s="20">
        <v>0.23573</v>
      </c>
      <c r="CP95" s="20">
        <v>0.28875400000000001</v>
      </c>
      <c r="CQ95" s="20">
        <v>0.330009</v>
      </c>
      <c r="CR95" s="20">
        <v>0.65310299999999999</v>
      </c>
      <c r="CS95" s="20">
        <v>0.62875499999999995</v>
      </c>
      <c r="CT95" s="20">
        <v>0.59081700000000004</v>
      </c>
      <c r="CU95" s="20">
        <v>0.70230599999999999</v>
      </c>
      <c r="CV95" s="20">
        <v>0.79532099999999994</v>
      </c>
      <c r="CW95" s="20">
        <v>0.68799999999999994</v>
      </c>
      <c r="CX95" s="20">
        <v>0.743668</v>
      </c>
      <c r="CY95" s="6" t="s">
        <v>385</v>
      </c>
      <c r="CZ95" s="6" t="s">
        <v>386</v>
      </c>
      <c r="DA95" s="6" t="s">
        <v>58</v>
      </c>
      <c r="DB95" s="6"/>
      <c r="DC95" s="6">
        <v>33020</v>
      </c>
      <c r="DD95" s="6">
        <v>190</v>
      </c>
      <c r="DE95" s="6" t="s">
        <v>389</v>
      </c>
      <c r="DF95" s="6" t="s">
        <v>363</v>
      </c>
      <c r="DG95" s="6" t="s">
        <v>364</v>
      </c>
      <c r="DH95" s="6" t="s">
        <v>365</v>
      </c>
      <c r="DI95" s="6" t="s">
        <v>390</v>
      </c>
      <c r="DJ95" s="6">
        <v>29</v>
      </c>
      <c r="DK95" s="6">
        <v>7</v>
      </c>
      <c r="DL95" s="6">
        <v>5</v>
      </c>
      <c r="DM95" s="6" t="s">
        <v>392</v>
      </c>
      <c r="DN95" s="6">
        <v>6</v>
      </c>
      <c r="DO95" s="6" t="s">
        <v>393</v>
      </c>
      <c r="DP95" s="6"/>
      <c r="DQ95" s="6"/>
    </row>
    <row r="96" spans="1:121" x14ac:dyDescent="0.2">
      <c r="A96" s="6" t="s">
        <v>320</v>
      </c>
      <c r="B96" s="6" t="s">
        <v>320</v>
      </c>
      <c r="C96" s="6" t="s">
        <v>189</v>
      </c>
      <c r="D96" s="6" t="s">
        <v>58</v>
      </c>
      <c r="E96" s="6" t="s">
        <v>199</v>
      </c>
      <c r="F96" s="11">
        <v>141</v>
      </c>
      <c r="G96" s="13">
        <v>0.73821989528800003</v>
      </c>
      <c r="H96" s="11">
        <v>78.502824686999986</v>
      </c>
      <c r="I96" s="13">
        <v>0.41072710316172112</v>
      </c>
      <c r="J96" s="11">
        <v>78.545297122000022</v>
      </c>
      <c r="K96" s="13">
        <v>0.2913031997443955</v>
      </c>
      <c r="L96" s="11">
        <v>-15.736748642999999</v>
      </c>
      <c r="M96" s="13">
        <v>-4.519723312143855E-2</v>
      </c>
      <c r="N96" s="11">
        <v>62.808548479000024</v>
      </c>
      <c r="O96" s="13">
        <v>0.23293986799508851</v>
      </c>
      <c r="P96" s="7">
        <v>191.13134751199999</v>
      </c>
      <c r="Q96" s="7">
        <v>210.97537355099999</v>
      </c>
      <c r="R96" s="7">
        <v>187.396486361</v>
      </c>
      <c r="S96" s="7">
        <v>180.03150150299999</v>
      </c>
      <c r="T96" s="7">
        <v>199.088777354</v>
      </c>
      <c r="U96" s="7">
        <v>221.87446657800001</v>
      </c>
      <c r="V96" s="7">
        <v>269.63417219899998</v>
      </c>
      <c r="W96" s="7">
        <v>293.84999635399998</v>
      </c>
      <c r="X96" s="7">
        <v>322.54531530200001</v>
      </c>
      <c r="Y96" s="7">
        <v>348.179469321</v>
      </c>
      <c r="Z96" s="7">
        <v>379.81433074799997</v>
      </c>
      <c r="AA96" s="7">
        <v>347.12823881100002</v>
      </c>
      <c r="AB96" s="7">
        <v>325.48463222100003</v>
      </c>
      <c r="AC96" s="7">
        <v>316.79866734400002</v>
      </c>
      <c r="AD96" s="7">
        <v>322.317005779</v>
      </c>
      <c r="AE96" s="7">
        <v>325.63790250199997</v>
      </c>
      <c r="AF96" s="7">
        <v>332.442720678</v>
      </c>
      <c r="AG96" s="9">
        <v>-145.36987500000032</v>
      </c>
      <c r="AH96" s="13">
        <v>-6.5546230000370614E-3</v>
      </c>
      <c r="AI96" s="9">
        <v>-811.96832789999826</v>
      </c>
      <c r="AJ96" s="13">
        <v>-3.6611067302320728E-2</v>
      </c>
      <c r="AK96" s="9">
        <v>1421.8855026999991</v>
      </c>
      <c r="AL96" s="13">
        <v>6.6548193993735696E-2</v>
      </c>
      <c r="AM96" s="9">
        <v>-755.28704980000111</v>
      </c>
      <c r="AN96" s="13">
        <v>-3.3143868818000431E-2</v>
      </c>
      <c r="AO96" s="9">
        <v>666.59845289999794</v>
      </c>
      <c r="AP96" s="13">
        <v>3.1198660563932043E-2</v>
      </c>
      <c r="AQ96" s="9">
        <v>22178.220623699999</v>
      </c>
      <c r="AR96" s="9">
        <v>19068.280272600001</v>
      </c>
      <c r="AS96" s="9">
        <v>22057.0603691</v>
      </c>
      <c r="AT96" s="9">
        <v>25092.354585900001</v>
      </c>
      <c r="AU96" s="9">
        <v>21217.840953700001</v>
      </c>
      <c r="AV96" s="9">
        <v>21352.396772299999</v>
      </c>
      <c r="AW96" s="9">
        <v>21366.252295800001</v>
      </c>
      <c r="AX96" s="9">
        <v>24058.640733299999</v>
      </c>
      <c r="AY96" s="9">
        <v>22665.396856300002</v>
      </c>
      <c r="AZ96" s="9">
        <v>22788.1377985</v>
      </c>
      <c r="BA96" s="9">
        <v>22551.0788894</v>
      </c>
      <c r="BB96" s="9">
        <v>23649.697358599999</v>
      </c>
      <c r="BC96" s="9">
        <v>22539.799228399999</v>
      </c>
      <c r="BD96" s="9">
        <v>22586.755526699999</v>
      </c>
      <c r="BE96" s="9">
        <v>22616.2381613</v>
      </c>
      <c r="BF96" s="9">
        <v>22032.850748699999</v>
      </c>
      <c r="BG96" s="11">
        <v>-1</v>
      </c>
      <c r="BH96" s="13">
        <v>-0.33333333333333331</v>
      </c>
      <c r="BI96" s="6">
        <v>-1</v>
      </c>
      <c r="BJ96" s="13">
        <v>-0.33333333333333331</v>
      </c>
      <c r="BK96" s="6">
        <v>2</v>
      </c>
      <c r="BL96" s="13">
        <v>1</v>
      </c>
      <c r="BM96" s="11">
        <v>-2</v>
      </c>
      <c r="BN96" s="13">
        <v>-0.5</v>
      </c>
      <c r="BO96" s="11">
        <v>0</v>
      </c>
      <c r="BP96" s="13">
        <v>0</v>
      </c>
      <c r="BQ96" s="6">
        <v>3</v>
      </c>
      <c r="BR96" s="6">
        <v>3</v>
      </c>
      <c r="BS96" s="6">
        <v>3</v>
      </c>
      <c r="BT96" s="6">
        <v>2</v>
      </c>
      <c r="BU96" s="6">
        <v>3</v>
      </c>
      <c r="BV96" s="6">
        <v>3</v>
      </c>
      <c r="BW96" s="6">
        <v>4</v>
      </c>
      <c r="BX96" s="6">
        <v>4</v>
      </c>
      <c r="BY96" s="6">
        <v>4</v>
      </c>
      <c r="BZ96" s="6">
        <v>3</v>
      </c>
      <c r="CA96" s="6">
        <v>3</v>
      </c>
      <c r="CB96" s="6">
        <v>2</v>
      </c>
      <c r="CC96" s="11">
        <v>2</v>
      </c>
      <c r="CD96" s="11">
        <v>51.208799999999997</v>
      </c>
      <c r="CE96" s="11">
        <v>69.209599999999995</v>
      </c>
      <c r="CF96" s="11">
        <v>20.893000000000001</v>
      </c>
      <c r="CG96" s="11">
        <v>90</v>
      </c>
      <c r="CH96" s="20">
        <v>0.85816400000000004</v>
      </c>
      <c r="CI96" s="20">
        <v>0.95645800000000003</v>
      </c>
      <c r="CJ96" s="20">
        <v>0.86044200000000004</v>
      </c>
      <c r="CK96" s="20">
        <v>0.81429099999999999</v>
      </c>
      <c r="CL96" s="20">
        <v>0.86721800000000004</v>
      </c>
      <c r="CM96" s="20">
        <v>0.95062500000000005</v>
      </c>
      <c r="CN96" s="20">
        <v>1.11619</v>
      </c>
      <c r="CO96" s="20">
        <v>1.2014499999999999</v>
      </c>
      <c r="CP96" s="20">
        <v>1.30043</v>
      </c>
      <c r="CQ96" s="20">
        <v>1.37113</v>
      </c>
      <c r="CR96" s="20">
        <v>1.43587</v>
      </c>
      <c r="CS96" s="20">
        <v>1.2900400000000001</v>
      </c>
      <c r="CT96" s="20">
        <v>1.22126</v>
      </c>
      <c r="CU96" s="20">
        <v>1.1800999999999999</v>
      </c>
      <c r="CV96" s="20">
        <v>1.1778299999999999</v>
      </c>
      <c r="CW96" s="20">
        <v>1.1922200000000001</v>
      </c>
      <c r="CX96" s="20">
        <v>1.1838599999999999</v>
      </c>
      <c r="CY96" s="6" t="s">
        <v>385</v>
      </c>
      <c r="CZ96" s="6" t="s">
        <v>386</v>
      </c>
      <c r="DA96" s="6" t="s">
        <v>58</v>
      </c>
      <c r="DB96" s="6"/>
      <c r="DC96" s="6">
        <v>33020</v>
      </c>
      <c r="DD96" s="6">
        <v>190</v>
      </c>
      <c r="DE96" s="6" t="s">
        <v>389</v>
      </c>
      <c r="DF96" s="6" t="s">
        <v>363</v>
      </c>
      <c r="DG96" s="6" t="s">
        <v>364</v>
      </c>
      <c r="DH96" s="6" t="s">
        <v>365</v>
      </c>
      <c r="DI96" s="6" t="s">
        <v>390</v>
      </c>
      <c r="DJ96" s="6">
        <v>29</v>
      </c>
      <c r="DK96" s="6">
        <v>7</v>
      </c>
      <c r="DL96" s="6">
        <v>5</v>
      </c>
      <c r="DM96" s="6" t="s">
        <v>392</v>
      </c>
      <c r="DN96" s="6">
        <v>6</v>
      </c>
      <c r="DO96" s="6" t="s">
        <v>393</v>
      </c>
      <c r="DP96" s="6"/>
      <c r="DQ96" s="6"/>
    </row>
    <row r="97" spans="1:121" x14ac:dyDescent="0.2">
      <c r="A97" s="6" t="s">
        <v>321</v>
      </c>
      <c r="B97" s="6" t="s">
        <v>321</v>
      </c>
      <c r="C97" s="6" t="s">
        <v>190</v>
      </c>
      <c r="D97" s="6" t="s">
        <v>58</v>
      </c>
      <c r="E97" s="6" t="s">
        <v>199</v>
      </c>
      <c r="F97" s="11">
        <v>68</v>
      </c>
      <c r="G97" s="13">
        <v>0.105100463679</v>
      </c>
      <c r="H97" s="11">
        <v>35.616297910000071</v>
      </c>
      <c r="I97" s="13">
        <v>5.502942878697703E-2</v>
      </c>
      <c r="J97" s="11">
        <v>-10.494697700000074</v>
      </c>
      <c r="K97" s="13">
        <v>-1.5369211561079649E-2</v>
      </c>
      <c r="L97" s="11">
        <v>42.426889187000029</v>
      </c>
      <c r="M97" s="13">
        <v>6.3102916743773788E-2</v>
      </c>
      <c r="N97" s="11">
        <v>31.932191486999955</v>
      </c>
      <c r="O97" s="13">
        <v>4.676386310513788E-2</v>
      </c>
      <c r="P97" s="7">
        <v>647.22274417699998</v>
      </c>
      <c r="Q97" s="7">
        <v>633.27731522600004</v>
      </c>
      <c r="R97" s="7">
        <v>719.875833081</v>
      </c>
      <c r="S97" s="7">
        <v>697.58462980700006</v>
      </c>
      <c r="T97" s="7">
        <v>701.45060622699998</v>
      </c>
      <c r="U97" s="7">
        <v>707.25954196199996</v>
      </c>
      <c r="V97" s="7">
        <v>682.83904208700005</v>
      </c>
      <c r="W97" s="7">
        <v>646.73557118600002</v>
      </c>
      <c r="X97" s="7">
        <v>680.84893362900004</v>
      </c>
      <c r="Y97" s="7">
        <v>672.34434438699998</v>
      </c>
      <c r="Z97" s="7">
        <v>663.75598660200001</v>
      </c>
      <c r="AA97" s="7">
        <v>701.43737528500003</v>
      </c>
      <c r="AB97" s="7">
        <v>692.37056511200001</v>
      </c>
      <c r="AC97" s="7">
        <v>709.52406932300005</v>
      </c>
      <c r="AD97" s="7">
        <v>707.20926422100001</v>
      </c>
      <c r="AE97" s="7">
        <v>697.48418894899999</v>
      </c>
      <c r="AF97" s="7">
        <v>714.77123357400001</v>
      </c>
      <c r="AG97" s="9">
        <v>7762.7456097000031</v>
      </c>
      <c r="AH97" s="13">
        <v>0.2780407549963464</v>
      </c>
      <c r="AI97" s="9">
        <v>4727.9791245000015</v>
      </c>
      <c r="AJ97" s="13">
        <v>0.16934354820803507</v>
      </c>
      <c r="AK97" s="9">
        <v>561.48413839999557</v>
      </c>
      <c r="AL97" s="13">
        <v>1.7198416937844276E-2</v>
      </c>
      <c r="AM97" s="9">
        <v>2473.2823468000061</v>
      </c>
      <c r="AN97" s="13">
        <v>7.4476456137212557E-2</v>
      </c>
      <c r="AO97" s="9">
        <v>3034.7664852000016</v>
      </c>
      <c r="AP97" s="13">
        <v>9.2955750219757702E-2</v>
      </c>
      <c r="AQ97" s="9">
        <v>27919.4523472</v>
      </c>
      <c r="AR97" s="9">
        <v>32077.9613651</v>
      </c>
      <c r="AS97" s="9">
        <v>31879.590205100001</v>
      </c>
      <c r="AT97" s="9">
        <v>30606.397845899999</v>
      </c>
      <c r="AU97" s="9">
        <v>30132.125719799998</v>
      </c>
      <c r="AV97" s="9">
        <v>31423.830265799999</v>
      </c>
      <c r="AW97" s="9">
        <v>32647.431471700002</v>
      </c>
      <c r="AX97" s="9">
        <v>33628.329318700002</v>
      </c>
      <c r="AY97" s="9">
        <v>34170.053502399998</v>
      </c>
      <c r="AZ97" s="9">
        <v>33208.915610099997</v>
      </c>
      <c r="BA97" s="9">
        <v>32457.371282200002</v>
      </c>
      <c r="BB97" s="9">
        <v>31595.543934400001</v>
      </c>
      <c r="BC97" s="9">
        <v>34818.290859499997</v>
      </c>
      <c r="BD97" s="9">
        <v>33189.993059200002</v>
      </c>
      <c r="BE97" s="9">
        <v>33412.717957499997</v>
      </c>
      <c r="BF97" s="9">
        <v>35682.197956900003</v>
      </c>
      <c r="BG97" s="11">
        <v>19</v>
      </c>
      <c r="BH97" s="13">
        <v>0.30158730158730157</v>
      </c>
      <c r="BI97" s="6">
        <v>-1</v>
      </c>
      <c r="BJ97" s="13">
        <v>-1.5873015873015872E-2</v>
      </c>
      <c r="BK97" s="6">
        <v>4</v>
      </c>
      <c r="BL97" s="13">
        <v>6.4516129032258063E-2</v>
      </c>
      <c r="BM97" s="11">
        <v>16</v>
      </c>
      <c r="BN97" s="13">
        <v>0.24242424242424243</v>
      </c>
      <c r="BO97" s="11">
        <v>20</v>
      </c>
      <c r="BP97" s="13">
        <v>0.32258064516129031</v>
      </c>
      <c r="BQ97" s="6">
        <v>63</v>
      </c>
      <c r="BR97" s="6">
        <v>57</v>
      </c>
      <c r="BS97" s="6">
        <v>59</v>
      </c>
      <c r="BT97" s="6">
        <v>62</v>
      </c>
      <c r="BU97" s="6">
        <v>61</v>
      </c>
      <c r="BV97" s="6">
        <v>62</v>
      </c>
      <c r="BW97" s="6">
        <v>66</v>
      </c>
      <c r="BX97" s="6">
        <v>64</v>
      </c>
      <c r="BY97" s="6">
        <v>60</v>
      </c>
      <c r="BZ97" s="6">
        <v>77</v>
      </c>
      <c r="CA97" s="6">
        <v>81</v>
      </c>
      <c r="CB97" s="6">
        <v>82</v>
      </c>
      <c r="CC97" s="11">
        <v>82</v>
      </c>
      <c r="CD97" s="11">
        <v>-238.898</v>
      </c>
      <c r="CE97" s="11">
        <v>235.697</v>
      </c>
      <c r="CF97" s="11">
        <v>70.749200000000002</v>
      </c>
      <c r="CG97" s="11">
        <v>307</v>
      </c>
      <c r="CH97" s="20">
        <v>0.58840700000000001</v>
      </c>
      <c r="CI97" s="20">
        <v>0.58554399999999995</v>
      </c>
      <c r="CJ97" s="20">
        <v>0.67297099999999999</v>
      </c>
      <c r="CK97" s="20">
        <v>0.652833</v>
      </c>
      <c r="CL97" s="20">
        <v>0.62535600000000002</v>
      </c>
      <c r="CM97" s="20">
        <v>0.61823099999999998</v>
      </c>
      <c r="CN97" s="20">
        <v>0.57542899999999997</v>
      </c>
      <c r="CO97" s="20">
        <v>0.54010199999999997</v>
      </c>
      <c r="CP97" s="20">
        <v>0.56499100000000002</v>
      </c>
      <c r="CQ97" s="20">
        <v>0.54838299999999995</v>
      </c>
      <c r="CR97" s="20">
        <v>0.52899799999999997</v>
      </c>
      <c r="CS97" s="20">
        <v>0.54049899999999995</v>
      </c>
      <c r="CT97" s="20">
        <v>0.53581599999999996</v>
      </c>
      <c r="CU97" s="20">
        <v>0.54625100000000004</v>
      </c>
      <c r="CV97" s="20">
        <v>0.52879200000000004</v>
      </c>
      <c r="CW97" s="20">
        <v>0.51936599999999999</v>
      </c>
      <c r="CX97" s="20">
        <v>0.51467099999999999</v>
      </c>
      <c r="CY97" s="6" t="s">
        <v>385</v>
      </c>
      <c r="CZ97" s="6" t="s">
        <v>386</v>
      </c>
      <c r="DA97" s="6" t="s">
        <v>58</v>
      </c>
      <c r="DB97" s="6"/>
      <c r="DC97" s="6">
        <v>33020</v>
      </c>
      <c r="DD97" s="6">
        <v>190</v>
      </c>
      <c r="DE97" s="6" t="s">
        <v>389</v>
      </c>
      <c r="DF97" s="6" t="s">
        <v>363</v>
      </c>
      <c r="DG97" s="6" t="s">
        <v>364</v>
      </c>
      <c r="DH97" s="6" t="s">
        <v>365</v>
      </c>
      <c r="DI97" s="6" t="s">
        <v>390</v>
      </c>
      <c r="DJ97" s="6">
        <v>29</v>
      </c>
      <c r="DK97" s="6">
        <v>7</v>
      </c>
      <c r="DL97" s="6">
        <v>5</v>
      </c>
      <c r="DM97" s="6" t="s">
        <v>392</v>
      </c>
      <c r="DN97" s="6">
        <v>6</v>
      </c>
      <c r="DO97" s="6" t="s">
        <v>393</v>
      </c>
      <c r="DP97" s="6"/>
      <c r="DQ97" s="6"/>
    </row>
    <row r="98" spans="1:121" x14ac:dyDescent="0.2">
      <c r="A98" s="6" t="s">
        <v>322</v>
      </c>
      <c r="B98" s="6" t="s">
        <v>322</v>
      </c>
      <c r="C98" s="6" t="s">
        <v>191</v>
      </c>
      <c r="D98" s="6" t="s">
        <v>58</v>
      </c>
      <c r="E98" s="6" t="s">
        <v>199</v>
      </c>
      <c r="F98" s="11">
        <v>50</v>
      </c>
      <c r="G98" s="13">
        <v>0.96</v>
      </c>
      <c r="H98" s="11">
        <v>43</v>
      </c>
      <c r="I98" s="13">
        <v>0.82692307692307676</v>
      </c>
      <c r="J98" s="11">
        <v>-9</v>
      </c>
      <c r="K98" s="13">
        <v>-9.4736842105263175E-2</v>
      </c>
      <c r="L98" s="11">
        <v>16</v>
      </c>
      <c r="M98" s="13">
        <v>0.18604651162790695</v>
      </c>
      <c r="N98" s="11">
        <v>7</v>
      </c>
      <c r="O98" s="13">
        <v>7.3684210526315783E-2</v>
      </c>
      <c r="P98" s="7">
        <v>52</v>
      </c>
      <c r="Q98" s="7">
        <v>51</v>
      </c>
      <c r="R98" s="7">
        <v>64</v>
      </c>
      <c r="S98" s="7">
        <v>63</v>
      </c>
      <c r="T98" s="7">
        <v>67</v>
      </c>
      <c r="U98" s="7">
        <v>93</v>
      </c>
      <c r="V98" s="7">
        <v>95</v>
      </c>
      <c r="W98" s="7">
        <v>93</v>
      </c>
      <c r="X98" s="7">
        <v>91</v>
      </c>
      <c r="Y98" s="7">
        <v>86</v>
      </c>
      <c r="Z98" s="7">
        <v>90</v>
      </c>
      <c r="AA98" s="7">
        <v>98</v>
      </c>
      <c r="AB98" s="7">
        <v>98</v>
      </c>
      <c r="AC98" s="7">
        <v>96</v>
      </c>
      <c r="AD98" s="7">
        <v>100</v>
      </c>
      <c r="AE98" s="7">
        <v>99</v>
      </c>
      <c r="AF98" s="7">
        <v>102</v>
      </c>
      <c r="AG98" s="9">
        <v>-730</v>
      </c>
      <c r="AH98" s="13">
        <v>-5.1466441060349699E-2</v>
      </c>
      <c r="AI98" s="9">
        <v>-1775</v>
      </c>
      <c r="AJ98" s="13">
        <v>-0.12514100394811054</v>
      </c>
      <c r="AK98" s="9">
        <v>2091</v>
      </c>
      <c r="AL98" s="13">
        <v>0.16850672898702554</v>
      </c>
      <c r="AM98" s="9">
        <v>-1046</v>
      </c>
      <c r="AN98" s="13">
        <v>-7.2137931034482752E-2</v>
      </c>
      <c r="AO98" s="9">
        <v>1045</v>
      </c>
      <c r="AP98" s="13">
        <v>8.4213071158030464E-2</v>
      </c>
      <c r="AQ98" s="9">
        <v>14184</v>
      </c>
      <c r="AR98" s="9">
        <v>14153</v>
      </c>
      <c r="AS98" s="9">
        <v>11851</v>
      </c>
      <c r="AT98" s="9">
        <v>11137</v>
      </c>
      <c r="AU98" s="9">
        <v>11479</v>
      </c>
      <c r="AV98" s="9">
        <v>12504</v>
      </c>
      <c r="AW98" s="9">
        <v>12409</v>
      </c>
      <c r="AX98" s="9">
        <v>13467</v>
      </c>
      <c r="AY98" s="9">
        <v>13602</v>
      </c>
      <c r="AZ98" s="9">
        <v>14500</v>
      </c>
      <c r="BA98" s="9">
        <v>12807</v>
      </c>
      <c r="BB98" s="9">
        <v>12629</v>
      </c>
      <c r="BC98" s="9">
        <v>13268</v>
      </c>
      <c r="BD98" s="9">
        <v>12211</v>
      </c>
      <c r="BE98" s="9">
        <v>12818</v>
      </c>
      <c r="BF98" s="9">
        <v>13454</v>
      </c>
      <c r="BG98" s="11">
        <v>-2</v>
      </c>
      <c r="BH98" s="13">
        <v>-0.33333333333333331</v>
      </c>
      <c r="BI98" s="6">
        <v>1</v>
      </c>
      <c r="BJ98" s="13">
        <v>0.16666666666666666</v>
      </c>
      <c r="BK98" s="6">
        <v>-1</v>
      </c>
      <c r="BL98" s="13">
        <v>-0.14285714285714285</v>
      </c>
      <c r="BM98" s="11">
        <v>-2</v>
      </c>
      <c r="BN98" s="13">
        <v>-0.33333333333333331</v>
      </c>
      <c r="BO98" s="11">
        <v>-3</v>
      </c>
      <c r="BP98" s="13">
        <v>-0.42857142857142855</v>
      </c>
      <c r="BQ98" s="6">
        <v>6</v>
      </c>
      <c r="BR98" s="6">
        <v>6</v>
      </c>
      <c r="BS98" s="6">
        <v>7</v>
      </c>
      <c r="BT98" s="6">
        <v>7</v>
      </c>
      <c r="BU98" s="6">
        <v>6</v>
      </c>
      <c r="BV98" s="6">
        <v>7</v>
      </c>
      <c r="BW98" s="6">
        <v>6</v>
      </c>
      <c r="BX98" s="6">
        <v>5</v>
      </c>
      <c r="BY98" s="6">
        <v>5</v>
      </c>
      <c r="BZ98" s="6">
        <v>5</v>
      </c>
      <c r="CA98" s="6">
        <v>4</v>
      </c>
      <c r="CB98" s="6">
        <v>4</v>
      </c>
      <c r="CC98" s="11">
        <v>4</v>
      </c>
      <c r="CD98" s="11">
        <v>35</v>
      </c>
      <c r="CE98" s="11">
        <v>9</v>
      </c>
      <c r="CF98" s="11">
        <v>6</v>
      </c>
      <c r="CG98" s="11">
        <v>15</v>
      </c>
      <c r="CH98" s="20">
        <v>0.31</v>
      </c>
      <c r="CI98" s="20">
        <v>0.31</v>
      </c>
      <c r="CJ98" s="20">
        <v>0.4</v>
      </c>
      <c r="CK98" s="20">
        <v>0.4</v>
      </c>
      <c r="CL98" s="20">
        <v>0.4</v>
      </c>
      <c r="CM98" s="20">
        <v>0.56000000000000005</v>
      </c>
      <c r="CN98" s="20">
        <v>0.55000000000000004</v>
      </c>
      <c r="CO98" s="20">
        <v>0.54</v>
      </c>
      <c r="CP98" s="20">
        <v>0.55000000000000004</v>
      </c>
      <c r="CQ98" s="20">
        <v>0.52</v>
      </c>
      <c r="CR98" s="20">
        <v>0.54</v>
      </c>
      <c r="CS98" s="20">
        <v>0.56999999999999995</v>
      </c>
      <c r="CT98" s="20">
        <v>0.56999999999999995</v>
      </c>
      <c r="CU98" s="20">
        <v>0.55000000000000004</v>
      </c>
      <c r="CV98" s="20">
        <v>0.56000000000000005</v>
      </c>
      <c r="CW98" s="20">
        <v>0.54</v>
      </c>
      <c r="CX98" s="20">
        <v>0.55000000000000004</v>
      </c>
      <c r="CY98" s="6" t="s">
        <v>385</v>
      </c>
      <c r="CZ98" s="6" t="s">
        <v>386</v>
      </c>
      <c r="DA98" s="6" t="s">
        <v>58</v>
      </c>
      <c r="DB98" s="6"/>
      <c r="DC98" s="6">
        <v>33020</v>
      </c>
      <c r="DD98" s="6">
        <v>190</v>
      </c>
      <c r="DE98" s="6" t="s">
        <v>389</v>
      </c>
      <c r="DF98" s="6" t="s">
        <v>363</v>
      </c>
      <c r="DG98" s="6" t="s">
        <v>364</v>
      </c>
      <c r="DH98" s="6" t="s">
        <v>365</v>
      </c>
      <c r="DI98" s="6" t="s">
        <v>390</v>
      </c>
      <c r="DJ98" s="6">
        <v>29</v>
      </c>
      <c r="DK98" s="6">
        <v>7</v>
      </c>
      <c r="DL98" s="6">
        <v>5</v>
      </c>
      <c r="DM98" s="6" t="s">
        <v>392</v>
      </c>
      <c r="DN98" s="6">
        <v>6</v>
      </c>
      <c r="DO98" s="6" t="s">
        <v>393</v>
      </c>
      <c r="DP98" s="6"/>
      <c r="DQ98" s="6"/>
    </row>
    <row r="99" spans="1:121" x14ac:dyDescent="0.2">
      <c r="A99" s="6" t="s">
        <v>323</v>
      </c>
      <c r="B99" s="6" t="s">
        <v>323</v>
      </c>
      <c r="C99" s="6" t="s">
        <v>192</v>
      </c>
      <c r="D99" s="6" t="s">
        <v>58</v>
      </c>
      <c r="E99" s="6" t="s">
        <v>199</v>
      </c>
      <c r="F99" s="11">
        <v>47</v>
      </c>
      <c r="G99" s="13">
        <v>0.106818181818</v>
      </c>
      <c r="H99" s="11">
        <v>20.677818547000015</v>
      </c>
      <c r="I99" s="13">
        <v>4.6971596501606275E-2</v>
      </c>
      <c r="J99" s="11">
        <v>-34.142050630999961</v>
      </c>
      <c r="K99" s="13">
        <v>-7.4077327155535874E-2</v>
      </c>
      <c r="L99" s="11">
        <v>60.057612454999969</v>
      </c>
      <c r="M99" s="13">
        <v>0.14073076428207759</v>
      </c>
      <c r="N99" s="11">
        <v>25.915561824000008</v>
      </c>
      <c r="O99" s="13">
        <v>5.6228478259969655E-2</v>
      </c>
      <c r="P99" s="7">
        <v>440.21962392299997</v>
      </c>
      <c r="Q99" s="7">
        <v>469.593451023</v>
      </c>
      <c r="R99" s="7">
        <v>351.31646161999998</v>
      </c>
      <c r="S99" s="7">
        <v>367.69310373299999</v>
      </c>
      <c r="T99" s="7">
        <v>420.37182288899999</v>
      </c>
      <c r="U99" s="7">
        <v>445.28670804500001</v>
      </c>
      <c r="V99" s="7">
        <v>460.89744246999999</v>
      </c>
      <c r="W99" s="7">
        <v>485.77448055999997</v>
      </c>
      <c r="X99" s="7">
        <v>444.45326289000002</v>
      </c>
      <c r="Y99" s="7">
        <v>426.75539183900003</v>
      </c>
      <c r="Z99" s="7">
        <v>397.22495087800002</v>
      </c>
      <c r="AA99" s="7">
        <v>382.602504646</v>
      </c>
      <c r="AB99" s="7">
        <v>402.74559708499999</v>
      </c>
      <c r="AC99" s="7">
        <v>443.462901203</v>
      </c>
      <c r="AD99" s="7">
        <v>475.90987401799998</v>
      </c>
      <c r="AE99" s="7">
        <v>474.80051445499998</v>
      </c>
      <c r="AF99" s="7">
        <v>486.813004294</v>
      </c>
      <c r="AG99" s="9">
        <v>5168.1523192200002</v>
      </c>
      <c r="AH99" s="13">
        <v>0.52887924181673696</v>
      </c>
      <c r="AI99" s="9">
        <v>1954.4345459199994</v>
      </c>
      <c r="AJ99" s="13">
        <v>0.20000568810297997</v>
      </c>
      <c r="AK99" s="9">
        <v>1433.5537120000008</v>
      </c>
      <c r="AL99" s="13">
        <v>0.12225084834807616</v>
      </c>
      <c r="AM99" s="9">
        <v>1780.1640613</v>
      </c>
      <c r="AN99" s="13">
        <v>0.13527202725571438</v>
      </c>
      <c r="AO99" s="9">
        <v>3213.7177733000008</v>
      </c>
      <c r="AP99" s="13">
        <v>0.27405999569356571</v>
      </c>
      <c r="AQ99" s="9">
        <v>9771.8948118799999</v>
      </c>
      <c r="AR99" s="9">
        <v>10459.8466224</v>
      </c>
      <c r="AS99" s="9">
        <v>10497.194269699999</v>
      </c>
      <c r="AT99" s="9">
        <v>10646.7521106</v>
      </c>
      <c r="AU99" s="9">
        <v>10512.8452428</v>
      </c>
      <c r="AV99" s="9">
        <v>10475.103497599999</v>
      </c>
      <c r="AW99" s="9">
        <v>11726.329357799999</v>
      </c>
      <c r="AX99" s="9">
        <v>12760.450286499999</v>
      </c>
      <c r="AY99" s="9">
        <v>12109.5602719</v>
      </c>
      <c r="AZ99" s="9">
        <v>13159.8830698</v>
      </c>
      <c r="BA99" s="9">
        <v>13172.3206374</v>
      </c>
      <c r="BB99" s="9">
        <v>13706.9539725</v>
      </c>
      <c r="BC99" s="9">
        <v>13410.9162867</v>
      </c>
      <c r="BD99" s="9">
        <v>13292.017684599999</v>
      </c>
      <c r="BE99" s="9">
        <v>13899.767793200001</v>
      </c>
      <c r="BF99" s="9">
        <v>14940.0471311</v>
      </c>
      <c r="BG99" s="11">
        <v>4</v>
      </c>
      <c r="BH99" s="13">
        <v>0.125</v>
      </c>
      <c r="BI99" s="6">
        <v>3</v>
      </c>
      <c r="BJ99" s="13">
        <v>9.375E-2</v>
      </c>
      <c r="BK99" s="6">
        <v>-3</v>
      </c>
      <c r="BL99" s="13">
        <v>-8.5714285714285715E-2</v>
      </c>
      <c r="BM99" s="11">
        <v>4</v>
      </c>
      <c r="BN99" s="13">
        <v>0.125</v>
      </c>
      <c r="BO99" s="11">
        <v>1</v>
      </c>
      <c r="BP99" s="13">
        <v>2.8571428571428571E-2</v>
      </c>
      <c r="BQ99" s="6">
        <v>32</v>
      </c>
      <c r="BR99" s="6">
        <v>33</v>
      </c>
      <c r="BS99" s="6">
        <v>33</v>
      </c>
      <c r="BT99" s="6">
        <v>35</v>
      </c>
      <c r="BU99" s="6">
        <v>33</v>
      </c>
      <c r="BV99" s="6">
        <v>34</v>
      </c>
      <c r="BW99" s="6">
        <v>32</v>
      </c>
      <c r="BX99" s="6">
        <v>30</v>
      </c>
      <c r="BY99" s="6">
        <v>31</v>
      </c>
      <c r="BZ99" s="6">
        <v>34</v>
      </c>
      <c r="CA99" s="6">
        <v>36</v>
      </c>
      <c r="CB99" s="6">
        <v>38</v>
      </c>
      <c r="CC99" s="11">
        <v>36</v>
      </c>
      <c r="CD99" s="11">
        <v>-101.636</v>
      </c>
      <c r="CE99" s="11">
        <v>100.108</v>
      </c>
      <c r="CF99" s="11">
        <v>48.121299999999998</v>
      </c>
      <c r="CG99" s="11">
        <v>148</v>
      </c>
      <c r="CH99" s="20">
        <v>0.53928399999999999</v>
      </c>
      <c r="CI99" s="20">
        <v>0.59995399999999999</v>
      </c>
      <c r="CJ99" s="20">
        <v>0.45935799999999999</v>
      </c>
      <c r="CK99" s="20">
        <v>0.47877399999999998</v>
      </c>
      <c r="CL99" s="20">
        <v>0.52104799999999996</v>
      </c>
      <c r="CM99" s="20">
        <v>0.54330100000000003</v>
      </c>
      <c r="CN99" s="20">
        <v>0.54517300000000002</v>
      </c>
      <c r="CO99" s="20">
        <v>0.58247000000000004</v>
      </c>
      <c r="CP99" s="20">
        <v>0.55579999999999996</v>
      </c>
      <c r="CQ99" s="20">
        <v>0.53139599999999998</v>
      </c>
      <c r="CR99" s="20">
        <v>0.47802299999999998</v>
      </c>
      <c r="CS99" s="20">
        <v>0.44792300000000002</v>
      </c>
      <c r="CT99" s="20">
        <v>0.46848800000000002</v>
      </c>
      <c r="CU99" s="20">
        <v>0.50778000000000001</v>
      </c>
      <c r="CV99" s="20">
        <v>0.524173</v>
      </c>
      <c r="CW99" s="20">
        <v>0.51956599999999997</v>
      </c>
      <c r="CX99" s="20">
        <v>0.52065899999999998</v>
      </c>
      <c r="CY99" s="6" t="s">
        <v>385</v>
      </c>
      <c r="CZ99" s="6" t="s">
        <v>386</v>
      </c>
      <c r="DA99" s="6" t="s">
        <v>58</v>
      </c>
      <c r="DB99" s="6"/>
      <c r="DC99" s="6">
        <v>33020</v>
      </c>
      <c r="DD99" s="6">
        <v>190</v>
      </c>
      <c r="DE99" s="6" t="s">
        <v>389</v>
      </c>
      <c r="DF99" s="6" t="s">
        <v>363</v>
      </c>
      <c r="DG99" s="6" t="s">
        <v>364</v>
      </c>
      <c r="DH99" s="6" t="s">
        <v>365</v>
      </c>
      <c r="DI99" s="6" t="s">
        <v>390</v>
      </c>
      <c r="DJ99" s="6">
        <v>29</v>
      </c>
      <c r="DK99" s="6">
        <v>7</v>
      </c>
      <c r="DL99" s="6">
        <v>5</v>
      </c>
      <c r="DM99" s="6" t="s">
        <v>392</v>
      </c>
      <c r="DN99" s="6">
        <v>6</v>
      </c>
      <c r="DO99" s="6" t="s">
        <v>393</v>
      </c>
      <c r="DP99" s="6"/>
      <c r="DQ99" s="6"/>
    </row>
    <row r="100" spans="1:121" x14ac:dyDescent="0.2">
      <c r="A100" s="6" t="s">
        <v>325</v>
      </c>
      <c r="B100" s="6" t="s">
        <v>325</v>
      </c>
      <c r="C100" s="6" t="s">
        <v>193</v>
      </c>
      <c r="D100" s="6" t="s">
        <v>58</v>
      </c>
      <c r="E100" s="6" t="s">
        <v>199</v>
      </c>
      <c r="F100" s="11">
        <v>-28</v>
      </c>
      <c r="G100" s="13">
        <v>-4.7297297297299999E-2</v>
      </c>
      <c r="H100" s="11">
        <v>-59.607625005000045</v>
      </c>
      <c r="I100" s="13">
        <v>-0.1007706562473295</v>
      </c>
      <c r="J100" s="11">
        <v>34.919906175000051</v>
      </c>
      <c r="K100" s="13">
        <v>6.5650020544999688E-2</v>
      </c>
      <c r="L100" s="11">
        <v>-3.0305426080000188</v>
      </c>
      <c r="M100" s="13">
        <v>-5.3464756708154933E-3</v>
      </c>
      <c r="N100" s="11">
        <v>31.889363567000032</v>
      </c>
      <c r="O100" s="13">
        <v>5.9952548636551813E-2</v>
      </c>
      <c r="P100" s="7">
        <v>591.517682079</v>
      </c>
      <c r="Q100" s="7">
        <v>550.38736812599996</v>
      </c>
      <c r="R100" s="7">
        <v>550.25602565300005</v>
      </c>
      <c r="S100" s="7">
        <v>562.30065064899998</v>
      </c>
      <c r="T100" s="7">
        <v>530.82155028199998</v>
      </c>
      <c r="U100" s="7">
        <v>520.842635847</v>
      </c>
      <c r="V100" s="7">
        <v>531.91005707399995</v>
      </c>
      <c r="W100" s="7">
        <v>568.13442149399998</v>
      </c>
      <c r="X100" s="7">
        <v>554.01186316099995</v>
      </c>
      <c r="Y100" s="7">
        <v>566.829963249</v>
      </c>
      <c r="Z100" s="7">
        <v>568.15061018999995</v>
      </c>
      <c r="AA100" s="7">
        <v>593.00100615700001</v>
      </c>
      <c r="AB100" s="7">
        <v>554.73885790400004</v>
      </c>
      <c r="AC100" s="7">
        <v>529.93254537600001</v>
      </c>
      <c r="AD100" s="7">
        <v>558.99883103499997</v>
      </c>
      <c r="AE100" s="7">
        <v>559.60577365699999</v>
      </c>
      <c r="AF100" s="7">
        <v>563.79942064099998</v>
      </c>
      <c r="AG100" s="9">
        <v>7609.7657756000008</v>
      </c>
      <c r="AH100" s="13">
        <v>0.46725595317939778</v>
      </c>
      <c r="AI100" s="9">
        <v>3588.7620674999998</v>
      </c>
      <c r="AJ100" s="13">
        <v>0.22035769431439087</v>
      </c>
      <c r="AK100" s="9">
        <v>684.53487490000043</v>
      </c>
      <c r="AL100" s="13">
        <v>3.4442287606629096E-2</v>
      </c>
      <c r="AM100" s="9">
        <v>3336.4688332000005</v>
      </c>
      <c r="AN100" s="13">
        <v>0.16228456521049048</v>
      </c>
      <c r="AO100" s="9">
        <v>4021.0037081000009</v>
      </c>
      <c r="AP100" s="13">
        <v>0.20231630448621604</v>
      </c>
      <c r="AQ100" s="9">
        <v>16286.075594800001</v>
      </c>
      <c r="AR100" s="9">
        <v>17495.029795800001</v>
      </c>
      <c r="AS100" s="9">
        <v>17674.035948299999</v>
      </c>
      <c r="AT100" s="9">
        <v>17941.834211099998</v>
      </c>
      <c r="AU100" s="9">
        <v>19405.273017200001</v>
      </c>
      <c r="AV100" s="9">
        <v>20164.878652799998</v>
      </c>
      <c r="AW100" s="9">
        <v>19874.8376623</v>
      </c>
      <c r="AX100" s="9">
        <v>20509.9698106</v>
      </c>
      <c r="AY100" s="9">
        <v>20110.6036642</v>
      </c>
      <c r="AZ100" s="9">
        <v>20559.372537200001</v>
      </c>
      <c r="BA100" s="9">
        <v>21110.996572799999</v>
      </c>
      <c r="BB100" s="9">
        <v>22691.615589100002</v>
      </c>
      <c r="BC100" s="9">
        <v>21510.612117299999</v>
      </c>
      <c r="BD100" s="9">
        <v>22308.892851500001</v>
      </c>
      <c r="BE100" s="9">
        <v>23278.270582500001</v>
      </c>
      <c r="BF100" s="9">
        <v>23895.841370400001</v>
      </c>
      <c r="BG100" s="11">
        <v>-21</v>
      </c>
      <c r="BH100" s="13">
        <v>-0.30434782608695654</v>
      </c>
      <c r="BI100" s="6">
        <v>-1</v>
      </c>
      <c r="BJ100" s="13">
        <v>-1.4492753623188406E-2</v>
      </c>
      <c r="BK100" s="6">
        <v>1</v>
      </c>
      <c r="BL100" s="13">
        <v>1.4705882352941176E-2</v>
      </c>
      <c r="BM100" s="11">
        <v>-21</v>
      </c>
      <c r="BN100" s="13">
        <v>-0.30434782608695654</v>
      </c>
      <c r="BO100" s="11">
        <v>-20</v>
      </c>
      <c r="BP100" s="13">
        <v>-0.29411764705882354</v>
      </c>
      <c r="BQ100" s="6">
        <v>69</v>
      </c>
      <c r="BR100" s="6">
        <v>68</v>
      </c>
      <c r="BS100" s="6">
        <v>67</v>
      </c>
      <c r="BT100" s="6">
        <v>68</v>
      </c>
      <c r="BU100" s="6">
        <v>63</v>
      </c>
      <c r="BV100" s="6">
        <v>62</v>
      </c>
      <c r="BW100" s="6">
        <v>69</v>
      </c>
      <c r="BX100" s="6">
        <v>68</v>
      </c>
      <c r="BY100" s="6">
        <v>67</v>
      </c>
      <c r="BZ100" s="6">
        <v>48</v>
      </c>
      <c r="CA100" s="6">
        <v>47</v>
      </c>
      <c r="CB100" s="6">
        <v>49</v>
      </c>
      <c r="CC100" s="11">
        <v>48</v>
      </c>
      <c r="CD100" s="11">
        <v>-86.930999999999997</v>
      </c>
      <c r="CE100" s="11">
        <v>-5.4473200000000004</v>
      </c>
      <c r="CF100" s="11">
        <v>64.66</v>
      </c>
      <c r="CG100" s="11">
        <v>60</v>
      </c>
      <c r="CH100" s="20">
        <v>1.0668</v>
      </c>
      <c r="CI100" s="20">
        <v>1.0309200000000001</v>
      </c>
      <c r="CJ100" s="20">
        <v>1.06088</v>
      </c>
      <c r="CK100" s="20">
        <v>1.09914</v>
      </c>
      <c r="CL100" s="20">
        <v>1.0041</v>
      </c>
      <c r="CM100" s="20">
        <v>0.97889000000000004</v>
      </c>
      <c r="CN100" s="20">
        <v>0.97395299999999996</v>
      </c>
      <c r="CO100" s="20">
        <v>1.0535300000000001</v>
      </c>
      <c r="CP100" s="20">
        <v>1.0496000000000001</v>
      </c>
      <c r="CQ100" s="20">
        <v>1.0772299999999999</v>
      </c>
      <c r="CR100" s="20">
        <v>1.0587299999999999</v>
      </c>
      <c r="CS100" s="20">
        <v>1.08335</v>
      </c>
      <c r="CT100" s="20">
        <v>1.0984400000000001</v>
      </c>
      <c r="CU100" s="20">
        <v>1.04389</v>
      </c>
      <c r="CV100" s="20">
        <v>1.08016</v>
      </c>
      <c r="CW100" s="20">
        <v>1.08575</v>
      </c>
      <c r="CX100" s="20">
        <v>1.07867</v>
      </c>
      <c r="CY100" s="6" t="s">
        <v>385</v>
      </c>
      <c r="CZ100" s="6" t="s">
        <v>386</v>
      </c>
      <c r="DA100" s="6" t="s">
        <v>58</v>
      </c>
      <c r="DB100" s="6"/>
      <c r="DC100" s="6">
        <v>33020</v>
      </c>
      <c r="DD100" s="6">
        <v>190</v>
      </c>
      <c r="DE100" s="6" t="s">
        <v>389</v>
      </c>
      <c r="DF100" s="6" t="s">
        <v>363</v>
      </c>
      <c r="DG100" s="6" t="s">
        <v>364</v>
      </c>
      <c r="DH100" s="6" t="s">
        <v>365</v>
      </c>
      <c r="DI100" s="6" t="s">
        <v>390</v>
      </c>
      <c r="DJ100" s="6">
        <v>29</v>
      </c>
      <c r="DK100" s="6">
        <v>7</v>
      </c>
      <c r="DL100" s="6">
        <v>5</v>
      </c>
      <c r="DM100" s="6" t="s">
        <v>392</v>
      </c>
      <c r="DN100" s="6">
        <v>6</v>
      </c>
      <c r="DO100" s="6" t="s">
        <v>393</v>
      </c>
      <c r="DP100" s="6"/>
      <c r="DQ100" s="6"/>
    </row>
    <row r="101" spans="1:121" x14ac:dyDescent="0.2">
      <c r="A101" s="6" t="s">
        <v>327</v>
      </c>
      <c r="B101" s="6" t="s">
        <v>327</v>
      </c>
      <c r="C101" s="6" t="s">
        <v>194</v>
      </c>
      <c r="D101" s="6" t="s">
        <v>58</v>
      </c>
      <c r="E101" s="6" t="s">
        <v>199</v>
      </c>
      <c r="F101" s="11">
        <v>-512</v>
      </c>
      <c r="G101" s="13">
        <v>-0.178210929342</v>
      </c>
      <c r="H101" s="11">
        <v>-22.15062399999988</v>
      </c>
      <c r="I101" s="13">
        <v>-7.7086987913453971E-3</v>
      </c>
      <c r="J101" s="11">
        <v>-122.15883200000007</v>
      </c>
      <c r="K101" s="13">
        <v>-4.284309123900043E-2</v>
      </c>
      <c r="L101" s="11">
        <v>-368.02326257999994</v>
      </c>
      <c r="M101" s="13">
        <v>-0.13484910233417041</v>
      </c>
      <c r="N101" s="11">
        <v>-490.18209458000001</v>
      </c>
      <c r="O101" s="13">
        <v>-0.17191484117837066</v>
      </c>
      <c r="P101" s="7">
        <v>2873.458232</v>
      </c>
      <c r="Q101" s="7">
        <v>2835.5404859999999</v>
      </c>
      <c r="R101" s="7">
        <v>2851.810242</v>
      </c>
      <c r="S101" s="7">
        <v>2754.7703160000001</v>
      </c>
      <c r="T101" s="7">
        <v>2819.5040199999999</v>
      </c>
      <c r="U101" s="7">
        <v>2852.4879120000001</v>
      </c>
      <c r="V101" s="7">
        <v>2851.3076080000001</v>
      </c>
      <c r="W101" s="7">
        <v>2849.7697170000001</v>
      </c>
      <c r="X101" s="7">
        <v>2823.241994</v>
      </c>
      <c r="Y101" s="7">
        <v>2729.148776</v>
      </c>
      <c r="Z101" s="7">
        <v>2656.8823229999998</v>
      </c>
      <c r="AA101" s="7">
        <v>2615.6325619999998</v>
      </c>
      <c r="AB101" s="7">
        <v>2561.538184</v>
      </c>
      <c r="AC101" s="7">
        <v>2465.7203180000001</v>
      </c>
      <c r="AD101" s="7">
        <v>2451.6105819999998</v>
      </c>
      <c r="AE101" s="7">
        <v>2416.1718177500002</v>
      </c>
      <c r="AF101" s="7">
        <v>2361.1255134200001</v>
      </c>
      <c r="AG101" s="9">
        <v>15380.131394299999</v>
      </c>
      <c r="AH101" s="13">
        <v>0.45826921114106506</v>
      </c>
      <c r="AI101" s="9">
        <v>7684.6243342000016</v>
      </c>
      <c r="AJ101" s="13">
        <v>0.22897247372375573</v>
      </c>
      <c r="AK101" s="9">
        <v>2390.1556535999989</v>
      </c>
      <c r="AL101" s="13">
        <v>5.7948828811944936E-2</v>
      </c>
      <c r="AM101" s="9">
        <v>5305.3514064999981</v>
      </c>
      <c r="AN101" s="13">
        <v>0.12158163286425204</v>
      </c>
      <c r="AO101" s="9">
        <v>7695.507060099997</v>
      </c>
      <c r="AP101" s="13">
        <v>0.18657597490572425</v>
      </c>
      <c r="AQ101" s="9">
        <v>33561.345646599999</v>
      </c>
      <c r="AR101" s="9">
        <v>34449.636611000002</v>
      </c>
      <c r="AS101" s="9">
        <v>35049.154889500001</v>
      </c>
      <c r="AT101" s="9">
        <v>36893.203511500004</v>
      </c>
      <c r="AU101" s="9">
        <v>37579.574436900002</v>
      </c>
      <c r="AV101" s="9">
        <v>39705.3689447</v>
      </c>
      <c r="AW101" s="9">
        <v>41245.9699808</v>
      </c>
      <c r="AX101" s="9">
        <v>43150.958735</v>
      </c>
      <c r="AY101" s="9">
        <v>43302.784535999999</v>
      </c>
      <c r="AZ101" s="9">
        <v>43636.125634399999</v>
      </c>
      <c r="BA101" s="9">
        <v>43862.437296399999</v>
      </c>
      <c r="BB101" s="9">
        <v>44054.114080300002</v>
      </c>
      <c r="BC101" s="9">
        <v>46255.484021800003</v>
      </c>
      <c r="BD101" s="9">
        <v>46275.466607299997</v>
      </c>
      <c r="BE101" s="9">
        <v>48513.973245200003</v>
      </c>
      <c r="BF101" s="9">
        <v>48941.477040899998</v>
      </c>
      <c r="BG101" s="11">
        <v>-0.25</v>
      </c>
      <c r="BH101" s="13">
        <v>-2.9411764705882353E-3</v>
      </c>
      <c r="BI101" s="6">
        <v>8</v>
      </c>
      <c r="BJ101" s="13">
        <v>9.4117647058823528E-2</v>
      </c>
      <c r="BK101" s="6">
        <v>4</v>
      </c>
      <c r="BL101" s="13">
        <v>4.3010752688172046E-2</v>
      </c>
      <c r="BM101" s="11">
        <v>-12.25</v>
      </c>
      <c r="BN101" s="13">
        <v>-0.12628865979381443</v>
      </c>
      <c r="BO101" s="11">
        <v>-8.25</v>
      </c>
      <c r="BP101" s="13">
        <v>-8.8709677419354843E-2</v>
      </c>
      <c r="BQ101" s="6">
        <v>85</v>
      </c>
      <c r="BR101" s="6">
        <v>86</v>
      </c>
      <c r="BS101" s="6">
        <v>87</v>
      </c>
      <c r="BT101" s="6">
        <v>93</v>
      </c>
      <c r="BU101" s="6">
        <v>96</v>
      </c>
      <c r="BV101" s="6">
        <v>96</v>
      </c>
      <c r="BW101" s="6">
        <v>97</v>
      </c>
      <c r="BX101" s="6">
        <v>92</v>
      </c>
      <c r="BY101" s="6">
        <v>87</v>
      </c>
      <c r="BZ101" s="6">
        <v>85</v>
      </c>
      <c r="CA101" s="6">
        <v>83</v>
      </c>
      <c r="CB101" s="6">
        <v>85</v>
      </c>
      <c r="CC101" s="11">
        <v>84.75</v>
      </c>
      <c r="CD101" s="11">
        <v>-657.98099999999999</v>
      </c>
      <c r="CE101" s="11">
        <v>-168.45500000000001</v>
      </c>
      <c r="CF101" s="11">
        <v>314.10399999999998</v>
      </c>
      <c r="CG101" s="11">
        <v>146</v>
      </c>
      <c r="CH101" s="20">
        <v>1.5600799999999999</v>
      </c>
      <c r="CI101" s="20">
        <v>1.59575</v>
      </c>
      <c r="CJ101" s="20">
        <v>1.66412</v>
      </c>
      <c r="CK101" s="20">
        <v>1.64161</v>
      </c>
      <c r="CL101" s="20">
        <v>1.6296600000000001</v>
      </c>
      <c r="CM101" s="20">
        <v>1.6489400000000001</v>
      </c>
      <c r="CN101" s="20">
        <v>1.61734</v>
      </c>
      <c r="CO101" s="20">
        <v>1.6206700000000001</v>
      </c>
      <c r="CP101" s="20">
        <v>1.6220300000000001</v>
      </c>
      <c r="CQ101" s="20">
        <v>1.56386</v>
      </c>
      <c r="CR101" s="20">
        <v>1.52786</v>
      </c>
      <c r="CS101" s="20">
        <v>1.5246299999999999</v>
      </c>
      <c r="CT101" s="20">
        <v>1.53712</v>
      </c>
      <c r="CU101" s="20">
        <v>1.4998100000000001</v>
      </c>
      <c r="CV101" s="20">
        <v>1.4753799999999999</v>
      </c>
      <c r="CW101" s="20">
        <v>1.46736</v>
      </c>
      <c r="CX101" s="20">
        <v>1.42387</v>
      </c>
      <c r="CY101" s="6" t="s">
        <v>385</v>
      </c>
      <c r="CZ101" s="6" t="s">
        <v>386</v>
      </c>
      <c r="DA101" s="6" t="s">
        <v>58</v>
      </c>
      <c r="DB101" s="6"/>
      <c r="DC101" s="6">
        <v>33020</v>
      </c>
      <c r="DD101" s="6">
        <v>190</v>
      </c>
      <c r="DE101" s="6" t="s">
        <v>389</v>
      </c>
      <c r="DF101" s="6" t="s">
        <v>363</v>
      </c>
      <c r="DG101" s="6" t="s">
        <v>364</v>
      </c>
      <c r="DH101" s="6" t="s">
        <v>365</v>
      </c>
      <c r="DI101" s="6" t="s">
        <v>390</v>
      </c>
      <c r="DJ101" s="6">
        <v>29</v>
      </c>
      <c r="DK101" s="6">
        <v>7</v>
      </c>
      <c r="DL101" s="6">
        <v>5</v>
      </c>
      <c r="DM101" s="6" t="s">
        <v>392</v>
      </c>
      <c r="DN101" s="6">
        <v>6</v>
      </c>
      <c r="DO101" s="6" t="s">
        <v>393</v>
      </c>
      <c r="DP101" s="6"/>
      <c r="DQ101" s="6"/>
    </row>
    <row r="102" spans="1:121" x14ac:dyDescent="0.2">
      <c r="A102" s="6" t="s">
        <v>1</v>
      </c>
      <c r="B102" s="6" t="s">
        <v>1</v>
      </c>
      <c r="C102" s="6" t="s">
        <v>2</v>
      </c>
      <c r="D102" s="6" t="s">
        <v>65</v>
      </c>
      <c r="E102" s="6" t="s">
        <v>206</v>
      </c>
      <c r="F102" s="11">
        <v>164</v>
      </c>
      <c r="G102" s="13">
        <v>0.27796610169500002</v>
      </c>
      <c r="H102" s="11">
        <v>628.37649805699994</v>
      </c>
      <c r="I102" s="13">
        <v>1.0654385692591386</v>
      </c>
      <c r="J102" s="11">
        <v>-47.343077949999952</v>
      </c>
      <c r="K102" s="13">
        <v>-3.8864464469040058E-2</v>
      </c>
      <c r="L102" s="11">
        <v>-416.87008014499997</v>
      </c>
      <c r="M102" s="13">
        <v>-0.35605106524779162</v>
      </c>
      <c r="N102" s="11">
        <v>-464.21315809499993</v>
      </c>
      <c r="O102" s="13">
        <v>-0.38107779574234502</v>
      </c>
      <c r="P102" s="7">
        <v>589.78200732300002</v>
      </c>
      <c r="Q102" s="7">
        <v>1031.8039700700001</v>
      </c>
      <c r="R102" s="7">
        <v>1027.11835339</v>
      </c>
      <c r="S102" s="7">
        <v>1470.70405276</v>
      </c>
      <c r="T102" s="7">
        <v>1471.54429811</v>
      </c>
      <c r="U102" s="7">
        <v>1430.2326587499999</v>
      </c>
      <c r="V102" s="7">
        <v>1218.15850538</v>
      </c>
      <c r="W102" s="7">
        <v>1116.5432234</v>
      </c>
      <c r="X102" s="7">
        <v>1155.6291746500001</v>
      </c>
      <c r="Y102" s="7">
        <v>1170.81542743</v>
      </c>
      <c r="Z102" s="7">
        <v>1189.4032835099999</v>
      </c>
      <c r="AA102" s="7">
        <v>1094.8416804999999</v>
      </c>
      <c r="AB102" s="7">
        <v>801.34241741000005</v>
      </c>
      <c r="AC102" s="7">
        <v>756.38821805999999</v>
      </c>
      <c r="AD102" s="7">
        <v>857.31072982600006</v>
      </c>
      <c r="AE102" s="7">
        <v>799.86887493999996</v>
      </c>
      <c r="AF102" s="7">
        <v>753.94534728500003</v>
      </c>
      <c r="AG102" s="9">
        <v>7986.6292512</v>
      </c>
      <c r="AH102" s="13">
        <v>0.3745315164828929</v>
      </c>
      <c r="AI102" s="9">
        <v>2667.4187190000011</v>
      </c>
      <c r="AJ102" s="13">
        <v>0.12508811245643087</v>
      </c>
      <c r="AK102" s="9">
        <v>3185.8262099999993</v>
      </c>
      <c r="AL102" s="13">
        <v>0.13278847690137704</v>
      </c>
      <c r="AM102" s="9">
        <v>2133.3843221999996</v>
      </c>
      <c r="AN102" s="13">
        <v>7.8497998821494885E-2</v>
      </c>
      <c r="AO102" s="9">
        <v>5319.2105321999989</v>
      </c>
      <c r="AP102" s="13">
        <v>0.22171010542618433</v>
      </c>
      <c r="AQ102" s="9">
        <v>21324.318247499999</v>
      </c>
      <c r="AR102" s="9">
        <v>21277.232556899999</v>
      </c>
      <c r="AS102" s="9">
        <v>22002.7199086</v>
      </c>
      <c r="AT102" s="9">
        <v>22825.654162499999</v>
      </c>
      <c r="AU102" s="9">
        <v>23157.6089713</v>
      </c>
      <c r="AV102" s="9">
        <v>23942.037025199999</v>
      </c>
      <c r="AW102" s="9">
        <v>23991.736966500001</v>
      </c>
      <c r="AX102" s="9">
        <v>26256.601615600001</v>
      </c>
      <c r="AY102" s="9">
        <v>26633.0068231</v>
      </c>
      <c r="AZ102" s="9">
        <v>27177.5631765</v>
      </c>
      <c r="BA102" s="9">
        <v>28060.555963499999</v>
      </c>
      <c r="BB102" s="9">
        <v>28675.648744400001</v>
      </c>
      <c r="BC102" s="9">
        <v>28787.468503100001</v>
      </c>
      <c r="BD102" s="9">
        <v>29748.320228299999</v>
      </c>
      <c r="BE102" s="9">
        <v>29754.033635700001</v>
      </c>
      <c r="BF102" s="9">
        <v>29310.947498699999</v>
      </c>
      <c r="BG102" s="11">
        <v>7.5</v>
      </c>
      <c r="BH102" s="13">
        <v>0.57692307692307687</v>
      </c>
      <c r="BI102" s="6">
        <v>7</v>
      </c>
      <c r="BJ102" s="13">
        <v>0.53846153846153844</v>
      </c>
      <c r="BK102" s="6">
        <v>-7</v>
      </c>
      <c r="BL102" s="13">
        <v>-0.35</v>
      </c>
      <c r="BM102" s="11">
        <v>7.5</v>
      </c>
      <c r="BN102" s="13">
        <v>0.57692307692307687</v>
      </c>
      <c r="BO102" s="11">
        <v>0.5</v>
      </c>
      <c r="BP102" s="13">
        <v>2.5000000000000001E-2</v>
      </c>
      <c r="BQ102" s="6">
        <v>13</v>
      </c>
      <c r="BR102" s="6">
        <v>14</v>
      </c>
      <c r="BS102" s="6">
        <v>17</v>
      </c>
      <c r="BT102" s="6">
        <v>20</v>
      </c>
      <c r="BU102" s="6">
        <v>19</v>
      </c>
      <c r="BV102" s="6">
        <v>20</v>
      </c>
      <c r="BW102" s="6">
        <v>13</v>
      </c>
      <c r="BX102" s="6">
        <v>14</v>
      </c>
      <c r="BY102" s="6">
        <v>15</v>
      </c>
      <c r="BZ102" s="6">
        <v>16</v>
      </c>
      <c r="CA102" s="6">
        <v>18</v>
      </c>
      <c r="CB102" s="6">
        <v>19</v>
      </c>
      <c r="CC102" s="11">
        <v>20.5</v>
      </c>
      <c r="CD102" s="11">
        <v>153.46600000000001</v>
      </c>
      <c r="CE102" s="11">
        <v>-53.772599999999997</v>
      </c>
      <c r="CF102" s="11">
        <v>64.470299999999995</v>
      </c>
      <c r="CG102" s="11">
        <v>10</v>
      </c>
      <c r="CH102" s="20">
        <v>2.5493100000000002</v>
      </c>
      <c r="CI102" s="20">
        <v>4.4276499999999999</v>
      </c>
      <c r="CJ102" s="20">
        <v>4.4151100000000003</v>
      </c>
      <c r="CK102" s="20">
        <v>6.2541700000000002</v>
      </c>
      <c r="CL102" s="20">
        <v>6.2033699999999996</v>
      </c>
      <c r="CM102" s="20">
        <v>5.9917199999999999</v>
      </c>
      <c r="CN102" s="20">
        <v>5.3106799999999996</v>
      </c>
      <c r="CO102" s="20">
        <v>5.0966199999999997</v>
      </c>
      <c r="CP102" s="20">
        <v>5.3754400000000002</v>
      </c>
      <c r="CQ102" s="20">
        <v>5.5640400000000003</v>
      </c>
      <c r="CR102" s="20">
        <v>5.6480399999999999</v>
      </c>
      <c r="CS102" s="20">
        <v>5.4087100000000001</v>
      </c>
      <c r="CT102" s="20">
        <v>4.09239</v>
      </c>
      <c r="CU102" s="20">
        <v>3.9274200000000001</v>
      </c>
      <c r="CV102" s="20">
        <v>4.4022800000000002</v>
      </c>
      <c r="CW102" s="20">
        <v>4.1021400000000003</v>
      </c>
      <c r="CX102" s="20">
        <v>3.8715099999999998</v>
      </c>
      <c r="CY102" s="6" t="s">
        <v>394</v>
      </c>
      <c r="CZ102" s="6" t="s">
        <v>395</v>
      </c>
      <c r="DA102" s="6" t="s">
        <v>65</v>
      </c>
      <c r="DB102" s="6" t="s">
        <v>345</v>
      </c>
      <c r="DC102" s="6"/>
      <c r="DD102" s="6"/>
      <c r="DE102" s="6"/>
      <c r="DF102" s="6"/>
      <c r="DG102" s="6"/>
      <c r="DH102" s="6" t="s">
        <v>333</v>
      </c>
      <c r="DI102" s="6"/>
      <c r="DJ102" s="6"/>
      <c r="DK102" s="6"/>
      <c r="DL102" s="6">
        <v>6</v>
      </c>
      <c r="DM102" s="6" t="s">
        <v>396</v>
      </c>
      <c r="DN102" s="6">
        <v>6</v>
      </c>
      <c r="DO102" s="6" t="s">
        <v>393</v>
      </c>
      <c r="DP102" s="6"/>
      <c r="DQ102" s="6"/>
    </row>
    <row r="103" spans="1:121" x14ac:dyDescent="0.2">
      <c r="A103" s="6" t="s">
        <v>310</v>
      </c>
      <c r="B103" s="6" t="s">
        <v>310</v>
      </c>
      <c r="C103" s="6" t="s">
        <v>173</v>
      </c>
      <c r="D103" s="6" t="s">
        <v>65</v>
      </c>
      <c r="E103" s="6" t="s">
        <v>206</v>
      </c>
      <c r="F103" s="11">
        <v>19</v>
      </c>
      <c r="G103" s="13">
        <v>1.2666666666699999</v>
      </c>
      <c r="H103" s="11">
        <v>27.981936509800001</v>
      </c>
      <c r="I103" s="13">
        <v>1.8632421337693139</v>
      </c>
      <c r="J103" s="11">
        <v>-16.323644448900001</v>
      </c>
      <c r="K103" s="13">
        <v>-0.37962130691458162</v>
      </c>
      <c r="L103" s="11">
        <v>7.5177079163000009</v>
      </c>
      <c r="M103" s="13">
        <v>0.28181365196904595</v>
      </c>
      <c r="N103" s="11">
        <v>-8.8059365326000005</v>
      </c>
      <c r="O103" s="13">
        <v>-0.20479012181239589</v>
      </c>
      <c r="P103" s="7">
        <v>15.017874490200001</v>
      </c>
      <c r="Q103" s="7">
        <v>5</v>
      </c>
      <c r="R103" s="7">
        <v>5</v>
      </c>
      <c r="S103" s="7">
        <v>5</v>
      </c>
      <c r="T103" s="7">
        <v>26.512257999999999</v>
      </c>
      <c r="U103" s="7">
        <v>43.6469073962</v>
      </c>
      <c r="V103" s="7">
        <v>42.999811000000001</v>
      </c>
      <c r="W103" s="7">
        <v>45.490188000000003</v>
      </c>
      <c r="X103" s="7">
        <v>33.665990000000001</v>
      </c>
      <c r="Y103" s="7">
        <v>26.6761665511</v>
      </c>
      <c r="Z103" s="7">
        <v>21.485588</v>
      </c>
      <c r="AA103" s="7">
        <v>26.102027</v>
      </c>
      <c r="AB103" s="7">
        <v>25.785399999999999</v>
      </c>
      <c r="AC103" s="7">
        <v>20.520731999999999</v>
      </c>
      <c r="AD103" s="7">
        <v>26.960647000000002</v>
      </c>
      <c r="AE103" s="7">
        <v>33.296520749999999</v>
      </c>
      <c r="AF103" s="7">
        <v>34.193874467400001</v>
      </c>
      <c r="AG103" s="9">
        <v>-8043.1612181000019</v>
      </c>
      <c r="AH103" s="13">
        <v>-0.15551579286004541</v>
      </c>
      <c r="AI103" s="9">
        <v>-15793.264627999997</v>
      </c>
      <c r="AJ103" s="13">
        <v>-0.30536526669946856</v>
      </c>
      <c r="AK103" s="9">
        <v>3482.0354931999973</v>
      </c>
      <c r="AL103" s="13">
        <v>9.6922458879231649E-2</v>
      </c>
      <c r="AM103" s="9">
        <v>4268.067916699998</v>
      </c>
      <c r="AN103" s="13">
        <v>0.1083045302197343</v>
      </c>
      <c r="AO103" s="9">
        <v>7750.1034098999953</v>
      </c>
      <c r="AP103" s="13">
        <v>0.21572413047562264</v>
      </c>
      <c r="AQ103" s="9">
        <v>51719.256740299999</v>
      </c>
      <c r="AR103" s="9">
        <v>1</v>
      </c>
      <c r="AS103" s="9">
        <v>1</v>
      </c>
      <c r="AT103" s="9">
        <v>1</v>
      </c>
      <c r="AU103" s="9">
        <v>24858.849181400001</v>
      </c>
      <c r="AV103" s="9">
        <v>35674.8713536</v>
      </c>
      <c r="AW103" s="9">
        <v>35925.992112300002</v>
      </c>
      <c r="AX103" s="9">
        <v>33017.009008599998</v>
      </c>
      <c r="AY103" s="9">
        <v>36470.892975700001</v>
      </c>
      <c r="AZ103" s="9">
        <v>39408.027605499999</v>
      </c>
      <c r="BA103" s="9">
        <v>40755.358927499998</v>
      </c>
      <c r="BB103" s="9">
        <v>40147.459200700003</v>
      </c>
      <c r="BC103" s="9">
        <v>35250.018450900003</v>
      </c>
      <c r="BD103" s="9">
        <v>46864.201034799997</v>
      </c>
      <c r="BE103" s="9">
        <v>41338.815245500002</v>
      </c>
      <c r="BF103" s="9">
        <v>43676.095522199998</v>
      </c>
      <c r="BG103" s="11">
        <v>6.25</v>
      </c>
      <c r="BH103" s="13">
        <v>6.25</v>
      </c>
      <c r="BI103" s="6">
        <v>5</v>
      </c>
      <c r="BJ103" s="13">
        <v>5</v>
      </c>
      <c r="BK103" s="6">
        <v>0</v>
      </c>
      <c r="BL103" s="13">
        <v>0</v>
      </c>
      <c r="BM103" s="11">
        <v>1.25</v>
      </c>
      <c r="BN103" s="13">
        <v>0.20833333333333334</v>
      </c>
      <c r="BO103" s="11">
        <v>1.25</v>
      </c>
      <c r="BP103" s="13">
        <v>0.20833333333333334</v>
      </c>
      <c r="BQ103" s="6">
        <v>1</v>
      </c>
      <c r="BR103" s="6">
        <v>4</v>
      </c>
      <c r="BS103" s="6">
        <v>5</v>
      </c>
      <c r="BT103" s="6">
        <v>6</v>
      </c>
      <c r="BU103" s="6">
        <v>7</v>
      </c>
      <c r="BV103" s="6">
        <v>7</v>
      </c>
      <c r="BW103" s="6">
        <v>6</v>
      </c>
      <c r="BX103" s="6">
        <v>5</v>
      </c>
      <c r="BY103" s="6">
        <v>5</v>
      </c>
      <c r="BZ103" s="6">
        <v>5</v>
      </c>
      <c r="CA103" s="6">
        <v>5</v>
      </c>
      <c r="CB103" s="6">
        <v>6</v>
      </c>
      <c r="CC103" s="11">
        <v>7.25</v>
      </c>
      <c r="CD103" s="11">
        <v>15.9763</v>
      </c>
      <c r="CE103" s="11">
        <v>1.5580700000000001</v>
      </c>
      <c r="CF103" s="11">
        <v>1.6416299999999999</v>
      </c>
      <c r="CG103" s="11">
        <v>4</v>
      </c>
      <c r="CH103" s="20">
        <v>0.228795</v>
      </c>
      <c r="CI103" s="20">
        <v>0.15101700000000001</v>
      </c>
      <c r="CJ103" s="20">
        <v>9.2847799999999994E-2</v>
      </c>
      <c r="CK103" s="20">
        <v>0.103245</v>
      </c>
      <c r="CL103" s="20">
        <v>0.37673600000000002</v>
      </c>
      <c r="CM103" s="20">
        <v>0.55950699999999998</v>
      </c>
      <c r="CN103" s="20">
        <v>0.53229599999999999</v>
      </c>
      <c r="CO103" s="20">
        <v>0.531968</v>
      </c>
      <c r="CP103" s="20">
        <v>0.44071100000000002</v>
      </c>
      <c r="CQ103" s="20">
        <v>0.34986200000000001</v>
      </c>
      <c r="CR103" s="20">
        <v>0.253473</v>
      </c>
      <c r="CS103" s="20">
        <v>0.29728900000000003</v>
      </c>
      <c r="CT103" s="20">
        <v>0.30129899999999998</v>
      </c>
      <c r="CU103" s="20">
        <v>0.23924899999999999</v>
      </c>
      <c r="CV103" s="20">
        <v>0.35136800000000001</v>
      </c>
      <c r="CW103" s="20">
        <v>0.51014199999999998</v>
      </c>
      <c r="CX103" s="20">
        <v>0.51942200000000005</v>
      </c>
      <c r="CY103" s="6" t="s">
        <v>394</v>
      </c>
      <c r="CZ103" s="6" t="s">
        <v>395</v>
      </c>
      <c r="DA103" s="6" t="s">
        <v>65</v>
      </c>
      <c r="DB103" s="6" t="s">
        <v>345</v>
      </c>
      <c r="DC103" s="6"/>
      <c r="DD103" s="6"/>
      <c r="DE103" s="6"/>
      <c r="DF103" s="6"/>
      <c r="DG103" s="6"/>
      <c r="DH103" s="6" t="s">
        <v>333</v>
      </c>
      <c r="DI103" s="6"/>
      <c r="DJ103" s="6"/>
      <c r="DK103" s="6"/>
      <c r="DL103" s="6">
        <v>6</v>
      </c>
      <c r="DM103" s="6" t="s">
        <v>396</v>
      </c>
      <c r="DN103" s="6">
        <v>6</v>
      </c>
      <c r="DO103" s="6" t="s">
        <v>393</v>
      </c>
      <c r="DP103" s="6"/>
      <c r="DQ103" s="6"/>
    </row>
    <row r="104" spans="1:121" x14ac:dyDescent="0.2">
      <c r="A104" s="6" t="s">
        <v>311</v>
      </c>
      <c r="B104" s="6" t="s">
        <v>311</v>
      </c>
      <c r="C104" s="6" t="s">
        <v>174</v>
      </c>
      <c r="D104" s="6" t="s">
        <v>65</v>
      </c>
      <c r="E104" s="6" t="s">
        <v>206</v>
      </c>
      <c r="F104" s="11">
        <v>19</v>
      </c>
      <c r="G104" s="13">
        <v>0.32758620689700002</v>
      </c>
      <c r="H104" s="11">
        <v>-8.4273429999999934</v>
      </c>
      <c r="I104" s="13">
        <v>-0.14449855503896886</v>
      </c>
      <c r="J104" s="11">
        <v>59.235452000000002</v>
      </c>
      <c r="K104" s="13">
        <v>1.1872270773975355</v>
      </c>
      <c r="L104" s="11">
        <v>-32.271028909700007</v>
      </c>
      <c r="M104" s="13">
        <v>-0.29571341390251332</v>
      </c>
      <c r="N104" s="11">
        <v>26.964423090299995</v>
      </c>
      <c r="O104" s="13">
        <v>0.54043469136029354</v>
      </c>
      <c r="P104" s="7">
        <v>58.321295999999997</v>
      </c>
      <c r="Q104" s="7">
        <v>74.850437999999997</v>
      </c>
      <c r="R104" s="7">
        <v>59.533304000000001</v>
      </c>
      <c r="S104" s="7">
        <v>57.198825999999997</v>
      </c>
      <c r="T104" s="7">
        <v>53.771425999999998</v>
      </c>
      <c r="U104" s="7">
        <v>69.334759000000005</v>
      </c>
      <c r="V104" s="7">
        <v>49.893953000000003</v>
      </c>
      <c r="W104" s="7">
        <v>66.646884</v>
      </c>
      <c r="X104" s="7">
        <v>107.435548</v>
      </c>
      <c r="Y104" s="7">
        <v>109.12940500000001</v>
      </c>
      <c r="Z104" s="7">
        <v>103.05162199999999</v>
      </c>
      <c r="AA104" s="7">
        <v>87.572394000000003</v>
      </c>
      <c r="AB104" s="7">
        <v>99.446539762200004</v>
      </c>
      <c r="AC104" s="7">
        <v>82.9941258299</v>
      </c>
      <c r="AD104" s="7">
        <v>76.102875275100004</v>
      </c>
      <c r="AE104" s="7">
        <v>71.9189820948</v>
      </c>
      <c r="AF104" s="7">
        <v>76.858376090299998</v>
      </c>
      <c r="AG104" s="9">
        <v>-15020.534655600008</v>
      </c>
      <c r="AH104" s="13">
        <v>-0.21602834823128472</v>
      </c>
      <c r="AI104" s="9">
        <v>14746.585517299987</v>
      </c>
      <c r="AJ104" s="13">
        <v>0.212088356666186</v>
      </c>
      <c r="AK104" s="9">
        <v>-29291.243415499994</v>
      </c>
      <c r="AL104" s="13">
        <v>-0.34755927438320638</v>
      </c>
      <c r="AM104" s="9">
        <v>-475.87675740000122</v>
      </c>
      <c r="AN104" s="13">
        <v>-8.6545502836679819E-3</v>
      </c>
      <c r="AO104" s="9">
        <v>-29767.120172899995</v>
      </c>
      <c r="AP104" s="13">
        <v>-0.35320585545016975</v>
      </c>
      <c r="AQ104" s="9">
        <v>69530.387000500006</v>
      </c>
      <c r="AR104" s="9">
        <v>52769.7075415</v>
      </c>
      <c r="AS104" s="9">
        <v>61213.090678200002</v>
      </c>
      <c r="AT104" s="9">
        <v>62353.006114000003</v>
      </c>
      <c r="AU104" s="9">
        <v>73520.659263599999</v>
      </c>
      <c r="AV104" s="9">
        <v>70552.721682799995</v>
      </c>
      <c r="AW104" s="9">
        <v>84276.972517799994</v>
      </c>
      <c r="AX104" s="9">
        <v>80274.370141000007</v>
      </c>
      <c r="AY104" s="9">
        <v>62091.225086999999</v>
      </c>
      <c r="AZ104" s="9">
        <v>54985.7291023</v>
      </c>
      <c r="BA104" s="9">
        <v>57626.182518900001</v>
      </c>
      <c r="BB104" s="9">
        <v>65645.338511199996</v>
      </c>
      <c r="BC104" s="9">
        <v>60574.029871300001</v>
      </c>
      <c r="BD104" s="9">
        <v>48872.951815300003</v>
      </c>
      <c r="BE104" s="9">
        <v>37794.7548628</v>
      </c>
      <c r="BF104" s="9">
        <v>54509.852344899999</v>
      </c>
      <c r="BG104" s="11">
        <v>-2</v>
      </c>
      <c r="BH104" s="13">
        <v>-0.66666666666666663</v>
      </c>
      <c r="BI104" s="6">
        <v>-1</v>
      </c>
      <c r="BJ104" s="13">
        <v>-0.33333333333333331</v>
      </c>
      <c r="BK104" s="6">
        <v>1</v>
      </c>
      <c r="BL104" s="13">
        <v>0.5</v>
      </c>
      <c r="BM104" s="11">
        <v>-2</v>
      </c>
      <c r="BN104" s="13">
        <v>-0.66666666666666663</v>
      </c>
      <c r="BO104" s="11">
        <v>-1</v>
      </c>
      <c r="BP104" s="13">
        <v>-0.5</v>
      </c>
      <c r="BQ104" s="6">
        <v>3</v>
      </c>
      <c r="BR104" s="6">
        <v>2</v>
      </c>
      <c r="BS104" s="6">
        <v>2</v>
      </c>
      <c r="BT104" s="6">
        <v>2</v>
      </c>
      <c r="BU104" s="6">
        <v>3</v>
      </c>
      <c r="BV104" s="6">
        <v>3</v>
      </c>
      <c r="BW104" s="6">
        <v>3</v>
      </c>
      <c r="BX104" s="6">
        <v>2</v>
      </c>
      <c r="BY104" s="6">
        <v>2</v>
      </c>
      <c r="BZ104" s="6">
        <v>2</v>
      </c>
      <c r="CA104" s="6">
        <v>1</v>
      </c>
      <c r="CB104" s="6">
        <v>1</v>
      </c>
      <c r="CC104" s="11">
        <v>1</v>
      </c>
      <c r="CD104" s="11">
        <v>21.659099999999999</v>
      </c>
      <c r="CE104" s="11">
        <v>-9.4972600000000007</v>
      </c>
      <c r="CF104" s="11">
        <v>6.3752199999999997</v>
      </c>
      <c r="CG104" s="11">
        <v>-3</v>
      </c>
      <c r="CH104" s="20">
        <v>0.81095200000000001</v>
      </c>
      <c r="CI104" s="20">
        <v>1.0367</v>
      </c>
      <c r="CJ104" s="20">
        <v>0.85288699999999995</v>
      </c>
      <c r="CK104" s="20">
        <v>0.83272100000000004</v>
      </c>
      <c r="CL104" s="20">
        <v>0.79982299999999995</v>
      </c>
      <c r="CM104" s="20">
        <v>1.0302800000000001</v>
      </c>
      <c r="CN104" s="20">
        <v>0.761127</v>
      </c>
      <c r="CO104" s="20">
        <v>1.0194700000000001</v>
      </c>
      <c r="CP104" s="20">
        <v>1.65167</v>
      </c>
      <c r="CQ104" s="20">
        <v>1.7320500000000001</v>
      </c>
      <c r="CR104" s="20">
        <v>1.64835</v>
      </c>
      <c r="CS104" s="20">
        <v>1.47641</v>
      </c>
      <c r="CT104" s="20">
        <v>1.75465</v>
      </c>
      <c r="CU104" s="20">
        <v>1.4999899999999999</v>
      </c>
      <c r="CV104" s="20">
        <v>1.36226</v>
      </c>
      <c r="CW104" s="20">
        <v>1.2841</v>
      </c>
      <c r="CX104" s="20">
        <v>1.36574</v>
      </c>
      <c r="CY104" s="6" t="s">
        <v>394</v>
      </c>
      <c r="CZ104" s="6" t="s">
        <v>395</v>
      </c>
      <c r="DA104" s="6" t="s">
        <v>65</v>
      </c>
      <c r="DB104" s="6" t="s">
        <v>345</v>
      </c>
      <c r="DC104" s="6"/>
      <c r="DD104" s="6"/>
      <c r="DE104" s="6"/>
      <c r="DF104" s="6"/>
      <c r="DG104" s="6"/>
      <c r="DH104" s="6" t="s">
        <v>333</v>
      </c>
      <c r="DI104" s="6"/>
      <c r="DJ104" s="6"/>
      <c r="DK104" s="6"/>
      <c r="DL104" s="6">
        <v>6</v>
      </c>
      <c r="DM104" s="6" t="s">
        <v>396</v>
      </c>
      <c r="DN104" s="6">
        <v>6</v>
      </c>
      <c r="DO104" s="6" t="s">
        <v>393</v>
      </c>
      <c r="DP104" s="6"/>
      <c r="DQ104" s="6"/>
    </row>
    <row r="105" spans="1:121" x14ac:dyDescent="0.2">
      <c r="A105" s="6" t="s">
        <v>312</v>
      </c>
      <c r="B105" s="6" t="s">
        <v>312</v>
      </c>
      <c r="C105" s="6" t="s">
        <v>175</v>
      </c>
      <c r="D105" s="6" t="s">
        <v>65</v>
      </c>
      <c r="E105" s="6" t="s">
        <v>206</v>
      </c>
      <c r="F105" s="11">
        <v>-298</v>
      </c>
      <c r="G105" s="13">
        <v>-0.32286023835299998</v>
      </c>
      <c r="H105" s="11">
        <v>14.967411834000018</v>
      </c>
      <c r="I105" s="13">
        <v>1.6213084620172884E-2</v>
      </c>
      <c r="J105" s="11">
        <v>-305.89339205499994</v>
      </c>
      <c r="K105" s="13">
        <v>-0.32606505239348155</v>
      </c>
      <c r="L105" s="11">
        <v>-7.0366653920000317</v>
      </c>
      <c r="M105" s="13">
        <v>-1.1129690320927196E-2</v>
      </c>
      <c r="N105" s="11">
        <v>-312.93005744699997</v>
      </c>
      <c r="O105" s="13">
        <v>-0.33356573965679237</v>
      </c>
      <c r="P105" s="7">
        <v>923.16867423099995</v>
      </c>
      <c r="Q105" s="7">
        <v>836.15552403000004</v>
      </c>
      <c r="R105" s="7">
        <v>841.94593792700005</v>
      </c>
      <c r="S105" s="7">
        <v>876.09296129300003</v>
      </c>
      <c r="T105" s="7">
        <v>846.43102872700001</v>
      </c>
      <c r="U105" s="7">
        <v>949.70370248500001</v>
      </c>
      <c r="V105" s="7">
        <v>938.13608606499997</v>
      </c>
      <c r="W105" s="7">
        <v>757.52277018300003</v>
      </c>
      <c r="X105" s="7">
        <v>718.30528804699998</v>
      </c>
      <c r="Y105" s="7">
        <v>632.24269401000004</v>
      </c>
      <c r="Z105" s="7">
        <v>595.77261603800002</v>
      </c>
      <c r="AA105" s="7">
        <v>621.59271608500001</v>
      </c>
      <c r="AB105" s="7">
        <v>654.52611312199997</v>
      </c>
      <c r="AC105" s="7">
        <v>644.04544947299996</v>
      </c>
      <c r="AD105" s="7">
        <v>644.68242840799996</v>
      </c>
      <c r="AE105" s="7">
        <v>626.59791754299999</v>
      </c>
      <c r="AF105" s="7">
        <v>625.206028618</v>
      </c>
      <c r="AG105" s="9">
        <v>4318.9469303999977</v>
      </c>
      <c r="AH105" s="13">
        <v>0.16942414949862497</v>
      </c>
      <c r="AI105" s="9">
        <v>740.45417900000029</v>
      </c>
      <c r="AJ105" s="13">
        <v>2.9046622137623507E-2</v>
      </c>
      <c r="AK105" s="9">
        <v>-443.08807590000288</v>
      </c>
      <c r="AL105" s="13">
        <v>-1.689088705296353E-2</v>
      </c>
      <c r="AM105" s="9">
        <v>4021.5808273000002</v>
      </c>
      <c r="AN105" s="13">
        <v>0.15593998031227876</v>
      </c>
      <c r="AO105" s="9">
        <v>3578.4927513999974</v>
      </c>
      <c r="AP105" s="13">
        <v>0.13641512866481917</v>
      </c>
      <c r="AQ105" s="9">
        <v>25491.920385500001</v>
      </c>
      <c r="AR105" s="9">
        <v>25299.198302699999</v>
      </c>
      <c r="AS105" s="9">
        <v>25960.782254599999</v>
      </c>
      <c r="AT105" s="9">
        <v>26297.634449699999</v>
      </c>
      <c r="AU105" s="9">
        <v>24968.205453300001</v>
      </c>
      <c r="AV105" s="9">
        <v>26401.993238399999</v>
      </c>
      <c r="AW105" s="9">
        <v>26232.374564500002</v>
      </c>
      <c r="AX105" s="9">
        <v>23949.408419300002</v>
      </c>
      <c r="AY105" s="9">
        <v>23649.667017</v>
      </c>
      <c r="AZ105" s="9">
        <v>25789.286488599999</v>
      </c>
      <c r="BA105" s="9">
        <v>26878.1715492</v>
      </c>
      <c r="BB105" s="9">
        <v>28471.337858499999</v>
      </c>
      <c r="BC105" s="9">
        <v>27725.235973499999</v>
      </c>
      <c r="BD105" s="9">
        <v>30824.667779899999</v>
      </c>
      <c r="BE105" s="9">
        <v>29332.544217400002</v>
      </c>
      <c r="BF105" s="9">
        <v>29810.867315899999</v>
      </c>
      <c r="BG105" s="11">
        <v>-43.5</v>
      </c>
      <c r="BH105" s="13">
        <v>-0.43069306930693069</v>
      </c>
      <c r="BI105" s="6">
        <v>10</v>
      </c>
      <c r="BJ105" s="13">
        <v>9.9009900990099015E-2</v>
      </c>
      <c r="BK105" s="6">
        <v>-32</v>
      </c>
      <c r="BL105" s="13">
        <v>-0.28828828828828829</v>
      </c>
      <c r="BM105" s="11">
        <v>-21.5</v>
      </c>
      <c r="BN105" s="13">
        <v>-0.27215189873417722</v>
      </c>
      <c r="BO105" s="11">
        <v>-53.5</v>
      </c>
      <c r="BP105" s="13">
        <v>-0.481981981981982</v>
      </c>
      <c r="BQ105" s="6">
        <v>101</v>
      </c>
      <c r="BR105" s="6">
        <v>96</v>
      </c>
      <c r="BS105" s="6">
        <v>105</v>
      </c>
      <c r="BT105" s="6">
        <v>111</v>
      </c>
      <c r="BU105" s="6">
        <v>103</v>
      </c>
      <c r="BV105" s="6">
        <v>91</v>
      </c>
      <c r="BW105" s="6">
        <v>79</v>
      </c>
      <c r="BX105" s="6">
        <v>65</v>
      </c>
      <c r="BY105" s="6">
        <v>63</v>
      </c>
      <c r="BZ105" s="6">
        <v>64</v>
      </c>
      <c r="CA105" s="6">
        <v>61</v>
      </c>
      <c r="CB105" s="6">
        <v>59</v>
      </c>
      <c r="CC105" s="11">
        <v>57.5</v>
      </c>
      <c r="CD105" s="11">
        <v>-287.05700000000002</v>
      </c>
      <c r="CE105" s="11">
        <v>-111.819</v>
      </c>
      <c r="CF105" s="11">
        <v>100.913</v>
      </c>
      <c r="CG105" s="11">
        <v>-11</v>
      </c>
      <c r="CH105" s="20">
        <v>0.885015</v>
      </c>
      <c r="CI105" s="20">
        <v>0.79293100000000005</v>
      </c>
      <c r="CJ105" s="20">
        <v>0.78920699999999999</v>
      </c>
      <c r="CK105" s="20">
        <v>0.78244999999999998</v>
      </c>
      <c r="CL105" s="20">
        <v>0.72008799999999995</v>
      </c>
      <c r="CM105" s="20">
        <v>0.76868700000000001</v>
      </c>
      <c r="CN105" s="20">
        <v>0.79002899999999998</v>
      </c>
      <c r="CO105" s="20">
        <v>0.68650299999999997</v>
      </c>
      <c r="CP105" s="20">
        <v>0.75465599999999999</v>
      </c>
      <c r="CQ105" s="20">
        <v>0.73364799999999997</v>
      </c>
      <c r="CR105" s="20">
        <v>0.70405600000000002</v>
      </c>
      <c r="CS105" s="20">
        <v>0.76695100000000005</v>
      </c>
      <c r="CT105" s="20">
        <v>0.82472000000000001</v>
      </c>
      <c r="CU105" s="20">
        <v>0.80603199999999997</v>
      </c>
      <c r="CV105" s="20">
        <v>0.77696500000000002</v>
      </c>
      <c r="CW105" s="20">
        <v>0.73771799999999998</v>
      </c>
      <c r="CX105" s="20">
        <v>0.73361699999999996</v>
      </c>
      <c r="CY105" s="6" t="s">
        <v>394</v>
      </c>
      <c r="CZ105" s="6" t="s">
        <v>395</v>
      </c>
      <c r="DA105" s="6" t="s">
        <v>65</v>
      </c>
      <c r="DB105" s="6" t="s">
        <v>345</v>
      </c>
      <c r="DC105" s="6"/>
      <c r="DD105" s="6"/>
      <c r="DE105" s="6"/>
      <c r="DF105" s="6"/>
      <c r="DG105" s="6"/>
      <c r="DH105" s="6" t="s">
        <v>333</v>
      </c>
      <c r="DI105" s="6"/>
      <c r="DJ105" s="6"/>
      <c r="DK105" s="6"/>
      <c r="DL105" s="6">
        <v>6</v>
      </c>
      <c r="DM105" s="6" t="s">
        <v>396</v>
      </c>
      <c r="DN105" s="6">
        <v>6</v>
      </c>
      <c r="DO105" s="6" t="s">
        <v>393</v>
      </c>
      <c r="DP105" s="6"/>
      <c r="DQ105" s="6"/>
    </row>
    <row r="106" spans="1:121" x14ac:dyDescent="0.2">
      <c r="A106" s="6" t="s">
        <v>792</v>
      </c>
      <c r="B106" s="6" t="s">
        <v>176</v>
      </c>
      <c r="C106" s="6" t="s">
        <v>177</v>
      </c>
      <c r="D106" s="6" t="s">
        <v>65</v>
      </c>
      <c r="E106" s="6" t="s">
        <v>206</v>
      </c>
      <c r="F106" s="11">
        <v>-1842</v>
      </c>
      <c r="G106" s="13">
        <v>-0.27463843745299998</v>
      </c>
      <c r="H106" s="11">
        <v>-736.13645249000001</v>
      </c>
      <c r="I106" s="13">
        <v>-0.10974889049591267</v>
      </c>
      <c r="J106" s="11">
        <v>-957.00973799999974</v>
      </c>
      <c r="K106" s="13">
        <v>-0.16026756841215545</v>
      </c>
      <c r="L106" s="11">
        <v>-149.05070432000048</v>
      </c>
      <c r="M106" s="13">
        <v>-2.9725036524934887E-2</v>
      </c>
      <c r="N106" s="11">
        <v>-1106.0604423200002</v>
      </c>
      <c r="O106" s="13">
        <v>-0.1852286456122765</v>
      </c>
      <c r="P106" s="7">
        <v>6707.4614528100001</v>
      </c>
      <c r="Q106" s="7">
        <v>6223.7295582500001</v>
      </c>
      <c r="R106" s="7">
        <v>6034.7048976799997</v>
      </c>
      <c r="S106" s="7">
        <v>5775.0574469000003</v>
      </c>
      <c r="T106" s="7">
        <v>6006.7317548700003</v>
      </c>
      <c r="U106" s="7">
        <v>6065.0162152599996</v>
      </c>
      <c r="V106" s="7">
        <v>5971.3250003200001</v>
      </c>
      <c r="W106" s="7">
        <v>5951.3200949100001</v>
      </c>
      <c r="X106" s="7">
        <v>5301.4140722499997</v>
      </c>
      <c r="Y106" s="7">
        <v>5014.3152623200003</v>
      </c>
      <c r="Z106" s="7">
        <v>5125.9774775799997</v>
      </c>
      <c r="AA106" s="7">
        <v>5133.0399593599996</v>
      </c>
      <c r="AB106" s="7">
        <v>4703.9209678999996</v>
      </c>
      <c r="AC106" s="7">
        <v>4618.2508053299998</v>
      </c>
      <c r="AD106" s="7">
        <v>4771.9143216399998</v>
      </c>
      <c r="AE106" s="7">
        <v>4900.8133500599997</v>
      </c>
      <c r="AF106" s="7">
        <v>4865.2645579999999</v>
      </c>
      <c r="AG106" s="9">
        <v>17645.782186600001</v>
      </c>
      <c r="AH106" s="13">
        <v>0.57134655420160718</v>
      </c>
      <c r="AI106" s="9">
        <v>8176.9358844000017</v>
      </c>
      <c r="AJ106" s="13">
        <v>0.26475812135022109</v>
      </c>
      <c r="AK106" s="9">
        <v>122.39237929999945</v>
      </c>
      <c r="AL106" s="13">
        <v>3.1333261198609836E-3</v>
      </c>
      <c r="AM106" s="9">
        <v>9346.4539229000002</v>
      </c>
      <c r="AN106" s="13">
        <v>0.23852803585946633</v>
      </c>
      <c r="AO106" s="9">
        <v>9468.8463021999996</v>
      </c>
      <c r="AP106" s="13">
        <v>0.24240874810440496</v>
      </c>
      <c r="AQ106" s="9">
        <v>30884.551690799999</v>
      </c>
      <c r="AR106" s="9">
        <v>33338.767279</v>
      </c>
      <c r="AS106" s="9">
        <v>34034.019745999998</v>
      </c>
      <c r="AT106" s="9">
        <v>34801.542994199997</v>
      </c>
      <c r="AU106" s="9">
        <v>35315.035128800002</v>
      </c>
      <c r="AV106" s="9">
        <v>36281.101623199997</v>
      </c>
      <c r="AW106" s="9">
        <v>39061.487575200001</v>
      </c>
      <c r="AX106" s="9">
        <v>36955.090373999999</v>
      </c>
      <c r="AY106" s="9">
        <v>38051.427374899999</v>
      </c>
      <c r="AZ106" s="9">
        <v>39183.8799545</v>
      </c>
      <c r="BA106" s="9">
        <v>40287.587314199998</v>
      </c>
      <c r="BB106" s="9">
        <v>39952.154897200002</v>
      </c>
      <c r="BC106" s="9">
        <v>46694.244918099997</v>
      </c>
      <c r="BD106" s="9">
        <v>45684.790383500003</v>
      </c>
      <c r="BE106" s="9">
        <v>46812.021973900002</v>
      </c>
      <c r="BF106" s="9">
        <v>48530.3338774</v>
      </c>
      <c r="BG106" s="11">
        <v>-24</v>
      </c>
      <c r="BH106" s="13">
        <v>-0.34285714285714286</v>
      </c>
      <c r="BI106" s="6">
        <v>2</v>
      </c>
      <c r="BJ106" s="13">
        <v>2.8571428571428571E-2</v>
      </c>
      <c r="BK106" s="6">
        <v>-20</v>
      </c>
      <c r="BL106" s="13">
        <v>-0.27777777777777779</v>
      </c>
      <c r="BM106" s="11">
        <v>-6</v>
      </c>
      <c r="BN106" s="13">
        <v>-0.11538461538461539</v>
      </c>
      <c r="BO106" s="11">
        <v>-26</v>
      </c>
      <c r="BP106" s="13">
        <v>-0.3611111111111111</v>
      </c>
      <c r="BQ106" s="6">
        <v>70</v>
      </c>
      <c r="BR106" s="6">
        <v>70</v>
      </c>
      <c r="BS106" s="6">
        <v>69</v>
      </c>
      <c r="BT106" s="6">
        <v>72</v>
      </c>
      <c r="BU106" s="6">
        <v>68</v>
      </c>
      <c r="BV106" s="6">
        <v>62</v>
      </c>
      <c r="BW106" s="6">
        <v>52</v>
      </c>
      <c r="BX106" s="6">
        <v>51</v>
      </c>
      <c r="BY106" s="6">
        <v>47</v>
      </c>
      <c r="BZ106" s="6">
        <v>44</v>
      </c>
      <c r="CA106" s="6">
        <v>44</v>
      </c>
      <c r="CB106" s="6">
        <v>46</v>
      </c>
      <c r="CC106" s="11">
        <v>46</v>
      </c>
      <c r="CD106" s="11">
        <v>-207.81899999999999</v>
      </c>
      <c r="CE106" s="11">
        <v>-2367.58</v>
      </c>
      <c r="CF106" s="11">
        <v>733.20600000000002</v>
      </c>
      <c r="CG106" s="11">
        <v>-1635</v>
      </c>
      <c r="CH106" s="20">
        <v>3.3587899999999999</v>
      </c>
      <c r="CI106" s="20">
        <v>3.2944800000000001</v>
      </c>
      <c r="CJ106" s="20">
        <v>3.3752900000000001</v>
      </c>
      <c r="CK106" s="20">
        <v>3.25969</v>
      </c>
      <c r="CL106" s="20">
        <v>3.4008099999999999</v>
      </c>
      <c r="CM106" s="20">
        <v>3.42428</v>
      </c>
      <c r="CN106" s="20">
        <v>3.55125</v>
      </c>
      <c r="CO106" s="20">
        <v>3.72655</v>
      </c>
      <c r="CP106" s="20">
        <v>3.7915800000000002</v>
      </c>
      <c r="CQ106" s="20">
        <v>3.7471000000000001</v>
      </c>
      <c r="CR106" s="20">
        <v>3.7848899999999999</v>
      </c>
      <c r="CS106" s="20">
        <v>3.9287899999999998</v>
      </c>
      <c r="CT106" s="20">
        <v>3.7346300000000001</v>
      </c>
      <c r="CU106" s="20">
        <v>3.7311000000000001</v>
      </c>
      <c r="CV106" s="20">
        <v>3.8165499999999999</v>
      </c>
      <c r="CW106" s="20">
        <v>3.9125899999999998</v>
      </c>
      <c r="CX106" s="20">
        <v>3.8961299999999999</v>
      </c>
      <c r="CY106" s="6" t="s">
        <v>394</v>
      </c>
      <c r="CZ106" s="6" t="s">
        <v>395</v>
      </c>
      <c r="DA106" s="6" t="s">
        <v>65</v>
      </c>
      <c r="DB106" s="6" t="s">
        <v>345</v>
      </c>
      <c r="DC106" s="6"/>
      <c r="DD106" s="6"/>
      <c r="DE106" s="6"/>
      <c r="DF106" s="6"/>
      <c r="DG106" s="6"/>
      <c r="DH106" s="6" t="s">
        <v>333</v>
      </c>
      <c r="DI106" s="6"/>
      <c r="DJ106" s="6"/>
      <c r="DK106" s="6"/>
      <c r="DL106" s="6">
        <v>6</v>
      </c>
      <c r="DM106" s="6" t="s">
        <v>396</v>
      </c>
      <c r="DN106" s="6">
        <v>6</v>
      </c>
      <c r="DO106" s="6" t="s">
        <v>393</v>
      </c>
      <c r="DP106" s="6"/>
      <c r="DQ106" s="6"/>
    </row>
    <row r="107" spans="1:121" x14ac:dyDescent="0.2">
      <c r="A107" s="6" t="s">
        <v>313</v>
      </c>
      <c r="B107" s="6" t="s">
        <v>313</v>
      </c>
      <c r="C107" s="6" t="s">
        <v>178</v>
      </c>
      <c r="D107" s="6" t="s">
        <v>65</v>
      </c>
      <c r="E107" s="6" t="s">
        <v>206</v>
      </c>
      <c r="F107" s="11">
        <v>-118</v>
      </c>
      <c r="G107" s="13">
        <v>-0.27895981087499999</v>
      </c>
      <c r="H107" s="11">
        <v>18.189509950000001</v>
      </c>
      <c r="I107" s="13">
        <v>4.2956832139111133E-2</v>
      </c>
      <c r="J107" s="11">
        <v>-38.994000993999975</v>
      </c>
      <c r="K107" s="13">
        <v>-8.8296342265180433E-2</v>
      </c>
      <c r="L107" s="11">
        <v>-97.184413369000026</v>
      </c>
      <c r="M107" s="13">
        <v>-0.2413725257134908</v>
      </c>
      <c r="N107" s="11">
        <v>-136.178414363</v>
      </c>
      <c r="O107" s="13">
        <v>-0.30835655683486179</v>
      </c>
      <c r="P107" s="7">
        <v>423.43694923999999</v>
      </c>
      <c r="Q107" s="7">
        <v>414.84157161899998</v>
      </c>
      <c r="R107" s="7">
        <v>405.09747240000002</v>
      </c>
      <c r="S107" s="7">
        <v>381.818690226</v>
      </c>
      <c r="T107" s="7">
        <v>352.84274468199999</v>
      </c>
      <c r="U107" s="7">
        <v>436.12583737300002</v>
      </c>
      <c r="V107" s="7">
        <v>441.62645918999999</v>
      </c>
      <c r="W107" s="7">
        <v>486.61063811399998</v>
      </c>
      <c r="X107" s="7">
        <v>431.28144341799998</v>
      </c>
      <c r="Y107" s="7">
        <v>402.63245819600002</v>
      </c>
      <c r="Z107" s="7">
        <v>433.62576213099999</v>
      </c>
      <c r="AA107" s="7">
        <v>440.57631029300001</v>
      </c>
      <c r="AB107" s="7">
        <v>503.36485929200001</v>
      </c>
      <c r="AC107" s="7">
        <v>515.67478703300003</v>
      </c>
      <c r="AD107" s="7">
        <v>305.17911565899999</v>
      </c>
      <c r="AE107" s="7">
        <v>296.17969976400002</v>
      </c>
      <c r="AF107" s="7">
        <v>305.44804482699999</v>
      </c>
      <c r="AG107" s="9">
        <v>16607.397648499998</v>
      </c>
      <c r="AH107" s="13">
        <v>0.65141654996589204</v>
      </c>
      <c r="AI107" s="9">
        <v>8995.2885025000032</v>
      </c>
      <c r="AJ107" s="13">
        <v>0.35283552102912774</v>
      </c>
      <c r="AK107" s="9">
        <v>-1917.8939316000033</v>
      </c>
      <c r="AL107" s="13">
        <v>-5.5607937919931315E-2</v>
      </c>
      <c r="AM107" s="9">
        <v>9530.0030775999985</v>
      </c>
      <c r="AN107" s="13">
        <v>0.2925855801841809</v>
      </c>
      <c r="AO107" s="9">
        <v>7612.1091459999952</v>
      </c>
      <c r="AP107" s="13">
        <v>0.2207075614851006</v>
      </c>
      <c r="AQ107" s="9">
        <v>25494.282651199999</v>
      </c>
      <c r="AR107" s="9">
        <v>24141.018627099998</v>
      </c>
      <c r="AS107" s="9">
        <v>24898.456952500001</v>
      </c>
      <c r="AT107" s="9">
        <v>28926.2635209</v>
      </c>
      <c r="AU107" s="9">
        <v>30663.155955300001</v>
      </c>
      <c r="AV107" s="9">
        <v>32990.950168900003</v>
      </c>
      <c r="AW107" s="9">
        <v>34489.571153700002</v>
      </c>
      <c r="AX107" s="9">
        <v>35318.472014699997</v>
      </c>
      <c r="AY107" s="9">
        <v>35162.798385100003</v>
      </c>
      <c r="AZ107" s="9">
        <v>32571.677222099999</v>
      </c>
      <c r="BA107" s="9">
        <v>34913.812728299999</v>
      </c>
      <c r="BB107" s="9">
        <v>35032.328045000002</v>
      </c>
      <c r="BC107" s="9">
        <v>36025.346344500002</v>
      </c>
      <c r="BD107" s="9">
        <v>38989.049662899997</v>
      </c>
      <c r="BE107" s="9">
        <v>39587.142305699999</v>
      </c>
      <c r="BF107" s="9">
        <v>42101.680299699998</v>
      </c>
      <c r="BG107" s="11">
        <v>-16</v>
      </c>
      <c r="BH107" s="13">
        <v>-0.30188679245283018</v>
      </c>
      <c r="BI107" s="6">
        <v>-18</v>
      </c>
      <c r="BJ107" s="13">
        <v>-0.33962264150943394</v>
      </c>
      <c r="BK107" s="6">
        <v>2</v>
      </c>
      <c r="BL107" s="13">
        <v>5.7142857142857141E-2</v>
      </c>
      <c r="BM107" s="11">
        <v>0</v>
      </c>
      <c r="BN107" s="13">
        <v>0</v>
      </c>
      <c r="BO107" s="11">
        <v>2</v>
      </c>
      <c r="BP107" s="13">
        <v>5.7142857142857141E-2</v>
      </c>
      <c r="BQ107" s="6">
        <v>53</v>
      </c>
      <c r="BR107" s="6">
        <v>46</v>
      </c>
      <c r="BS107" s="6">
        <v>40</v>
      </c>
      <c r="BT107" s="6">
        <v>35</v>
      </c>
      <c r="BU107" s="6">
        <v>43</v>
      </c>
      <c r="BV107" s="6">
        <v>42</v>
      </c>
      <c r="BW107" s="6">
        <v>37</v>
      </c>
      <c r="BX107" s="6">
        <v>36</v>
      </c>
      <c r="BY107" s="6">
        <v>35</v>
      </c>
      <c r="BZ107" s="6">
        <v>40</v>
      </c>
      <c r="CA107" s="6">
        <v>43</v>
      </c>
      <c r="CB107" s="6">
        <v>40</v>
      </c>
      <c r="CC107" s="11">
        <v>37</v>
      </c>
      <c r="CD107" s="11">
        <v>-129.65199999999999</v>
      </c>
      <c r="CE107" s="11">
        <v>-34.623399999999997</v>
      </c>
      <c r="CF107" s="11">
        <v>46.286799999999999</v>
      </c>
      <c r="CG107" s="11">
        <v>11</v>
      </c>
      <c r="CH107" s="20">
        <v>0.59548000000000001</v>
      </c>
      <c r="CI107" s="20">
        <v>0.58571200000000001</v>
      </c>
      <c r="CJ107" s="20">
        <v>0.57769599999999999</v>
      </c>
      <c r="CK107" s="20">
        <v>0.53648899999999999</v>
      </c>
      <c r="CL107" s="20">
        <v>0.48549500000000001</v>
      </c>
      <c r="CM107" s="20">
        <v>0.58224399999999998</v>
      </c>
      <c r="CN107" s="20">
        <v>0.59905600000000003</v>
      </c>
      <c r="CO107" s="20">
        <v>0.67718199999999995</v>
      </c>
      <c r="CP107" s="20">
        <v>0.64801299999999995</v>
      </c>
      <c r="CQ107" s="20">
        <v>0.62580499999999994</v>
      </c>
      <c r="CR107" s="20">
        <v>0.66886699999999999</v>
      </c>
      <c r="CS107" s="20">
        <v>0.70363100000000001</v>
      </c>
      <c r="CT107" s="20">
        <v>0.82916299999999998</v>
      </c>
      <c r="CU107" s="20">
        <v>0.86546299999999998</v>
      </c>
      <c r="CV107" s="20">
        <v>0.50737399999999999</v>
      </c>
      <c r="CW107" s="20">
        <v>0.49279600000000001</v>
      </c>
      <c r="CX107" s="20">
        <v>0.50562799999999997</v>
      </c>
      <c r="CY107" s="6" t="s">
        <v>394</v>
      </c>
      <c r="CZ107" s="6" t="s">
        <v>395</v>
      </c>
      <c r="DA107" s="6" t="s">
        <v>65</v>
      </c>
      <c r="DB107" s="6" t="s">
        <v>345</v>
      </c>
      <c r="DC107" s="6"/>
      <c r="DD107" s="6"/>
      <c r="DE107" s="6"/>
      <c r="DF107" s="6"/>
      <c r="DG107" s="6"/>
      <c r="DH107" s="6" t="s">
        <v>333</v>
      </c>
      <c r="DI107" s="6"/>
      <c r="DJ107" s="6"/>
      <c r="DK107" s="6"/>
      <c r="DL107" s="6">
        <v>6</v>
      </c>
      <c r="DM107" s="6" t="s">
        <v>396</v>
      </c>
      <c r="DN107" s="6">
        <v>6</v>
      </c>
      <c r="DO107" s="6" t="s">
        <v>393</v>
      </c>
      <c r="DP107" s="6"/>
      <c r="DQ107" s="6"/>
    </row>
    <row r="108" spans="1:121" x14ac:dyDescent="0.2">
      <c r="A108" s="6" t="s">
        <v>793</v>
      </c>
      <c r="B108" s="6" t="s">
        <v>179</v>
      </c>
      <c r="C108" s="6" t="s">
        <v>180</v>
      </c>
      <c r="D108" s="6" t="s">
        <v>65</v>
      </c>
      <c r="E108" s="6" t="s">
        <v>206</v>
      </c>
      <c r="F108" s="11">
        <v>165</v>
      </c>
      <c r="G108" s="13">
        <v>0.1</v>
      </c>
      <c r="H108" s="11">
        <v>257</v>
      </c>
      <c r="I108" s="13">
        <v>0.16012461059190031</v>
      </c>
      <c r="J108" s="11">
        <v>-125</v>
      </c>
      <c r="K108" s="13">
        <v>-6.7132116004296458E-2</v>
      </c>
      <c r="L108" s="11">
        <v>33</v>
      </c>
      <c r="M108" s="13">
        <v>1.8998272884283247E-2</v>
      </c>
      <c r="N108" s="11">
        <v>-92</v>
      </c>
      <c r="O108" s="13">
        <v>-4.9409237379162189E-2</v>
      </c>
      <c r="P108" s="7">
        <v>1605</v>
      </c>
      <c r="Q108" s="7">
        <v>1629</v>
      </c>
      <c r="R108" s="7">
        <v>1636</v>
      </c>
      <c r="S108" s="7">
        <v>1697</v>
      </c>
      <c r="T108" s="7">
        <v>1715</v>
      </c>
      <c r="U108" s="7">
        <v>1939</v>
      </c>
      <c r="V108" s="7">
        <v>1862</v>
      </c>
      <c r="W108" s="7">
        <v>1851</v>
      </c>
      <c r="X108" s="7">
        <v>1748</v>
      </c>
      <c r="Y108" s="7">
        <v>1737</v>
      </c>
      <c r="Z108" s="7">
        <v>1725</v>
      </c>
      <c r="AA108" s="7">
        <v>1704</v>
      </c>
      <c r="AB108" s="7">
        <v>1646</v>
      </c>
      <c r="AC108" s="7">
        <v>1609</v>
      </c>
      <c r="AD108" s="7">
        <v>1676</v>
      </c>
      <c r="AE108" s="7">
        <v>1721</v>
      </c>
      <c r="AF108" s="7">
        <v>1770</v>
      </c>
      <c r="AG108" s="9">
        <v>10191</v>
      </c>
      <c r="AH108" s="13">
        <v>0.53272347098797701</v>
      </c>
      <c r="AI108" s="9">
        <v>5406</v>
      </c>
      <c r="AJ108" s="13">
        <v>0.28259278619968636</v>
      </c>
      <c r="AK108" s="9">
        <v>1238</v>
      </c>
      <c r="AL108" s="13">
        <v>5.0456472122595367E-2</v>
      </c>
      <c r="AM108" s="9">
        <v>3547</v>
      </c>
      <c r="AN108" s="13">
        <v>0.13761930627764413</v>
      </c>
      <c r="AO108" s="9">
        <v>4785</v>
      </c>
      <c r="AP108" s="13">
        <v>0.19501956309096841</v>
      </c>
      <c r="AQ108" s="9">
        <v>19130</v>
      </c>
      <c r="AR108" s="9">
        <v>19764</v>
      </c>
      <c r="AS108" s="9">
        <v>21036</v>
      </c>
      <c r="AT108" s="9">
        <v>21296</v>
      </c>
      <c r="AU108" s="9">
        <v>22128</v>
      </c>
      <c r="AV108" s="9">
        <v>22763</v>
      </c>
      <c r="AW108" s="9">
        <v>24536</v>
      </c>
      <c r="AX108" s="9">
        <v>25516</v>
      </c>
      <c r="AY108" s="9">
        <v>25192</v>
      </c>
      <c r="AZ108" s="9">
        <v>25774</v>
      </c>
      <c r="BA108" s="9">
        <v>25676</v>
      </c>
      <c r="BB108" s="9">
        <v>26398</v>
      </c>
      <c r="BC108" s="9">
        <v>26915</v>
      </c>
      <c r="BD108" s="9">
        <v>27656</v>
      </c>
      <c r="BE108" s="9">
        <v>28343</v>
      </c>
      <c r="BF108" s="9">
        <v>29321</v>
      </c>
      <c r="BG108" s="11">
        <v>-20</v>
      </c>
      <c r="BH108" s="13">
        <v>-0.1360544217687075</v>
      </c>
      <c r="BI108" s="6">
        <v>-8</v>
      </c>
      <c r="BJ108" s="13">
        <v>-5.4421768707482991E-2</v>
      </c>
      <c r="BK108" s="6">
        <v>-12</v>
      </c>
      <c r="BL108" s="13">
        <v>-8.6330935251798566E-2</v>
      </c>
      <c r="BM108" s="11">
        <v>0</v>
      </c>
      <c r="BN108" s="13">
        <v>0</v>
      </c>
      <c r="BO108" s="11">
        <v>-12</v>
      </c>
      <c r="BP108" s="13">
        <v>-8.6330935251798566E-2</v>
      </c>
      <c r="BQ108" s="6">
        <v>147</v>
      </c>
      <c r="BR108" s="6">
        <v>149</v>
      </c>
      <c r="BS108" s="6">
        <v>143</v>
      </c>
      <c r="BT108" s="6">
        <v>139</v>
      </c>
      <c r="BU108" s="6">
        <v>135</v>
      </c>
      <c r="BV108" s="6">
        <v>132</v>
      </c>
      <c r="BW108" s="6">
        <v>127</v>
      </c>
      <c r="BX108" s="6">
        <v>121</v>
      </c>
      <c r="BY108" s="6">
        <v>117</v>
      </c>
      <c r="BZ108" s="6">
        <v>124</v>
      </c>
      <c r="CA108" s="6">
        <v>122</v>
      </c>
      <c r="CB108" s="6">
        <v>127</v>
      </c>
      <c r="CC108" s="11">
        <v>127</v>
      </c>
      <c r="CD108" s="11">
        <v>92</v>
      </c>
      <c r="CE108" s="11">
        <v>-103</v>
      </c>
      <c r="CF108" s="11">
        <v>175</v>
      </c>
      <c r="CG108" s="11">
        <v>72</v>
      </c>
      <c r="CH108" s="20">
        <v>0.84</v>
      </c>
      <c r="CI108" s="20">
        <v>0.84</v>
      </c>
      <c r="CJ108" s="20">
        <v>0.86</v>
      </c>
      <c r="CK108" s="20">
        <v>0.88</v>
      </c>
      <c r="CL108" s="20">
        <v>0.88</v>
      </c>
      <c r="CM108" s="20">
        <v>0.97</v>
      </c>
      <c r="CN108" s="20">
        <v>0.96</v>
      </c>
      <c r="CO108" s="20">
        <v>0.98</v>
      </c>
      <c r="CP108" s="20">
        <v>0.99</v>
      </c>
      <c r="CQ108" s="20">
        <v>1</v>
      </c>
      <c r="CR108" s="20">
        <v>0.99</v>
      </c>
      <c r="CS108" s="20">
        <v>1.02</v>
      </c>
      <c r="CT108" s="20">
        <v>1.02</v>
      </c>
      <c r="CU108" s="20">
        <v>1.01</v>
      </c>
      <c r="CV108" s="20">
        <v>1.03</v>
      </c>
      <c r="CW108" s="20">
        <v>1.05</v>
      </c>
      <c r="CX108" s="20">
        <v>1.07</v>
      </c>
      <c r="CY108" s="6" t="s">
        <v>394</v>
      </c>
      <c r="CZ108" s="6" t="s">
        <v>395</v>
      </c>
      <c r="DA108" s="6" t="s">
        <v>65</v>
      </c>
      <c r="DB108" s="6" t="s">
        <v>345</v>
      </c>
      <c r="DC108" s="6"/>
      <c r="DD108" s="6"/>
      <c r="DE108" s="6"/>
      <c r="DF108" s="6"/>
      <c r="DG108" s="6"/>
      <c r="DH108" s="6" t="s">
        <v>333</v>
      </c>
      <c r="DI108" s="6"/>
      <c r="DJ108" s="6"/>
      <c r="DK108" s="6"/>
      <c r="DL108" s="6">
        <v>6</v>
      </c>
      <c r="DM108" s="6" t="s">
        <v>396</v>
      </c>
      <c r="DN108" s="6">
        <v>6</v>
      </c>
      <c r="DO108" s="6" t="s">
        <v>393</v>
      </c>
      <c r="DP108" s="6"/>
      <c r="DQ108" s="6"/>
    </row>
    <row r="109" spans="1:121" x14ac:dyDescent="0.2">
      <c r="A109" s="6" t="s">
        <v>794</v>
      </c>
      <c r="B109" s="6" t="s">
        <v>181</v>
      </c>
      <c r="C109" s="6" t="s">
        <v>182</v>
      </c>
      <c r="D109" s="6" t="s">
        <v>65</v>
      </c>
      <c r="E109" s="6" t="s">
        <v>206</v>
      </c>
      <c r="F109" s="11">
        <v>-124</v>
      </c>
      <c r="G109" s="13">
        <v>-0.31713554987199999</v>
      </c>
      <c r="H109" s="11">
        <v>-95.156353946000024</v>
      </c>
      <c r="I109" s="13">
        <v>-0.24346584044918235</v>
      </c>
      <c r="J109" s="11">
        <v>-92.908574095999995</v>
      </c>
      <c r="K109" s="13">
        <v>-0.31421542098255351</v>
      </c>
      <c r="L109" s="11">
        <v>64.635409645000038</v>
      </c>
      <c r="M109" s="13">
        <v>0.31875315429373496</v>
      </c>
      <c r="N109" s="11">
        <v>-28.273164450999957</v>
      </c>
      <c r="O109" s="13">
        <v>-9.5619423254741306E-2</v>
      </c>
      <c r="P109" s="7">
        <v>390.84067715800001</v>
      </c>
      <c r="Q109" s="7">
        <v>341.76259171200002</v>
      </c>
      <c r="R109" s="7">
        <v>271.38602463900003</v>
      </c>
      <c r="S109" s="7">
        <v>311.13714812799998</v>
      </c>
      <c r="T109" s="7">
        <v>290.845353117</v>
      </c>
      <c r="U109" s="7">
        <v>297.88502956100001</v>
      </c>
      <c r="V109" s="7">
        <v>295.68432321199998</v>
      </c>
      <c r="W109" s="7">
        <v>258.40734985799998</v>
      </c>
      <c r="X109" s="7">
        <v>236.89179760299999</v>
      </c>
      <c r="Y109" s="7">
        <v>202.77574911599999</v>
      </c>
      <c r="Z109" s="7">
        <v>220.80086633799999</v>
      </c>
      <c r="AA109" s="7">
        <v>201.38859597000001</v>
      </c>
      <c r="AB109" s="7">
        <v>241.554094026</v>
      </c>
      <c r="AC109" s="7">
        <v>234.73957288099999</v>
      </c>
      <c r="AD109" s="7">
        <v>228.68025517199999</v>
      </c>
      <c r="AE109" s="7">
        <v>262.62168073200002</v>
      </c>
      <c r="AF109" s="7">
        <v>267.41115876100002</v>
      </c>
      <c r="AG109" s="9">
        <v>22309.109536100001</v>
      </c>
      <c r="AH109" s="13">
        <v>0.87157186445889312</v>
      </c>
      <c r="AI109" s="9">
        <v>8639.1415143000013</v>
      </c>
      <c r="AJ109" s="13">
        <v>0.33751381536580061</v>
      </c>
      <c r="AK109" s="9">
        <v>8089.1293361999997</v>
      </c>
      <c r="AL109" s="13">
        <v>0.23627864361920911</v>
      </c>
      <c r="AM109" s="9">
        <v>5580.8386855999997</v>
      </c>
      <c r="AN109" s="13">
        <v>0.13185778989288569</v>
      </c>
      <c r="AO109" s="9">
        <v>13669.968021799999</v>
      </c>
      <c r="AP109" s="13">
        <v>0.39929161325861245</v>
      </c>
      <c r="AQ109" s="9">
        <v>25596.408564599998</v>
      </c>
      <c r="AR109" s="9">
        <v>26504.833263100001</v>
      </c>
      <c r="AS109" s="9">
        <v>28644.463350599999</v>
      </c>
      <c r="AT109" s="9">
        <v>32579.1701459</v>
      </c>
      <c r="AU109" s="9">
        <v>32203.490648999999</v>
      </c>
      <c r="AV109" s="9">
        <v>32298.1668321</v>
      </c>
      <c r="AW109" s="9">
        <v>34235.5500789</v>
      </c>
      <c r="AX109" s="9">
        <v>34792.608683400002</v>
      </c>
      <c r="AY109" s="9">
        <v>39788.955406300003</v>
      </c>
      <c r="AZ109" s="9">
        <v>42324.679415099999</v>
      </c>
      <c r="BA109" s="9">
        <v>46602.843867600001</v>
      </c>
      <c r="BB109" s="9">
        <v>37227.389145399997</v>
      </c>
      <c r="BC109" s="9">
        <v>41954.529298599999</v>
      </c>
      <c r="BD109" s="9">
        <v>41062.506027900003</v>
      </c>
      <c r="BE109" s="9">
        <v>46966.696901199997</v>
      </c>
      <c r="BF109" s="9">
        <v>47905.518100699999</v>
      </c>
      <c r="BG109" s="11">
        <v>1</v>
      </c>
      <c r="BH109" s="13">
        <v>2.564102564102564E-2</v>
      </c>
      <c r="BI109" s="6">
        <v>4</v>
      </c>
      <c r="BJ109" s="13">
        <v>0.10256410256410256</v>
      </c>
      <c r="BK109" s="6">
        <v>-7</v>
      </c>
      <c r="BL109" s="13">
        <v>-0.16279069767441862</v>
      </c>
      <c r="BM109" s="11">
        <v>4</v>
      </c>
      <c r="BN109" s="13">
        <v>0.1111111111111111</v>
      </c>
      <c r="BO109" s="11">
        <v>-3</v>
      </c>
      <c r="BP109" s="13">
        <v>-6.9767441860465115E-2</v>
      </c>
      <c r="BQ109" s="6">
        <v>39</v>
      </c>
      <c r="BR109" s="6">
        <v>40</v>
      </c>
      <c r="BS109" s="6">
        <v>39</v>
      </c>
      <c r="BT109" s="6">
        <v>43</v>
      </c>
      <c r="BU109" s="6">
        <v>41</v>
      </c>
      <c r="BV109" s="6">
        <v>37</v>
      </c>
      <c r="BW109" s="6">
        <v>36</v>
      </c>
      <c r="BX109" s="6">
        <v>31</v>
      </c>
      <c r="BY109" s="6">
        <v>31</v>
      </c>
      <c r="BZ109" s="6">
        <v>29</v>
      </c>
      <c r="CA109" s="6">
        <v>37</v>
      </c>
      <c r="CB109" s="6">
        <v>38</v>
      </c>
      <c r="CC109" s="11">
        <v>40</v>
      </c>
      <c r="CD109" s="11">
        <v>-190.78800000000001</v>
      </c>
      <c r="CE109" s="11">
        <v>24.634799999999998</v>
      </c>
      <c r="CF109" s="11">
        <v>42.723599999999998</v>
      </c>
      <c r="CG109" s="11">
        <v>68</v>
      </c>
      <c r="CH109" s="20">
        <v>0.69433599999999995</v>
      </c>
      <c r="CI109" s="20">
        <v>0.61473500000000003</v>
      </c>
      <c r="CJ109" s="20">
        <v>0.49408400000000002</v>
      </c>
      <c r="CK109" s="20">
        <v>0.55274599999999996</v>
      </c>
      <c r="CL109" s="20">
        <v>0.50295199999999995</v>
      </c>
      <c r="CM109" s="20">
        <v>0.49837100000000001</v>
      </c>
      <c r="CN109" s="20">
        <v>0.501552</v>
      </c>
      <c r="CO109" s="20">
        <v>0.44972899999999999</v>
      </c>
      <c r="CP109" s="20">
        <v>0.44384099999999999</v>
      </c>
      <c r="CQ109" s="20">
        <v>0.39063500000000001</v>
      </c>
      <c r="CR109" s="20">
        <v>0.41666399999999998</v>
      </c>
      <c r="CS109" s="20">
        <v>0.39194099999999998</v>
      </c>
      <c r="CT109" s="20">
        <v>0.48197000000000001</v>
      </c>
      <c r="CU109" s="20">
        <v>0.46657300000000002</v>
      </c>
      <c r="CV109" s="20">
        <v>0.43484400000000001</v>
      </c>
      <c r="CW109" s="20">
        <v>0.48699700000000001</v>
      </c>
      <c r="CX109" s="20">
        <v>0.49013000000000001</v>
      </c>
      <c r="CY109" s="6" t="s">
        <v>394</v>
      </c>
      <c r="CZ109" s="6" t="s">
        <v>395</v>
      </c>
      <c r="DA109" s="6" t="s">
        <v>65</v>
      </c>
      <c r="DB109" s="6" t="s">
        <v>345</v>
      </c>
      <c r="DC109" s="6"/>
      <c r="DD109" s="6"/>
      <c r="DE109" s="6"/>
      <c r="DF109" s="6"/>
      <c r="DG109" s="6"/>
      <c r="DH109" s="6" t="s">
        <v>333</v>
      </c>
      <c r="DI109" s="6"/>
      <c r="DJ109" s="6"/>
      <c r="DK109" s="6"/>
      <c r="DL109" s="6">
        <v>6</v>
      </c>
      <c r="DM109" s="6" t="s">
        <v>396</v>
      </c>
      <c r="DN109" s="6">
        <v>6</v>
      </c>
      <c r="DO109" s="6" t="s">
        <v>393</v>
      </c>
      <c r="DP109" s="6"/>
      <c r="DQ109" s="6"/>
    </row>
    <row r="110" spans="1:121" x14ac:dyDescent="0.2">
      <c r="A110" s="6" t="s">
        <v>314</v>
      </c>
      <c r="B110" s="6" t="s">
        <v>314</v>
      </c>
      <c r="C110" s="6" t="s">
        <v>183</v>
      </c>
      <c r="D110" s="6" t="s">
        <v>65</v>
      </c>
      <c r="E110" s="6" t="s">
        <v>206</v>
      </c>
      <c r="F110" s="11">
        <v>8</v>
      </c>
      <c r="G110" s="13">
        <v>7.0796460177000003E-2</v>
      </c>
      <c r="H110" s="11">
        <v>28.859350856999995</v>
      </c>
      <c r="I110" s="13">
        <v>0.25501888005436651</v>
      </c>
      <c r="J110" s="11">
        <v>-31.445329389999998</v>
      </c>
      <c r="K110" s="13">
        <v>-0.22140716196834043</v>
      </c>
      <c r="L110" s="11">
        <v>10.303318122000007</v>
      </c>
      <c r="M110" s="13">
        <v>9.3175605021747765E-2</v>
      </c>
      <c r="N110" s="11">
        <v>-21.14201126799999</v>
      </c>
      <c r="O110" s="13">
        <v>-0.1488613032191409</v>
      </c>
      <c r="P110" s="7">
        <v>113.165546217</v>
      </c>
      <c r="Q110" s="7">
        <v>144.41135835399999</v>
      </c>
      <c r="R110" s="7">
        <v>136.43614017199999</v>
      </c>
      <c r="S110" s="7">
        <v>133.17441238500001</v>
      </c>
      <c r="T110" s="7">
        <v>127.987110411</v>
      </c>
      <c r="U110" s="7">
        <v>133.43747581400001</v>
      </c>
      <c r="V110" s="7">
        <v>142.02489707399999</v>
      </c>
      <c r="W110" s="7">
        <v>125.019231792</v>
      </c>
      <c r="X110" s="7">
        <v>125.205960082</v>
      </c>
      <c r="Y110" s="7">
        <v>110.579567684</v>
      </c>
      <c r="Z110" s="7">
        <v>109.804207124</v>
      </c>
      <c r="AA110" s="7">
        <v>109.729710059</v>
      </c>
      <c r="AB110" s="7">
        <v>112.279810798</v>
      </c>
      <c r="AC110" s="7">
        <v>119.441587523</v>
      </c>
      <c r="AD110" s="7">
        <v>122.066441305</v>
      </c>
      <c r="AE110" s="7">
        <v>117.39434552100001</v>
      </c>
      <c r="AF110" s="7">
        <v>120.882885806</v>
      </c>
      <c r="AG110" s="9">
        <v>30629.9723533</v>
      </c>
      <c r="AH110" s="13">
        <v>1.0999116727386324</v>
      </c>
      <c r="AI110" s="9">
        <v>8110.8319379999957</v>
      </c>
      <c r="AJ110" s="13">
        <v>0.29125715888105763</v>
      </c>
      <c r="AK110" s="9">
        <v>11762.032696100003</v>
      </c>
      <c r="AL110" s="13">
        <v>0.32710022750564272</v>
      </c>
      <c r="AM110" s="9">
        <v>10757.107719200001</v>
      </c>
      <c r="AN110" s="13">
        <v>0.2254188645149062</v>
      </c>
      <c r="AO110" s="9">
        <v>22519.140415300004</v>
      </c>
      <c r="AP110" s="13">
        <v>0.62625365388743848</v>
      </c>
      <c r="AQ110" s="9">
        <v>27847.665510300001</v>
      </c>
      <c r="AR110" s="9">
        <v>29480.692493800001</v>
      </c>
      <c r="AS110" s="9">
        <v>32339.953962600001</v>
      </c>
      <c r="AT110" s="9">
        <v>35933.7404465</v>
      </c>
      <c r="AU110" s="9">
        <v>37603.448799899998</v>
      </c>
      <c r="AV110" s="9">
        <v>35892.834828699997</v>
      </c>
      <c r="AW110" s="9">
        <v>35958.497448299997</v>
      </c>
      <c r="AX110" s="9">
        <v>44414.745423200002</v>
      </c>
      <c r="AY110" s="9">
        <v>44896.735975299998</v>
      </c>
      <c r="AZ110" s="9">
        <v>47720.5301444</v>
      </c>
      <c r="BA110" s="9">
        <v>50092.341730799999</v>
      </c>
      <c r="BB110" s="9">
        <v>51205.339809500001</v>
      </c>
      <c r="BC110" s="9">
        <v>54728.691942700003</v>
      </c>
      <c r="BD110" s="9">
        <v>64953.911081099999</v>
      </c>
      <c r="BE110" s="9">
        <v>56945.142995200003</v>
      </c>
      <c r="BF110" s="9">
        <v>58477.637863600001</v>
      </c>
      <c r="BG110" s="11">
        <v>-6.5</v>
      </c>
      <c r="BH110" s="13">
        <v>-0.29545454545454547</v>
      </c>
      <c r="BI110" s="6">
        <v>-2</v>
      </c>
      <c r="BJ110" s="13">
        <v>-9.0909090909090912E-2</v>
      </c>
      <c r="BK110" s="6">
        <v>-2</v>
      </c>
      <c r="BL110" s="13">
        <v>-0.1</v>
      </c>
      <c r="BM110" s="11">
        <v>-2.5</v>
      </c>
      <c r="BN110" s="13">
        <v>-0.1388888888888889</v>
      </c>
      <c r="BO110" s="11">
        <v>-4.5</v>
      </c>
      <c r="BP110" s="13">
        <v>-0.22500000000000001</v>
      </c>
      <c r="BQ110" s="6">
        <v>22</v>
      </c>
      <c r="BR110" s="6">
        <v>21</v>
      </c>
      <c r="BS110" s="6">
        <v>20</v>
      </c>
      <c r="BT110" s="6">
        <v>20</v>
      </c>
      <c r="BU110" s="6">
        <v>17</v>
      </c>
      <c r="BV110" s="6">
        <v>19</v>
      </c>
      <c r="BW110" s="6">
        <v>18</v>
      </c>
      <c r="BX110" s="6">
        <v>17</v>
      </c>
      <c r="BY110" s="6">
        <v>18</v>
      </c>
      <c r="BZ110" s="6">
        <v>18</v>
      </c>
      <c r="CA110" s="6">
        <v>17</v>
      </c>
      <c r="CB110" s="6">
        <v>17</v>
      </c>
      <c r="CC110" s="11">
        <v>15.5</v>
      </c>
      <c r="CD110" s="11">
        <v>30.008500000000002</v>
      </c>
      <c r="CE110" s="11">
        <v>-34.661499999999997</v>
      </c>
      <c r="CF110" s="11">
        <v>12.3704</v>
      </c>
      <c r="CG110" s="11">
        <v>-23</v>
      </c>
      <c r="CH110" s="20">
        <v>0.25529600000000002</v>
      </c>
      <c r="CI110" s="20">
        <v>0.33916200000000002</v>
      </c>
      <c r="CJ110" s="20">
        <v>0.33865299999999998</v>
      </c>
      <c r="CK110" s="20">
        <v>0.336202</v>
      </c>
      <c r="CL110" s="20">
        <v>0.32643499999999998</v>
      </c>
      <c r="CM110" s="20">
        <v>0.33907999999999999</v>
      </c>
      <c r="CN110" s="20">
        <v>0.37428699999999998</v>
      </c>
      <c r="CO110" s="20">
        <v>0.34098499999999998</v>
      </c>
      <c r="CP110" s="20">
        <v>0.365892</v>
      </c>
      <c r="CQ110" s="20">
        <v>0.340812</v>
      </c>
      <c r="CR110" s="20">
        <v>0.34384100000000001</v>
      </c>
      <c r="CS110" s="20">
        <v>0.36153400000000002</v>
      </c>
      <c r="CT110" s="20">
        <v>0.38320399999999999</v>
      </c>
      <c r="CU110" s="20">
        <v>0.414798</v>
      </c>
      <c r="CV110" s="20">
        <v>0.42036400000000002</v>
      </c>
      <c r="CW110" s="20">
        <v>0.39854400000000001</v>
      </c>
      <c r="CX110" s="20">
        <v>0.41075499999999998</v>
      </c>
      <c r="CY110" s="6" t="s">
        <v>394</v>
      </c>
      <c r="CZ110" s="6" t="s">
        <v>395</v>
      </c>
      <c r="DA110" s="6" t="s">
        <v>65</v>
      </c>
      <c r="DB110" s="6" t="s">
        <v>345</v>
      </c>
      <c r="DC110" s="6"/>
      <c r="DD110" s="6"/>
      <c r="DE110" s="6"/>
      <c r="DF110" s="6"/>
      <c r="DG110" s="6"/>
      <c r="DH110" s="6" t="s">
        <v>333</v>
      </c>
      <c r="DI110" s="6"/>
      <c r="DJ110" s="6"/>
      <c r="DK110" s="6"/>
      <c r="DL110" s="6">
        <v>6</v>
      </c>
      <c r="DM110" s="6" t="s">
        <v>396</v>
      </c>
      <c r="DN110" s="6">
        <v>6</v>
      </c>
      <c r="DO110" s="6" t="s">
        <v>393</v>
      </c>
      <c r="DP110" s="6"/>
      <c r="DQ110" s="6"/>
    </row>
    <row r="111" spans="1:121" x14ac:dyDescent="0.2">
      <c r="A111" s="6" t="s">
        <v>315</v>
      </c>
      <c r="B111" s="6" t="s">
        <v>315</v>
      </c>
      <c r="C111" s="6" t="s">
        <v>184</v>
      </c>
      <c r="D111" s="6" t="s">
        <v>65</v>
      </c>
      <c r="E111" s="6" t="s">
        <v>206</v>
      </c>
      <c r="F111" s="11">
        <v>-43</v>
      </c>
      <c r="G111" s="13">
        <v>-0.12</v>
      </c>
      <c r="H111" s="11">
        <v>64</v>
      </c>
      <c r="I111" s="13">
        <v>0.1797752808988764</v>
      </c>
      <c r="J111" s="11">
        <v>-63</v>
      </c>
      <c r="K111" s="13">
        <v>-0.15</v>
      </c>
      <c r="L111" s="11">
        <v>-44</v>
      </c>
      <c r="M111" s="13">
        <v>-0.12324929971988796</v>
      </c>
      <c r="N111" s="11">
        <v>-107</v>
      </c>
      <c r="O111" s="13">
        <v>-0.25476190476190474</v>
      </c>
      <c r="P111" s="7">
        <v>356</v>
      </c>
      <c r="Q111" s="7">
        <v>371</v>
      </c>
      <c r="R111" s="7">
        <v>387</v>
      </c>
      <c r="S111" s="7">
        <v>408</v>
      </c>
      <c r="T111" s="7">
        <v>423</v>
      </c>
      <c r="U111" s="7">
        <v>428</v>
      </c>
      <c r="V111" s="7">
        <v>420</v>
      </c>
      <c r="W111" s="7">
        <v>397</v>
      </c>
      <c r="X111" s="7">
        <v>395</v>
      </c>
      <c r="Y111" s="7">
        <v>357</v>
      </c>
      <c r="Z111" s="7">
        <v>336</v>
      </c>
      <c r="AA111" s="7">
        <v>342</v>
      </c>
      <c r="AB111" s="7">
        <v>321</v>
      </c>
      <c r="AC111" s="7">
        <v>321</v>
      </c>
      <c r="AD111" s="7">
        <v>321</v>
      </c>
      <c r="AE111" s="7">
        <v>320</v>
      </c>
      <c r="AF111" s="7">
        <v>313</v>
      </c>
      <c r="AG111" s="9">
        <v>62003</v>
      </c>
      <c r="AH111" s="13">
        <v>2.1146277412093721</v>
      </c>
      <c r="AI111" s="9">
        <v>5235</v>
      </c>
      <c r="AJ111" s="13">
        <v>0.17854097745643055</v>
      </c>
      <c r="AK111" s="9">
        <v>30189</v>
      </c>
      <c r="AL111" s="13">
        <v>0.87362541960875106</v>
      </c>
      <c r="AM111" s="9">
        <v>26579</v>
      </c>
      <c r="AN111" s="13">
        <v>0.41051818673256624</v>
      </c>
      <c r="AO111" s="9">
        <v>56768</v>
      </c>
      <c r="AP111" s="13">
        <v>1.642782729482579</v>
      </c>
      <c r="AQ111" s="9">
        <v>29321</v>
      </c>
      <c r="AR111" s="9">
        <v>29606</v>
      </c>
      <c r="AS111" s="9">
        <v>30534</v>
      </c>
      <c r="AT111" s="9">
        <v>31265</v>
      </c>
      <c r="AU111" s="9">
        <v>32468</v>
      </c>
      <c r="AV111" s="9">
        <v>32835</v>
      </c>
      <c r="AW111" s="9">
        <v>34556</v>
      </c>
      <c r="AX111" s="9">
        <v>37162</v>
      </c>
      <c r="AY111" s="9">
        <v>54254</v>
      </c>
      <c r="AZ111" s="9">
        <v>64745</v>
      </c>
      <c r="BA111" s="9">
        <v>69940</v>
      </c>
      <c r="BB111" s="9">
        <v>74520</v>
      </c>
      <c r="BC111" s="9">
        <v>82421</v>
      </c>
      <c r="BD111" s="9">
        <v>85477</v>
      </c>
      <c r="BE111" s="9">
        <v>88815</v>
      </c>
      <c r="BF111" s="9">
        <v>91324</v>
      </c>
      <c r="BG111" s="11">
        <v>-10</v>
      </c>
      <c r="BH111" s="13">
        <v>-0.15873015873015872</v>
      </c>
      <c r="BI111" s="6">
        <v>4</v>
      </c>
      <c r="BJ111" s="13">
        <v>6.3492063492063489E-2</v>
      </c>
      <c r="BK111" s="6">
        <v>-6</v>
      </c>
      <c r="BL111" s="13">
        <v>-8.9552238805970144E-2</v>
      </c>
      <c r="BM111" s="11">
        <v>-8</v>
      </c>
      <c r="BN111" s="13">
        <v>-0.13114754098360656</v>
      </c>
      <c r="BO111" s="11">
        <v>-14</v>
      </c>
      <c r="BP111" s="13">
        <v>-0.20895522388059701</v>
      </c>
      <c r="BQ111" s="6">
        <v>63</v>
      </c>
      <c r="BR111" s="6">
        <v>67</v>
      </c>
      <c r="BS111" s="6">
        <v>69</v>
      </c>
      <c r="BT111" s="6">
        <v>67</v>
      </c>
      <c r="BU111" s="6">
        <v>66</v>
      </c>
      <c r="BV111" s="6">
        <v>64</v>
      </c>
      <c r="BW111" s="6">
        <v>61</v>
      </c>
      <c r="BX111" s="6">
        <v>55</v>
      </c>
      <c r="BY111" s="6">
        <v>56</v>
      </c>
      <c r="BZ111" s="6">
        <v>56</v>
      </c>
      <c r="CA111" s="6">
        <v>52</v>
      </c>
      <c r="CB111" s="6">
        <v>53</v>
      </c>
      <c r="CC111" s="11">
        <v>53</v>
      </c>
      <c r="CD111" s="11">
        <v>-53</v>
      </c>
      <c r="CE111" s="11">
        <v>-28</v>
      </c>
      <c r="CF111" s="11">
        <v>39</v>
      </c>
      <c r="CG111" s="11">
        <v>11</v>
      </c>
      <c r="CH111" s="20">
        <v>0.49</v>
      </c>
      <c r="CI111" s="20">
        <v>0.51</v>
      </c>
      <c r="CJ111" s="20">
        <v>0.52</v>
      </c>
      <c r="CK111" s="20">
        <v>0.54</v>
      </c>
      <c r="CL111" s="20">
        <v>0.55000000000000004</v>
      </c>
      <c r="CM111" s="20">
        <v>0.54</v>
      </c>
      <c r="CN111" s="20">
        <v>0.55000000000000004</v>
      </c>
      <c r="CO111" s="20">
        <v>0.55000000000000004</v>
      </c>
      <c r="CP111" s="20">
        <v>0.56999999999999995</v>
      </c>
      <c r="CQ111" s="20">
        <v>0.54</v>
      </c>
      <c r="CR111" s="20">
        <v>0.51</v>
      </c>
      <c r="CS111" s="20">
        <v>0.54</v>
      </c>
      <c r="CT111" s="20">
        <v>0.52</v>
      </c>
      <c r="CU111" s="20">
        <v>0.54</v>
      </c>
      <c r="CV111" s="20">
        <v>0.53</v>
      </c>
      <c r="CW111" s="20">
        <v>0.52</v>
      </c>
      <c r="CX111" s="20">
        <v>0.51</v>
      </c>
      <c r="CY111" s="6" t="s">
        <v>394</v>
      </c>
      <c r="CZ111" s="6" t="s">
        <v>395</v>
      </c>
      <c r="DA111" s="6" t="s">
        <v>65</v>
      </c>
      <c r="DB111" s="6" t="s">
        <v>345</v>
      </c>
      <c r="DC111" s="6"/>
      <c r="DD111" s="6"/>
      <c r="DE111" s="6"/>
      <c r="DF111" s="6"/>
      <c r="DG111" s="6"/>
      <c r="DH111" s="6" t="s">
        <v>333</v>
      </c>
      <c r="DI111" s="6"/>
      <c r="DJ111" s="6"/>
      <c r="DK111" s="6"/>
      <c r="DL111" s="6">
        <v>6</v>
      </c>
      <c r="DM111" s="6" t="s">
        <v>396</v>
      </c>
      <c r="DN111" s="6">
        <v>6</v>
      </c>
      <c r="DO111" s="6" t="s">
        <v>393</v>
      </c>
      <c r="DP111" s="6"/>
      <c r="DQ111" s="6"/>
    </row>
    <row r="112" spans="1:121" x14ac:dyDescent="0.2">
      <c r="A112" s="6" t="s">
        <v>316</v>
      </c>
      <c r="B112" s="6" t="s">
        <v>316</v>
      </c>
      <c r="C112" s="6" t="s">
        <v>185</v>
      </c>
      <c r="D112" s="6" t="s">
        <v>65</v>
      </c>
      <c r="E112" s="6" t="s">
        <v>206</v>
      </c>
      <c r="F112" s="11">
        <v>-31</v>
      </c>
      <c r="G112" s="13">
        <v>-0.21</v>
      </c>
      <c r="H112" s="11">
        <v>-19</v>
      </c>
      <c r="I112" s="13">
        <v>-0.13013698630136986</v>
      </c>
      <c r="J112" s="11">
        <v>-8</v>
      </c>
      <c r="K112" s="13">
        <v>-6.2992125984251968E-2</v>
      </c>
      <c r="L112" s="11">
        <v>-4</v>
      </c>
      <c r="M112" s="13">
        <v>-3.3613445378151259E-2</v>
      </c>
      <c r="N112" s="11">
        <v>-12</v>
      </c>
      <c r="O112" s="13">
        <v>-9.4488188976377951E-2</v>
      </c>
      <c r="P112" s="7">
        <v>146</v>
      </c>
      <c r="Q112" s="7">
        <v>110</v>
      </c>
      <c r="R112" s="7">
        <v>116</v>
      </c>
      <c r="S112" s="7">
        <v>108</v>
      </c>
      <c r="T112" s="7">
        <v>124</v>
      </c>
      <c r="U112" s="7">
        <v>131</v>
      </c>
      <c r="V112" s="7">
        <v>127</v>
      </c>
      <c r="W112" s="7">
        <v>124</v>
      </c>
      <c r="X112" s="7">
        <v>125</v>
      </c>
      <c r="Y112" s="7">
        <v>119</v>
      </c>
      <c r="Z112" s="7">
        <v>120</v>
      </c>
      <c r="AA112" s="7">
        <v>117</v>
      </c>
      <c r="AB112" s="7">
        <v>110</v>
      </c>
      <c r="AC112" s="7">
        <v>101</v>
      </c>
      <c r="AD112" s="7">
        <v>110</v>
      </c>
      <c r="AE112" s="7">
        <v>113</v>
      </c>
      <c r="AF112" s="7">
        <v>115</v>
      </c>
      <c r="AG112" s="9">
        <v>18525</v>
      </c>
      <c r="AH112" s="13">
        <v>1.2724962220085176</v>
      </c>
      <c r="AI112" s="9">
        <v>9851</v>
      </c>
      <c r="AJ112" s="13">
        <v>0.67667261986536609</v>
      </c>
      <c r="AK112" s="9">
        <v>779</v>
      </c>
      <c r="AL112" s="13">
        <v>3.1914457781965666E-2</v>
      </c>
      <c r="AM112" s="9">
        <v>7895</v>
      </c>
      <c r="AN112" s="13">
        <v>0.31344290932189933</v>
      </c>
      <c r="AO112" s="9">
        <v>8674</v>
      </c>
      <c r="AP112" s="13">
        <v>0.35536072760047521</v>
      </c>
      <c r="AQ112" s="9">
        <v>14558</v>
      </c>
      <c r="AR112" s="9">
        <v>18471</v>
      </c>
      <c r="AS112" s="9">
        <v>21317</v>
      </c>
      <c r="AT112" s="9">
        <v>22600</v>
      </c>
      <c r="AU112" s="9">
        <v>22506</v>
      </c>
      <c r="AV112" s="9">
        <v>22112</v>
      </c>
      <c r="AW112" s="9">
        <v>24409</v>
      </c>
      <c r="AX112" s="9">
        <v>24244</v>
      </c>
      <c r="AY112" s="9">
        <v>24606</v>
      </c>
      <c r="AZ112" s="9">
        <v>25188</v>
      </c>
      <c r="BA112" s="9">
        <v>25049</v>
      </c>
      <c r="BB112" s="9">
        <v>26108</v>
      </c>
      <c r="BC112" s="9">
        <v>28333</v>
      </c>
      <c r="BD112" s="9">
        <v>30626</v>
      </c>
      <c r="BE112" s="9">
        <v>34257</v>
      </c>
      <c r="BF112" s="9">
        <v>33083</v>
      </c>
      <c r="BG112" s="11">
        <v>0</v>
      </c>
      <c r="BH112" s="13">
        <v>0</v>
      </c>
      <c r="BI112" s="6">
        <v>3</v>
      </c>
      <c r="BJ112" s="13">
        <v>0.13043478260869565</v>
      </c>
      <c r="BK112" s="6">
        <v>-1</v>
      </c>
      <c r="BL112" s="13">
        <v>-3.8461538461538464E-2</v>
      </c>
      <c r="BM112" s="11">
        <v>-2</v>
      </c>
      <c r="BN112" s="13">
        <v>-0.08</v>
      </c>
      <c r="BO112" s="11">
        <v>-3</v>
      </c>
      <c r="BP112" s="13">
        <v>-0.11538461538461539</v>
      </c>
      <c r="BQ112" s="6">
        <v>23</v>
      </c>
      <c r="BR112" s="6">
        <v>25</v>
      </c>
      <c r="BS112" s="6">
        <v>25</v>
      </c>
      <c r="BT112" s="6">
        <v>26</v>
      </c>
      <c r="BU112" s="6">
        <v>25</v>
      </c>
      <c r="BV112" s="6">
        <v>25</v>
      </c>
      <c r="BW112" s="6">
        <v>25</v>
      </c>
      <c r="BX112" s="6">
        <v>23</v>
      </c>
      <c r="BY112" s="6">
        <v>22</v>
      </c>
      <c r="BZ112" s="6">
        <v>21</v>
      </c>
      <c r="CA112" s="6">
        <v>22</v>
      </c>
      <c r="CB112" s="6">
        <v>25</v>
      </c>
      <c r="CC112" s="11">
        <v>23</v>
      </c>
      <c r="CD112" s="11">
        <v>-39</v>
      </c>
      <c r="CE112" s="11">
        <v>-7</v>
      </c>
      <c r="CF112" s="11">
        <v>16</v>
      </c>
      <c r="CG112" s="11">
        <v>9</v>
      </c>
      <c r="CH112" s="20">
        <v>0.49</v>
      </c>
      <c r="CI112" s="20">
        <v>0.36</v>
      </c>
      <c r="CJ112" s="20">
        <v>0.38</v>
      </c>
      <c r="CK112" s="20">
        <v>0.34</v>
      </c>
      <c r="CL112" s="20">
        <v>0.37</v>
      </c>
      <c r="CM112" s="20">
        <v>0.39</v>
      </c>
      <c r="CN112" s="20">
        <v>0.39</v>
      </c>
      <c r="CO112" s="20">
        <v>0.4</v>
      </c>
      <c r="CP112" s="20">
        <v>0.43</v>
      </c>
      <c r="CQ112" s="20">
        <v>0.43</v>
      </c>
      <c r="CR112" s="20">
        <v>0.44</v>
      </c>
      <c r="CS112" s="20">
        <v>0.45</v>
      </c>
      <c r="CT112" s="20">
        <v>0.44</v>
      </c>
      <c r="CU112" s="20">
        <v>0.4</v>
      </c>
      <c r="CV112" s="20">
        <v>0.43</v>
      </c>
      <c r="CW112" s="20">
        <v>0.43</v>
      </c>
      <c r="CX112" s="20">
        <v>0.44</v>
      </c>
      <c r="CY112" s="6" t="s">
        <v>394</v>
      </c>
      <c r="CZ112" s="6" t="s">
        <v>395</v>
      </c>
      <c r="DA112" s="6" t="s">
        <v>65</v>
      </c>
      <c r="DB112" s="6" t="s">
        <v>345</v>
      </c>
      <c r="DC112" s="6"/>
      <c r="DD112" s="6"/>
      <c r="DE112" s="6"/>
      <c r="DF112" s="6"/>
      <c r="DG112" s="6"/>
      <c r="DH112" s="6" t="s">
        <v>333</v>
      </c>
      <c r="DI112" s="6"/>
      <c r="DJ112" s="6"/>
      <c r="DK112" s="6"/>
      <c r="DL112" s="6">
        <v>6</v>
      </c>
      <c r="DM112" s="6" t="s">
        <v>396</v>
      </c>
      <c r="DN112" s="6">
        <v>6</v>
      </c>
      <c r="DO112" s="6" t="s">
        <v>393</v>
      </c>
      <c r="DP112" s="6"/>
      <c r="DQ112" s="6"/>
    </row>
    <row r="113" spans="1:121" x14ac:dyDescent="0.2">
      <c r="A113" s="6" t="s">
        <v>317</v>
      </c>
      <c r="B113" s="6" t="s">
        <v>317</v>
      </c>
      <c r="C113" s="6" t="s">
        <v>186</v>
      </c>
      <c r="D113" s="6" t="s">
        <v>65</v>
      </c>
      <c r="E113" s="6" t="s">
        <v>206</v>
      </c>
      <c r="F113" s="11">
        <v>1029</v>
      </c>
      <c r="G113" s="13">
        <v>2.17</v>
      </c>
      <c r="H113" s="11">
        <v>-60</v>
      </c>
      <c r="I113" s="13">
        <v>-0.12658227848101267</v>
      </c>
      <c r="J113" s="11">
        <v>-23</v>
      </c>
      <c r="K113" s="13">
        <v>-5.5555555555555552E-2</v>
      </c>
      <c r="L113" s="11">
        <v>1112</v>
      </c>
      <c r="M113" s="13">
        <v>2.843989769820972</v>
      </c>
      <c r="N113" s="11">
        <v>1089</v>
      </c>
      <c r="O113" s="13">
        <v>2.6304347826086958</v>
      </c>
      <c r="P113" s="7">
        <v>474</v>
      </c>
      <c r="Q113" s="7">
        <v>540</v>
      </c>
      <c r="R113" s="7">
        <v>588</v>
      </c>
      <c r="S113" s="7">
        <v>257</v>
      </c>
      <c r="T113" s="7">
        <v>242</v>
      </c>
      <c r="U113" s="7">
        <v>558</v>
      </c>
      <c r="V113" s="7">
        <v>414</v>
      </c>
      <c r="W113" s="7">
        <v>471</v>
      </c>
      <c r="X113" s="7">
        <v>350</v>
      </c>
      <c r="Y113" s="7">
        <v>391</v>
      </c>
      <c r="Z113" s="7">
        <v>448</v>
      </c>
      <c r="AA113" s="7">
        <v>1355</v>
      </c>
      <c r="AB113" s="7">
        <v>1362</v>
      </c>
      <c r="AC113" s="7">
        <v>1332</v>
      </c>
      <c r="AD113" s="7">
        <v>1400</v>
      </c>
      <c r="AE113" s="7">
        <v>1396</v>
      </c>
      <c r="AF113" s="7">
        <v>1503</v>
      </c>
      <c r="AG113" s="9">
        <v>49777</v>
      </c>
      <c r="AH113" s="13">
        <v>1.5225117758610145</v>
      </c>
      <c r="AI113" s="9">
        <v>-5246</v>
      </c>
      <c r="AJ113" s="13">
        <v>-0.1604575763136967</v>
      </c>
      <c r="AK113" s="9">
        <v>14417</v>
      </c>
      <c r="AL113" s="13">
        <v>0.52524774118332851</v>
      </c>
      <c r="AM113" s="9">
        <v>40606</v>
      </c>
      <c r="AN113" s="13">
        <v>0.96992714678132075</v>
      </c>
      <c r="AO113" s="9">
        <v>55023</v>
      </c>
      <c r="AP113" s="13">
        <v>2.0046269309239291</v>
      </c>
      <c r="AQ113" s="9">
        <v>32694</v>
      </c>
      <c r="AR113" s="9">
        <v>28438</v>
      </c>
      <c r="AS113" s="9">
        <v>32306</v>
      </c>
      <c r="AT113" s="9">
        <v>32117</v>
      </c>
      <c r="AU113" s="9">
        <v>37166</v>
      </c>
      <c r="AV113" s="9">
        <v>32677</v>
      </c>
      <c r="AW113" s="9">
        <v>27448</v>
      </c>
      <c r="AX113" s="9">
        <v>25805</v>
      </c>
      <c r="AY113" s="9">
        <v>41990</v>
      </c>
      <c r="AZ113" s="9">
        <v>41865</v>
      </c>
      <c r="BA113" s="9">
        <v>35332</v>
      </c>
      <c r="BB113" s="9">
        <v>68839</v>
      </c>
      <c r="BC113" s="9">
        <v>74293</v>
      </c>
      <c r="BD113" s="9">
        <v>78130</v>
      </c>
      <c r="BE113" s="9">
        <v>74988</v>
      </c>
      <c r="BF113" s="9">
        <v>82471</v>
      </c>
      <c r="BG113" s="11">
        <v>-3</v>
      </c>
      <c r="BH113" s="13">
        <v>-6.5217391304347824E-2</v>
      </c>
      <c r="BI113" s="6">
        <v>3</v>
      </c>
      <c r="BJ113" s="13">
        <v>6.5217391304347824E-2</v>
      </c>
      <c r="BK113" s="6">
        <v>-7</v>
      </c>
      <c r="BL113" s="13">
        <v>-0.14285714285714285</v>
      </c>
      <c r="BM113" s="11">
        <v>1</v>
      </c>
      <c r="BN113" s="13">
        <v>2.3809523809523808E-2</v>
      </c>
      <c r="BO113" s="11">
        <v>-6</v>
      </c>
      <c r="BP113" s="13">
        <v>-0.12244897959183673</v>
      </c>
      <c r="BQ113" s="6">
        <v>46</v>
      </c>
      <c r="BR113" s="6">
        <v>48</v>
      </c>
      <c r="BS113" s="6">
        <v>46</v>
      </c>
      <c r="BT113" s="6">
        <v>49</v>
      </c>
      <c r="BU113" s="6">
        <v>45</v>
      </c>
      <c r="BV113" s="6">
        <v>42</v>
      </c>
      <c r="BW113" s="6">
        <v>42</v>
      </c>
      <c r="BX113" s="6">
        <v>43</v>
      </c>
      <c r="BY113" s="6">
        <v>46</v>
      </c>
      <c r="BZ113" s="6">
        <v>44</v>
      </c>
      <c r="CA113" s="6">
        <v>42</v>
      </c>
      <c r="CB113" s="6">
        <v>44</v>
      </c>
      <c r="CC113" s="11">
        <v>43</v>
      </c>
      <c r="CD113" s="11">
        <v>883</v>
      </c>
      <c r="CE113" s="11">
        <v>95</v>
      </c>
      <c r="CF113" s="11">
        <v>52</v>
      </c>
      <c r="CG113" s="11">
        <v>147</v>
      </c>
      <c r="CH113" s="20">
        <v>0.5</v>
      </c>
      <c r="CI113" s="20">
        <v>0.56999999999999995</v>
      </c>
      <c r="CJ113" s="20">
        <v>0.62</v>
      </c>
      <c r="CK113" s="20">
        <v>0.27</v>
      </c>
      <c r="CL113" s="20">
        <v>0.24</v>
      </c>
      <c r="CM113" s="20">
        <v>0.53</v>
      </c>
      <c r="CN113" s="20">
        <v>0.39</v>
      </c>
      <c r="CO113" s="20">
        <v>0.45</v>
      </c>
      <c r="CP113" s="20">
        <v>0.35</v>
      </c>
      <c r="CQ113" s="20">
        <v>0.4</v>
      </c>
      <c r="CR113" s="20">
        <v>0.45</v>
      </c>
      <c r="CS113" s="20">
        <v>1.38</v>
      </c>
      <c r="CT113" s="20">
        <v>1.41</v>
      </c>
      <c r="CU113" s="20">
        <v>1.39</v>
      </c>
      <c r="CV113" s="20">
        <v>1.42</v>
      </c>
      <c r="CW113" s="20">
        <v>1.38</v>
      </c>
      <c r="CX113" s="20">
        <v>1.47</v>
      </c>
      <c r="CY113" s="6" t="s">
        <v>394</v>
      </c>
      <c r="CZ113" s="6" t="s">
        <v>395</v>
      </c>
      <c r="DA113" s="6" t="s">
        <v>65</v>
      </c>
      <c r="DB113" s="6" t="s">
        <v>345</v>
      </c>
      <c r="DC113" s="6"/>
      <c r="DD113" s="6"/>
      <c r="DE113" s="6"/>
      <c r="DF113" s="6"/>
      <c r="DG113" s="6"/>
      <c r="DH113" s="6" t="s">
        <v>333</v>
      </c>
      <c r="DI113" s="6"/>
      <c r="DJ113" s="6"/>
      <c r="DK113" s="6"/>
      <c r="DL113" s="6">
        <v>6</v>
      </c>
      <c r="DM113" s="6" t="s">
        <v>396</v>
      </c>
      <c r="DN113" s="6">
        <v>6</v>
      </c>
      <c r="DO113" s="6" t="s">
        <v>393</v>
      </c>
      <c r="DP113" s="6"/>
      <c r="DQ113" s="6"/>
    </row>
    <row r="114" spans="1:121" x14ac:dyDescent="0.2">
      <c r="A114" s="6" t="s">
        <v>318</v>
      </c>
      <c r="B114" s="6" t="s">
        <v>318</v>
      </c>
      <c r="C114" s="6" t="s">
        <v>187</v>
      </c>
      <c r="D114" s="6" t="s">
        <v>65</v>
      </c>
      <c r="E114" s="6" t="s">
        <v>206</v>
      </c>
      <c r="F114" s="11">
        <v>-502</v>
      </c>
      <c r="G114" s="13">
        <v>-0.89007092198600002</v>
      </c>
      <c r="H114" s="11">
        <v>511.54103399999997</v>
      </c>
      <c r="I114" s="13">
        <v>0.90751335501025199</v>
      </c>
      <c r="J114" s="11">
        <v>124.092128</v>
      </c>
      <c r="K114" s="13">
        <v>0.11541152848058379</v>
      </c>
      <c r="L114" s="11">
        <v>-1137.7636950562</v>
      </c>
      <c r="M114" s="13">
        <v>-0.94868471515537522</v>
      </c>
      <c r="N114" s="11">
        <v>-1013.6715670561999</v>
      </c>
      <c r="O114" s="13">
        <v>-0.94276233969704049</v>
      </c>
      <c r="P114" s="7">
        <v>563.67328499999996</v>
      </c>
      <c r="Q114" s="7">
        <v>601.56759199999999</v>
      </c>
      <c r="R114" s="7">
        <v>629.71616500000005</v>
      </c>
      <c r="S114" s="7">
        <v>1023.801369</v>
      </c>
      <c r="T114" s="7">
        <v>1236.1460939999999</v>
      </c>
      <c r="U114" s="7">
        <v>1018.401299</v>
      </c>
      <c r="V114" s="7">
        <v>1075.2143189999999</v>
      </c>
      <c r="W114" s="7">
        <v>1078.9765910000001</v>
      </c>
      <c r="X114" s="7">
        <v>1175.8761199999999</v>
      </c>
      <c r="Y114" s="7">
        <v>1199.3064469999999</v>
      </c>
      <c r="Z114" s="7">
        <v>1229.774136</v>
      </c>
      <c r="AA114" s="7">
        <v>29.146174999999999</v>
      </c>
      <c r="AB114" s="7">
        <v>49.938383999999999</v>
      </c>
      <c r="AC114" s="7">
        <v>79.963218999999995</v>
      </c>
      <c r="AD114" s="7">
        <v>77.002058000000005</v>
      </c>
      <c r="AE114" s="7">
        <v>81.797097249999993</v>
      </c>
      <c r="AF114" s="7">
        <v>61.542751943799999</v>
      </c>
      <c r="AG114" s="9">
        <v>-10594.387195999996</v>
      </c>
      <c r="AH114" s="13">
        <v>-0.11921149328236214</v>
      </c>
      <c r="AI114" s="9">
        <v>-4233.2888696000009</v>
      </c>
      <c r="AJ114" s="13">
        <v>-4.763434432820772E-2</v>
      </c>
      <c r="AK114" s="9">
        <v>-12486.636959899988</v>
      </c>
      <c r="AL114" s="13">
        <v>-0.1475312583255958</v>
      </c>
      <c r="AM114" s="9">
        <v>6125.538633499993</v>
      </c>
      <c r="AN114" s="13">
        <v>8.48993531899353E-2</v>
      </c>
      <c r="AO114" s="9">
        <v>-6361.0983263999951</v>
      </c>
      <c r="AP114" s="13">
        <v>-7.5157213542800819E-2</v>
      </c>
      <c r="AQ114" s="9">
        <v>88870.518305699996</v>
      </c>
      <c r="AR114" s="9">
        <v>77743.890950600005</v>
      </c>
      <c r="AS114" s="9">
        <v>86172.663292199999</v>
      </c>
      <c r="AT114" s="9">
        <v>65613.310392200001</v>
      </c>
      <c r="AU114" s="9">
        <v>63047.72436</v>
      </c>
      <c r="AV114" s="9">
        <v>84621.793969899998</v>
      </c>
      <c r="AW114" s="9">
        <v>84637.229436099995</v>
      </c>
      <c r="AX114" s="9">
        <v>74482.964918400001</v>
      </c>
      <c r="AY114" s="9">
        <v>71417.916306900006</v>
      </c>
      <c r="AZ114" s="9">
        <v>72150.592476200007</v>
      </c>
      <c r="BA114" s="9">
        <v>73058.529918500004</v>
      </c>
      <c r="BB114" s="9">
        <v>57605.821807799999</v>
      </c>
      <c r="BC114" s="9">
        <v>69452.453136600001</v>
      </c>
      <c r="BD114" s="9">
        <v>66077.954059700001</v>
      </c>
      <c r="BE114" s="9">
        <v>74986.867480700006</v>
      </c>
      <c r="BF114" s="9">
        <v>78276.1311097</v>
      </c>
      <c r="BG114" s="11">
        <v>4</v>
      </c>
      <c r="BH114" s="13">
        <v>0.66666666666666663</v>
      </c>
      <c r="BI114" s="6">
        <v>0</v>
      </c>
      <c r="BJ114" s="13">
        <v>0</v>
      </c>
      <c r="BK114" s="6">
        <v>0</v>
      </c>
      <c r="BL114" s="13">
        <v>0</v>
      </c>
      <c r="BM114" s="11">
        <v>4</v>
      </c>
      <c r="BN114" s="13">
        <v>0.66666666666666663</v>
      </c>
      <c r="BO114" s="11">
        <v>4</v>
      </c>
      <c r="BP114" s="13">
        <v>0.66666666666666663</v>
      </c>
      <c r="BQ114" s="6">
        <v>6</v>
      </c>
      <c r="BR114" s="6">
        <v>7</v>
      </c>
      <c r="BS114" s="6">
        <v>7</v>
      </c>
      <c r="BT114" s="6">
        <v>6</v>
      </c>
      <c r="BU114" s="6">
        <v>6</v>
      </c>
      <c r="BV114" s="6">
        <v>6</v>
      </c>
      <c r="BW114" s="6">
        <v>6</v>
      </c>
      <c r="BX114" s="6">
        <v>7</v>
      </c>
      <c r="BY114" s="6">
        <v>5</v>
      </c>
      <c r="BZ114" s="6">
        <v>7</v>
      </c>
      <c r="CA114" s="6">
        <v>9</v>
      </c>
      <c r="CB114" s="6">
        <v>9</v>
      </c>
      <c r="CC114" s="11">
        <v>10</v>
      </c>
      <c r="CD114" s="11">
        <v>-684.43399999999997</v>
      </c>
      <c r="CE114" s="11">
        <v>120.687</v>
      </c>
      <c r="CF114" s="11">
        <v>61.616300000000003</v>
      </c>
      <c r="CG114" s="11">
        <v>183</v>
      </c>
      <c r="CH114" s="20">
        <v>2.73983</v>
      </c>
      <c r="CI114" s="20">
        <v>2.9098099999999998</v>
      </c>
      <c r="CJ114" s="20">
        <v>3.12941</v>
      </c>
      <c r="CK114" s="20">
        <v>4.9543900000000001</v>
      </c>
      <c r="CL114" s="20">
        <v>5.8075400000000004</v>
      </c>
      <c r="CM114" s="20">
        <v>4.6326400000000003</v>
      </c>
      <c r="CN114" s="20">
        <v>4.8997700000000002</v>
      </c>
      <c r="CO114" s="20">
        <v>4.8587199999999999</v>
      </c>
      <c r="CP114" s="20">
        <v>5.46387</v>
      </c>
      <c r="CQ114" s="20">
        <v>5.6595899999999997</v>
      </c>
      <c r="CR114" s="20">
        <v>5.6539999999999999</v>
      </c>
      <c r="CS114" s="20">
        <v>0.13503799999999999</v>
      </c>
      <c r="CT114" s="20">
        <v>0.232015</v>
      </c>
      <c r="CU114" s="20">
        <v>0.37127300000000002</v>
      </c>
      <c r="CV114" s="20">
        <v>0.35062500000000002</v>
      </c>
      <c r="CW114" s="20">
        <v>0.36808000000000002</v>
      </c>
      <c r="CX114" s="20">
        <v>0.27339599999999997</v>
      </c>
      <c r="CY114" s="6" t="s">
        <v>394</v>
      </c>
      <c r="CZ114" s="6" t="s">
        <v>395</v>
      </c>
      <c r="DA114" s="6" t="s">
        <v>65</v>
      </c>
      <c r="DB114" s="6" t="s">
        <v>345</v>
      </c>
      <c r="DC114" s="6"/>
      <c r="DD114" s="6"/>
      <c r="DE114" s="6"/>
      <c r="DF114" s="6"/>
      <c r="DG114" s="6"/>
      <c r="DH114" s="6" t="s">
        <v>333</v>
      </c>
      <c r="DI114" s="6"/>
      <c r="DJ114" s="6"/>
      <c r="DK114" s="6"/>
      <c r="DL114" s="6">
        <v>6</v>
      </c>
      <c r="DM114" s="6" t="s">
        <v>396</v>
      </c>
      <c r="DN114" s="6">
        <v>6</v>
      </c>
      <c r="DO114" s="6" t="s">
        <v>393</v>
      </c>
      <c r="DP114" s="6"/>
      <c r="DQ114" s="6"/>
    </row>
    <row r="115" spans="1:121" x14ac:dyDescent="0.2">
      <c r="A115" s="6" t="s">
        <v>319</v>
      </c>
      <c r="B115" s="6" t="s">
        <v>319</v>
      </c>
      <c r="C115" s="6" t="s">
        <v>188</v>
      </c>
      <c r="D115" s="6" t="s">
        <v>65</v>
      </c>
      <c r="E115" s="6" t="s">
        <v>206</v>
      </c>
      <c r="F115" s="11">
        <v>269</v>
      </c>
      <c r="G115" s="13">
        <v>1.0112781954900001</v>
      </c>
      <c r="H115" s="11">
        <v>239.20240404200001</v>
      </c>
      <c r="I115" s="13">
        <v>0.8996201861897688</v>
      </c>
      <c r="J115" s="11">
        <v>-59.270546061999994</v>
      </c>
      <c r="K115" s="13">
        <v>-0.11734532826510231</v>
      </c>
      <c r="L115" s="11">
        <v>88.847833252999976</v>
      </c>
      <c r="M115" s="13">
        <v>0.19928880024760143</v>
      </c>
      <c r="N115" s="11">
        <v>29.577287190999982</v>
      </c>
      <c r="O115" s="13">
        <v>5.8557862297885906E-2</v>
      </c>
      <c r="P115" s="7">
        <v>265.892659718</v>
      </c>
      <c r="Q115" s="7">
        <v>327.29132357700001</v>
      </c>
      <c r="R115" s="7">
        <v>456.08336123200002</v>
      </c>
      <c r="S115" s="7">
        <v>317.31292613099998</v>
      </c>
      <c r="T115" s="7">
        <v>323.964887358</v>
      </c>
      <c r="U115" s="7">
        <v>309.203439269</v>
      </c>
      <c r="V115" s="7">
        <v>505.09506376000002</v>
      </c>
      <c r="W115" s="7">
        <v>432.10271418799999</v>
      </c>
      <c r="X115" s="7">
        <v>394.89765691700001</v>
      </c>
      <c r="Y115" s="7">
        <v>445.82451769800002</v>
      </c>
      <c r="Z115" s="7">
        <v>452.89979258699998</v>
      </c>
      <c r="AA115" s="7">
        <v>384.497421874</v>
      </c>
      <c r="AB115" s="7">
        <v>479.68864628300003</v>
      </c>
      <c r="AC115" s="7">
        <v>495.39697270200003</v>
      </c>
      <c r="AD115" s="7">
        <v>502.75055713699999</v>
      </c>
      <c r="AE115" s="7">
        <v>511.24763366799999</v>
      </c>
      <c r="AF115" s="7">
        <v>534.672350951</v>
      </c>
      <c r="AG115" s="9">
        <v>12279.684781100001</v>
      </c>
      <c r="AH115" s="13">
        <v>0.6960372153877461</v>
      </c>
      <c r="AI115" s="9">
        <v>181.84364730000016</v>
      </c>
      <c r="AJ115" s="13">
        <v>1.0307263432156728E-2</v>
      </c>
      <c r="AK115" s="9">
        <v>3683.3582378000028</v>
      </c>
      <c r="AL115" s="13">
        <v>0.20665015087379507</v>
      </c>
      <c r="AM115" s="9">
        <v>8414.4828959999977</v>
      </c>
      <c r="AN115" s="13">
        <v>0.39123511481012746</v>
      </c>
      <c r="AO115" s="9">
        <v>12097.841133800001</v>
      </c>
      <c r="AP115" s="13">
        <v>0.67873406118656188</v>
      </c>
      <c r="AQ115" s="9">
        <v>17642.281920599999</v>
      </c>
      <c r="AR115" s="9">
        <v>18835.8102191</v>
      </c>
      <c r="AS115" s="9">
        <v>22197.882211299999</v>
      </c>
      <c r="AT115" s="9">
        <v>21403.248826300001</v>
      </c>
      <c r="AU115" s="9">
        <v>21475.064334300001</v>
      </c>
      <c r="AV115" s="9">
        <v>19923.180226600001</v>
      </c>
      <c r="AW115" s="9">
        <v>17824.125567899999</v>
      </c>
      <c r="AX115" s="9">
        <v>20052.371622899998</v>
      </c>
      <c r="AY115" s="9">
        <v>21704.592206400001</v>
      </c>
      <c r="AZ115" s="9">
        <v>21507.483805700002</v>
      </c>
      <c r="BA115" s="9">
        <v>21698.005531800001</v>
      </c>
      <c r="BB115" s="9">
        <v>20101.973515400001</v>
      </c>
      <c r="BC115" s="9">
        <v>27564.384907899999</v>
      </c>
      <c r="BD115" s="9">
        <v>27850.049909400001</v>
      </c>
      <c r="BE115" s="9">
        <v>29261.0512566</v>
      </c>
      <c r="BF115" s="9">
        <v>29921.966701699999</v>
      </c>
      <c r="BG115" s="11">
        <v>7.75</v>
      </c>
      <c r="BH115" s="13">
        <v>0.32291666666666669</v>
      </c>
      <c r="BI115" s="6">
        <v>9</v>
      </c>
      <c r="BJ115" s="13">
        <v>0.375</v>
      </c>
      <c r="BK115" s="6">
        <v>-1</v>
      </c>
      <c r="BL115" s="13">
        <v>-3.0303030303030304E-2</v>
      </c>
      <c r="BM115" s="11">
        <v>-0.25</v>
      </c>
      <c r="BN115" s="13">
        <v>-7.8125E-3</v>
      </c>
      <c r="BO115" s="11">
        <v>-1.25</v>
      </c>
      <c r="BP115" s="13">
        <v>-3.787878787878788E-2</v>
      </c>
      <c r="BQ115" s="6">
        <v>24</v>
      </c>
      <c r="BR115" s="6">
        <v>28</v>
      </c>
      <c r="BS115" s="6">
        <v>28</v>
      </c>
      <c r="BT115" s="6">
        <v>33</v>
      </c>
      <c r="BU115" s="6">
        <v>34</v>
      </c>
      <c r="BV115" s="6">
        <v>33</v>
      </c>
      <c r="BW115" s="6">
        <v>32</v>
      </c>
      <c r="BX115" s="6">
        <v>28</v>
      </c>
      <c r="BY115" s="6">
        <v>27</v>
      </c>
      <c r="BZ115" s="6">
        <v>27</v>
      </c>
      <c r="CA115" s="6">
        <v>30</v>
      </c>
      <c r="CB115" s="6">
        <v>30</v>
      </c>
      <c r="CC115" s="11">
        <v>31.75</v>
      </c>
      <c r="CD115" s="11">
        <v>215.791</v>
      </c>
      <c r="CE115" s="11">
        <v>23.922999999999998</v>
      </c>
      <c r="CF115" s="11">
        <v>29.065300000000001</v>
      </c>
      <c r="CG115" s="11">
        <v>53</v>
      </c>
      <c r="CH115" s="20">
        <v>0.26347700000000002</v>
      </c>
      <c r="CI115" s="20">
        <v>0.31959300000000002</v>
      </c>
      <c r="CJ115" s="20">
        <v>0.44942599999999999</v>
      </c>
      <c r="CK115" s="20">
        <v>0.30092099999999999</v>
      </c>
      <c r="CL115" s="20">
        <v>0.29616700000000001</v>
      </c>
      <c r="CM115" s="20">
        <v>0.272449</v>
      </c>
      <c r="CN115" s="20">
        <v>0.455208</v>
      </c>
      <c r="CO115" s="20">
        <v>0.41465800000000003</v>
      </c>
      <c r="CP115" s="20">
        <v>0.42095900000000003</v>
      </c>
      <c r="CQ115" s="20">
        <v>0.46915000000000001</v>
      </c>
      <c r="CR115" s="20">
        <v>0.46178999999999998</v>
      </c>
      <c r="CS115" s="20">
        <v>0.40015200000000001</v>
      </c>
      <c r="CT115" s="20">
        <v>0.50631499999999996</v>
      </c>
      <c r="CU115" s="20">
        <v>0.521899</v>
      </c>
      <c r="CV115" s="20">
        <v>0.51800999999999997</v>
      </c>
      <c r="CW115" s="20">
        <v>0.51822699999999999</v>
      </c>
      <c r="CX115" s="20">
        <v>0.53434000000000004</v>
      </c>
      <c r="CY115" s="6" t="s">
        <v>394</v>
      </c>
      <c r="CZ115" s="6" t="s">
        <v>395</v>
      </c>
      <c r="DA115" s="6" t="s">
        <v>65</v>
      </c>
      <c r="DB115" s="6" t="s">
        <v>345</v>
      </c>
      <c r="DC115" s="6"/>
      <c r="DD115" s="6"/>
      <c r="DE115" s="6"/>
      <c r="DF115" s="6"/>
      <c r="DG115" s="6"/>
      <c r="DH115" s="6" t="s">
        <v>333</v>
      </c>
      <c r="DI115" s="6"/>
      <c r="DJ115" s="6"/>
      <c r="DK115" s="6"/>
      <c r="DL115" s="6">
        <v>6</v>
      </c>
      <c r="DM115" s="6" t="s">
        <v>396</v>
      </c>
      <c r="DN115" s="6">
        <v>6</v>
      </c>
      <c r="DO115" s="6" t="s">
        <v>393</v>
      </c>
      <c r="DP115" s="6"/>
      <c r="DQ115" s="6"/>
    </row>
    <row r="116" spans="1:121" x14ac:dyDescent="0.2">
      <c r="A116" s="6" t="s">
        <v>320</v>
      </c>
      <c r="B116" s="6" t="s">
        <v>320</v>
      </c>
      <c r="C116" s="6" t="s">
        <v>189</v>
      </c>
      <c r="D116" s="6" t="s">
        <v>65</v>
      </c>
      <c r="E116" s="6" t="s">
        <v>206</v>
      </c>
      <c r="F116" s="11">
        <v>15</v>
      </c>
      <c r="G116" s="13">
        <v>1</v>
      </c>
      <c r="H116" s="11">
        <v>28.8722066845</v>
      </c>
      <c r="I116" s="13">
        <v>1.9147142022269159</v>
      </c>
      <c r="J116" s="11">
        <v>6.9152791997999969</v>
      </c>
      <c r="K116" s="13">
        <v>0.15733948440705867</v>
      </c>
      <c r="L116" s="11">
        <v>-20.588726649199998</v>
      </c>
      <c r="M116" s="13">
        <v>-0.40475919283219303</v>
      </c>
      <c r="N116" s="11">
        <v>-13.673447449400001</v>
      </c>
      <c r="O116" s="13">
        <v>-0.31110431113436887</v>
      </c>
      <c r="P116" s="7">
        <v>15.079120764300001</v>
      </c>
      <c r="Q116" s="7">
        <v>11.019058083699999</v>
      </c>
      <c r="R116" s="7">
        <v>13.018399670899999</v>
      </c>
      <c r="S116" s="7">
        <v>25.8472309227</v>
      </c>
      <c r="T116" s="7">
        <v>27.0945786148</v>
      </c>
      <c r="U116" s="7">
        <v>40.490398459300003</v>
      </c>
      <c r="V116" s="7">
        <v>43.951327448800001</v>
      </c>
      <c r="W116" s="7">
        <v>45.603258916100003</v>
      </c>
      <c r="X116" s="7">
        <v>58.815978262599998</v>
      </c>
      <c r="Y116" s="7">
        <v>50.866606648599998</v>
      </c>
      <c r="Z116" s="7">
        <v>29.1180614017</v>
      </c>
      <c r="AA116" s="7">
        <v>28.378655683800002</v>
      </c>
      <c r="AB116" s="7">
        <v>12.738189091700001</v>
      </c>
      <c r="AC116" s="7">
        <v>20.602767959400001</v>
      </c>
      <c r="AD116" s="7">
        <v>27.619572116299999</v>
      </c>
      <c r="AE116" s="7">
        <v>28.685663033299999</v>
      </c>
      <c r="AF116" s="7">
        <v>30.2778799994</v>
      </c>
      <c r="AG116" s="9">
        <v>2005.7144981999991</v>
      </c>
      <c r="AH116" s="13">
        <v>8.6804451833213975E-2</v>
      </c>
      <c r="AI116" s="9">
        <v>-6188.0388727999998</v>
      </c>
      <c r="AJ116" s="13">
        <v>-0.26780946279147927</v>
      </c>
      <c r="AK116" s="9">
        <v>-1881.7417006000014</v>
      </c>
      <c r="AL116" s="13">
        <v>-0.11122663092532628</v>
      </c>
      <c r="AM116" s="9">
        <v>10075.4950716</v>
      </c>
      <c r="AN116" s="13">
        <v>0.67007611108504328</v>
      </c>
      <c r="AO116" s="9">
        <v>8193.7533709999989</v>
      </c>
      <c r="AP116" s="13">
        <v>0.48431917186018297</v>
      </c>
      <c r="AQ116" s="9">
        <v>23106.124810900001</v>
      </c>
      <c r="AR116" s="9">
        <v>22215.8630763</v>
      </c>
      <c r="AS116" s="9">
        <v>14433.7766503</v>
      </c>
      <c r="AT116" s="9">
        <v>26062.1478713</v>
      </c>
      <c r="AU116" s="9">
        <v>15125.849935099999</v>
      </c>
      <c r="AV116" s="9">
        <v>14974.1413732</v>
      </c>
      <c r="AW116" s="9">
        <v>16918.085938100001</v>
      </c>
      <c r="AX116" s="9">
        <v>17092.072789099999</v>
      </c>
      <c r="AY116" s="9">
        <v>18241.2363964</v>
      </c>
      <c r="AZ116" s="9">
        <v>15036.3442375</v>
      </c>
      <c r="BA116" s="9">
        <v>17007.6384344</v>
      </c>
      <c r="BB116" s="9">
        <v>19321.3198772</v>
      </c>
      <c r="BC116" s="9">
        <v>15438.730185599999</v>
      </c>
      <c r="BD116" s="9">
        <v>20395.339897000002</v>
      </c>
      <c r="BE116" s="9">
        <v>22191.2632978</v>
      </c>
      <c r="BF116" s="9">
        <v>25111.8393091</v>
      </c>
      <c r="BG116" s="11">
        <v>1.25</v>
      </c>
      <c r="BH116" s="13">
        <v>0.625</v>
      </c>
      <c r="BI116" s="6">
        <v>2</v>
      </c>
      <c r="BJ116" s="13">
        <v>1</v>
      </c>
      <c r="BK116" s="6">
        <v>0</v>
      </c>
      <c r="BL116" s="13">
        <v>0</v>
      </c>
      <c r="BM116" s="11">
        <v>-0.75</v>
      </c>
      <c r="BN116" s="13">
        <v>-0.1875</v>
      </c>
      <c r="BO116" s="11">
        <v>-0.75</v>
      </c>
      <c r="BP116" s="13">
        <v>-0.1875</v>
      </c>
      <c r="BQ116" s="6">
        <v>2</v>
      </c>
      <c r="BR116" s="6">
        <v>2</v>
      </c>
      <c r="BS116" s="6">
        <v>3</v>
      </c>
      <c r="BT116" s="6">
        <v>4</v>
      </c>
      <c r="BU116" s="6">
        <v>5</v>
      </c>
      <c r="BV116" s="6">
        <v>5</v>
      </c>
      <c r="BW116" s="6">
        <v>4</v>
      </c>
      <c r="BX116" s="6">
        <v>4</v>
      </c>
      <c r="BY116" s="6">
        <v>4</v>
      </c>
      <c r="BZ116" s="6">
        <v>3</v>
      </c>
      <c r="CA116" s="6">
        <v>3</v>
      </c>
      <c r="CB116" s="6">
        <v>4</v>
      </c>
      <c r="CC116" s="11">
        <v>3.25</v>
      </c>
      <c r="CD116" s="11">
        <v>8.0902100000000008</v>
      </c>
      <c r="CE116" s="11">
        <v>5.4602199999999996</v>
      </c>
      <c r="CF116" s="11">
        <v>1.6483300000000001</v>
      </c>
      <c r="CG116" s="11">
        <v>7</v>
      </c>
      <c r="CH116" s="20">
        <v>4.4786800000000002E-2</v>
      </c>
      <c r="CI116" s="20">
        <v>3.0819900000000001E-2</v>
      </c>
      <c r="CJ116" s="20">
        <v>3.5684199999999999E-2</v>
      </c>
      <c r="CK116" s="20">
        <v>6.7923700000000004E-2</v>
      </c>
      <c r="CL116" s="20">
        <v>7.0174799999999996E-2</v>
      </c>
      <c r="CM116" s="20">
        <v>0.101573</v>
      </c>
      <c r="CN116" s="20">
        <v>0.111011</v>
      </c>
      <c r="CO116" s="20">
        <v>0.11398999999999999</v>
      </c>
      <c r="CP116" s="20">
        <v>0.14458199999999999</v>
      </c>
      <c r="CQ116" s="20">
        <v>0.124363</v>
      </c>
      <c r="CR116" s="20">
        <v>6.9483699999999995E-2</v>
      </c>
      <c r="CS116" s="20">
        <v>6.9786500000000001E-2</v>
      </c>
      <c r="CT116" s="20">
        <v>3.2185100000000001E-2</v>
      </c>
      <c r="CU116" s="20">
        <v>5.25797E-2</v>
      </c>
      <c r="CV116" s="20">
        <v>6.9683800000000004E-2</v>
      </c>
      <c r="CW116" s="20">
        <v>7.1293300000000004E-2</v>
      </c>
      <c r="CX116" s="20">
        <v>7.3923000000000003E-2</v>
      </c>
      <c r="CY116" s="6" t="s">
        <v>394</v>
      </c>
      <c r="CZ116" s="6" t="s">
        <v>395</v>
      </c>
      <c r="DA116" s="6" t="s">
        <v>65</v>
      </c>
      <c r="DB116" s="6" t="s">
        <v>345</v>
      </c>
      <c r="DC116" s="6"/>
      <c r="DD116" s="6"/>
      <c r="DE116" s="6"/>
      <c r="DF116" s="6"/>
      <c r="DG116" s="6"/>
      <c r="DH116" s="6" t="s">
        <v>333</v>
      </c>
      <c r="DI116" s="6"/>
      <c r="DJ116" s="6"/>
      <c r="DK116" s="6"/>
      <c r="DL116" s="6">
        <v>6</v>
      </c>
      <c r="DM116" s="6" t="s">
        <v>396</v>
      </c>
      <c r="DN116" s="6">
        <v>6</v>
      </c>
      <c r="DO116" s="6" t="s">
        <v>393</v>
      </c>
      <c r="DP116" s="6"/>
      <c r="DQ116" s="6"/>
    </row>
    <row r="117" spans="1:121" x14ac:dyDescent="0.2">
      <c r="A117" s="6" t="s">
        <v>321</v>
      </c>
      <c r="B117" s="6" t="s">
        <v>321</v>
      </c>
      <c r="C117" s="6" t="s">
        <v>190</v>
      </c>
      <c r="D117" s="6" t="s">
        <v>65</v>
      </c>
      <c r="E117" s="6" t="s">
        <v>206</v>
      </c>
      <c r="F117" s="11">
        <v>222</v>
      </c>
      <c r="G117" s="13">
        <v>0.22886597938100001</v>
      </c>
      <c r="H117" s="11">
        <v>90.042159355999956</v>
      </c>
      <c r="I117" s="13">
        <v>9.2865805758090378E-2</v>
      </c>
      <c r="J117" s="11">
        <v>-86.101950193999983</v>
      </c>
      <c r="K117" s="13">
        <v>-8.1256119902518756E-2</v>
      </c>
      <c r="L117" s="11">
        <v>218.66148669400013</v>
      </c>
      <c r="M117" s="13">
        <v>0.22460578063239073</v>
      </c>
      <c r="N117" s="11">
        <v>132.55953650000015</v>
      </c>
      <c r="O117" s="13">
        <v>0.12509906648800762</v>
      </c>
      <c r="P117" s="7">
        <v>969.594336914</v>
      </c>
      <c r="Q117" s="7">
        <v>977.71495366700003</v>
      </c>
      <c r="R117" s="7">
        <v>1078.86139897</v>
      </c>
      <c r="S117" s="7">
        <v>1122.2858742599999</v>
      </c>
      <c r="T117" s="7">
        <v>1132.9556708499999</v>
      </c>
      <c r="U117" s="7">
        <v>1035.7546083</v>
      </c>
      <c r="V117" s="7">
        <v>1059.63649627</v>
      </c>
      <c r="W117" s="7">
        <v>1000.98079038</v>
      </c>
      <c r="X117" s="7">
        <v>965.20880081999996</v>
      </c>
      <c r="Y117" s="7">
        <v>973.53454607599997</v>
      </c>
      <c r="Z117" s="7">
        <v>950.31399832700004</v>
      </c>
      <c r="AA117" s="7">
        <v>1010.99411441</v>
      </c>
      <c r="AB117" s="7">
        <v>1030.68780709</v>
      </c>
      <c r="AC117" s="7">
        <v>968.59734503799996</v>
      </c>
      <c r="AD117" s="7">
        <v>1150.67955201</v>
      </c>
      <c r="AE117" s="7">
        <v>1161.46269785</v>
      </c>
      <c r="AF117" s="7">
        <v>1192.1960327700001</v>
      </c>
      <c r="AG117" s="9">
        <v>15501.489053699996</v>
      </c>
      <c r="AH117" s="13">
        <v>0.67701238677042475</v>
      </c>
      <c r="AI117" s="9">
        <v>6578.4788179999996</v>
      </c>
      <c r="AJ117" s="13">
        <v>0.28730863405859852</v>
      </c>
      <c r="AK117" s="9">
        <v>5006.7159685999977</v>
      </c>
      <c r="AL117" s="13">
        <v>0.16986091890584898</v>
      </c>
      <c r="AM117" s="9">
        <v>3916.2942670999983</v>
      </c>
      <c r="AN117" s="13">
        <v>0.11357470007681628</v>
      </c>
      <c r="AO117" s="9">
        <v>8923.010235699996</v>
      </c>
      <c r="AP117" s="13">
        <v>0.30272752190216951</v>
      </c>
      <c r="AQ117" s="9">
        <v>22896.906107800001</v>
      </c>
      <c r="AR117" s="9">
        <v>22968.666091499999</v>
      </c>
      <c r="AS117" s="9">
        <v>24055.879620799999</v>
      </c>
      <c r="AT117" s="9">
        <v>26139.061759299999</v>
      </c>
      <c r="AU117" s="9">
        <v>26508.947260600002</v>
      </c>
      <c r="AV117" s="9">
        <v>28410.513247800001</v>
      </c>
      <c r="AW117" s="9">
        <v>29475.384925800001</v>
      </c>
      <c r="AX117" s="9">
        <v>31405.8728324</v>
      </c>
      <c r="AY117" s="9">
        <v>33717.6905701</v>
      </c>
      <c r="AZ117" s="9">
        <v>34482.100894399999</v>
      </c>
      <c r="BA117" s="9">
        <v>34120.310672400003</v>
      </c>
      <c r="BB117" s="9">
        <v>34458.452227399997</v>
      </c>
      <c r="BC117" s="9">
        <v>35381.532999499999</v>
      </c>
      <c r="BD117" s="9">
        <v>36027.314932599998</v>
      </c>
      <c r="BE117" s="9">
        <v>36567.266106700001</v>
      </c>
      <c r="BF117" s="9">
        <v>38398.395161499997</v>
      </c>
      <c r="BG117" s="11">
        <v>74</v>
      </c>
      <c r="BH117" s="13">
        <v>1.2982456140350878</v>
      </c>
      <c r="BI117" s="6">
        <v>-5</v>
      </c>
      <c r="BJ117" s="13">
        <v>-8.771929824561403E-2</v>
      </c>
      <c r="BK117" s="6">
        <v>0</v>
      </c>
      <c r="BL117" s="13">
        <v>0</v>
      </c>
      <c r="BM117" s="11">
        <v>79</v>
      </c>
      <c r="BN117" s="13">
        <v>1.5192307692307692</v>
      </c>
      <c r="BO117" s="11">
        <v>79</v>
      </c>
      <c r="BP117" s="13">
        <v>1.5192307692307692</v>
      </c>
      <c r="BQ117" s="6">
        <v>57</v>
      </c>
      <c r="BR117" s="6">
        <v>55</v>
      </c>
      <c r="BS117" s="6">
        <v>50</v>
      </c>
      <c r="BT117" s="6">
        <v>52</v>
      </c>
      <c r="BU117" s="6">
        <v>53</v>
      </c>
      <c r="BV117" s="6">
        <v>50</v>
      </c>
      <c r="BW117" s="6">
        <v>52</v>
      </c>
      <c r="BX117" s="6">
        <v>52</v>
      </c>
      <c r="BY117" s="6">
        <v>53</v>
      </c>
      <c r="BZ117" s="6">
        <v>114</v>
      </c>
      <c r="CA117" s="6">
        <v>121</v>
      </c>
      <c r="CB117" s="6">
        <v>135</v>
      </c>
      <c r="CC117" s="11">
        <v>131</v>
      </c>
      <c r="CD117" s="11">
        <v>-236.48</v>
      </c>
      <c r="CE117" s="11">
        <v>353.09399999999999</v>
      </c>
      <c r="CF117" s="11">
        <v>105.988</v>
      </c>
      <c r="CG117" s="11">
        <v>459</v>
      </c>
      <c r="CH117" s="20">
        <v>0.58310899999999999</v>
      </c>
      <c r="CI117" s="20">
        <v>0.55773799999999996</v>
      </c>
      <c r="CJ117" s="20">
        <v>0.60209199999999996</v>
      </c>
      <c r="CK117" s="20">
        <v>0.61021700000000001</v>
      </c>
      <c r="CL117" s="20">
        <v>0.60056500000000002</v>
      </c>
      <c r="CM117" s="20">
        <v>0.53009600000000001</v>
      </c>
      <c r="CN117" s="20">
        <v>0.54483000000000004</v>
      </c>
      <c r="CO117" s="20">
        <v>0.51105599999999995</v>
      </c>
      <c r="CP117" s="20">
        <v>0.48835299999999998</v>
      </c>
      <c r="CQ117" s="20">
        <v>0.492977</v>
      </c>
      <c r="CR117" s="20">
        <v>0.47806700000000002</v>
      </c>
      <c r="CS117" s="20">
        <v>0.51549</v>
      </c>
      <c r="CT117" s="20">
        <v>0.53712400000000005</v>
      </c>
      <c r="CU117" s="20">
        <v>0.51088699999999998</v>
      </c>
      <c r="CV117" s="20">
        <v>0.59402900000000003</v>
      </c>
      <c r="CW117" s="20">
        <v>0.58709500000000003</v>
      </c>
      <c r="CX117" s="20">
        <v>0.58854499999999998</v>
      </c>
      <c r="CY117" s="6" t="s">
        <v>394</v>
      </c>
      <c r="CZ117" s="6" t="s">
        <v>395</v>
      </c>
      <c r="DA117" s="6" t="s">
        <v>65</v>
      </c>
      <c r="DB117" s="6" t="s">
        <v>345</v>
      </c>
      <c r="DC117" s="6"/>
      <c r="DD117" s="6"/>
      <c r="DE117" s="6"/>
      <c r="DF117" s="6"/>
      <c r="DG117" s="6"/>
      <c r="DH117" s="6" t="s">
        <v>333</v>
      </c>
      <c r="DI117" s="6"/>
      <c r="DJ117" s="6"/>
      <c r="DK117" s="6"/>
      <c r="DL117" s="6">
        <v>6</v>
      </c>
      <c r="DM117" s="6" t="s">
        <v>396</v>
      </c>
      <c r="DN117" s="6">
        <v>6</v>
      </c>
      <c r="DO117" s="6" t="s">
        <v>393</v>
      </c>
      <c r="DP117" s="6"/>
      <c r="DQ117" s="6"/>
    </row>
    <row r="118" spans="1:121" x14ac:dyDescent="0.2">
      <c r="A118" s="6" t="s">
        <v>322</v>
      </c>
      <c r="B118" s="6" t="s">
        <v>322</v>
      </c>
      <c r="C118" s="6" t="s">
        <v>191</v>
      </c>
      <c r="D118" s="6" t="s">
        <v>65</v>
      </c>
      <c r="E118" s="6" t="s">
        <v>206</v>
      </c>
      <c r="F118" s="11">
        <v>-78</v>
      </c>
      <c r="G118" s="13">
        <v>-0.57999999999999996</v>
      </c>
      <c r="H118" s="11">
        <v>-56</v>
      </c>
      <c r="I118" s="13">
        <v>-0.41791044776119401</v>
      </c>
      <c r="J118" s="11">
        <v>-16</v>
      </c>
      <c r="K118" s="13">
        <v>-0.20512820512820512</v>
      </c>
      <c r="L118" s="11">
        <v>-6</v>
      </c>
      <c r="M118" s="13">
        <v>-9.6774193548387094E-2</v>
      </c>
      <c r="N118" s="11">
        <v>-22</v>
      </c>
      <c r="O118" s="13">
        <v>-0.28205128205128205</v>
      </c>
      <c r="P118" s="7">
        <v>134</v>
      </c>
      <c r="Q118" s="7">
        <v>137</v>
      </c>
      <c r="R118" s="7">
        <v>134</v>
      </c>
      <c r="S118" s="7">
        <v>136</v>
      </c>
      <c r="T118" s="7">
        <v>77</v>
      </c>
      <c r="U118" s="7">
        <v>78</v>
      </c>
      <c r="V118" s="7">
        <v>78</v>
      </c>
      <c r="W118" s="7">
        <v>64</v>
      </c>
      <c r="X118" s="7">
        <v>55</v>
      </c>
      <c r="Y118" s="7">
        <v>62</v>
      </c>
      <c r="Z118" s="7">
        <v>68</v>
      </c>
      <c r="AA118" s="7">
        <v>64</v>
      </c>
      <c r="AB118" s="7">
        <v>62</v>
      </c>
      <c r="AC118" s="7">
        <v>64</v>
      </c>
      <c r="AD118" s="7">
        <v>58</v>
      </c>
      <c r="AE118" s="7">
        <v>55</v>
      </c>
      <c r="AF118" s="7">
        <v>56</v>
      </c>
      <c r="AG118" s="9">
        <v>2163</v>
      </c>
      <c r="AH118" s="13">
        <v>0.14945070130587992</v>
      </c>
      <c r="AI118" s="9">
        <v>-2585</v>
      </c>
      <c r="AJ118" s="13">
        <v>-0.17860844330822911</v>
      </c>
      <c r="AK118" s="9">
        <v>2439</v>
      </c>
      <c r="AL118" s="13">
        <v>0.20516487213997309</v>
      </c>
      <c r="AM118" s="9">
        <v>2309</v>
      </c>
      <c r="AN118" s="13">
        <v>0.16116423535981014</v>
      </c>
      <c r="AO118" s="9">
        <v>4748</v>
      </c>
      <c r="AP118" s="13">
        <v>0.39939434724091522</v>
      </c>
      <c r="AQ118" s="9">
        <v>14473</v>
      </c>
      <c r="AR118" s="9">
        <v>15307</v>
      </c>
      <c r="AS118" s="9">
        <v>14383</v>
      </c>
      <c r="AT118" s="9">
        <v>13461</v>
      </c>
      <c r="AU118" s="9">
        <v>11695</v>
      </c>
      <c r="AV118" s="9">
        <v>11902</v>
      </c>
      <c r="AW118" s="9">
        <v>11888</v>
      </c>
      <c r="AX118" s="9">
        <v>14761</v>
      </c>
      <c r="AY118" s="9">
        <v>14322</v>
      </c>
      <c r="AZ118" s="9">
        <v>14327</v>
      </c>
      <c r="BA118" s="9">
        <v>15645</v>
      </c>
      <c r="BB118" s="9">
        <v>15539</v>
      </c>
      <c r="BC118" s="9">
        <v>16030</v>
      </c>
      <c r="BD118" s="9">
        <v>15900</v>
      </c>
      <c r="BE118" s="9">
        <v>15320</v>
      </c>
      <c r="BF118" s="9">
        <v>16636</v>
      </c>
      <c r="BG118" s="11">
        <v>-3</v>
      </c>
      <c r="BH118" s="13">
        <v>-0.25</v>
      </c>
      <c r="BI118" s="6">
        <v>-4</v>
      </c>
      <c r="BJ118" s="13">
        <v>-0.33333333333333331</v>
      </c>
      <c r="BK118" s="6">
        <v>3</v>
      </c>
      <c r="BL118" s="13">
        <v>0.375</v>
      </c>
      <c r="BM118" s="11">
        <v>-2</v>
      </c>
      <c r="BN118" s="13">
        <v>-0.18181818181818182</v>
      </c>
      <c r="BO118" s="11">
        <v>1</v>
      </c>
      <c r="BP118" s="13">
        <v>0.125</v>
      </c>
      <c r="BQ118" s="6">
        <v>12</v>
      </c>
      <c r="BR118" s="6">
        <v>12</v>
      </c>
      <c r="BS118" s="6">
        <v>8</v>
      </c>
      <c r="BT118" s="6">
        <v>8</v>
      </c>
      <c r="BU118" s="6">
        <v>9</v>
      </c>
      <c r="BV118" s="6">
        <v>7</v>
      </c>
      <c r="BW118" s="6">
        <v>11</v>
      </c>
      <c r="BX118" s="6">
        <v>10</v>
      </c>
      <c r="BY118" s="6">
        <v>9</v>
      </c>
      <c r="BZ118" s="6">
        <v>11</v>
      </c>
      <c r="CA118" s="6">
        <v>11</v>
      </c>
      <c r="CB118" s="6">
        <v>11</v>
      </c>
      <c r="CC118" s="11">
        <v>9</v>
      </c>
      <c r="CD118" s="11">
        <v>-118</v>
      </c>
      <c r="CE118" s="11">
        <v>24</v>
      </c>
      <c r="CF118" s="11">
        <v>15</v>
      </c>
      <c r="CG118" s="11">
        <v>39</v>
      </c>
      <c r="CH118" s="20">
        <v>0.53</v>
      </c>
      <c r="CI118" s="20">
        <v>0.52</v>
      </c>
      <c r="CJ118" s="20">
        <v>0.51</v>
      </c>
      <c r="CK118" s="20">
        <v>0.5</v>
      </c>
      <c r="CL118" s="20">
        <v>0.28000000000000003</v>
      </c>
      <c r="CM118" s="20">
        <v>0.27</v>
      </c>
      <c r="CN118" s="20">
        <v>0.28000000000000003</v>
      </c>
      <c r="CO118" s="20">
        <v>0.23</v>
      </c>
      <c r="CP118" s="20">
        <v>0.2</v>
      </c>
      <c r="CQ118" s="20">
        <v>0.23</v>
      </c>
      <c r="CR118" s="20">
        <v>0.26</v>
      </c>
      <c r="CS118" s="20">
        <v>0.25</v>
      </c>
      <c r="CT118" s="20">
        <v>0.24</v>
      </c>
      <c r="CU118" s="20">
        <v>0.25</v>
      </c>
      <c r="CV118" s="20">
        <v>0.22</v>
      </c>
      <c r="CW118" s="20">
        <v>0.2</v>
      </c>
      <c r="CX118" s="20">
        <v>0.2</v>
      </c>
      <c r="CY118" s="6" t="s">
        <v>394</v>
      </c>
      <c r="CZ118" s="6" t="s">
        <v>395</v>
      </c>
      <c r="DA118" s="6" t="s">
        <v>65</v>
      </c>
      <c r="DB118" s="6" t="s">
        <v>345</v>
      </c>
      <c r="DC118" s="6"/>
      <c r="DD118" s="6"/>
      <c r="DE118" s="6"/>
      <c r="DF118" s="6"/>
      <c r="DG118" s="6"/>
      <c r="DH118" s="6" t="s">
        <v>333</v>
      </c>
      <c r="DI118" s="6"/>
      <c r="DJ118" s="6"/>
      <c r="DK118" s="6"/>
      <c r="DL118" s="6">
        <v>6</v>
      </c>
      <c r="DM118" s="6" t="s">
        <v>396</v>
      </c>
      <c r="DN118" s="6">
        <v>6</v>
      </c>
      <c r="DO118" s="6" t="s">
        <v>393</v>
      </c>
      <c r="DP118" s="6"/>
      <c r="DQ118" s="6"/>
    </row>
    <row r="119" spans="1:121" x14ac:dyDescent="0.2">
      <c r="A119" s="6" t="s">
        <v>323</v>
      </c>
      <c r="B119" s="6" t="s">
        <v>323</v>
      </c>
      <c r="C119" s="6" t="s">
        <v>192</v>
      </c>
      <c r="D119" s="6" t="s">
        <v>65</v>
      </c>
      <c r="E119" s="6" t="s">
        <v>206</v>
      </c>
      <c r="F119" s="11">
        <v>28</v>
      </c>
      <c r="G119" s="13">
        <v>2.8985507246400002E-2</v>
      </c>
      <c r="H119" s="11">
        <v>-50.908710014000008</v>
      </c>
      <c r="I119" s="13">
        <v>-5.2695600852426146E-2</v>
      </c>
      <c r="J119" s="11">
        <v>-54.597314866000033</v>
      </c>
      <c r="K119" s="13">
        <v>-5.9657355578398033E-2</v>
      </c>
      <c r="L119" s="11">
        <v>133.29412488000003</v>
      </c>
      <c r="M119" s="13">
        <v>0.15488793517580046</v>
      </c>
      <c r="N119" s="11">
        <v>78.696810013999993</v>
      </c>
      <c r="O119" s="13">
        <v>8.5990374973815828E-2</v>
      </c>
      <c r="P119" s="7">
        <v>966.09032235100005</v>
      </c>
      <c r="Q119" s="7">
        <v>988.28730072400003</v>
      </c>
      <c r="R119" s="7">
        <v>886.63460654899995</v>
      </c>
      <c r="S119" s="7">
        <v>936.86718668200001</v>
      </c>
      <c r="T119" s="7">
        <v>958.858589929</v>
      </c>
      <c r="U119" s="7">
        <v>961.47661850600002</v>
      </c>
      <c r="V119" s="7">
        <v>915.18161233700005</v>
      </c>
      <c r="W119" s="7">
        <v>906.09331102900001</v>
      </c>
      <c r="X119" s="7">
        <v>871.087609724</v>
      </c>
      <c r="Y119" s="7">
        <v>860.58429747100001</v>
      </c>
      <c r="Z119" s="7">
        <v>831.51029761400002</v>
      </c>
      <c r="AA119" s="7">
        <v>809.54773737699998</v>
      </c>
      <c r="AB119" s="7">
        <v>858.69159459599996</v>
      </c>
      <c r="AC119" s="7">
        <v>894.01669164800001</v>
      </c>
      <c r="AD119" s="7">
        <v>923.21976095000002</v>
      </c>
      <c r="AE119" s="7">
        <v>977.77738362699995</v>
      </c>
      <c r="AF119" s="7">
        <v>993.87842235100004</v>
      </c>
      <c r="AG119" s="9">
        <v>3119.0292586999985</v>
      </c>
      <c r="AH119" s="13">
        <v>0.26641104629674084</v>
      </c>
      <c r="AI119" s="9">
        <v>2003.5895901999993</v>
      </c>
      <c r="AJ119" s="13">
        <v>0.17113606664174646</v>
      </c>
      <c r="AK119" s="9">
        <v>-84.911437700000533</v>
      </c>
      <c r="AL119" s="13">
        <v>-6.1928650724523146E-3</v>
      </c>
      <c r="AM119" s="9">
        <v>1200.3511061999998</v>
      </c>
      <c r="AN119" s="13">
        <v>8.8091014226287651E-2</v>
      </c>
      <c r="AO119" s="9">
        <v>1115.4396684999992</v>
      </c>
      <c r="AP119" s="13">
        <v>8.1352613388636461E-2</v>
      </c>
      <c r="AQ119" s="9">
        <v>11707.582332100001</v>
      </c>
      <c r="AR119" s="9">
        <v>11819.9194737</v>
      </c>
      <c r="AS119" s="9">
        <v>11540.295844099999</v>
      </c>
      <c r="AT119" s="9">
        <v>11430.831760999999</v>
      </c>
      <c r="AU119" s="9">
        <v>11721.519124500001</v>
      </c>
      <c r="AV119" s="9">
        <v>11576.7952193</v>
      </c>
      <c r="AW119" s="9">
        <v>13711.1719223</v>
      </c>
      <c r="AX119" s="9">
        <v>13735.2441709</v>
      </c>
      <c r="AY119" s="9">
        <v>13912.593576900001</v>
      </c>
      <c r="AZ119" s="9">
        <v>13626.260484599999</v>
      </c>
      <c r="BA119" s="9">
        <v>13881.328710199999</v>
      </c>
      <c r="BB119" s="9">
        <v>14371.279206699999</v>
      </c>
      <c r="BC119" s="9">
        <v>13706.769154199999</v>
      </c>
      <c r="BD119" s="9">
        <v>14255.327801900001</v>
      </c>
      <c r="BE119" s="9">
        <v>14445.6381487</v>
      </c>
      <c r="BF119" s="9">
        <v>14826.611590799999</v>
      </c>
      <c r="BG119" s="11">
        <v>-18.75</v>
      </c>
      <c r="BH119" s="13">
        <v>-0.26041666666666669</v>
      </c>
      <c r="BI119" s="6">
        <v>-3</v>
      </c>
      <c r="BJ119" s="13">
        <v>-4.1666666666666664E-2</v>
      </c>
      <c r="BK119" s="6">
        <v>-11</v>
      </c>
      <c r="BL119" s="13">
        <v>-0.15942028985507245</v>
      </c>
      <c r="BM119" s="11">
        <v>-4.75</v>
      </c>
      <c r="BN119" s="13">
        <v>-8.1896551724137928E-2</v>
      </c>
      <c r="BO119" s="11">
        <v>-15.75</v>
      </c>
      <c r="BP119" s="13">
        <v>-0.22826086956521738</v>
      </c>
      <c r="BQ119" s="6">
        <v>72</v>
      </c>
      <c r="BR119" s="6">
        <v>67</v>
      </c>
      <c r="BS119" s="6">
        <v>65</v>
      </c>
      <c r="BT119" s="6">
        <v>69</v>
      </c>
      <c r="BU119" s="6">
        <v>65</v>
      </c>
      <c r="BV119" s="6">
        <v>60</v>
      </c>
      <c r="BW119" s="6">
        <v>58</v>
      </c>
      <c r="BX119" s="6">
        <v>51</v>
      </c>
      <c r="BY119" s="6">
        <v>50</v>
      </c>
      <c r="BZ119" s="6">
        <v>48</v>
      </c>
      <c r="CA119" s="6">
        <v>49</v>
      </c>
      <c r="CB119" s="6">
        <v>50</v>
      </c>
      <c r="CC119" s="11">
        <v>53.25</v>
      </c>
      <c r="CD119" s="11">
        <v>-297.512</v>
      </c>
      <c r="CE119" s="11">
        <v>219.69399999999999</v>
      </c>
      <c r="CF119" s="11">
        <v>105.605</v>
      </c>
      <c r="CG119" s="11">
        <v>326</v>
      </c>
      <c r="CH119" s="20">
        <v>0.78289200000000003</v>
      </c>
      <c r="CI119" s="20">
        <v>0.77898999999999996</v>
      </c>
      <c r="CJ119" s="20">
        <v>0.69208000000000003</v>
      </c>
      <c r="CK119" s="20">
        <v>0.70876099999999997</v>
      </c>
      <c r="CL119" s="20">
        <v>0.70666899999999999</v>
      </c>
      <c r="CM119" s="20">
        <v>0.68685499999999999</v>
      </c>
      <c r="CN119" s="20">
        <v>0.660493</v>
      </c>
      <c r="CO119" s="20">
        <v>0.66420999999999997</v>
      </c>
      <c r="CP119" s="20">
        <v>0.66416500000000001</v>
      </c>
      <c r="CQ119" s="20">
        <v>0.665296</v>
      </c>
      <c r="CR119" s="20">
        <v>0.63161900000000004</v>
      </c>
      <c r="CS119" s="20">
        <v>0.627139</v>
      </c>
      <c r="CT119" s="20">
        <v>0.67262900000000003</v>
      </c>
      <c r="CU119" s="20">
        <v>0.70132700000000003</v>
      </c>
      <c r="CV119" s="20">
        <v>0.70205499999999998</v>
      </c>
      <c r="CW119" s="20">
        <v>0.726329</v>
      </c>
      <c r="CX119" s="20">
        <v>0.72877499999999995</v>
      </c>
      <c r="CY119" s="6" t="s">
        <v>394</v>
      </c>
      <c r="CZ119" s="6" t="s">
        <v>395</v>
      </c>
      <c r="DA119" s="6" t="s">
        <v>65</v>
      </c>
      <c r="DB119" s="6" t="s">
        <v>345</v>
      </c>
      <c r="DC119" s="6"/>
      <c r="DD119" s="6"/>
      <c r="DE119" s="6"/>
      <c r="DF119" s="6"/>
      <c r="DG119" s="6"/>
      <c r="DH119" s="6" t="s">
        <v>333</v>
      </c>
      <c r="DI119" s="6"/>
      <c r="DJ119" s="6"/>
      <c r="DK119" s="6"/>
      <c r="DL119" s="6">
        <v>6</v>
      </c>
      <c r="DM119" s="6" t="s">
        <v>396</v>
      </c>
      <c r="DN119" s="6">
        <v>6</v>
      </c>
      <c r="DO119" s="6" t="s">
        <v>393</v>
      </c>
      <c r="DP119" s="6"/>
      <c r="DQ119" s="6"/>
    </row>
    <row r="120" spans="1:121" x14ac:dyDescent="0.2">
      <c r="A120" s="6" t="s">
        <v>325</v>
      </c>
      <c r="B120" s="6" t="s">
        <v>325</v>
      </c>
      <c r="C120" s="6" t="s">
        <v>193</v>
      </c>
      <c r="D120" s="6" t="s">
        <v>65</v>
      </c>
      <c r="E120" s="6" t="s">
        <v>206</v>
      </c>
      <c r="F120" s="11">
        <v>14</v>
      </c>
      <c r="G120" s="13">
        <v>2.1909233176799998E-2</v>
      </c>
      <c r="H120" s="11">
        <v>64.18722341299997</v>
      </c>
      <c r="I120" s="13">
        <v>0.10044505124639748</v>
      </c>
      <c r="J120" s="11">
        <v>11.047847268000055</v>
      </c>
      <c r="K120" s="13">
        <v>1.5710472797928997E-2</v>
      </c>
      <c r="L120" s="11">
        <v>-61.394243825999979</v>
      </c>
      <c r="M120" s="13">
        <v>-8.5954638407899825E-2</v>
      </c>
      <c r="N120" s="11">
        <v>-50.346396557999924</v>
      </c>
      <c r="O120" s="13">
        <v>-7.1594553618533965E-2</v>
      </c>
      <c r="P120" s="7">
        <v>639.02823102299999</v>
      </c>
      <c r="Q120" s="7">
        <v>756.06423273500002</v>
      </c>
      <c r="R120" s="7">
        <v>731.93303836400003</v>
      </c>
      <c r="S120" s="7">
        <v>749.05087425600004</v>
      </c>
      <c r="T120" s="7">
        <v>715.23232940800006</v>
      </c>
      <c r="U120" s="7">
        <v>720.08076733899998</v>
      </c>
      <c r="V120" s="7">
        <v>703.21545443599996</v>
      </c>
      <c r="W120" s="7">
        <v>646.49366260600004</v>
      </c>
      <c r="X120" s="7">
        <v>687.80562951299999</v>
      </c>
      <c r="Y120" s="7">
        <v>714.26330170400001</v>
      </c>
      <c r="Z120" s="7">
        <v>683.67891914899997</v>
      </c>
      <c r="AA120" s="7">
        <v>622.34558156200001</v>
      </c>
      <c r="AB120" s="7">
        <v>609.20057826000004</v>
      </c>
      <c r="AC120" s="7">
        <v>634.17414770599999</v>
      </c>
      <c r="AD120" s="7">
        <v>636.82469335500002</v>
      </c>
      <c r="AE120" s="7">
        <v>638.26975803599998</v>
      </c>
      <c r="AF120" s="7">
        <v>652.86905787800004</v>
      </c>
      <c r="AG120" s="9">
        <v>3385.9274059999989</v>
      </c>
      <c r="AH120" s="13">
        <v>0.2080729653102317</v>
      </c>
      <c r="AI120" s="9">
        <v>-1632.2315755999989</v>
      </c>
      <c r="AJ120" s="13">
        <v>-0.10030435484418757</v>
      </c>
      <c r="AK120" s="9">
        <v>-594.04388440000002</v>
      </c>
      <c r="AL120" s="13">
        <v>-4.0575223874624047E-2</v>
      </c>
      <c r="AM120" s="9">
        <v>5612.2028659999978</v>
      </c>
      <c r="AN120" s="13">
        <v>0.39954419691530807</v>
      </c>
      <c r="AO120" s="9">
        <v>5018.1589815999978</v>
      </c>
      <c r="AP120" s="13">
        <v>0.3427573778030385</v>
      </c>
      <c r="AQ120" s="9">
        <v>16272.7887352</v>
      </c>
      <c r="AR120" s="9">
        <v>15638.378558500001</v>
      </c>
      <c r="AS120" s="9">
        <v>14695.4895708</v>
      </c>
      <c r="AT120" s="9">
        <v>14342.4016794</v>
      </c>
      <c r="AU120" s="9">
        <v>14341.383701000001</v>
      </c>
      <c r="AV120" s="9">
        <v>14217.650120300001</v>
      </c>
      <c r="AW120" s="9">
        <v>14640.557159600001</v>
      </c>
      <c r="AX120" s="9">
        <v>14537.9043446</v>
      </c>
      <c r="AY120" s="9">
        <v>14766.9951055</v>
      </c>
      <c r="AZ120" s="9">
        <v>14046.513275200001</v>
      </c>
      <c r="BA120" s="9">
        <v>15232.220405800001</v>
      </c>
      <c r="BB120" s="9">
        <v>16567.907961600002</v>
      </c>
      <c r="BC120" s="9">
        <v>17369.8937912</v>
      </c>
      <c r="BD120" s="9">
        <v>18943.547115400001</v>
      </c>
      <c r="BE120" s="9">
        <v>19514.8923431</v>
      </c>
      <c r="BF120" s="9">
        <v>19658.716141199999</v>
      </c>
      <c r="BG120" s="11">
        <v>-92.5</v>
      </c>
      <c r="BH120" s="13">
        <v>-0.59677419354838712</v>
      </c>
      <c r="BI120" s="6">
        <v>-9</v>
      </c>
      <c r="BJ120" s="13">
        <v>-5.8064516129032261E-2</v>
      </c>
      <c r="BK120" s="6">
        <v>-14</v>
      </c>
      <c r="BL120" s="13">
        <v>-9.5890410958904104E-2</v>
      </c>
      <c r="BM120" s="11">
        <v>-69.5</v>
      </c>
      <c r="BN120" s="13">
        <v>-0.52651515151515149</v>
      </c>
      <c r="BO120" s="11">
        <v>-83.5</v>
      </c>
      <c r="BP120" s="13">
        <v>-0.57191780821917804</v>
      </c>
      <c r="BQ120" s="6">
        <v>155</v>
      </c>
      <c r="BR120" s="6">
        <v>146</v>
      </c>
      <c r="BS120" s="6">
        <v>142</v>
      </c>
      <c r="BT120" s="6">
        <v>146</v>
      </c>
      <c r="BU120" s="6">
        <v>147</v>
      </c>
      <c r="BV120" s="6">
        <v>137</v>
      </c>
      <c r="BW120" s="6">
        <v>132</v>
      </c>
      <c r="BX120" s="6">
        <v>130</v>
      </c>
      <c r="BY120" s="6">
        <v>122</v>
      </c>
      <c r="BZ120" s="6">
        <v>62</v>
      </c>
      <c r="CA120" s="6">
        <v>65</v>
      </c>
      <c r="CB120" s="6">
        <v>67</v>
      </c>
      <c r="CC120" s="11">
        <v>62.5</v>
      </c>
      <c r="CD120" s="11">
        <v>-50.127800000000001</v>
      </c>
      <c r="CE120" s="11">
        <v>-5.8848399999999996</v>
      </c>
      <c r="CF120" s="11">
        <v>69.853499999999997</v>
      </c>
      <c r="CG120" s="11">
        <v>64</v>
      </c>
      <c r="CH120" s="20">
        <v>0.76237999999999995</v>
      </c>
      <c r="CI120" s="20">
        <v>0.87371399999999999</v>
      </c>
      <c r="CJ120" s="20">
        <v>0.84242499999999998</v>
      </c>
      <c r="CK120" s="20">
        <v>0.85069499999999998</v>
      </c>
      <c r="CL120" s="20">
        <v>0.80443500000000001</v>
      </c>
      <c r="CM120" s="20">
        <v>0.79237999999999997</v>
      </c>
      <c r="CN120" s="20">
        <v>0.785632</v>
      </c>
      <c r="CO120" s="20">
        <v>0.73291200000000001</v>
      </c>
      <c r="CP120" s="20">
        <v>0.79449599999999998</v>
      </c>
      <c r="CQ120" s="20">
        <v>0.84274899999999997</v>
      </c>
      <c r="CR120" s="20">
        <v>0.804176</v>
      </c>
      <c r="CS120" s="20">
        <v>0.75233099999999997</v>
      </c>
      <c r="CT120" s="20">
        <v>0.81230000000000002</v>
      </c>
      <c r="CU120" s="20">
        <v>0.855854</v>
      </c>
      <c r="CV120" s="20">
        <v>0.84959899999999999</v>
      </c>
      <c r="CW120" s="20">
        <v>0.84064899999999998</v>
      </c>
      <c r="CX120" s="20">
        <v>0.85636699999999999</v>
      </c>
      <c r="CY120" s="6" t="s">
        <v>394</v>
      </c>
      <c r="CZ120" s="6" t="s">
        <v>395</v>
      </c>
      <c r="DA120" s="6" t="s">
        <v>65</v>
      </c>
      <c r="DB120" s="6" t="s">
        <v>345</v>
      </c>
      <c r="DC120" s="6"/>
      <c r="DD120" s="6"/>
      <c r="DE120" s="6"/>
      <c r="DF120" s="6"/>
      <c r="DG120" s="6"/>
      <c r="DH120" s="6" t="s">
        <v>333</v>
      </c>
      <c r="DI120" s="6"/>
      <c r="DJ120" s="6"/>
      <c r="DK120" s="6"/>
      <c r="DL120" s="6">
        <v>6</v>
      </c>
      <c r="DM120" s="6" t="s">
        <v>396</v>
      </c>
      <c r="DN120" s="6">
        <v>6</v>
      </c>
      <c r="DO120" s="6" t="s">
        <v>393</v>
      </c>
      <c r="DP120" s="6"/>
      <c r="DQ120" s="6"/>
    </row>
    <row r="121" spans="1:121" x14ac:dyDescent="0.2">
      <c r="A121" s="6" t="s">
        <v>327</v>
      </c>
      <c r="B121" s="6" t="s">
        <v>327</v>
      </c>
      <c r="C121" s="6" t="s">
        <v>194</v>
      </c>
      <c r="D121" s="6" t="s">
        <v>65</v>
      </c>
      <c r="E121" s="6" t="s">
        <v>206</v>
      </c>
      <c r="F121" s="11">
        <v>-356</v>
      </c>
      <c r="G121" s="13">
        <v>-0.177644710579</v>
      </c>
      <c r="H121" s="11">
        <v>-120.03442999999993</v>
      </c>
      <c r="I121" s="13">
        <v>-5.9910728323486415E-2</v>
      </c>
      <c r="J121" s="11">
        <v>11.743975999999975</v>
      </c>
      <c r="K121" s="13">
        <v>6.2351201008883014E-3</v>
      </c>
      <c r="L121" s="11">
        <v>-247.06095271000004</v>
      </c>
      <c r="M121" s="13">
        <v>-0.13035698548614796</v>
      </c>
      <c r="N121" s="11">
        <v>-235.31697671000006</v>
      </c>
      <c r="O121" s="13">
        <v>-0.12493465684575554</v>
      </c>
      <c r="P121" s="7">
        <v>2003.5548449999999</v>
      </c>
      <c r="Q121" s="7">
        <v>2035.4948280000001</v>
      </c>
      <c r="R121" s="7">
        <v>2016.3304290000001</v>
      </c>
      <c r="S121" s="7">
        <v>1980.0288579999999</v>
      </c>
      <c r="T121" s="7">
        <v>1971.7482769999999</v>
      </c>
      <c r="U121" s="7">
        <v>1948.2215369999999</v>
      </c>
      <c r="V121" s="7">
        <v>1883.520415</v>
      </c>
      <c r="W121" s="7">
        <v>1930.2697949999999</v>
      </c>
      <c r="X121" s="7">
        <v>1932.6360119999999</v>
      </c>
      <c r="Y121" s="7">
        <v>1895.2643909999999</v>
      </c>
      <c r="Z121" s="7">
        <v>1878.4225039999999</v>
      </c>
      <c r="AA121" s="7">
        <v>1811.9748709999999</v>
      </c>
      <c r="AB121" s="7">
        <v>1805.135986</v>
      </c>
      <c r="AC121" s="7">
        <v>1792.2854769999999</v>
      </c>
      <c r="AD121" s="7">
        <v>1668.543036</v>
      </c>
      <c r="AE121" s="7">
        <v>1680.50684475</v>
      </c>
      <c r="AF121" s="7">
        <v>1648.2034382899999</v>
      </c>
      <c r="AG121" s="9">
        <v>12471.199802200001</v>
      </c>
      <c r="AH121" s="13">
        <v>0.39181969150867518</v>
      </c>
      <c r="AI121" s="9">
        <v>7060.742670100004</v>
      </c>
      <c r="AJ121" s="13">
        <v>0.22183415057889519</v>
      </c>
      <c r="AK121" s="9">
        <v>4243.3120158999955</v>
      </c>
      <c r="AL121" s="13">
        <v>0.1091115508752115</v>
      </c>
      <c r="AM121" s="9">
        <v>1167.1451162000012</v>
      </c>
      <c r="AN121" s="13">
        <v>2.7059227277484364E-2</v>
      </c>
      <c r="AO121" s="9">
        <v>5410.4571320999967</v>
      </c>
      <c r="AP121" s="13">
        <v>0.13912325240642701</v>
      </c>
      <c r="AQ121" s="9">
        <v>31828.925581</v>
      </c>
      <c r="AR121" s="9">
        <v>32834.251386600001</v>
      </c>
      <c r="AS121" s="9">
        <v>34437.013222499998</v>
      </c>
      <c r="AT121" s="9">
        <v>36177.191545100002</v>
      </c>
      <c r="AU121" s="9">
        <v>37022.704647500002</v>
      </c>
      <c r="AV121" s="9">
        <v>38904.546250400002</v>
      </c>
      <c r="AW121" s="9">
        <v>38889.668251100004</v>
      </c>
      <c r="AX121" s="9">
        <v>40129.567211399997</v>
      </c>
      <c r="AY121" s="9">
        <v>41753.572569000004</v>
      </c>
      <c r="AZ121" s="9">
        <v>43132.980266999999</v>
      </c>
      <c r="BA121" s="9">
        <v>42719.529342000002</v>
      </c>
      <c r="BB121" s="9">
        <v>43388.304733899997</v>
      </c>
      <c r="BC121" s="9">
        <v>44193.619272900003</v>
      </c>
      <c r="BD121" s="9">
        <v>43404.946366099997</v>
      </c>
      <c r="BE121" s="9">
        <v>43371.1393168</v>
      </c>
      <c r="BF121" s="9">
        <v>44300.1253832</v>
      </c>
      <c r="BG121" s="11">
        <v>-3.75</v>
      </c>
      <c r="BH121" s="13">
        <v>-4.261363636363636E-2</v>
      </c>
      <c r="BI121" s="6">
        <v>-1</v>
      </c>
      <c r="BJ121" s="13">
        <v>-1.1363636363636364E-2</v>
      </c>
      <c r="BK121" s="6">
        <v>3</v>
      </c>
      <c r="BL121" s="13">
        <v>3.4482758620689655E-2</v>
      </c>
      <c r="BM121" s="11">
        <v>-5.75</v>
      </c>
      <c r="BN121" s="13">
        <v>-6.3888888888888884E-2</v>
      </c>
      <c r="BO121" s="11">
        <v>-2.75</v>
      </c>
      <c r="BP121" s="13">
        <v>-3.1609195402298854E-2</v>
      </c>
      <c r="BQ121" s="6">
        <v>88</v>
      </c>
      <c r="BR121" s="6">
        <v>88</v>
      </c>
      <c r="BS121" s="6">
        <v>90</v>
      </c>
      <c r="BT121" s="6">
        <v>87</v>
      </c>
      <c r="BU121" s="6">
        <v>89</v>
      </c>
      <c r="BV121" s="6">
        <v>91</v>
      </c>
      <c r="BW121" s="6">
        <v>90</v>
      </c>
      <c r="BX121" s="6">
        <v>88</v>
      </c>
      <c r="BY121" s="6">
        <v>89</v>
      </c>
      <c r="BZ121" s="6">
        <v>88</v>
      </c>
      <c r="CA121" s="6">
        <v>87</v>
      </c>
      <c r="CB121" s="6">
        <v>87</v>
      </c>
      <c r="CC121" s="11">
        <v>84.25</v>
      </c>
      <c r="CD121" s="11">
        <v>-456.90600000000001</v>
      </c>
      <c r="CE121" s="11">
        <v>-117.458</v>
      </c>
      <c r="CF121" s="11">
        <v>219.01300000000001</v>
      </c>
      <c r="CG121" s="11">
        <v>102</v>
      </c>
      <c r="CH121" s="20">
        <v>0.71958100000000003</v>
      </c>
      <c r="CI121" s="20">
        <v>0.70672500000000005</v>
      </c>
      <c r="CJ121" s="20">
        <v>0.702399</v>
      </c>
      <c r="CK121" s="20">
        <v>0.68553699999999995</v>
      </c>
      <c r="CL121" s="20">
        <v>0.67762999999999995</v>
      </c>
      <c r="CM121" s="20">
        <v>0.65939199999999998</v>
      </c>
      <c r="CN121" s="20">
        <v>0.65186699999999997</v>
      </c>
      <c r="CO121" s="20">
        <v>0.67111500000000002</v>
      </c>
      <c r="CP121" s="20">
        <v>0.67699100000000001</v>
      </c>
      <c r="CQ121" s="20">
        <v>0.67425100000000004</v>
      </c>
      <c r="CR121" s="20">
        <v>0.68183800000000006</v>
      </c>
      <c r="CS121" s="20">
        <v>0.69888300000000003</v>
      </c>
      <c r="CT121" s="20">
        <v>0.72943800000000003</v>
      </c>
      <c r="CU121" s="20">
        <v>0.74688900000000003</v>
      </c>
      <c r="CV121" s="20">
        <v>0.69327399999999995</v>
      </c>
      <c r="CW121" s="20">
        <v>0.69280799999999998</v>
      </c>
      <c r="CX121" s="20">
        <v>0.681446</v>
      </c>
      <c r="CY121" s="6" t="s">
        <v>394</v>
      </c>
      <c r="CZ121" s="6" t="s">
        <v>395</v>
      </c>
      <c r="DA121" s="6" t="s">
        <v>65</v>
      </c>
      <c r="DB121" s="6" t="s">
        <v>345</v>
      </c>
      <c r="DC121" s="6"/>
      <c r="DD121" s="6"/>
      <c r="DE121" s="6"/>
      <c r="DF121" s="6"/>
      <c r="DG121" s="6"/>
      <c r="DH121" s="6" t="s">
        <v>333</v>
      </c>
      <c r="DI121" s="6"/>
      <c r="DJ121" s="6"/>
      <c r="DK121" s="6"/>
      <c r="DL121" s="6">
        <v>6</v>
      </c>
      <c r="DM121" s="6" t="s">
        <v>396</v>
      </c>
      <c r="DN121" s="6">
        <v>6</v>
      </c>
      <c r="DO121" s="6" t="s">
        <v>393</v>
      </c>
      <c r="DP121" s="6"/>
      <c r="DQ121" s="6"/>
    </row>
    <row r="122" spans="1:121" x14ac:dyDescent="0.2">
      <c r="A122" s="6" t="s">
        <v>1</v>
      </c>
      <c r="B122" s="6" t="s">
        <v>1</v>
      </c>
      <c r="C122" s="6" t="s">
        <v>2</v>
      </c>
      <c r="D122" s="6" t="s">
        <v>115</v>
      </c>
      <c r="E122" s="6" t="s">
        <v>256</v>
      </c>
      <c r="F122" s="11">
        <v>3</v>
      </c>
      <c r="G122" s="13">
        <v>9.3167701863399992E-3</v>
      </c>
      <c r="H122" s="11">
        <v>-86.740063916999986</v>
      </c>
      <c r="I122" s="13">
        <v>-0.26936490210708086</v>
      </c>
      <c r="J122" s="11">
        <v>-34.431806255000026</v>
      </c>
      <c r="K122" s="13">
        <v>-0.14634589478534726</v>
      </c>
      <c r="L122" s="11">
        <v>123.65650363899999</v>
      </c>
      <c r="M122" s="13">
        <v>0.61568102351704079</v>
      </c>
      <c r="N122" s="11">
        <v>89.224697383999967</v>
      </c>
      <c r="O122" s="13">
        <v>0.37923273844273375</v>
      </c>
      <c r="P122" s="7">
        <v>322.016948899</v>
      </c>
      <c r="Q122" s="7">
        <v>254.85428627600001</v>
      </c>
      <c r="R122" s="7">
        <v>154.58553328900001</v>
      </c>
      <c r="S122" s="7">
        <v>398.77187665500003</v>
      </c>
      <c r="T122" s="7">
        <v>238.554401095</v>
      </c>
      <c r="U122" s="7">
        <v>254.31946912500001</v>
      </c>
      <c r="V122" s="7">
        <v>235.27688498200001</v>
      </c>
      <c r="W122" s="7">
        <v>218.50852048300001</v>
      </c>
      <c r="X122" s="7">
        <v>244.29653203699999</v>
      </c>
      <c r="Y122" s="7">
        <v>200.84507872699999</v>
      </c>
      <c r="Z122" s="7">
        <v>198.50854260099999</v>
      </c>
      <c r="AA122" s="7">
        <v>228.60477356300001</v>
      </c>
      <c r="AB122" s="7">
        <v>306.24262394099998</v>
      </c>
      <c r="AC122" s="7">
        <v>325.10463304899997</v>
      </c>
      <c r="AD122" s="7">
        <v>307.58265350800002</v>
      </c>
      <c r="AE122" s="7">
        <v>311.86122702099999</v>
      </c>
      <c r="AF122" s="7">
        <v>324.50158236599998</v>
      </c>
      <c r="AG122" s="9">
        <v>7998.0118077000006</v>
      </c>
      <c r="AH122" s="13">
        <v>0.37908574019980062</v>
      </c>
      <c r="AI122" s="9">
        <v>395.00089989999833</v>
      </c>
      <c r="AJ122" s="13">
        <v>1.8722053945209035E-2</v>
      </c>
      <c r="AK122" s="9">
        <v>4566.1370674999998</v>
      </c>
      <c r="AL122" s="13">
        <v>0.21244604144646745</v>
      </c>
      <c r="AM122" s="9">
        <v>3036.8738403000025</v>
      </c>
      <c r="AN122" s="13">
        <v>0.11653705254793524</v>
      </c>
      <c r="AO122" s="9">
        <v>7603.0109078000023</v>
      </c>
      <c r="AP122" s="13">
        <v>0.35374092949005048</v>
      </c>
      <c r="AQ122" s="9">
        <v>21098.160546700001</v>
      </c>
      <c r="AR122" s="9">
        <v>20031.5480618</v>
      </c>
      <c r="AS122" s="9">
        <v>19003.550882799998</v>
      </c>
      <c r="AT122" s="9">
        <v>21435.682806699999</v>
      </c>
      <c r="AU122" s="9">
        <v>21245.317100600001</v>
      </c>
      <c r="AV122" s="9">
        <v>21132.636315899999</v>
      </c>
      <c r="AW122" s="9">
        <v>21493.161446599999</v>
      </c>
      <c r="AX122" s="9">
        <v>23117.2315356</v>
      </c>
      <c r="AY122" s="9">
        <v>25446.4834544</v>
      </c>
      <c r="AZ122" s="9">
        <v>26059.298514099999</v>
      </c>
      <c r="BA122" s="9">
        <v>25520.274255100001</v>
      </c>
      <c r="BB122" s="9">
        <v>28893.602373999998</v>
      </c>
      <c r="BC122" s="9">
        <v>26700.082966499998</v>
      </c>
      <c r="BD122" s="9">
        <v>27686.148393700001</v>
      </c>
      <c r="BE122" s="9">
        <v>28543.456210100001</v>
      </c>
      <c r="BF122" s="9">
        <v>29096.172354400001</v>
      </c>
      <c r="BG122" s="11">
        <v>6.75</v>
      </c>
      <c r="BH122" s="13">
        <v>0.5625</v>
      </c>
      <c r="BI122" s="6">
        <v>0</v>
      </c>
      <c r="BJ122" s="13">
        <v>0</v>
      </c>
      <c r="BK122" s="6">
        <v>-6</v>
      </c>
      <c r="BL122" s="13">
        <v>-0.5</v>
      </c>
      <c r="BM122" s="11">
        <v>12.75</v>
      </c>
      <c r="BN122" s="13">
        <v>2.125</v>
      </c>
      <c r="BO122" s="11">
        <v>6.75</v>
      </c>
      <c r="BP122" s="13">
        <v>0.5625</v>
      </c>
      <c r="BQ122" s="6">
        <v>12</v>
      </c>
      <c r="BR122" s="6">
        <v>12</v>
      </c>
      <c r="BS122" s="6">
        <v>13</v>
      </c>
      <c r="BT122" s="6">
        <v>12</v>
      </c>
      <c r="BU122" s="6">
        <v>9</v>
      </c>
      <c r="BV122" s="6">
        <v>7</v>
      </c>
      <c r="BW122" s="6">
        <v>6</v>
      </c>
      <c r="BX122" s="6">
        <v>6</v>
      </c>
      <c r="BY122" s="6">
        <v>10</v>
      </c>
      <c r="BZ122" s="6">
        <v>15</v>
      </c>
      <c r="CA122" s="6">
        <v>17</v>
      </c>
      <c r="CB122" s="6">
        <v>16</v>
      </c>
      <c r="CC122" s="11">
        <v>18.75</v>
      </c>
      <c r="CD122" s="11">
        <v>-3.35622</v>
      </c>
      <c r="CE122" s="11">
        <v>-29.359500000000001</v>
      </c>
      <c r="CF122" s="11">
        <v>35.200299999999999</v>
      </c>
      <c r="CG122" s="11">
        <v>6</v>
      </c>
      <c r="CH122" s="20">
        <v>3.8597999999999999</v>
      </c>
      <c r="CI122" s="20">
        <v>3.0893299999999999</v>
      </c>
      <c r="CJ122" s="20">
        <v>1.92543</v>
      </c>
      <c r="CK122" s="20">
        <v>4.7393099999999997</v>
      </c>
      <c r="CL122" s="20">
        <v>3.0779899999999998</v>
      </c>
      <c r="CM122" s="20">
        <v>3.5754100000000002</v>
      </c>
      <c r="CN122" s="20">
        <v>3.7466300000000001</v>
      </c>
      <c r="CO122" s="20">
        <v>3.9841000000000002</v>
      </c>
      <c r="CP122" s="20">
        <v>4.3897899999999996</v>
      </c>
      <c r="CQ122" s="20">
        <v>3.73088</v>
      </c>
      <c r="CR122" s="20">
        <v>3.7741600000000002</v>
      </c>
      <c r="CS122" s="20">
        <v>4.3949600000000002</v>
      </c>
      <c r="CT122" s="20">
        <v>5.8476100000000004</v>
      </c>
      <c r="CU122" s="20">
        <v>6.2237</v>
      </c>
      <c r="CV122" s="20">
        <v>6.2062600000000003</v>
      </c>
      <c r="CW122" s="20">
        <v>6.3243900000000002</v>
      </c>
      <c r="CX122" s="20">
        <v>6.5798399999999999</v>
      </c>
      <c r="CY122" s="6" t="s">
        <v>397</v>
      </c>
      <c r="CZ122" s="6" t="s">
        <v>398</v>
      </c>
      <c r="DA122" s="6" t="s">
        <v>115</v>
      </c>
      <c r="DB122" s="6" t="s">
        <v>345</v>
      </c>
      <c r="DC122" s="6"/>
      <c r="DD122" s="6"/>
      <c r="DE122" s="6"/>
      <c r="DF122" s="6"/>
      <c r="DG122" s="6"/>
      <c r="DH122" s="6" t="s">
        <v>333</v>
      </c>
      <c r="DI122" s="6"/>
      <c r="DJ122" s="6"/>
      <c r="DK122" s="6"/>
      <c r="DL122" s="6">
        <v>6</v>
      </c>
      <c r="DM122" s="6" t="s">
        <v>396</v>
      </c>
      <c r="DN122" s="6">
        <v>6</v>
      </c>
      <c r="DO122" s="6" t="s">
        <v>393</v>
      </c>
      <c r="DP122" s="6"/>
      <c r="DQ122" s="6"/>
    </row>
    <row r="123" spans="1:121" x14ac:dyDescent="0.2">
      <c r="A123" s="6" t="s">
        <v>310</v>
      </c>
      <c r="B123" s="6" t="s">
        <v>310</v>
      </c>
      <c r="C123" s="6" t="s">
        <v>173</v>
      </c>
      <c r="D123" s="6" t="s">
        <v>115</v>
      </c>
      <c r="E123" s="6" t="s">
        <v>256</v>
      </c>
      <c r="F123" s="11">
        <v>1</v>
      </c>
      <c r="G123" s="13">
        <v>1</v>
      </c>
      <c r="H123" s="11">
        <v>-9.5602319999999992</v>
      </c>
      <c r="I123" s="13">
        <v>-0.65659887836952047</v>
      </c>
      <c r="J123" s="11">
        <v>0</v>
      </c>
      <c r="K123" s="13">
        <v>0</v>
      </c>
      <c r="L123" s="11">
        <v>0</v>
      </c>
      <c r="M123" s="13">
        <v>0</v>
      </c>
      <c r="N123" s="11">
        <v>0</v>
      </c>
      <c r="O123" s="13">
        <v>0</v>
      </c>
      <c r="P123" s="7">
        <v>14.560231999999999</v>
      </c>
      <c r="Q123" s="7">
        <v>37.154713000000001</v>
      </c>
      <c r="R123" s="7">
        <v>60.909447999999998</v>
      </c>
      <c r="S123" s="7">
        <v>5</v>
      </c>
      <c r="T123" s="7">
        <v>10.619135272299999</v>
      </c>
      <c r="U123" s="7">
        <v>5</v>
      </c>
      <c r="V123" s="7">
        <v>5</v>
      </c>
      <c r="W123" s="7">
        <v>10.803459457500001</v>
      </c>
      <c r="X123" s="7">
        <v>5</v>
      </c>
      <c r="Y123" s="7">
        <v>5</v>
      </c>
      <c r="Z123" s="7">
        <v>5</v>
      </c>
      <c r="AA123" s="7">
        <v>5</v>
      </c>
      <c r="AB123" s="7">
        <v>5</v>
      </c>
      <c r="AC123" s="7">
        <v>5</v>
      </c>
      <c r="AD123" s="7">
        <v>5</v>
      </c>
      <c r="AE123" s="7">
        <v>5</v>
      </c>
      <c r="AF123" s="7">
        <v>5</v>
      </c>
      <c r="AG123" s="9">
        <v>-26872.124546399999</v>
      </c>
      <c r="AH123" s="13">
        <v>-0.99996278810086736</v>
      </c>
      <c r="AI123" s="9">
        <v>-26872.124546399999</v>
      </c>
      <c r="AJ123" s="13">
        <v>-0.99996278810086736</v>
      </c>
      <c r="AK123" s="9">
        <v>0</v>
      </c>
      <c r="AL123" s="13">
        <v>0</v>
      </c>
      <c r="AM123" s="9">
        <v>0</v>
      </c>
      <c r="AN123" s="13">
        <v>0</v>
      </c>
      <c r="AO123" s="9">
        <v>0</v>
      </c>
      <c r="AP123" s="13">
        <v>0</v>
      </c>
      <c r="AQ123" s="9">
        <v>26873.124546399999</v>
      </c>
      <c r="AR123" s="9">
        <v>36412.017066799999</v>
      </c>
      <c r="AS123" s="9">
        <v>30110.335286199999</v>
      </c>
      <c r="AT123" s="9">
        <v>1</v>
      </c>
      <c r="AU123" s="9">
        <v>33448.036112299997</v>
      </c>
      <c r="AV123" s="9">
        <v>1</v>
      </c>
      <c r="AW123" s="9">
        <v>1</v>
      </c>
      <c r="AX123" s="9">
        <v>35719.353827999999</v>
      </c>
      <c r="AY123" s="9">
        <v>1</v>
      </c>
      <c r="AZ123" s="9">
        <v>1</v>
      </c>
      <c r="BA123" s="9">
        <v>1</v>
      </c>
      <c r="BB123" s="9">
        <v>1</v>
      </c>
      <c r="BC123" s="9">
        <v>1</v>
      </c>
      <c r="BD123" s="9">
        <v>1</v>
      </c>
      <c r="BE123" s="9">
        <v>1</v>
      </c>
      <c r="BF123" s="9">
        <v>1</v>
      </c>
      <c r="BG123" s="11">
        <v>-2</v>
      </c>
      <c r="BH123" s="13">
        <v>-0.66666666666666663</v>
      </c>
      <c r="BI123" s="6">
        <v>-1</v>
      </c>
      <c r="BJ123" s="13">
        <v>-0.33333333333333331</v>
      </c>
      <c r="BK123" s="6">
        <v>-1</v>
      </c>
      <c r="BL123" s="13">
        <v>-0.5</v>
      </c>
      <c r="BM123" s="11">
        <v>0</v>
      </c>
      <c r="BN123" s="13">
        <v>0</v>
      </c>
      <c r="BO123" s="11">
        <v>-1</v>
      </c>
      <c r="BP123" s="13">
        <v>-0.5</v>
      </c>
      <c r="BQ123" s="6">
        <v>3</v>
      </c>
      <c r="BR123" s="6">
        <v>2</v>
      </c>
      <c r="BS123" s="6">
        <v>2</v>
      </c>
      <c r="BT123" s="6">
        <v>2</v>
      </c>
      <c r="BU123" s="6">
        <v>2</v>
      </c>
      <c r="BV123" s="6">
        <v>2</v>
      </c>
      <c r="BW123" s="6">
        <v>1</v>
      </c>
      <c r="BX123" s="6">
        <v>1</v>
      </c>
      <c r="BY123" s="6">
        <v>1</v>
      </c>
      <c r="BZ123" s="6">
        <v>1</v>
      </c>
      <c r="CA123" s="6">
        <v>1</v>
      </c>
      <c r="CB123" s="6">
        <v>1</v>
      </c>
      <c r="CC123" s="11">
        <v>1</v>
      </c>
      <c r="CD123" s="11">
        <v>-16.029299999999999</v>
      </c>
      <c r="CE123" s="11">
        <v>1.5105900000000001</v>
      </c>
      <c r="CF123" s="11">
        <v>1.59161</v>
      </c>
      <c r="CG123" s="11">
        <v>4</v>
      </c>
      <c r="CH123" s="20">
        <v>0.61512299999999998</v>
      </c>
      <c r="CI123" s="20">
        <v>1.6581900000000001</v>
      </c>
      <c r="CJ123" s="20">
        <v>2.8327100000000001</v>
      </c>
      <c r="CK123" s="20">
        <v>0.314716</v>
      </c>
      <c r="CL123" s="20">
        <v>0.46185399999999999</v>
      </c>
      <c r="CM123" s="20">
        <v>0.37448500000000001</v>
      </c>
      <c r="CN123" s="20">
        <v>0.26120100000000002</v>
      </c>
      <c r="CO123" s="20">
        <v>0.50464500000000001</v>
      </c>
      <c r="CP123" s="20">
        <v>0.149031</v>
      </c>
      <c r="CQ123" s="20">
        <v>9.3313199999999999E-2</v>
      </c>
      <c r="CR123" s="20">
        <v>7.3823200000000005E-2</v>
      </c>
      <c r="CS123" s="20">
        <v>0.25523099999999999</v>
      </c>
      <c r="CT123" s="20">
        <v>0.11852799999999999</v>
      </c>
      <c r="CU123" s="20">
        <v>5.9768599999999998E-2</v>
      </c>
      <c r="CV123" s="20">
        <v>0.16747300000000001</v>
      </c>
      <c r="CW123" s="20">
        <v>0.11704199999999999</v>
      </c>
      <c r="CX123" s="20">
        <v>9.7959000000000004E-2</v>
      </c>
      <c r="CY123" s="6" t="s">
        <v>397</v>
      </c>
      <c r="CZ123" s="6" t="s">
        <v>398</v>
      </c>
      <c r="DA123" s="6" t="s">
        <v>115</v>
      </c>
      <c r="DB123" s="6" t="s">
        <v>345</v>
      </c>
      <c r="DC123" s="6"/>
      <c r="DD123" s="6"/>
      <c r="DE123" s="6"/>
      <c r="DF123" s="6"/>
      <c r="DG123" s="6"/>
      <c r="DH123" s="6" t="s">
        <v>333</v>
      </c>
      <c r="DI123" s="6"/>
      <c r="DJ123" s="6"/>
      <c r="DK123" s="6"/>
      <c r="DL123" s="6">
        <v>6</v>
      </c>
      <c r="DM123" s="6" t="s">
        <v>396</v>
      </c>
      <c r="DN123" s="6">
        <v>6</v>
      </c>
      <c r="DO123" s="6" t="s">
        <v>393</v>
      </c>
      <c r="DP123" s="6"/>
      <c r="DQ123" s="6"/>
    </row>
    <row r="124" spans="1:121" x14ac:dyDescent="0.2">
      <c r="A124" s="6" t="s">
        <v>311</v>
      </c>
      <c r="B124" s="6" t="s">
        <v>311</v>
      </c>
      <c r="C124" s="6" t="s">
        <v>174</v>
      </c>
      <c r="D124" s="6" t="s">
        <v>115</v>
      </c>
      <c r="E124" s="6" t="s">
        <v>256</v>
      </c>
      <c r="F124" s="11">
        <v>27</v>
      </c>
      <c r="G124" s="13">
        <v>1.92857142857</v>
      </c>
      <c r="H124" s="11">
        <v>27.899122000000006</v>
      </c>
      <c r="I124" s="13">
        <v>1.946836570138216</v>
      </c>
      <c r="J124" s="11">
        <v>-6.163373</v>
      </c>
      <c r="K124" s="13">
        <v>-0.14594907952268185</v>
      </c>
      <c r="L124" s="11">
        <v>4.6469837715999986</v>
      </c>
      <c r="M124" s="13">
        <v>0.12884580983340119</v>
      </c>
      <c r="N124" s="11">
        <v>-1.5163892284000013</v>
      </c>
      <c r="O124" s="13">
        <v>-3.5908197034820052E-2</v>
      </c>
      <c r="P124" s="7">
        <v>14.330489999999999</v>
      </c>
      <c r="Q124" s="7">
        <v>35.995010999999998</v>
      </c>
      <c r="R124" s="7">
        <v>44.074300999999998</v>
      </c>
      <c r="S124" s="7">
        <v>60.129308999999999</v>
      </c>
      <c r="T124" s="7">
        <v>58.206755999999999</v>
      </c>
      <c r="U124" s="7">
        <v>53.729810999999998</v>
      </c>
      <c r="V124" s="7">
        <v>42.229612000000003</v>
      </c>
      <c r="W124" s="7">
        <v>33.681857999999998</v>
      </c>
      <c r="X124" s="7">
        <v>36.412598000000003</v>
      </c>
      <c r="Y124" s="7">
        <v>36.066239000000003</v>
      </c>
      <c r="Z124" s="7">
        <v>40.001759999999997</v>
      </c>
      <c r="AA124" s="7">
        <v>40.743566999999999</v>
      </c>
      <c r="AB124" s="7">
        <v>35.914099999999998</v>
      </c>
      <c r="AC124" s="7">
        <v>37.742516999999999</v>
      </c>
      <c r="AD124" s="7">
        <v>43.166113514499997</v>
      </c>
      <c r="AE124" s="7">
        <v>40.797176984700002</v>
      </c>
      <c r="AF124" s="7">
        <v>40.713222771600002</v>
      </c>
      <c r="AG124" s="9">
        <v>-31945.378333300003</v>
      </c>
      <c r="AH124" s="13">
        <v>-0.28601993300754602</v>
      </c>
      <c r="AI124" s="9">
        <v>-39751.645536299999</v>
      </c>
      <c r="AJ124" s="13">
        <v>-0.35591261041289185</v>
      </c>
      <c r="AK124" s="9">
        <v>8621.2214581000007</v>
      </c>
      <c r="AL124" s="13">
        <v>0.11984288893110982</v>
      </c>
      <c r="AM124" s="9">
        <v>-814.95425510000496</v>
      </c>
      <c r="AN124" s="13">
        <v>-1.011625116691584E-2</v>
      </c>
      <c r="AO124" s="9">
        <v>7806.2672029999958</v>
      </c>
      <c r="AP124" s="13">
        <v>0.10851427699919808</v>
      </c>
      <c r="AQ124" s="9">
        <v>111689.342758</v>
      </c>
      <c r="AR124" s="9">
        <v>64318.070891900003</v>
      </c>
      <c r="AS124" s="9">
        <v>83604.869342999998</v>
      </c>
      <c r="AT124" s="9">
        <v>53504.7537639</v>
      </c>
      <c r="AU124" s="9">
        <v>62552.419406699999</v>
      </c>
      <c r="AV124" s="9">
        <v>68397.811889300006</v>
      </c>
      <c r="AW124" s="9">
        <v>71937.6972217</v>
      </c>
      <c r="AX124" s="9">
        <v>78625.160344400007</v>
      </c>
      <c r="AY124" s="9">
        <v>78470.337746200006</v>
      </c>
      <c r="AZ124" s="9">
        <v>80558.918679800001</v>
      </c>
      <c r="BA124" s="9">
        <v>76076.418520499996</v>
      </c>
      <c r="BB124" s="9">
        <v>71865.005724100003</v>
      </c>
      <c r="BC124" s="9">
        <v>83842.712874899997</v>
      </c>
      <c r="BD124" s="9">
        <v>81595.104370300003</v>
      </c>
      <c r="BE124" s="9">
        <v>74183.110018000007</v>
      </c>
      <c r="BF124" s="9">
        <v>79743.964424699996</v>
      </c>
      <c r="BG124" s="11">
        <v>0.25</v>
      </c>
      <c r="BH124" s="13">
        <v>0.25</v>
      </c>
      <c r="BI124" s="6">
        <v>0</v>
      </c>
      <c r="BJ124" s="13">
        <v>0</v>
      </c>
      <c r="BK124" s="6">
        <v>0</v>
      </c>
      <c r="BL124" s="13">
        <v>0</v>
      </c>
      <c r="BM124" s="11">
        <v>0.25</v>
      </c>
      <c r="BN124" s="13">
        <v>0.25</v>
      </c>
      <c r="BO124" s="11">
        <v>0.25</v>
      </c>
      <c r="BP124" s="13">
        <v>0.25</v>
      </c>
      <c r="BQ124" s="6">
        <v>1</v>
      </c>
      <c r="BR124" s="6">
        <v>1</v>
      </c>
      <c r="BS124" s="6">
        <v>1</v>
      </c>
      <c r="BT124" s="6">
        <v>1</v>
      </c>
      <c r="BU124" s="6">
        <v>1</v>
      </c>
      <c r="BV124" s="6">
        <v>1</v>
      </c>
      <c r="BW124" s="6">
        <v>1</v>
      </c>
      <c r="BX124" s="6">
        <v>2</v>
      </c>
      <c r="BY124" s="6">
        <v>2</v>
      </c>
      <c r="BZ124" s="6">
        <v>2</v>
      </c>
      <c r="CA124" s="6">
        <v>2</v>
      </c>
      <c r="CB124" s="6">
        <v>2</v>
      </c>
      <c r="CC124" s="11">
        <v>1.25</v>
      </c>
      <c r="CD124" s="11">
        <v>27.149899999999999</v>
      </c>
      <c r="CE124" s="11">
        <v>-2.3336299999999999</v>
      </c>
      <c r="CF124" s="11">
        <v>1.5665</v>
      </c>
      <c r="CG124" s="11">
        <v>0</v>
      </c>
      <c r="CH124" s="20">
        <v>0.552566</v>
      </c>
      <c r="CI124" s="20">
        <v>1.40831</v>
      </c>
      <c r="CJ124" s="20">
        <v>1.82959</v>
      </c>
      <c r="CK124" s="20">
        <v>2.4464999999999999</v>
      </c>
      <c r="CL124" s="20">
        <v>2.6499700000000002</v>
      </c>
      <c r="CM124" s="20">
        <v>2.6792899999999999</v>
      </c>
      <c r="CN124" s="20">
        <v>2.3531</v>
      </c>
      <c r="CO124" s="20">
        <v>2.0579999999999998</v>
      </c>
      <c r="CP124" s="20">
        <v>2.1625100000000002</v>
      </c>
      <c r="CQ124" s="20">
        <v>2.23752</v>
      </c>
      <c r="CR124" s="20">
        <v>2.5618099999999999</v>
      </c>
      <c r="CS124" s="20">
        <v>2.6731600000000002</v>
      </c>
      <c r="CT124" s="20">
        <v>2.3693</v>
      </c>
      <c r="CU124" s="20">
        <v>2.5149900000000001</v>
      </c>
      <c r="CV124" s="20">
        <v>3.0361899999999999</v>
      </c>
      <c r="CW124" s="20">
        <v>2.8803999999999998</v>
      </c>
      <c r="CX124" s="20">
        <v>2.8567399999999998</v>
      </c>
      <c r="CY124" s="6" t="s">
        <v>397</v>
      </c>
      <c r="CZ124" s="6" t="s">
        <v>398</v>
      </c>
      <c r="DA124" s="6" t="s">
        <v>115</v>
      </c>
      <c r="DB124" s="6" t="s">
        <v>345</v>
      </c>
      <c r="DC124" s="6"/>
      <c r="DD124" s="6"/>
      <c r="DE124" s="6"/>
      <c r="DF124" s="6"/>
      <c r="DG124" s="6"/>
      <c r="DH124" s="6" t="s">
        <v>333</v>
      </c>
      <c r="DI124" s="6"/>
      <c r="DJ124" s="6"/>
      <c r="DK124" s="6"/>
      <c r="DL124" s="6">
        <v>6</v>
      </c>
      <c r="DM124" s="6" t="s">
        <v>396</v>
      </c>
      <c r="DN124" s="6">
        <v>6</v>
      </c>
      <c r="DO124" s="6" t="s">
        <v>393</v>
      </c>
      <c r="DP124" s="6"/>
      <c r="DQ124" s="6"/>
    </row>
    <row r="125" spans="1:121" x14ac:dyDescent="0.2">
      <c r="A125" s="6" t="s">
        <v>312</v>
      </c>
      <c r="B125" s="6" t="s">
        <v>312</v>
      </c>
      <c r="C125" s="6" t="s">
        <v>175</v>
      </c>
      <c r="D125" s="6" t="s">
        <v>115</v>
      </c>
      <c r="E125" s="6" t="s">
        <v>256</v>
      </c>
      <c r="F125" s="11">
        <v>-1</v>
      </c>
      <c r="G125" s="13">
        <v>-3.19488817891E-3</v>
      </c>
      <c r="H125" s="11">
        <v>9.5260070109999901</v>
      </c>
      <c r="I125" s="13">
        <v>3.0466947284150989E-2</v>
      </c>
      <c r="J125" s="11">
        <v>-70.43130885399998</v>
      </c>
      <c r="K125" s="13">
        <v>-0.21859978844676081</v>
      </c>
      <c r="L125" s="11">
        <v>59.822685109999981</v>
      </c>
      <c r="M125" s="13">
        <v>0.2376163694123701</v>
      </c>
      <c r="N125" s="11">
        <v>-10.608623743999999</v>
      </c>
      <c r="O125" s="13">
        <v>-3.2926307119422203E-2</v>
      </c>
      <c r="P125" s="7">
        <v>312.66693450299999</v>
      </c>
      <c r="Q125" s="7">
        <v>309.94854254000001</v>
      </c>
      <c r="R125" s="7">
        <v>318.21208032800001</v>
      </c>
      <c r="S125" s="7">
        <v>337.316934919</v>
      </c>
      <c r="T125" s="7">
        <v>314.28833639599998</v>
      </c>
      <c r="U125" s="7">
        <v>306.81220209700001</v>
      </c>
      <c r="V125" s="7">
        <v>322.19294151399998</v>
      </c>
      <c r="W125" s="7">
        <v>329.07980957500001</v>
      </c>
      <c r="X125" s="7">
        <v>289.00146497600002</v>
      </c>
      <c r="Y125" s="7">
        <v>251.76163266</v>
      </c>
      <c r="Z125" s="7">
        <v>270.37961885499999</v>
      </c>
      <c r="AA125" s="7">
        <v>265.36398484799997</v>
      </c>
      <c r="AB125" s="7">
        <v>272.70305495399998</v>
      </c>
      <c r="AC125" s="7">
        <v>270.84433637199999</v>
      </c>
      <c r="AD125" s="7">
        <v>295.294981409</v>
      </c>
      <c r="AE125" s="7">
        <v>303.57160178300001</v>
      </c>
      <c r="AF125" s="7">
        <v>311.58431776999998</v>
      </c>
      <c r="AG125" s="9">
        <v>8554.6236749000018</v>
      </c>
      <c r="AH125" s="13">
        <v>0.35470196362710094</v>
      </c>
      <c r="AI125" s="9">
        <v>3471.7359495000019</v>
      </c>
      <c r="AJ125" s="13">
        <v>0.14394923789524186</v>
      </c>
      <c r="AK125" s="9">
        <v>632.82720919999701</v>
      </c>
      <c r="AL125" s="13">
        <v>2.2937235524095143E-2</v>
      </c>
      <c r="AM125" s="9">
        <v>4450.0605162000029</v>
      </c>
      <c r="AN125" s="13">
        <v>0.15767863788120007</v>
      </c>
      <c r="AO125" s="9">
        <v>5082.8877253999999</v>
      </c>
      <c r="AP125" s="13">
        <v>0.18423258545949481</v>
      </c>
      <c r="AQ125" s="9">
        <v>24117.779296799999</v>
      </c>
      <c r="AR125" s="9">
        <v>24287.993068</v>
      </c>
      <c r="AS125" s="9">
        <v>26377.845355199999</v>
      </c>
      <c r="AT125" s="9">
        <v>26329.998253400001</v>
      </c>
      <c r="AU125" s="9">
        <v>27021.315783499998</v>
      </c>
      <c r="AV125" s="9">
        <v>28543.916466999999</v>
      </c>
      <c r="AW125" s="9">
        <v>27589.515246300001</v>
      </c>
      <c r="AX125" s="9">
        <v>27591.580754099999</v>
      </c>
      <c r="AY125" s="9">
        <v>27146.742887799999</v>
      </c>
      <c r="AZ125" s="9">
        <v>28222.342455499998</v>
      </c>
      <c r="BA125" s="9">
        <v>27698.860121400001</v>
      </c>
      <c r="BB125" s="9">
        <v>27848.9711063</v>
      </c>
      <c r="BC125" s="9">
        <v>28205.913304999998</v>
      </c>
      <c r="BD125" s="9">
        <v>29532.125886900001</v>
      </c>
      <c r="BE125" s="9">
        <v>31309.075290199999</v>
      </c>
      <c r="BF125" s="9">
        <v>32672.402971700001</v>
      </c>
      <c r="BG125" s="11">
        <v>-4.5</v>
      </c>
      <c r="BH125" s="13">
        <v>-0.13235294117647059</v>
      </c>
      <c r="BI125" s="6">
        <v>-3</v>
      </c>
      <c r="BJ125" s="13">
        <v>-8.8235294117647065E-2</v>
      </c>
      <c r="BK125" s="6">
        <v>0</v>
      </c>
      <c r="BL125" s="13">
        <v>0</v>
      </c>
      <c r="BM125" s="11">
        <v>-1.5</v>
      </c>
      <c r="BN125" s="13">
        <v>-4.8387096774193547E-2</v>
      </c>
      <c r="BO125" s="11">
        <v>-1.5</v>
      </c>
      <c r="BP125" s="13">
        <v>-4.8387096774193547E-2</v>
      </c>
      <c r="BQ125" s="6">
        <v>34</v>
      </c>
      <c r="BR125" s="6">
        <v>35</v>
      </c>
      <c r="BS125" s="6">
        <v>31</v>
      </c>
      <c r="BT125" s="6">
        <v>31</v>
      </c>
      <c r="BU125" s="6">
        <v>33</v>
      </c>
      <c r="BV125" s="6">
        <v>31</v>
      </c>
      <c r="BW125" s="6">
        <v>31</v>
      </c>
      <c r="BX125" s="6">
        <v>28</v>
      </c>
      <c r="BY125" s="6">
        <v>29</v>
      </c>
      <c r="BZ125" s="6">
        <v>33</v>
      </c>
      <c r="CA125" s="6">
        <v>33</v>
      </c>
      <c r="CB125" s="6">
        <v>31</v>
      </c>
      <c r="CC125" s="11">
        <v>29.5</v>
      </c>
      <c r="CD125" s="11">
        <v>2.61104</v>
      </c>
      <c r="CE125" s="11">
        <v>-37.871899999999997</v>
      </c>
      <c r="CF125" s="11">
        <v>34.1783</v>
      </c>
      <c r="CG125" s="11">
        <v>-4</v>
      </c>
      <c r="CH125" s="20">
        <v>0.831202</v>
      </c>
      <c r="CI125" s="20">
        <v>0.83029799999999998</v>
      </c>
      <c r="CJ125" s="20">
        <v>0.86429199999999995</v>
      </c>
      <c r="CK125" s="20">
        <v>0.84195900000000001</v>
      </c>
      <c r="CL125" s="20">
        <v>0.81836600000000004</v>
      </c>
      <c r="CM125" s="20">
        <v>0.83336500000000002</v>
      </c>
      <c r="CN125" s="20">
        <v>0.99107699999999999</v>
      </c>
      <c r="CO125" s="20">
        <v>1.1912499999999999</v>
      </c>
      <c r="CP125" s="20">
        <v>1.17293</v>
      </c>
      <c r="CQ125" s="20">
        <v>1.14194</v>
      </c>
      <c r="CR125" s="20">
        <v>1.2793000000000001</v>
      </c>
      <c r="CS125" s="20">
        <v>1.2741800000000001</v>
      </c>
      <c r="CT125" s="20">
        <v>1.2847599999999999</v>
      </c>
      <c r="CU125" s="20">
        <v>1.2497400000000001</v>
      </c>
      <c r="CV125" s="20">
        <v>1.3984300000000001</v>
      </c>
      <c r="CW125" s="20">
        <v>1.4132800000000001</v>
      </c>
      <c r="CX125" s="20">
        <v>1.44371</v>
      </c>
      <c r="CY125" s="6" t="s">
        <v>397</v>
      </c>
      <c r="CZ125" s="6" t="s">
        <v>398</v>
      </c>
      <c r="DA125" s="6" t="s">
        <v>115</v>
      </c>
      <c r="DB125" s="6" t="s">
        <v>345</v>
      </c>
      <c r="DC125" s="6"/>
      <c r="DD125" s="6"/>
      <c r="DE125" s="6"/>
      <c r="DF125" s="6"/>
      <c r="DG125" s="6"/>
      <c r="DH125" s="6" t="s">
        <v>333</v>
      </c>
      <c r="DI125" s="6"/>
      <c r="DJ125" s="6"/>
      <c r="DK125" s="6"/>
      <c r="DL125" s="6">
        <v>6</v>
      </c>
      <c r="DM125" s="6" t="s">
        <v>396</v>
      </c>
      <c r="DN125" s="6">
        <v>6</v>
      </c>
      <c r="DO125" s="6" t="s">
        <v>393</v>
      </c>
      <c r="DP125" s="6"/>
      <c r="DQ125" s="6"/>
    </row>
    <row r="126" spans="1:121" x14ac:dyDescent="0.2">
      <c r="A126" s="6" t="s">
        <v>792</v>
      </c>
      <c r="B126" s="6" t="s">
        <v>176</v>
      </c>
      <c r="C126" s="6" t="s">
        <v>177</v>
      </c>
      <c r="D126" s="6" t="s">
        <v>115</v>
      </c>
      <c r="E126" s="6" t="s">
        <v>256</v>
      </c>
      <c r="F126" s="11">
        <v>-1911</v>
      </c>
      <c r="G126" s="13">
        <v>-0.86548913043499998</v>
      </c>
      <c r="H126" s="11">
        <v>-1205.1326087000002</v>
      </c>
      <c r="I126" s="13">
        <v>-0.54576305278611315</v>
      </c>
      <c r="J126" s="11">
        <v>-571.594126942</v>
      </c>
      <c r="K126" s="13">
        <v>-0.56986842558340345</v>
      </c>
      <c r="L126" s="11">
        <v>-134.11415914399998</v>
      </c>
      <c r="M126" s="13">
        <v>-0.31085663708484818</v>
      </c>
      <c r="N126" s="11">
        <v>-705.70828608599993</v>
      </c>
      <c r="O126" s="13">
        <v>-0.70357768031055767</v>
      </c>
      <c r="P126" s="7">
        <v>2208.1608539600002</v>
      </c>
      <c r="Q126" s="7">
        <v>2192.4328280899999</v>
      </c>
      <c r="R126" s="7">
        <v>2020.8949333200001</v>
      </c>
      <c r="S126" s="7">
        <v>1994.8725453899999</v>
      </c>
      <c r="T126" s="7">
        <v>1765.4323418399999</v>
      </c>
      <c r="U126" s="7">
        <v>1467.17565909</v>
      </c>
      <c r="V126" s="7">
        <v>1003.0282452599999</v>
      </c>
      <c r="W126" s="7">
        <v>531.942372449</v>
      </c>
      <c r="X126" s="7">
        <v>502.32771419699998</v>
      </c>
      <c r="Y126" s="7">
        <v>431.434118318</v>
      </c>
      <c r="Z126" s="7">
        <v>388.40875970000002</v>
      </c>
      <c r="AA126" s="7">
        <v>343.84052483900001</v>
      </c>
      <c r="AB126" s="7">
        <v>298.90194874999997</v>
      </c>
      <c r="AC126" s="7">
        <v>296.19583606800001</v>
      </c>
      <c r="AD126" s="7">
        <v>335.30039593599997</v>
      </c>
      <c r="AE126" s="7">
        <v>306.66572543299998</v>
      </c>
      <c r="AF126" s="7">
        <v>297.31995917400002</v>
      </c>
      <c r="AG126" s="9">
        <v>10759.761771500001</v>
      </c>
      <c r="AH126" s="13">
        <v>0.33950402976830663</v>
      </c>
      <c r="AI126" s="9">
        <v>6983.7900078999955</v>
      </c>
      <c r="AJ126" s="13">
        <v>0.22036034822052955</v>
      </c>
      <c r="AK126" s="9">
        <v>-3592.7516332999949</v>
      </c>
      <c r="AL126" s="13">
        <v>-9.2892656971235527E-2</v>
      </c>
      <c r="AM126" s="9">
        <v>7368.7233969000008</v>
      </c>
      <c r="AN126" s="13">
        <v>0.21003310921007695</v>
      </c>
      <c r="AO126" s="9">
        <v>3775.9717636000059</v>
      </c>
      <c r="AP126" s="13">
        <v>9.7629918672387711E-2</v>
      </c>
      <c r="AQ126" s="9">
        <v>31692.589271600002</v>
      </c>
      <c r="AR126" s="9">
        <v>33779.895966299999</v>
      </c>
      <c r="AS126" s="9">
        <v>35549.324231400002</v>
      </c>
      <c r="AT126" s="9">
        <v>35433.938506699997</v>
      </c>
      <c r="AU126" s="9">
        <v>37756.797156799999</v>
      </c>
      <c r="AV126" s="9">
        <v>39581.456950100001</v>
      </c>
      <c r="AW126" s="9">
        <v>38676.379279499997</v>
      </c>
      <c r="AX126" s="9">
        <v>38320.654061599998</v>
      </c>
      <c r="AY126" s="9">
        <v>37832.688001800001</v>
      </c>
      <c r="AZ126" s="9">
        <v>35083.627646200002</v>
      </c>
      <c r="BA126" s="9">
        <v>33284.294661599997</v>
      </c>
      <c r="BB126" s="9">
        <v>33201.003038700001</v>
      </c>
      <c r="BC126" s="9">
        <v>37317.507806299996</v>
      </c>
      <c r="BD126" s="9">
        <v>37856.091958700003</v>
      </c>
      <c r="BE126" s="9">
        <v>39415.663085699998</v>
      </c>
      <c r="BF126" s="9">
        <v>42452.351043100003</v>
      </c>
      <c r="BG126" s="11">
        <v>-7.25</v>
      </c>
      <c r="BH126" s="13">
        <v>-0.30208333333333331</v>
      </c>
      <c r="BI126" s="6">
        <v>0</v>
      </c>
      <c r="BJ126" s="13">
        <v>0</v>
      </c>
      <c r="BK126" s="6">
        <v>-3</v>
      </c>
      <c r="BL126" s="13">
        <v>-0.125</v>
      </c>
      <c r="BM126" s="11">
        <v>-4.25</v>
      </c>
      <c r="BN126" s="13">
        <v>-0.20238095238095238</v>
      </c>
      <c r="BO126" s="11">
        <v>-7.25</v>
      </c>
      <c r="BP126" s="13">
        <v>-0.30208333333333331</v>
      </c>
      <c r="BQ126" s="6">
        <v>24</v>
      </c>
      <c r="BR126" s="6">
        <v>23</v>
      </c>
      <c r="BS126" s="6">
        <v>23</v>
      </c>
      <c r="BT126" s="6">
        <v>24</v>
      </c>
      <c r="BU126" s="6">
        <v>21</v>
      </c>
      <c r="BV126" s="6">
        <v>21</v>
      </c>
      <c r="BW126" s="6">
        <v>21</v>
      </c>
      <c r="BX126" s="6">
        <v>18</v>
      </c>
      <c r="BY126" s="6">
        <v>17</v>
      </c>
      <c r="BZ126" s="6">
        <v>16</v>
      </c>
      <c r="CA126" s="6">
        <v>16</v>
      </c>
      <c r="CB126" s="6">
        <v>17</v>
      </c>
      <c r="CC126" s="11">
        <v>16.75</v>
      </c>
      <c r="CD126" s="11">
        <v>-1372.79</v>
      </c>
      <c r="CE126" s="11">
        <v>-779.43200000000002</v>
      </c>
      <c r="CF126" s="11">
        <v>241.37899999999999</v>
      </c>
      <c r="CG126" s="11">
        <v>-538</v>
      </c>
      <c r="CH126" s="20">
        <v>3.0662699999999998</v>
      </c>
      <c r="CI126" s="20">
        <v>3.2783799999999998</v>
      </c>
      <c r="CJ126" s="20">
        <v>3.2751899999999998</v>
      </c>
      <c r="CK126" s="20">
        <v>3.14689</v>
      </c>
      <c r="CL126" s="20">
        <v>3.0592899999999998</v>
      </c>
      <c r="CM126" s="20">
        <v>2.7798500000000002</v>
      </c>
      <c r="CN126" s="20">
        <v>2.1789000000000001</v>
      </c>
      <c r="CO126" s="20">
        <v>1.3305</v>
      </c>
      <c r="CP126" s="20">
        <v>1.3878699999999999</v>
      </c>
      <c r="CQ126" s="20">
        <v>1.2602199999999999</v>
      </c>
      <c r="CR126" s="20">
        <v>1.1482600000000001</v>
      </c>
      <c r="CS126" s="20">
        <v>1.02416</v>
      </c>
      <c r="CT126" s="20">
        <v>0.88729800000000003</v>
      </c>
      <c r="CU126" s="20">
        <v>0.88226899999999997</v>
      </c>
      <c r="CV126" s="20">
        <v>1.05376</v>
      </c>
      <c r="CW126" s="20">
        <v>0.96811499999999995</v>
      </c>
      <c r="CX126" s="20">
        <v>0.94017600000000001</v>
      </c>
      <c r="CY126" s="6" t="s">
        <v>397</v>
      </c>
      <c r="CZ126" s="6" t="s">
        <v>398</v>
      </c>
      <c r="DA126" s="6" t="s">
        <v>115</v>
      </c>
      <c r="DB126" s="6" t="s">
        <v>345</v>
      </c>
      <c r="DC126" s="6"/>
      <c r="DD126" s="6"/>
      <c r="DE126" s="6"/>
      <c r="DF126" s="6"/>
      <c r="DG126" s="6"/>
      <c r="DH126" s="6" t="s">
        <v>333</v>
      </c>
      <c r="DI126" s="6"/>
      <c r="DJ126" s="6"/>
      <c r="DK126" s="6"/>
      <c r="DL126" s="6">
        <v>6</v>
      </c>
      <c r="DM126" s="6" t="s">
        <v>396</v>
      </c>
      <c r="DN126" s="6">
        <v>6</v>
      </c>
      <c r="DO126" s="6" t="s">
        <v>393</v>
      </c>
      <c r="DP126" s="6"/>
      <c r="DQ126" s="6"/>
    </row>
    <row r="127" spans="1:121" x14ac:dyDescent="0.2">
      <c r="A127" s="6" t="s">
        <v>313</v>
      </c>
      <c r="B127" s="6" t="s">
        <v>313</v>
      </c>
      <c r="C127" s="6" t="s">
        <v>178</v>
      </c>
      <c r="D127" s="6" t="s">
        <v>115</v>
      </c>
      <c r="E127" s="6" t="s">
        <v>256</v>
      </c>
      <c r="F127" s="11">
        <v>-47</v>
      </c>
      <c r="G127" s="13">
        <v>-0.21658986175100001</v>
      </c>
      <c r="H127" s="11">
        <v>-45.811089592999991</v>
      </c>
      <c r="I127" s="13">
        <v>-0.21156369492871513</v>
      </c>
      <c r="J127" s="11">
        <v>1.2690645810000092</v>
      </c>
      <c r="K127" s="13">
        <v>7.4334021897027652E-3</v>
      </c>
      <c r="L127" s="11">
        <v>-1.646884043</v>
      </c>
      <c r="M127" s="13">
        <v>-9.5752601784611698E-3</v>
      </c>
      <c r="N127" s="11">
        <v>-0.37781946199999084</v>
      </c>
      <c r="O127" s="13">
        <v>-2.2130347487359526E-3</v>
      </c>
      <c r="P127" s="7">
        <v>216.53568495499999</v>
      </c>
      <c r="Q127" s="7">
        <v>210.510136983</v>
      </c>
      <c r="R127" s="7">
        <v>191.85824181999999</v>
      </c>
      <c r="S127" s="7">
        <v>183.98193607799999</v>
      </c>
      <c r="T127" s="7">
        <v>166.59432527600001</v>
      </c>
      <c r="U127" s="7">
        <v>171.578781846</v>
      </c>
      <c r="V127" s="7">
        <v>170.724595362</v>
      </c>
      <c r="W127" s="7">
        <v>166.163497893</v>
      </c>
      <c r="X127" s="7">
        <v>163.12281894899999</v>
      </c>
      <c r="Y127" s="7">
        <v>171.99365994300001</v>
      </c>
      <c r="Z127" s="7">
        <v>185.290141199</v>
      </c>
      <c r="AA127" s="7">
        <v>187.53794303800001</v>
      </c>
      <c r="AB127" s="7">
        <v>185.04669368699999</v>
      </c>
      <c r="AC127" s="7">
        <v>174.92110736500001</v>
      </c>
      <c r="AD127" s="7">
        <v>151.51057969999999</v>
      </c>
      <c r="AE127" s="7">
        <v>168.79492387499999</v>
      </c>
      <c r="AF127" s="7">
        <v>170.34677590000001</v>
      </c>
      <c r="AG127" s="9">
        <v>11918.834637399996</v>
      </c>
      <c r="AH127" s="13">
        <v>0.45122950039581222</v>
      </c>
      <c r="AI127" s="9">
        <v>5658.3841309999989</v>
      </c>
      <c r="AJ127" s="13">
        <v>0.21421807770257725</v>
      </c>
      <c r="AK127" s="9">
        <v>3925.8235165000006</v>
      </c>
      <c r="AL127" s="13">
        <v>0.12240460828588448</v>
      </c>
      <c r="AM127" s="9">
        <v>2334.6269898999963</v>
      </c>
      <c r="AN127" s="13">
        <v>6.4853744618892317E-2</v>
      </c>
      <c r="AO127" s="9">
        <v>6260.4505063999968</v>
      </c>
      <c r="AP127" s="13">
        <v>0.1951967501107251</v>
      </c>
      <c r="AQ127" s="9">
        <v>26414.129898300002</v>
      </c>
      <c r="AR127" s="9">
        <v>27378.450389199999</v>
      </c>
      <c r="AS127" s="9">
        <v>29178.5516131</v>
      </c>
      <c r="AT127" s="9">
        <v>29604.509985100001</v>
      </c>
      <c r="AU127" s="9">
        <v>29663.110588899999</v>
      </c>
      <c r="AV127" s="9">
        <v>32128.159753399999</v>
      </c>
      <c r="AW127" s="9">
        <v>32072.5140293</v>
      </c>
      <c r="AX127" s="9">
        <v>36024.803285900001</v>
      </c>
      <c r="AY127" s="9">
        <v>35526.061511699998</v>
      </c>
      <c r="AZ127" s="9">
        <v>35998.337545800001</v>
      </c>
      <c r="BA127" s="9">
        <v>34430.748354900003</v>
      </c>
      <c r="BB127" s="9">
        <v>34752.425728000002</v>
      </c>
      <c r="BC127" s="9">
        <v>36186.507445800002</v>
      </c>
      <c r="BD127" s="9">
        <v>37272.029317200002</v>
      </c>
      <c r="BE127" s="9">
        <v>38214.457174299998</v>
      </c>
      <c r="BF127" s="9">
        <v>38332.964535699997</v>
      </c>
      <c r="BG127" s="11">
        <v>-0.75</v>
      </c>
      <c r="BH127" s="13">
        <v>-4.1666666666666664E-2</v>
      </c>
      <c r="BI127" s="6">
        <v>3</v>
      </c>
      <c r="BJ127" s="13">
        <v>0.16666666666666666</v>
      </c>
      <c r="BK127" s="6">
        <v>-2</v>
      </c>
      <c r="BL127" s="13">
        <v>-9.5238095238095233E-2</v>
      </c>
      <c r="BM127" s="11">
        <v>-1.75</v>
      </c>
      <c r="BN127" s="13">
        <v>-9.2105263157894732E-2</v>
      </c>
      <c r="BO127" s="11">
        <v>-3.75</v>
      </c>
      <c r="BP127" s="13">
        <v>-0.17857142857142858</v>
      </c>
      <c r="BQ127" s="6">
        <v>18</v>
      </c>
      <c r="BR127" s="6">
        <v>19</v>
      </c>
      <c r="BS127" s="6">
        <v>20</v>
      </c>
      <c r="BT127" s="6">
        <v>21</v>
      </c>
      <c r="BU127" s="6">
        <v>22</v>
      </c>
      <c r="BV127" s="6">
        <v>20</v>
      </c>
      <c r="BW127" s="6">
        <v>19</v>
      </c>
      <c r="BX127" s="6">
        <v>18</v>
      </c>
      <c r="BY127" s="6">
        <v>19</v>
      </c>
      <c r="BZ127" s="6">
        <v>20</v>
      </c>
      <c r="CA127" s="6">
        <v>18</v>
      </c>
      <c r="CB127" s="6">
        <v>16</v>
      </c>
      <c r="CC127" s="11">
        <v>17.25</v>
      </c>
      <c r="CD127" s="11">
        <v>-52.153300000000002</v>
      </c>
      <c r="CE127" s="11">
        <v>-17.7056</v>
      </c>
      <c r="CF127" s="11">
        <v>23.67</v>
      </c>
      <c r="CG127" s="11">
        <v>6</v>
      </c>
      <c r="CH127" s="20">
        <v>0.84442799999999996</v>
      </c>
      <c r="CI127" s="20">
        <v>0.83959799999999996</v>
      </c>
      <c r="CJ127" s="20">
        <v>0.79278999999999999</v>
      </c>
      <c r="CK127" s="20">
        <v>0.72247799999999995</v>
      </c>
      <c r="CL127" s="20">
        <v>0.70159800000000005</v>
      </c>
      <c r="CM127" s="20">
        <v>0.768702</v>
      </c>
      <c r="CN127" s="20">
        <v>0.84590799999999999</v>
      </c>
      <c r="CO127" s="20">
        <v>0.92366499999999996</v>
      </c>
      <c r="CP127" s="20">
        <v>0.94682500000000003</v>
      </c>
      <c r="CQ127" s="20">
        <v>1.04494</v>
      </c>
      <c r="CR127" s="20">
        <v>1.1443300000000001</v>
      </c>
      <c r="CS127" s="20">
        <v>1.1655800000000001</v>
      </c>
      <c r="CT127" s="20">
        <v>1.1396999999999999</v>
      </c>
      <c r="CU127" s="20">
        <v>1.0823700000000001</v>
      </c>
      <c r="CV127" s="20">
        <v>0.98979399999999995</v>
      </c>
      <c r="CW127" s="20">
        <v>1.1105499999999999</v>
      </c>
      <c r="CX127" s="20">
        <v>1.1134900000000001</v>
      </c>
      <c r="CY127" s="6" t="s">
        <v>397</v>
      </c>
      <c r="CZ127" s="6" t="s">
        <v>398</v>
      </c>
      <c r="DA127" s="6" t="s">
        <v>115</v>
      </c>
      <c r="DB127" s="6" t="s">
        <v>345</v>
      </c>
      <c r="DC127" s="6"/>
      <c r="DD127" s="6"/>
      <c r="DE127" s="6"/>
      <c r="DF127" s="6"/>
      <c r="DG127" s="6"/>
      <c r="DH127" s="6" t="s">
        <v>333</v>
      </c>
      <c r="DI127" s="6"/>
      <c r="DJ127" s="6"/>
      <c r="DK127" s="6"/>
      <c r="DL127" s="6">
        <v>6</v>
      </c>
      <c r="DM127" s="6" t="s">
        <v>396</v>
      </c>
      <c r="DN127" s="6">
        <v>6</v>
      </c>
      <c r="DO127" s="6" t="s">
        <v>393</v>
      </c>
      <c r="DP127" s="6"/>
      <c r="DQ127" s="6"/>
    </row>
    <row r="128" spans="1:121" x14ac:dyDescent="0.2">
      <c r="A128" s="6" t="s">
        <v>793</v>
      </c>
      <c r="B128" s="6" t="s">
        <v>179</v>
      </c>
      <c r="C128" s="6" t="s">
        <v>180</v>
      </c>
      <c r="D128" s="6" t="s">
        <v>115</v>
      </c>
      <c r="E128" s="6" t="s">
        <v>256</v>
      </c>
      <c r="F128" s="11">
        <v>-78</v>
      </c>
      <c r="G128" s="13">
        <v>-0.14000000000000001</v>
      </c>
      <c r="H128" s="11">
        <v>9</v>
      </c>
      <c r="I128" s="13">
        <v>1.6216216216216217E-2</v>
      </c>
      <c r="J128" s="11">
        <v>-78</v>
      </c>
      <c r="K128" s="13">
        <v>-0.13829787234042554</v>
      </c>
      <c r="L128" s="11">
        <v>-9</v>
      </c>
      <c r="M128" s="13">
        <v>-1.8518518518518517E-2</v>
      </c>
      <c r="N128" s="11">
        <v>-87</v>
      </c>
      <c r="O128" s="13">
        <v>-0.15425531914893617</v>
      </c>
      <c r="P128" s="7">
        <v>555</v>
      </c>
      <c r="Q128" s="7">
        <v>589</v>
      </c>
      <c r="R128" s="7">
        <v>587</v>
      </c>
      <c r="S128" s="7">
        <v>601</v>
      </c>
      <c r="T128" s="7">
        <v>615</v>
      </c>
      <c r="U128" s="7">
        <v>581</v>
      </c>
      <c r="V128" s="7">
        <v>564</v>
      </c>
      <c r="W128" s="7">
        <v>533</v>
      </c>
      <c r="X128" s="7">
        <v>511</v>
      </c>
      <c r="Y128" s="7">
        <v>486</v>
      </c>
      <c r="Z128" s="7">
        <v>481</v>
      </c>
      <c r="AA128" s="7">
        <v>456</v>
      </c>
      <c r="AB128" s="7">
        <v>472</v>
      </c>
      <c r="AC128" s="7">
        <v>487</v>
      </c>
      <c r="AD128" s="7">
        <v>453</v>
      </c>
      <c r="AE128" s="7">
        <v>455</v>
      </c>
      <c r="AF128" s="7">
        <v>477</v>
      </c>
      <c r="AG128" s="9">
        <v>11490</v>
      </c>
      <c r="AH128" s="13">
        <v>0.66373981861244291</v>
      </c>
      <c r="AI128" s="9">
        <v>5175</v>
      </c>
      <c r="AJ128" s="13">
        <v>0.29894286869620473</v>
      </c>
      <c r="AK128" s="9">
        <v>2748</v>
      </c>
      <c r="AL128" s="13">
        <v>0.12220937472204928</v>
      </c>
      <c r="AM128" s="9">
        <v>3567</v>
      </c>
      <c r="AN128" s="13">
        <v>0.14135689942141555</v>
      </c>
      <c r="AO128" s="9">
        <v>6315</v>
      </c>
      <c r="AP128" s="13">
        <v>0.28084141243440364</v>
      </c>
      <c r="AQ128" s="9">
        <v>17311</v>
      </c>
      <c r="AR128" s="9">
        <v>18295</v>
      </c>
      <c r="AS128" s="9">
        <v>19114</v>
      </c>
      <c r="AT128" s="9">
        <v>20588</v>
      </c>
      <c r="AU128" s="9">
        <v>19869</v>
      </c>
      <c r="AV128" s="9">
        <v>20818</v>
      </c>
      <c r="AW128" s="9">
        <v>22486</v>
      </c>
      <c r="AX128" s="9">
        <v>23848</v>
      </c>
      <c r="AY128" s="9">
        <v>24022</v>
      </c>
      <c r="AZ128" s="9">
        <v>25234</v>
      </c>
      <c r="BA128" s="9">
        <v>25117</v>
      </c>
      <c r="BB128" s="9">
        <v>26618</v>
      </c>
      <c r="BC128" s="9">
        <v>27435</v>
      </c>
      <c r="BD128" s="9">
        <v>28449</v>
      </c>
      <c r="BE128" s="9">
        <v>27602</v>
      </c>
      <c r="BF128" s="9">
        <v>28801</v>
      </c>
      <c r="BG128" s="11">
        <v>-15</v>
      </c>
      <c r="BH128" s="13">
        <v>-0.29411764705882354</v>
      </c>
      <c r="BI128" s="6">
        <v>1</v>
      </c>
      <c r="BJ128" s="13">
        <v>1.9607843137254902E-2</v>
      </c>
      <c r="BK128" s="6">
        <v>-6</v>
      </c>
      <c r="BL128" s="13">
        <v>-0.11538461538461539</v>
      </c>
      <c r="BM128" s="11">
        <v>-10</v>
      </c>
      <c r="BN128" s="13">
        <v>-0.21739130434782608</v>
      </c>
      <c r="BO128" s="11">
        <v>-16</v>
      </c>
      <c r="BP128" s="13">
        <v>-0.30769230769230771</v>
      </c>
      <c r="BQ128" s="6">
        <v>51</v>
      </c>
      <c r="BR128" s="6">
        <v>45</v>
      </c>
      <c r="BS128" s="6">
        <v>48</v>
      </c>
      <c r="BT128" s="6">
        <v>52</v>
      </c>
      <c r="BU128" s="6">
        <v>50</v>
      </c>
      <c r="BV128" s="6">
        <v>48</v>
      </c>
      <c r="BW128" s="6">
        <v>46</v>
      </c>
      <c r="BX128" s="6">
        <v>43</v>
      </c>
      <c r="BY128" s="6">
        <v>42</v>
      </c>
      <c r="BZ128" s="6">
        <v>44</v>
      </c>
      <c r="CA128" s="6">
        <v>42</v>
      </c>
      <c r="CB128" s="6">
        <v>37</v>
      </c>
      <c r="CC128" s="11">
        <v>36</v>
      </c>
      <c r="CD128" s="11">
        <v>-103</v>
      </c>
      <c r="CE128" s="11">
        <v>-36</v>
      </c>
      <c r="CF128" s="11">
        <v>61</v>
      </c>
      <c r="CG128" s="11">
        <v>25</v>
      </c>
      <c r="CH128" s="20">
        <v>0.81</v>
      </c>
      <c r="CI128" s="20">
        <v>0.86</v>
      </c>
      <c r="CJ128" s="20">
        <v>0.89</v>
      </c>
      <c r="CK128" s="20">
        <v>0.87</v>
      </c>
      <c r="CL128" s="20">
        <v>0.96</v>
      </c>
      <c r="CM128" s="20">
        <v>0.98</v>
      </c>
      <c r="CN128" s="20">
        <v>1.06</v>
      </c>
      <c r="CO128" s="20">
        <v>1.1299999999999999</v>
      </c>
      <c r="CP128" s="20">
        <v>1.1100000000000001</v>
      </c>
      <c r="CQ128" s="20">
        <v>1.1000000000000001</v>
      </c>
      <c r="CR128" s="20">
        <v>1.1000000000000001</v>
      </c>
      <c r="CS128" s="20">
        <v>1.06</v>
      </c>
      <c r="CT128" s="20">
        <v>1.0900000000000001</v>
      </c>
      <c r="CU128" s="20">
        <v>1.1200000000000001</v>
      </c>
      <c r="CV128" s="20">
        <v>1.0900000000000001</v>
      </c>
      <c r="CW128" s="20">
        <v>1.1000000000000001</v>
      </c>
      <c r="CX128" s="20">
        <v>1.1399999999999999</v>
      </c>
      <c r="CY128" s="6" t="s">
        <v>397</v>
      </c>
      <c r="CZ128" s="6" t="s">
        <v>398</v>
      </c>
      <c r="DA128" s="6" t="s">
        <v>115</v>
      </c>
      <c r="DB128" s="6" t="s">
        <v>345</v>
      </c>
      <c r="DC128" s="6"/>
      <c r="DD128" s="6"/>
      <c r="DE128" s="6"/>
      <c r="DF128" s="6"/>
      <c r="DG128" s="6"/>
      <c r="DH128" s="6" t="s">
        <v>333</v>
      </c>
      <c r="DI128" s="6"/>
      <c r="DJ128" s="6"/>
      <c r="DK128" s="6"/>
      <c r="DL128" s="6">
        <v>6</v>
      </c>
      <c r="DM128" s="6" t="s">
        <v>396</v>
      </c>
      <c r="DN128" s="6">
        <v>6</v>
      </c>
      <c r="DO128" s="6" t="s">
        <v>393</v>
      </c>
      <c r="DP128" s="6"/>
      <c r="DQ128" s="6"/>
    </row>
    <row r="129" spans="1:121" x14ac:dyDescent="0.2">
      <c r="A129" s="6" t="s">
        <v>794</v>
      </c>
      <c r="B129" s="6" t="s">
        <v>181</v>
      </c>
      <c r="C129" s="6" t="s">
        <v>182</v>
      </c>
      <c r="D129" s="6" t="s">
        <v>115</v>
      </c>
      <c r="E129" s="6" t="s">
        <v>256</v>
      </c>
      <c r="F129" s="11">
        <v>-12</v>
      </c>
      <c r="G129" s="13">
        <v>-0.104347826087</v>
      </c>
      <c r="H129" s="11">
        <v>15.338013912000008</v>
      </c>
      <c r="I129" s="13">
        <v>0.13339697221138985</v>
      </c>
      <c r="J129" s="11">
        <v>-35.961767936400008</v>
      </c>
      <c r="K129" s="13">
        <v>-0.27595345186332176</v>
      </c>
      <c r="L129" s="11">
        <v>8.3962609593999957</v>
      </c>
      <c r="M129" s="13">
        <v>8.8984473992049104E-2</v>
      </c>
      <c r="N129" s="11">
        <v>-27.565506977000013</v>
      </c>
      <c r="O129" s="13">
        <v>-0.21152455063162057</v>
      </c>
      <c r="P129" s="7">
        <v>114.980225246</v>
      </c>
      <c r="Q129" s="7">
        <v>102.56321703</v>
      </c>
      <c r="R129" s="7">
        <v>101.937294369</v>
      </c>
      <c r="S129" s="7">
        <v>91.215048696699995</v>
      </c>
      <c r="T129" s="7">
        <v>128.47203288200001</v>
      </c>
      <c r="U129" s="7">
        <v>127.442225385</v>
      </c>
      <c r="V129" s="7">
        <v>130.31823915800001</v>
      </c>
      <c r="W129" s="7">
        <v>113.231590337</v>
      </c>
      <c r="X129" s="7">
        <v>105.79204575599999</v>
      </c>
      <c r="Y129" s="7">
        <v>94.356471221600003</v>
      </c>
      <c r="Z129" s="7">
        <v>79.410588757499994</v>
      </c>
      <c r="AA129" s="7">
        <v>78.238677548400005</v>
      </c>
      <c r="AB129" s="7">
        <v>62.776052675800003</v>
      </c>
      <c r="AC129" s="7">
        <v>75.059404041899995</v>
      </c>
      <c r="AD129" s="7">
        <v>87.783492026199994</v>
      </c>
      <c r="AE129" s="7">
        <v>101.47009539299999</v>
      </c>
      <c r="AF129" s="7">
        <v>102.752732181</v>
      </c>
      <c r="AG129" s="9">
        <v>20002.842647800004</v>
      </c>
      <c r="AH129" s="13">
        <v>0.58774847883600645</v>
      </c>
      <c r="AI129" s="9">
        <v>12230.794449500005</v>
      </c>
      <c r="AJ129" s="13">
        <v>0.35938046202848745</v>
      </c>
      <c r="AK129" s="9">
        <v>-2393.545309400004</v>
      </c>
      <c r="AL129" s="13">
        <v>-5.1736902585893071E-2</v>
      </c>
      <c r="AM129" s="9">
        <v>10165.593507700003</v>
      </c>
      <c r="AN129" s="13">
        <v>0.23171954188234256</v>
      </c>
      <c r="AO129" s="9">
        <v>7772.0481982999991</v>
      </c>
      <c r="AP129" s="13">
        <v>0.16799418793083498</v>
      </c>
      <c r="AQ129" s="9">
        <v>34032.997732999997</v>
      </c>
      <c r="AR129" s="9">
        <v>38801.902723899999</v>
      </c>
      <c r="AS129" s="9">
        <v>32336.613162599999</v>
      </c>
      <c r="AT129" s="9">
        <v>40703.183408199999</v>
      </c>
      <c r="AU129" s="9">
        <v>40191.3902218</v>
      </c>
      <c r="AV129" s="9">
        <v>43873.480726399997</v>
      </c>
      <c r="AW129" s="9">
        <v>46263.792182500001</v>
      </c>
      <c r="AX129" s="9">
        <v>51754.248126799997</v>
      </c>
      <c r="AY129" s="9">
        <v>48320.832890600002</v>
      </c>
      <c r="AZ129" s="9">
        <v>43870.246873099997</v>
      </c>
      <c r="BA129" s="9">
        <v>45172.682592500001</v>
      </c>
      <c r="BB129" s="9">
        <v>50027.179572300003</v>
      </c>
      <c r="BC129" s="9">
        <v>51689.328136900003</v>
      </c>
      <c r="BD129" s="9">
        <v>52519.0093203</v>
      </c>
      <c r="BE129" s="9">
        <v>53429.879348199996</v>
      </c>
      <c r="BF129" s="9">
        <v>54035.8403808</v>
      </c>
      <c r="BG129" s="11">
        <v>0</v>
      </c>
      <c r="BH129" s="13">
        <v>0</v>
      </c>
      <c r="BI129" s="6">
        <v>3</v>
      </c>
      <c r="BJ129" s="13">
        <v>0.27272727272727271</v>
      </c>
      <c r="BK129" s="6">
        <v>2</v>
      </c>
      <c r="BL129" s="13">
        <v>0.14285714285714285</v>
      </c>
      <c r="BM129" s="11">
        <v>-5</v>
      </c>
      <c r="BN129" s="13">
        <v>-0.3125</v>
      </c>
      <c r="BO129" s="11">
        <v>-3</v>
      </c>
      <c r="BP129" s="13">
        <v>-0.21428571428571427</v>
      </c>
      <c r="BQ129" s="6">
        <v>11</v>
      </c>
      <c r="BR129" s="6">
        <v>14</v>
      </c>
      <c r="BS129" s="6">
        <v>15</v>
      </c>
      <c r="BT129" s="6">
        <v>14</v>
      </c>
      <c r="BU129" s="6">
        <v>14</v>
      </c>
      <c r="BV129" s="6">
        <v>13</v>
      </c>
      <c r="BW129" s="6">
        <v>16</v>
      </c>
      <c r="BX129" s="6">
        <v>11</v>
      </c>
      <c r="BY129" s="6">
        <v>11</v>
      </c>
      <c r="BZ129" s="6">
        <v>8</v>
      </c>
      <c r="CA129" s="6">
        <v>10</v>
      </c>
      <c r="CB129" s="6">
        <v>11</v>
      </c>
      <c r="CC129" s="11">
        <v>11</v>
      </c>
      <c r="CD129" s="11">
        <v>-32.043500000000002</v>
      </c>
      <c r="CE129" s="11">
        <v>7.2472500000000002</v>
      </c>
      <c r="CF129" s="11">
        <v>12.5687</v>
      </c>
      <c r="CG129" s="11">
        <v>20</v>
      </c>
      <c r="CH129" s="20">
        <v>0.56643200000000005</v>
      </c>
      <c r="CI129" s="20">
        <v>0.52113600000000004</v>
      </c>
      <c r="CJ129" s="20">
        <v>0.53775499999999998</v>
      </c>
      <c r="CK129" s="20">
        <v>0.45288400000000001</v>
      </c>
      <c r="CL129" s="20">
        <v>0.67998400000000003</v>
      </c>
      <c r="CM129" s="20">
        <v>0.71551500000000001</v>
      </c>
      <c r="CN129" s="20">
        <v>0.80743500000000001</v>
      </c>
      <c r="CO129" s="20">
        <v>0.78717099999999995</v>
      </c>
      <c r="CP129" s="20">
        <v>0.765706</v>
      </c>
      <c r="CQ129" s="20">
        <v>0.71051900000000001</v>
      </c>
      <c r="CR129" s="20">
        <v>0.59997900000000004</v>
      </c>
      <c r="CS129" s="20">
        <v>0.59256299999999995</v>
      </c>
      <c r="CT129" s="20">
        <v>0.468331</v>
      </c>
      <c r="CU129" s="20">
        <v>0.55004799999999998</v>
      </c>
      <c r="CV129" s="20">
        <v>0.65591200000000005</v>
      </c>
      <c r="CW129" s="20">
        <v>0.74404499999999996</v>
      </c>
      <c r="CX129" s="20">
        <v>0.74367399999999995</v>
      </c>
      <c r="CY129" s="6" t="s">
        <v>397</v>
      </c>
      <c r="CZ129" s="6" t="s">
        <v>398</v>
      </c>
      <c r="DA129" s="6" t="s">
        <v>115</v>
      </c>
      <c r="DB129" s="6" t="s">
        <v>345</v>
      </c>
      <c r="DC129" s="6"/>
      <c r="DD129" s="6"/>
      <c r="DE129" s="6"/>
      <c r="DF129" s="6"/>
      <c r="DG129" s="6"/>
      <c r="DH129" s="6" t="s">
        <v>333</v>
      </c>
      <c r="DI129" s="6"/>
      <c r="DJ129" s="6"/>
      <c r="DK129" s="6"/>
      <c r="DL129" s="6">
        <v>6</v>
      </c>
      <c r="DM129" s="6" t="s">
        <v>396</v>
      </c>
      <c r="DN129" s="6">
        <v>6</v>
      </c>
      <c r="DO129" s="6" t="s">
        <v>393</v>
      </c>
      <c r="DP129" s="6"/>
      <c r="DQ129" s="6"/>
    </row>
    <row r="130" spans="1:121" x14ac:dyDescent="0.2">
      <c r="A130" s="6" t="s">
        <v>314</v>
      </c>
      <c r="B130" s="6" t="s">
        <v>314</v>
      </c>
      <c r="C130" s="6" t="s">
        <v>183</v>
      </c>
      <c r="D130" s="6" t="s">
        <v>115</v>
      </c>
      <c r="E130" s="6" t="s">
        <v>256</v>
      </c>
      <c r="F130" s="11">
        <v>-27</v>
      </c>
      <c r="G130" s="13">
        <v>-0.67500000000000004</v>
      </c>
      <c r="H130" s="11">
        <v>-8.2219212263999992</v>
      </c>
      <c r="I130" s="13">
        <v>-0.20800339635206816</v>
      </c>
      <c r="J130" s="11">
        <v>-5.530104252600001</v>
      </c>
      <c r="K130" s="13">
        <v>-0.17664734493963166</v>
      </c>
      <c r="L130" s="11">
        <v>-12.6296598555</v>
      </c>
      <c r="M130" s="13">
        <v>-0.48998136081693505</v>
      </c>
      <c r="N130" s="11">
        <v>-18.159764108099999</v>
      </c>
      <c r="O130" s="13">
        <v>-0.58007479929834738</v>
      </c>
      <c r="P130" s="7">
        <v>39.527822</v>
      </c>
      <c r="Q130" s="7">
        <v>36.542186000000001</v>
      </c>
      <c r="R130" s="7">
        <v>33.778942000000001</v>
      </c>
      <c r="S130" s="7">
        <v>29.815291999999999</v>
      </c>
      <c r="T130" s="7">
        <v>28.136566999999999</v>
      </c>
      <c r="U130" s="7">
        <v>28.573712</v>
      </c>
      <c r="V130" s="7">
        <v>31.305900773600001</v>
      </c>
      <c r="W130" s="7">
        <v>29.0271892128</v>
      </c>
      <c r="X130" s="7">
        <v>22.181029945500001</v>
      </c>
      <c r="Y130" s="7">
        <v>25.775796521</v>
      </c>
      <c r="Z130" s="7">
        <v>24.620452563400001</v>
      </c>
      <c r="AA130" s="7">
        <v>20.008739340999998</v>
      </c>
      <c r="AB130" s="7">
        <v>20.212648387200002</v>
      </c>
      <c r="AC130" s="7">
        <v>22.027797212799999</v>
      </c>
      <c r="AD130" s="7">
        <v>12.6992005393</v>
      </c>
      <c r="AE130" s="7">
        <v>12.5654098703</v>
      </c>
      <c r="AF130" s="7">
        <v>13.1461366655</v>
      </c>
      <c r="AG130" s="9">
        <v>-6162.7357882000015</v>
      </c>
      <c r="AH130" s="13">
        <v>-0.28077050930205549</v>
      </c>
      <c r="AI130" s="9">
        <v>-226.54858310000054</v>
      </c>
      <c r="AJ130" s="13">
        <v>-1.032141620941123E-2</v>
      </c>
      <c r="AK130" s="9">
        <v>-2468.8182692000009</v>
      </c>
      <c r="AL130" s="13">
        <v>-0.11365090307880488</v>
      </c>
      <c r="AM130" s="9">
        <v>-3467.3689359</v>
      </c>
      <c r="AN130" s="13">
        <v>-0.1800856119564877</v>
      </c>
      <c r="AO130" s="9">
        <v>-5936.1872051000009</v>
      </c>
      <c r="AP130" s="13">
        <v>-0.27326962260493853</v>
      </c>
      <c r="AQ130" s="9">
        <v>21949.369980200001</v>
      </c>
      <c r="AR130" s="9">
        <v>21505.624252500002</v>
      </c>
      <c r="AS130" s="9">
        <v>19455.254341600001</v>
      </c>
      <c r="AT130" s="9">
        <v>21123.504841599999</v>
      </c>
      <c r="AU130" s="9">
        <v>20595.4481724</v>
      </c>
      <c r="AV130" s="9">
        <v>20027.807986899999</v>
      </c>
      <c r="AW130" s="9">
        <v>21722.8213971</v>
      </c>
      <c r="AX130" s="9">
        <v>22906.910006900001</v>
      </c>
      <c r="AY130" s="9">
        <v>27946.784567499999</v>
      </c>
      <c r="AZ130" s="9">
        <v>19254.0031279</v>
      </c>
      <c r="BA130" s="9">
        <v>12252.5001476</v>
      </c>
      <c r="BB130" s="9">
        <v>14561.923779799999</v>
      </c>
      <c r="BC130" s="9">
        <v>14020.197825699999</v>
      </c>
      <c r="BD130" s="9">
        <v>23379.4881293</v>
      </c>
      <c r="BE130" s="9">
        <v>27466.056017700001</v>
      </c>
      <c r="BF130" s="9">
        <v>15786.634192</v>
      </c>
      <c r="BG130" s="11">
        <v>-5</v>
      </c>
      <c r="BH130" s="13">
        <v>-0.83333333333333337</v>
      </c>
      <c r="BI130" s="6">
        <v>0</v>
      </c>
      <c r="BJ130" s="13">
        <v>0</v>
      </c>
      <c r="BK130" s="6">
        <v>-2</v>
      </c>
      <c r="BL130" s="13">
        <v>-0.33333333333333331</v>
      </c>
      <c r="BM130" s="11">
        <v>-3</v>
      </c>
      <c r="BN130" s="13">
        <v>-0.75</v>
      </c>
      <c r="BO130" s="11">
        <v>-5</v>
      </c>
      <c r="BP130" s="13">
        <v>-0.83333333333333337</v>
      </c>
      <c r="BQ130" s="6">
        <v>6</v>
      </c>
      <c r="BR130" s="6">
        <v>6</v>
      </c>
      <c r="BS130" s="6">
        <v>6</v>
      </c>
      <c r="BT130" s="6">
        <v>6</v>
      </c>
      <c r="BU130" s="6">
        <v>6</v>
      </c>
      <c r="BV130" s="6">
        <v>4</v>
      </c>
      <c r="BW130" s="6">
        <v>4</v>
      </c>
      <c r="BX130" s="6">
        <v>3</v>
      </c>
      <c r="BY130" s="6">
        <v>3</v>
      </c>
      <c r="BZ130" s="6">
        <v>4</v>
      </c>
      <c r="CA130" s="6">
        <v>3</v>
      </c>
      <c r="CB130" s="6">
        <v>1</v>
      </c>
      <c r="CC130" s="11">
        <v>1</v>
      </c>
      <c r="CD130" s="11">
        <v>-18.595600000000001</v>
      </c>
      <c r="CE130" s="11">
        <v>-12.106999999999999</v>
      </c>
      <c r="CF130" s="11">
        <v>4.3208700000000002</v>
      </c>
      <c r="CG130" s="11">
        <v>-8</v>
      </c>
      <c r="CH130" s="20">
        <v>0.247279</v>
      </c>
      <c r="CI130" s="20">
        <v>0.24243500000000001</v>
      </c>
      <c r="CJ130" s="20">
        <v>0.242946</v>
      </c>
      <c r="CK130" s="20">
        <v>0.21036099999999999</v>
      </c>
      <c r="CL130" s="20">
        <v>0.21964800000000001</v>
      </c>
      <c r="CM130" s="20">
        <v>0.24366399999999999</v>
      </c>
      <c r="CN130" s="20">
        <v>0.30135600000000001</v>
      </c>
      <c r="CO130" s="20">
        <v>0.31624099999999999</v>
      </c>
      <c r="CP130" s="20">
        <v>0.25040400000000002</v>
      </c>
      <c r="CQ130" s="20">
        <v>0.31052800000000003</v>
      </c>
      <c r="CR130" s="20">
        <v>0.30867899999999998</v>
      </c>
      <c r="CS130" s="20">
        <v>0.25655</v>
      </c>
      <c r="CT130" s="20">
        <v>0.25793199999999999</v>
      </c>
      <c r="CU130" s="20">
        <v>0.28204200000000001</v>
      </c>
      <c r="CV130" s="20">
        <v>0.171844</v>
      </c>
      <c r="CW130" s="20">
        <v>0.168683</v>
      </c>
      <c r="CX130" s="20">
        <v>0.17638999999999999</v>
      </c>
      <c r="CY130" s="6" t="s">
        <v>397</v>
      </c>
      <c r="CZ130" s="6" t="s">
        <v>398</v>
      </c>
      <c r="DA130" s="6" t="s">
        <v>115</v>
      </c>
      <c r="DB130" s="6" t="s">
        <v>345</v>
      </c>
      <c r="DC130" s="6"/>
      <c r="DD130" s="6"/>
      <c r="DE130" s="6"/>
      <c r="DF130" s="6"/>
      <c r="DG130" s="6"/>
      <c r="DH130" s="6" t="s">
        <v>333</v>
      </c>
      <c r="DI130" s="6"/>
      <c r="DJ130" s="6"/>
      <c r="DK130" s="6"/>
      <c r="DL130" s="6">
        <v>6</v>
      </c>
      <c r="DM130" s="6" t="s">
        <v>396</v>
      </c>
      <c r="DN130" s="6">
        <v>6</v>
      </c>
      <c r="DO130" s="6" t="s">
        <v>393</v>
      </c>
      <c r="DP130" s="6"/>
      <c r="DQ130" s="6"/>
    </row>
    <row r="131" spans="1:121" x14ac:dyDescent="0.2">
      <c r="A131" s="6" t="s">
        <v>315</v>
      </c>
      <c r="B131" s="6" t="s">
        <v>315</v>
      </c>
      <c r="C131" s="6" t="s">
        <v>184</v>
      </c>
      <c r="D131" s="6" t="s">
        <v>115</v>
      </c>
      <c r="E131" s="6" t="s">
        <v>256</v>
      </c>
      <c r="F131" s="11">
        <v>-21</v>
      </c>
      <c r="G131" s="13">
        <v>-0.12</v>
      </c>
      <c r="H131" s="11">
        <v>7</v>
      </c>
      <c r="I131" s="13">
        <v>4.0229885057471264E-2</v>
      </c>
      <c r="J131" s="11">
        <v>-11</v>
      </c>
      <c r="K131" s="13">
        <v>-6.0773480662983423E-2</v>
      </c>
      <c r="L131" s="11">
        <v>-17</v>
      </c>
      <c r="M131" s="13">
        <v>-0.1</v>
      </c>
      <c r="N131" s="11">
        <v>-28</v>
      </c>
      <c r="O131" s="13">
        <v>-0.15469613259668508</v>
      </c>
      <c r="P131" s="7">
        <v>174</v>
      </c>
      <c r="Q131" s="7">
        <v>174</v>
      </c>
      <c r="R131" s="7">
        <v>183</v>
      </c>
      <c r="S131" s="7">
        <v>178</v>
      </c>
      <c r="T131" s="7">
        <v>177</v>
      </c>
      <c r="U131" s="7">
        <v>179</v>
      </c>
      <c r="V131" s="7">
        <v>181</v>
      </c>
      <c r="W131" s="7">
        <v>187</v>
      </c>
      <c r="X131" s="7">
        <v>183</v>
      </c>
      <c r="Y131" s="7">
        <v>170</v>
      </c>
      <c r="Z131" s="7">
        <v>185</v>
      </c>
      <c r="AA131" s="7">
        <v>183</v>
      </c>
      <c r="AB131" s="7">
        <v>182</v>
      </c>
      <c r="AC131" s="7">
        <v>169</v>
      </c>
      <c r="AD131" s="7">
        <v>161</v>
      </c>
      <c r="AE131" s="7">
        <v>157</v>
      </c>
      <c r="AF131" s="7">
        <v>153</v>
      </c>
      <c r="AG131" s="9">
        <v>16939</v>
      </c>
      <c r="AH131" s="13">
        <v>0.56102407842877489</v>
      </c>
      <c r="AI131" s="9">
        <v>9322</v>
      </c>
      <c r="AJ131" s="13">
        <v>0.30874706057695495</v>
      </c>
      <c r="AK131" s="9">
        <v>5403</v>
      </c>
      <c r="AL131" s="13">
        <v>0.13673288624572946</v>
      </c>
      <c r="AM131" s="9">
        <v>2214</v>
      </c>
      <c r="AN131" s="13">
        <v>4.9289816999866426E-2</v>
      </c>
      <c r="AO131" s="9">
        <v>7617</v>
      </c>
      <c r="AP131" s="13">
        <v>0.19276224218651145</v>
      </c>
      <c r="AQ131" s="9">
        <v>30193</v>
      </c>
      <c r="AR131" s="9">
        <v>33095</v>
      </c>
      <c r="AS131" s="9">
        <v>31869</v>
      </c>
      <c r="AT131" s="9">
        <v>33648</v>
      </c>
      <c r="AU131" s="9">
        <v>37320</v>
      </c>
      <c r="AV131" s="9">
        <v>37843</v>
      </c>
      <c r="AW131" s="9">
        <v>39515</v>
      </c>
      <c r="AX131" s="9">
        <v>42212</v>
      </c>
      <c r="AY131" s="9">
        <v>42671</v>
      </c>
      <c r="AZ131" s="9">
        <v>44918</v>
      </c>
      <c r="BA131" s="9">
        <v>43630</v>
      </c>
      <c r="BB131" s="9">
        <v>43066</v>
      </c>
      <c r="BC131" s="9">
        <v>43093</v>
      </c>
      <c r="BD131" s="9">
        <v>44828</v>
      </c>
      <c r="BE131" s="9">
        <v>45892</v>
      </c>
      <c r="BF131" s="9">
        <v>47132</v>
      </c>
      <c r="BG131" s="11">
        <v>2</v>
      </c>
      <c r="BH131" s="13">
        <v>0.1</v>
      </c>
      <c r="BI131" s="6">
        <v>1</v>
      </c>
      <c r="BJ131" s="13">
        <v>0.05</v>
      </c>
      <c r="BK131" s="6">
        <v>0</v>
      </c>
      <c r="BL131" s="13">
        <v>0</v>
      </c>
      <c r="BM131" s="11">
        <v>1</v>
      </c>
      <c r="BN131" s="13">
        <v>4.7619047619047616E-2</v>
      </c>
      <c r="BO131" s="11">
        <v>1</v>
      </c>
      <c r="BP131" s="13">
        <v>4.7619047619047616E-2</v>
      </c>
      <c r="BQ131" s="6">
        <v>20</v>
      </c>
      <c r="BR131" s="6">
        <v>20</v>
      </c>
      <c r="BS131" s="6">
        <v>20</v>
      </c>
      <c r="BT131" s="6">
        <v>21</v>
      </c>
      <c r="BU131" s="6">
        <v>22</v>
      </c>
      <c r="BV131" s="6">
        <v>23</v>
      </c>
      <c r="BW131" s="6">
        <v>21</v>
      </c>
      <c r="BX131" s="6">
        <v>23</v>
      </c>
      <c r="BY131" s="6">
        <v>24</v>
      </c>
      <c r="BZ131" s="6">
        <v>23</v>
      </c>
      <c r="CA131" s="6">
        <v>23</v>
      </c>
      <c r="CB131" s="6">
        <v>22</v>
      </c>
      <c r="CC131" s="11">
        <v>22</v>
      </c>
      <c r="CD131" s="11">
        <v>-26</v>
      </c>
      <c r="CE131" s="11">
        <v>-14</v>
      </c>
      <c r="CF131" s="11">
        <v>19</v>
      </c>
      <c r="CG131" s="11">
        <v>5</v>
      </c>
      <c r="CH131" s="20">
        <v>0.67</v>
      </c>
      <c r="CI131" s="20">
        <v>0.67</v>
      </c>
      <c r="CJ131" s="20">
        <v>0.71</v>
      </c>
      <c r="CK131" s="20">
        <v>0.66</v>
      </c>
      <c r="CL131" s="20">
        <v>0.71</v>
      </c>
      <c r="CM131" s="20">
        <v>0.76</v>
      </c>
      <c r="CN131" s="20">
        <v>0.87</v>
      </c>
      <c r="CO131" s="20">
        <v>1.03</v>
      </c>
      <c r="CP131" s="20">
        <v>1.02</v>
      </c>
      <c r="CQ131" s="20">
        <v>1</v>
      </c>
      <c r="CR131" s="20">
        <v>1.1100000000000001</v>
      </c>
      <c r="CS131" s="20">
        <v>1.1200000000000001</v>
      </c>
      <c r="CT131" s="20">
        <v>1.1100000000000001</v>
      </c>
      <c r="CU131" s="20">
        <v>1.04</v>
      </c>
      <c r="CV131" s="20">
        <v>1.04</v>
      </c>
      <c r="CW131" s="20">
        <v>1.01</v>
      </c>
      <c r="CX131" s="20">
        <v>0.98</v>
      </c>
      <c r="CY131" s="6" t="s">
        <v>397</v>
      </c>
      <c r="CZ131" s="6" t="s">
        <v>398</v>
      </c>
      <c r="DA131" s="6" t="s">
        <v>115</v>
      </c>
      <c r="DB131" s="6" t="s">
        <v>345</v>
      </c>
      <c r="DC131" s="6"/>
      <c r="DD131" s="6"/>
      <c r="DE131" s="6"/>
      <c r="DF131" s="6"/>
      <c r="DG131" s="6"/>
      <c r="DH131" s="6" t="s">
        <v>333</v>
      </c>
      <c r="DI131" s="6"/>
      <c r="DJ131" s="6"/>
      <c r="DK131" s="6"/>
      <c r="DL131" s="6">
        <v>6</v>
      </c>
      <c r="DM131" s="6" t="s">
        <v>396</v>
      </c>
      <c r="DN131" s="6">
        <v>6</v>
      </c>
      <c r="DO131" s="6" t="s">
        <v>393</v>
      </c>
      <c r="DP131" s="6"/>
      <c r="DQ131" s="6"/>
    </row>
    <row r="132" spans="1:121" x14ac:dyDescent="0.2">
      <c r="A132" s="6" t="s">
        <v>316</v>
      </c>
      <c r="B132" s="6" t="s">
        <v>316</v>
      </c>
      <c r="C132" s="6" t="s">
        <v>185</v>
      </c>
      <c r="D132" s="6" t="s">
        <v>115</v>
      </c>
      <c r="E132" s="6" t="s">
        <v>256</v>
      </c>
      <c r="F132" s="11">
        <v>-18</v>
      </c>
      <c r="G132" s="13">
        <v>-0.5</v>
      </c>
      <c r="H132" s="11">
        <v>-2</v>
      </c>
      <c r="I132" s="13">
        <v>-5.5555555555555552E-2</v>
      </c>
      <c r="J132" s="11">
        <v>-9</v>
      </c>
      <c r="K132" s="13">
        <v>-0.26470588235294118</v>
      </c>
      <c r="L132" s="11">
        <v>-7</v>
      </c>
      <c r="M132" s="13">
        <v>-0.28000000000000003</v>
      </c>
      <c r="N132" s="11">
        <v>-16</v>
      </c>
      <c r="O132" s="13">
        <v>-0.47058823529411759</v>
      </c>
      <c r="P132" s="7">
        <v>36</v>
      </c>
      <c r="Q132" s="7">
        <v>41</v>
      </c>
      <c r="R132" s="7">
        <v>36</v>
      </c>
      <c r="S132" s="7">
        <v>43</v>
      </c>
      <c r="T132" s="7">
        <v>45</v>
      </c>
      <c r="U132" s="7">
        <v>45</v>
      </c>
      <c r="V132" s="7">
        <v>34</v>
      </c>
      <c r="W132" s="7">
        <v>32</v>
      </c>
      <c r="X132" s="7">
        <v>27</v>
      </c>
      <c r="Y132" s="7">
        <v>25</v>
      </c>
      <c r="Z132" s="7">
        <v>22</v>
      </c>
      <c r="AA132" s="7">
        <v>23</v>
      </c>
      <c r="AB132" s="7">
        <v>20</v>
      </c>
      <c r="AC132" s="7">
        <v>19</v>
      </c>
      <c r="AD132" s="7">
        <v>18</v>
      </c>
      <c r="AE132" s="7">
        <v>18</v>
      </c>
      <c r="AF132" s="7">
        <v>18</v>
      </c>
      <c r="AG132" s="9">
        <v>4857</v>
      </c>
      <c r="AH132" s="13">
        <v>0.18994173086699775</v>
      </c>
      <c r="AI132" s="9">
        <v>-712</v>
      </c>
      <c r="AJ132" s="13">
        <v>-2.7844042078917525E-2</v>
      </c>
      <c r="AK132" s="9">
        <v>353</v>
      </c>
      <c r="AL132" s="13">
        <v>1.4200088499135122E-2</v>
      </c>
      <c r="AM132" s="9">
        <v>5216</v>
      </c>
      <c r="AN132" s="13">
        <v>0.20688561002697128</v>
      </c>
      <c r="AO132" s="9">
        <v>5569</v>
      </c>
      <c r="AP132" s="13">
        <v>0.22402349249768697</v>
      </c>
      <c r="AQ132" s="9">
        <v>25571</v>
      </c>
      <c r="AR132" s="9">
        <v>26439</v>
      </c>
      <c r="AS132" s="9">
        <v>27644</v>
      </c>
      <c r="AT132" s="9">
        <v>22949</v>
      </c>
      <c r="AU132" s="9">
        <v>23225</v>
      </c>
      <c r="AV132" s="9">
        <v>23342</v>
      </c>
      <c r="AW132" s="9">
        <v>24859</v>
      </c>
      <c r="AX132" s="9">
        <v>25112</v>
      </c>
      <c r="AY132" s="9">
        <v>25474</v>
      </c>
      <c r="AZ132" s="9">
        <v>25212</v>
      </c>
      <c r="BA132" s="9">
        <v>27567</v>
      </c>
      <c r="BB132" s="9">
        <v>26540</v>
      </c>
      <c r="BC132" s="9">
        <v>30780</v>
      </c>
      <c r="BD132" s="9">
        <v>29789</v>
      </c>
      <c r="BE132" s="9">
        <v>31028</v>
      </c>
      <c r="BF132" s="9">
        <v>30428</v>
      </c>
      <c r="BG132" s="11">
        <v>-5</v>
      </c>
      <c r="BH132" s="13">
        <v>-0.5</v>
      </c>
      <c r="BI132" s="6">
        <v>-3</v>
      </c>
      <c r="BJ132" s="13">
        <v>-0.3</v>
      </c>
      <c r="BK132" s="6">
        <v>-1</v>
      </c>
      <c r="BL132" s="13">
        <v>-0.14285714285714285</v>
      </c>
      <c r="BM132" s="11">
        <v>-1</v>
      </c>
      <c r="BN132" s="13">
        <v>-0.16666666666666666</v>
      </c>
      <c r="BO132" s="11">
        <v>-2</v>
      </c>
      <c r="BP132" s="13">
        <v>-0.2857142857142857</v>
      </c>
      <c r="BQ132" s="6">
        <v>10</v>
      </c>
      <c r="BR132" s="6">
        <v>9</v>
      </c>
      <c r="BS132" s="6">
        <v>9</v>
      </c>
      <c r="BT132" s="6">
        <v>7</v>
      </c>
      <c r="BU132" s="6">
        <v>6</v>
      </c>
      <c r="BV132" s="6">
        <v>6</v>
      </c>
      <c r="BW132" s="6">
        <v>6</v>
      </c>
      <c r="BX132" s="6">
        <v>5</v>
      </c>
      <c r="BY132" s="6">
        <v>6</v>
      </c>
      <c r="BZ132" s="6">
        <v>7</v>
      </c>
      <c r="CA132" s="6">
        <v>5</v>
      </c>
      <c r="CB132" s="6">
        <v>5</v>
      </c>
      <c r="CC132" s="11">
        <v>5</v>
      </c>
      <c r="CD132" s="11">
        <v>-20</v>
      </c>
      <c r="CE132" s="11">
        <v>-2</v>
      </c>
      <c r="CF132" s="11">
        <v>4</v>
      </c>
      <c r="CG132" s="11">
        <v>2</v>
      </c>
      <c r="CH132" s="20">
        <v>0.33</v>
      </c>
      <c r="CI132" s="20">
        <v>0.38</v>
      </c>
      <c r="CJ132" s="20">
        <v>0.33</v>
      </c>
      <c r="CK132" s="20">
        <v>0.37</v>
      </c>
      <c r="CL132" s="20">
        <v>0.41</v>
      </c>
      <c r="CM132" s="20">
        <v>0.45</v>
      </c>
      <c r="CN132" s="20">
        <v>0.38</v>
      </c>
      <c r="CO132" s="20">
        <v>0.41</v>
      </c>
      <c r="CP132" s="20">
        <v>0.36</v>
      </c>
      <c r="CQ132" s="20">
        <v>0.35</v>
      </c>
      <c r="CR132" s="20">
        <v>0.32</v>
      </c>
      <c r="CS132" s="20">
        <v>0.34</v>
      </c>
      <c r="CT132" s="20">
        <v>0.3</v>
      </c>
      <c r="CU132" s="20">
        <v>0.28000000000000003</v>
      </c>
      <c r="CV132" s="20">
        <v>0.28000000000000003</v>
      </c>
      <c r="CW132" s="20">
        <v>0.28000000000000003</v>
      </c>
      <c r="CX132" s="20">
        <v>0.28000000000000003</v>
      </c>
      <c r="CY132" s="6" t="s">
        <v>397</v>
      </c>
      <c r="CZ132" s="6" t="s">
        <v>398</v>
      </c>
      <c r="DA132" s="6" t="s">
        <v>115</v>
      </c>
      <c r="DB132" s="6" t="s">
        <v>345</v>
      </c>
      <c r="DC132" s="6"/>
      <c r="DD132" s="6"/>
      <c r="DE132" s="6"/>
      <c r="DF132" s="6"/>
      <c r="DG132" s="6"/>
      <c r="DH132" s="6" t="s">
        <v>333</v>
      </c>
      <c r="DI132" s="6"/>
      <c r="DJ132" s="6"/>
      <c r="DK132" s="6"/>
      <c r="DL132" s="6">
        <v>6</v>
      </c>
      <c r="DM132" s="6" t="s">
        <v>396</v>
      </c>
      <c r="DN132" s="6">
        <v>6</v>
      </c>
      <c r="DO132" s="6" t="s">
        <v>393</v>
      </c>
      <c r="DP132" s="6"/>
      <c r="DQ132" s="6"/>
    </row>
    <row r="133" spans="1:121" x14ac:dyDescent="0.2">
      <c r="A133" s="6" t="s">
        <v>317</v>
      </c>
      <c r="B133" s="6" t="s">
        <v>317</v>
      </c>
      <c r="C133" s="6" t="s">
        <v>186</v>
      </c>
      <c r="D133" s="6" t="s">
        <v>115</v>
      </c>
      <c r="E133" s="6" t="s">
        <v>256</v>
      </c>
      <c r="F133" s="11">
        <v>-43</v>
      </c>
      <c r="G133" s="13">
        <v>-0.24</v>
      </c>
      <c r="H133" s="11">
        <v>-47</v>
      </c>
      <c r="I133" s="13">
        <v>-0.25824175824175827</v>
      </c>
      <c r="J133" s="11">
        <v>15</v>
      </c>
      <c r="K133" s="13">
        <v>0.1111111111111111</v>
      </c>
      <c r="L133" s="11">
        <v>-11</v>
      </c>
      <c r="M133" s="13">
        <v>-7.3333333333333334E-2</v>
      </c>
      <c r="N133" s="11">
        <v>4</v>
      </c>
      <c r="O133" s="13">
        <v>2.9629629629629631E-2</v>
      </c>
      <c r="P133" s="7">
        <v>182</v>
      </c>
      <c r="Q133" s="7">
        <v>147</v>
      </c>
      <c r="R133" s="7">
        <v>141</v>
      </c>
      <c r="S133" s="7">
        <v>164</v>
      </c>
      <c r="T133" s="7">
        <v>163</v>
      </c>
      <c r="U133" s="7">
        <v>153</v>
      </c>
      <c r="V133" s="7">
        <v>135</v>
      </c>
      <c r="W133" s="7">
        <v>135</v>
      </c>
      <c r="X133" s="7">
        <v>146</v>
      </c>
      <c r="Y133" s="7">
        <v>150</v>
      </c>
      <c r="Z133" s="7">
        <v>155</v>
      </c>
      <c r="AA133" s="7">
        <v>145</v>
      </c>
      <c r="AB133" s="7">
        <v>137</v>
      </c>
      <c r="AC133" s="7">
        <v>132</v>
      </c>
      <c r="AD133" s="7">
        <v>144</v>
      </c>
      <c r="AE133" s="7">
        <v>139</v>
      </c>
      <c r="AF133" s="7">
        <v>139</v>
      </c>
      <c r="AG133" s="9">
        <v>21016</v>
      </c>
      <c r="AH133" s="13">
        <v>0.79984776403425317</v>
      </c>
      <c r="AI133" s="9">
        <v>8763</v>
      </c>
      <c r="AJ133" s="13">
        <v>0.33351094196003805</v>
      </c>
      <c r="AK133" s="9">
        <v>9666</v>
      </c>
      <c r="AL133" s="13">
        <v>0.27587191049717452</v>
      </c>
      <c r="AM133" s="9">
        <v>2587</v>
      </c>
      <c r="AN133" s="13">
        <v>5.7869541875447385E-2</v>
      </c>
      <c r="AO133" s="9">
        <v>12253</v>
      </c>
      <c r="AP133" s="13">
        <v>0.34970603344939782</v>
      </c>
      <c r="AQ133" s="9">
        <v>26275</v>
      </c>
      <c r="AR133" s="9">
        <v>40551</v>
      </c>
      <c r="AS133" s="9">
        <v>40356</v>
      </c>
      <c r="AT133" s="9">
        <v>33821</v>
      </c>
      <c r="AU133" s="9">
        <v>31397</v>
      </c>
      <c r="AV133" s="9">
        <v>33930</v>
      </c>
      <c r="AW133" s="9">
        <v>35038</v>
      </c>
      <c r="AX133" s="9">
        <v>35808</v>
      </c>
      <c r="AY133" s="9">
        <v>41843</v>
      </c>
      <c r="AZ133" s="9">
        <v>44704</v>
      </c>
      <c r="BA133" s="9">
        <v>43910</v>
      </c>
      <c r="BB133" s="9">
        <v>46934</v>
      </c>
      <c r="BC133" s="9">
        <v>36844</v>
      </c>
      <c r="BD133" s="9">
        <v>49501</v>
      </c>
      <c r="BE133" s="9">
        <v>46536</v>
      </c>
      <c r="BF133" s="9">
        <v>47291</v>
      </c>
      <c r="BG133" s="11">
        <v>-5</v>
      </c>
      <c r="BH133" s="13">
        <v>-0.27777777777777779</v>
      </c>
      <c r="BI133" s="6">
        <v>0</v>
      </c>
      <c r="BJ133" s="13">
        <v>0</v>
      </c>
      <c r="BK133" s="6">
        <v>-3</v>
      </c>
      <c r="BL133" s="13">
        <v>-0.16666666666666666</v>
      </c>
      <c r="BM133" s="11">
        <v>-2</v>
      </c>
      <c r="BN133" s="13">
        <v>-0.13333333333333333</v>
      </c>
      <c r="BO133" s="11">
        <v>-5</v>
      </c>
      <c r="BP133" s="13">
        <v>-0.27777777777777779</v>
      </c>
      <c r="BQ133" s="6">
        <v>18</v>
      </c>
      <c r="BR133" s="6">
        <v>19</v>
      </c>
      <c r="BS133" s="6">
        <v>20</v>
      </c>
      <c r="BT133" s="6">
        <v>18</v>
      </c>
      <c r="BU133" s="6">
        <v>18</v>
      </c>
      <c r="BV133" s="6">
        <v>18</v>
      </c>
      <c r="BW133" s="6">
        <v>15</v>
      </c>
      <c r="BX133" s="6">
        <v>14</v>
      </c>
      <c r="BY133" s="6">
        <v>13</v>
      </c>
      <c r="BZ133" s="6">
        <v>12</v>
      </c>
      <c r="CA133" s="6">
        <v>12</v>
      </c>
      <c r="CB133" s="6">
        <v>14</v>
      </c>
      <c r="CC133" s="11">
        <v>13</v>
      </c>
      <c r="CD133" s="11">
        <v>-100</v>
      </c>
      <c r="CE133" s="11">
        <v>37</v>
      </c>
      <c r="CF133" s="11">
        <v>20</v>
      </c>
      <c r="CG133" s="11">
        <v>57</v>
      </c>
      <c r="CH133" s="20">
        <v>0.53</v>
      </c>
      <c r="CI133" s="20">
        <v>0.44</v>
      </c>
      <c r="CJ133" s="20">
        <v>0.44</v>
      </c>
      <c r="CK133" s="20">
        <v>0.47</v>
      </c>
      <c r="CL133" s="20">
        <v>0.49</v>
      </c>
      <c r="CM133" s="20">
        <v>0.48</v>
      </c>
      <c r="CN133" s="20">
        <v>0.47</v>
      </c>
      <c r="CO133" s="20">
        <v>0.51</v>
      </c>
      <c r="CP133" s="20">
        <v>0.56000000000000005</v>
      </c>
      <c r="CQ133" s="20">
        <v>0.59</v>
      </c>
      <c r="CR133" s="20">
        <v>0.61</v>
      </c>
      <c r="CS133" s="20">
        <v>0.57999999999999996</v>
      </c>
      <c r="CT133" s="20">
        <v>0.53</v>
      </c>
      <c r="CU133" s="20">
        <v>0.51</v>
      </c>
      <c r="CV133" s="20">
        <v>0.56999999999999995</v>
      </c>
      <c r="CW133" s="20">
        <v>0.54</v>
      </c>
      <c r="CX133" s="20">
        <v>0.53</v>
      </c>
      <c r="CY133" s="6" t="s">
        <v>397</v>
      </c>
      <c r="CZ133" s="6" t="s">
        <v>398</v>
      </c>
      <c r="DA133" s="6" t="s">
        <v>115</v>
      </c>
      <c r="DB133" s="6" t="s">
        <v>345</v>
      </c>
      <c r="DC133" s="6"/>
      <c r="DD133" s="6"/>
      <c r="DE133" s="6"/>
      <c r="DF133" s="6"/>
      <c r="DG133" s="6"/>
      <c r="DH133" s="6" t="s">
        <v>333</v>
      </c>
      <c r="DI133" s="6"/>
      <c r="DJ133" s="6"/>
      <c r="DK133" s="6"/>
      <c r="DL133" s="6">
        <v>6</v>
      </c>
      <c r="DM133" s="6" t="s">
        <v>396</v>
      </c>
      <c r="DN133" s="6">
        <v>6</v>
      </c>
      <c r="DO133" s="6" t="s">
        <v>393</v>
      </c>
      <c r="DP133" s="6"/>
      <c r="DQ133" s="6"/>
    </row>
    <row r="134" spans="1:121" x14ac:dyDescent="0.2">
      <c r="A134" s="6" t="s">
        <v>318</v>
      </c>
      <c r="B134" s="6" t="s">
        <v>318</v>
      </c>
      <c r="C134" s="6" t="s">
        <v>187</v>
      </c>
      <c r="D134" s="6" t="s">
        <v>115</v>
      </c>
      <c r="E134" s="6" t="s">
        <v>256</v>
      </c>
      <c r="F134" s="11">
        <v>0</v>
      </c>
      <c r="G134" s="13">
        <v>0</v>
      </c>
      <c r="H134" s="11">
        <v>5</v>
      </c>
      <c r="I134" s="13"/>
      <c r="J134" s="11">
        <v>0</v>
      </c>
      <c r="K134" s="13">
        <v>0</v>
      </c>
      <c r="L134" s="11">
        <v>-5</v>
      </c>
      <c r="M134" s="13">
        <v>-1</v>
      </c>
      <c r="N134" s="11">
        <v>-5</v>
      </c>
      <c r="O134" s="13">
        <v>-1</v>
      </c>
      <c r="P134" s="7">
        <v>0</v>
      </c>
      <c r="Q134" s="7">
        <v>0</v>
      </c>
      <c r="R134" s="7">
        <v>0</v>
      </c>
      <c r="S134" s="7">
        <v>0</v>
      </c>
      <c r="T134" s="7">
        <v>0</v>
      </c>
      <c r="U134" s="7">
        <v>5</v>
      </c>
      <c r="V134" s="7">
        <v>5</v>
      </c>
      <c r="W134" s="7">
        <v>5</v>
      </c>
      <c r="X134" s="7">
        <v>5</v>
      </c>
      <c r="Y134" s="7">
        <v>5</v>
      </c>
      <c r="Z134" s="7">
        <v>5</v>
      </c>
      <c r="AA134" s="7">
        <v>24.174056</v>
      </c>
      <c r="AB134" s="7">
        <v>30.171475999999998</v>
      </c>
      <c r="AC134" s="7">
        <v>20.174779000000001</v>
      </c>
      <c r="AD134" s="7">
        <v>0</v>
      </c>
      <c r="AE134" s="7">
        <v>0</v>
      </c>
      <c r="AF134" s="7">
        <v>0</v>
      </c>
      <c r="AG134" s="9">
        <v>0</v>
      </c>
      <c r="AH134" s="13"/>
      <c r="AI134" s="9">
        <v>1</v>
      </c>
      <c r="AJ134" s="13"/>
      <c r="AK134" s="9">
        <v>0</v>
      </c>
      <c r="AL134" s="13">
        <v>0</v>
      </c>
      <c r="AM134" s="9">
        <v>-1</v>
      </c>
      <c r="AN134" s="13">
        <v>-1</v>
      </c>
      <c r="AO134" s="9">
        <v>-1</v>
      </c>
      <c r="AP134" s="13">
        <v>-1</v>
      </c>
      <c r="AQ134" s="9">
        <v>0</v>
      </c>
      <c r="AR134" s="9">
        <v>0</v>
      </c>
      <c r="AS134" s="9">
        <v>0</v>
      </c>
      <c r="AT134" s="9">
        <v>0</v>
      </c>
      <c r="AU134" s="9">
        <v>0</v>
      </c>
      <c r="AV134" s="9">
        <v>1</v>
      </c>
      <c r="AW134" s="9">
        <v>1</v>
      </c>
      <c r="AX134" s="9">
        <v>1</v>
      </c>
      <c r="AY134" s="9">
        <v>1</v>
      </c>
      <c r="AZ134" s="9">
        <v>1</v>
      </c>
      <c r="BA134" s="9">
        <v>1</v>
      </c>
      <c r="BB134" s="9">
        <v>135219.311055</v>
      </c>
      <c r="BC134" s="9">
        <v>170177.096101</v>
      </c>
      <c r="BD134" s="9">
        <v>134891.103264</v>
      </c>
      <c r="BE134" s="9">
        <v>0</v>
      </c>
      <c r="BF134" s="9">
        <v>0</v>
      </c>
      <c r="BG134" s="11">
        <v>0</v>
      </c>
      <c r="BH134" s="13" t="e">
        <v>#DIV/0!</v>
      </c>
      <c r="BI134" s="6">
        <v>1</v>
      </c>
      <c r="BJ134" s="13" t="e">
        <v>#DIV/0!</v>
      </c>
      <c r="BK134" s="6">
        <v>1</v>
      </c>
      <c r="BL134" s="13">
        <v>1</v>
      </c>
      <c r="BM134" s="11">
        <v>-2</v>
      </c>
      <c r="BN134" s="13">
        <v>-1</v>
      </c>
      <c r="BO134" s="11">
        <v>-1</v>
      </c>
      <c r="BP134" s="13">
        <v>-1</v>
      </c>
      <c r="BQ134" s="6">
        <v>0</v>
      </c>
      <c r="BR134" s="6">
        <v>0</v>
      </c>
      <c r="BS134" s="6">
        <v>1</v>
      </c>
      <c r="BT134" s="6">
        <v>1</v>
      </c>
      <c r="BU134" s="6">
        <v>2</v>
      </c>
      <c r="BV134" s="6">
        <v>2</v>
      </c>
      <c r="BW134" s="6">
        <v>2</v>
      </c>
      <c r="BX134" s="6">
        <v>1</v>
      </c>
      <c r="BY134" s="6">
        <v>1</v>
      </c>
      <c r="BZ134" s="6">
        <v>1</v>
      </c>
      <c r="CA134" s="6">
        <v>1</v>
      </c>
      <c r="CB134" s="6">
        <v>0</v>
      </c>
      <c r="CC134" s="11">
        <v>0</v>
      </c>
      <c r="CD134" s="11">
        <v>0</v>
      </c>
      <c r="CE134" s="11">
        <v>0</v>
      </c>
      <c r="CF134" s="11">
        <v>0</v>
      </c>
      <c r="CG134" s="11">
        <v>0</v>
      </c>
      <c r="CH134" s="20">
        <v>0</v>
      </c>
      <c r="CI134" s="20">
        <v>0</v>
      </c>
      <c r="CJ134" s="20">
        <v>0</v>
      </c>
      <c r="CK134" s="20">
        <v>0</v>
      </c>
      <c r="CL134" s="20">
        <v>0</v>
      </c>
      <c r="CM134" s="20">
        <v>2.9479000000000002E-2</v>
      </c>
      <c r="CN134" s="20">
        <v>3.3825800000000003E-2</v>
      </c>
      <c r="CO134" s="20">
        <v>9.5953399999999994E-2</v>
      </c>
      <c r="CP134" s="20">
        <v>9.4115099999999993E-2</v>
      </c>
      <c r="CQ134" s="20">
        <v>0.109904</v>
      </c>
      <c r="CR134" s="20">
        <v>0.18285399999999999</v>
      </c>
      <c r="CS134" s="20">
        <v>0.43586399999999997</v>
      </c>
      <c r="CT134" s="20">
        <v>0.52412099999999995</v>
      </c>
      <c r="CU134" s="20">
        <v>0.345362</v>
      </c>
      <c r="CV134" s="20">
        <v>0</v>
      </c>
      <c r="CW134" s="20">
        <v>0</v>
      </c>
      <c r="CX134" s="20">
        <v>0</v>
      </c>
      <c r="CY134" s="6" t="s">
        <v>397</v>
      </c>
      <c r="CZ134" s="6" t="s">
        <v>398</v>
      </c>
      <c r="DA134" s="6" t="s">
        <v>115</v>
      </c>
      <c r="DB134" s="6" t="s">
        <v>345</v>
      </c>
      <c r="DC134" s="6"/>
      <c r="DD134" s="6"/>
      <c r="DE134" s="6"/>
      <c r="DF134" s="6"/>
      <c r="DG134" s="6"/>
      <c r="DH134" s="6" t="s">
        <v>333</v>
      </c>
      <c r="DI134" s="6"/>
      <c r="DJ134" s="6"/>
      <c r="DK134" s="6"/>
      <c r="DL134" s="6">
        <v>6</v>
      </c>
      <c r="DM134" s="6" t="s">
        <v>396</v>
      </c>
      <c r="DN134" s="6">
        <v>6</v>
      </c>
      <c r="DO134" s="6" t="s">
        <v>393</v>
      </c>
      <c r="DP134" s="6"/>
      <c r="DQ134" s="6"/>
    </row>
    <row r="135" spans="1:121" x14ac:dyDescent="0.2">
      <c r="A135" s="6" t="s">
        <v>319</v>
      </c>
      <c r="B135" s="6" t="s">
        <v>319</v>
      </c>
      <c r="C135" s="6" t="s">
        <v>188</v>
      </c>
      <c r="D135" s="6" t="s">
        <v>115</v>
      </c>
      <c r="E135" s="6" t="s">
        <v>256</v>
      </c>
      <c r="F135" s="11">
        <v>9</v>
      </c>
      <c r="G135" s="13">
        <v>0.111111111111</v>
      </c>
      <c r="H135" s="11">
        <v>67.612710183900006</v>
      </c>
      <c r="I135" s="13">
        <v>0.83505394852578629</v>
      </c>
      <c r="J135" s="11">
        <v>20.262197915999991</v>
      </c>
      <c r="K135" s="13">
        <v>0.13637159058380344</v>
      </c>
      <c r="L135" s="11">
        <v>-78.430152497399988</v>
      </c>
      <c r="M135" s="13">
        <v>-0.46451532283458619</v>
      </c>
      <c r="N135" s="11">
        <v>-58.167954581399997</v>
      </c>
      <c r="O135" s="13">
        <v>-0.39149042567628417</v>
      </c>
      <c r="P135" s="7">
        <v>80.968074342099996</v>
      </c>
      <c r="Q135" s="7">
        <v>168.06340815600001</v>
      </c>
      <c r="R135" s="7">
        <v>145.497324537</v>
      </c>
      <c r="S135" s="7">
        <v>161.008409336</v>
      </c>
      <c r="T135" s="7">
        <v>165.15034421199999</v>
      </c>
      <c r="U135" s="7">
        <v>154.39981173300001</v>
      </c>
      <c r="V135" s="7">
        <v>148.580784526</v>
      </c>
      <c r="W135" s="7">
        <v>162.16162251</v>
      </c>
      <c r="X135" s="7">
        <v>170.205536889</v>
      </c>
      <c r="Y135" s="7">
        <v>168.84298244199999</v>
      </c>
      <c r="Z135" s="7">
        <v>135.49374791899999</v>
      </c>
      <c r="AA135" s="7">
        <v>121.522874414</v>
      </c>
      <c r="AB135" s="7">
        <v>117.249154178</v>
      </c>
      <c r="AC135" s="7">
        <v>118.375663289</v>
      </c>
      <c r="AD135" s="7">
        <v>94.180262525800003</v>
      </c>
      <c r="AE135" s="7">
        <v>89.625929807700004</v>
      </c>
      <c r="AF135" s="7">
        <v>90.412829944600006</v>
      </c>
      <c r="AG135" s="9">
        <v>11852.098924800001</v>
      </c>
      <c r="AH135" s="13">
        <v>0.68250714432164494</v>
      </c>
      <c r="AI135" s="9">
        <v>4190.380668400001</v>
      </c>
      <c r="AJ135" s="13">
        <v>0.24130449482040345</v>
      </c>
      <c r="AK135" s="9">
        <v>22436.060310199999</v>
      </c>
      <c r="AL135" s="13">
        <v>1.0408309668358986</v>
      </c>
      <c r="AM135" s="9">
        <v>-14774.342053799999</v>
      </c>
      <c r="AN135" s="13">
        <v>-0.33584177777774477</v>
      </c>
      <c r="AO135" s="9">
        <v>7661.7182563999995</v>
      </c>
      <c r="AP135" s="13">
        <v>0.35543466678985675</v>
      </c>
      <c r="AQ135" s="9">
        <v>17365.530930199999</v>
      </c>
      <c r="AR135" s="9">
        <v>10423.9355535</v>
      </c>
      <c r="AS135" s="9">
        <v>14105.603436699999</v>
      </c>
      <c r="AT135" s="9">
        <v>19284.691001200001</v>
      </c>
      <c r="AU135" s="9">
        <v>20124.334243000001</v>
      </c>
      <c r="AV135" s="9">
        <v>19802.147804299999</v>
      </c>
      <c r="AW135" s="9">
        <v>21555.9115986</v>
      </c>
      <c r="AX135" s="9">
        <v>30629.890944300001</v>
      </c>
      <c r="AY135" s="9">
        <v>41601.003924600001</v>
      </c>
      <c r="AZ135" s="9">
        <v>43991.971908799998</v>
      </c>
      <c r="BA135" s="9">
        <v>38058.974170399997</v>
      </c>
      <c r="BB135" s="9">
        <v>25421.593625199999</v>
      </c>
      <c r="BC135" s="9">
        <v>17701.425646799999</v>
      </c>
      <c r="BD135" s="9">
        <v>22970.096733800001</v>
      </c>
      <c r="BE135" s="9">
        <v>28286.6436847</v>
      </c>
      <c r="BF135" s="9">
        <v>29217.629854999999</v>
      </c>
      <c r="BG135" s="11">
        <v>4.5</v>
      </c>
      <c r="BH135" s="13">
        <v>0.9</v>
      </c>
      <c r="BI135" s="6">
        <v>5</v>
      </c>
      <c r="BJ135" s="13">
        <v>1</v>
      </c>
      <c r="BK135" s="6">
        <v>-1</v>
      </c>
      <c r="BL135" s="13">
        <v>-0.1</v>
      </c>
      <c r="BM135" s="11">
        <v>0.5</v>
      </c>
      <c r="BN135" s="13">
        <v>5.5555555555555552E-2</v>
      </c>
      <c r="BO135" s="11">
        <v>-0.5</v>
      </c>
      <c r="BP135" s="13">
        <v>-0.05</v>
      </c>
      <c r="BQ135" s="6">
        <v>5</v>
      </c>
      <c r="BR135" s="6">
        <v>7</v>
      </c>
      <c r="BS135" s="6">
        <v>10</v>
      </c>
      <c r="BT135" s="6">
        <v>10</v>
      </c>
      <c r="BU135" s="6">
        <v>11</v>
      </c>
      <c r="BV135" s="6">
        <v>10</v>
      </c>
      <c r="BW135" s="6">
        <v>9</v>
      </c>
      <c r="BX135" s="6">
        <v>8</v>
      </c>
      <c r="BY135" s="6">
        <v>7</v>
      </c>
      <c r="BZ135" s="6">
        <v>7</v>
      </c>
      <c r="CA135" s="6">
        <v>7</v>
      </c>
      <c r="CB135" s="6">
        <v>10</v>
      </c>
      <c r="CC135" s="11">
        <v>9.5</v>
      </c>
      <c r="CD135" s="11">
        <v>-6.6909299999999998</v>
      </c>
      <c r="CE135" s="11">
        <v>7.2849000000000004</v>
      </c>
      <c r="CF135" s="11">
        <v>8.8507899999999999</v>
      </c>
      <c r="CG135" s="11">
        <v>16</v>
      </c>
      <c r="CH135" s="20">
        <v>0.22248699999999999</v>
      </c>
      <c r="CI135" s="20">
        <v>0.463588</v>
      </c>
      <c r="CJ135" s="20">
        <v>0.415439</v>
      </c>
      <c r="CK135" s="20">
        <v>0.426736</v>
      </c>
      <c r="CL135" s="20">
        <v>0.46210699999999999</v>
      </c>
      <c r="CM135" s="20">
        <v>0.45655200000000001</v>
      </c>
      <c r="CN135" s="20">
        <v>0.48911900000000003</v>
      </c>
      <c r="CO135" s="20">
        <v>0.62159299999999995</v>
      </c>
      <c r="CP135" s="20">
        <v>0.70090699999999995</v>
      </c>
      <c r="CQ135" s="20">
        <v>0.69451099999999999</v>
      </c>
      <c r="CR135" s="20">
        <v>0.55313900000000005</v>
      </c>
      <c r="CS135" s="20">
        <v>0.49217300000000003</v>
      </c>
      <c r="CT135" s="20">
        <v>0.462727</v>
      </c>
      <c r="CU135" s="20">
        <v>0.45978799999999997</v>
      </c>
      <c r="CV135" s="20">
        <v>0.38130599999999998</v>
      </c>
      <c r="CW135" s="20">
        <v>0.35924299999999998</v>
      </c>
      <c r="CX135" s="20">
        <v>0.35679499999999997</v>
      </c>
      <c r="CY135" s="6" t="s">
        <v>397</v>
      </c>
      <c r="CZ135" s="6" t="s">
        <v>398</v>
      </c>
      <c r="DA135" s="6" t="s">
        <v>115</v>
      </c>
      <c r="DB135" s="6" t="s">
        <v>345</v>
      </c>
      <c r="DC135" s="6"/>
      <c r="DD135" s="6"/>
      <c r="DE135" s="6"/>
      <c r="DF135" s="6"/>
      <c r="DG135" s="6"/>
      <c r="DH135" s="6" t="s">
        <v>333</v>
      </c>
      <c r="DI135" s="6"/>
      <c r="DJ135" s="6"/>
      <c r="DK135" s="6"/>
      <c r="DL135" s="6">
        <v>6</v>
      </c>
      <c r="DM135" s="6" t="s">
        <v>396</v>
      </c>
      <c r="DN135" s="6">
        <v>6</v>
      </c>
      <c r="DO135" s="6" t="s">
        <v>393</v>
      </c>
      <c r="DP135" s="6"/>
      <c r="DQ135" s="6"/>
    </row>
    <row r="136" spans="1:121" x14ac:dyDescent="0.2">
      <c r="A136" s="6" t="s">
        <v>320</v>
      </c>
      <c r="B136" s="6" t="s">
        <v>320</v>
      </c>
      <c r="C136" s="6" t="s">
        <v>189</v>
      </c>
      <c r="D136" s="6" t="s">
        <v>115</v>
      </c>
      <c r="E136" s="6" t="s">
        <v>256</v>
      </c>
      <c r="F136" s="11">
        <v>1</v>
      </c>
      <c r="G136" s="13">
        <v>1</v>
      </c>
      <c r="H136" s="11">
        <v>-124.3429879096</v>
      </c>
      <c r="I136" s="13">
        <v>-0.87503000440707135</v>
      </c>
      <c r="J136" s="11">
        <v>-12.7584112234</v>
      </c>
      <c r="K136" s="13">
        <v>-0.71844328092754306</v>
      </c>
      <c r="L136" s="11">
        <v>0</v>
      </c>
      <c r="M136" s="13">
        <v>0</v>
      </c>
      <c r="N136" s="11">
        <v>-12.7584112234</v>
      </c>
      <c r="O136" s="13">
        <v>-0.71844328092754306</v>
      </c>
      <c r="P136" s="7">
        <v>142.101399133</v>
      </c>
      <c r="Q136" s="7">
        <v>5</v>
      </c>
      <c r="R136" s="7">
        <v>5</v>
      </c>
      <c r="S136" s="7">
        <v>5</v>
      </c>
      <c r="T136" s="7">
        <v>12.1085121803</v>
      </c>
      <c r="U136" s="7">
        <v>16.524824331800001</v>
      </c>
      <c r="V136" s="7">
        <v>17.7584112234</v>
      </c>
      <c r="W136" s="7">
        <v>5</v>
      </c>
      <c r="X136" s="7">
        <v>5</v>
      </c>
      <c r="Y136" s="7">
        <v>5</v>
      </c>
      <c r="Z136" s="7">
        <v>5</v>
      </c>
      <c r="AA136" s="7">
        <v>5</v>
      </c>
      <c r="AB136" s="7">
        <v>5</v>
      </c>
      <c r="AC136" s="7">
        <v>5</v>
      </c>
      <c r="AD136" s="7">
        <v>5</v>
      </c>
      <c r="AE136" s="7">
        <v>5</v>
      </c>
      <c r="AF136" s="7">
        <v>5</v>
      </c>
      <c r="AG136" s="9">
        <v>-18189.473187</v>
      </c>
      <c r="AH136" s="13">
        <v>-0.99994502616893355</v>
      </c>
      <c r="AI136" s="9">
        <v>7480.0545449999991</v>
      </c>
      <c r="AJ136" s="13">
        <v>0.41120725492428056</v>
      </c>
      <c r="AK136" s="9">
        <v>-25669.527731999999</v>
      </c>
      <c r="AL136" s="13">
        <v>-0.99996104482111003</v>
      </c>
      <c r="AM136" s="9">
        <v>0</v>
      </c>
      <c r="AN136" s="13">
        <v>0</v>
      </c>
      <c r="AO136" s="9">
        <v>-25669.527731999999</v>
      </c>
      <c r="AP136" s="13">
        <v>-0.99996104482111003</v>
      </c>
      <c r="AQ136" s="9">
        <v>18190.473187</v>
      </c>
      <c r="AR136" s="9">
        <v>1</v>
      </c>
      <c r="AS136" s="9">
        <v>1</v>
      </c>
      <c r="AT136" s="9">
        <v>1</v>
      </c>
      <c r="AU136" s="9">
        <v>12145.321876800001</v>
      </c>
      <c r="AV136" s="9">
        <v>23089.153246599999</v>
      </c>
      <c r="AW136" s="9">
        <v>25670.527731999999</v>
      </c>
      <c r="AX136" s="9">
        <v>1</v>
      </c>
      <c r="AY136" s="9">
        <v>1</v>
      </c>
      <c r="AZ136" s="9">
        <v>1</v>
      </c>
      <c r="BA136" s="9">
        <v>1</v>
      </c>
      <c r="BB136" s="9">
        <v>1</v>
      </c>
      <c r="BC136" s="9">
        <v>1</v>
      </c>
      <c r="BD136" s="9">
        <v>1</v>
      </c>
      <c r="BE136" s="9">
        <v>1</v>
      </c>
      <c r="BF136" s="9">
        <v>1</v>
      </c>
      <c r="BG136" s="11">
        <v>0</v>
      </c>
      <c r="BH136" s="13" t="e">
        <v>#DIV/0!</v>
      </c>
      <c r="BI136" s="6">
        <v>2</v>
      </c>
      <c r="BJ136" s="13" t="e">
        <v>#DIV/0!</v>
      </c>
      <c r="BK136" s="6">
        <v>-2</v>
      </c>
      <c r="BL136" s="13">
        <v>-1</v>
      </c>
      <c r="BM136" s="11">
        <v>0</v>
      </c>
      <c r="BN136" s="13" t="e">
        <v>#DIV/0!</v>
      </c>
      <c r="BO136" s="11">
        <v>-2</v>
      </c>
      <c r="BP136" s="13">
        <v>-1</v>
      </c>
      <c r="BQ136" s="6">
        <v>0</v>
      </c>
      <c r="BR136" s="6">
        <v>0</v>
      </c>
      <c r="BS136" s="6">
        <v>2</v>
      </c>
      <c r="BT136" s="6">
        <v>2</v>
      </c>
      <c r="BU136" s="6">
        <v>0</v>
      </c>
      <c r="BV136" s="6">
        <v>0</v>
      </c>
      <c r="BW136" s="6">
        <v>0</v>
      </c>
      <c r="BX136" s="6">
        <v>0</v>
      </c>
      <c r="BY136" s="6">
        <v>0</v>
      </c>
      <c r="BZ136" s="6">
        <v>0</v>
      </c>
      <c r="CA136" s="6">
        <v>0</v>
      </c>
      <c r="CB136" s="6">
        <v>0</v>
      </c>
      <c r="CC136" s="11">
        <v>0</v>
      </c>
      <c r="CD136" s="11">
        <v>-206.84800000000001</v>
      </c>
      <c r="CE136" s="11">
        <v>51.455599999999997</v>
      </c>
      <c r="CF136" s="11">
        <v>15.5334</v>
      </c>
      <c r="CG136" s="11">
        <v>67</v>
      </c>
      <c r="CH136" s="20">
        <v>1.17038</v>
      </c>
      <c r="CI136" s="20">
        <v>1.45945E-2</v>
      </c>
      <c r="CJ136" s="20">
        <v>2.2744500000000001E-2</v>
      </c>
      <c r="CK136" s="20">
        <v>5.2877E-2</v>
      </c>
      <c r="CL136" s="20">
        <v>9.5987500000000003E-2</v>
      </c>
      <c r="CM136" s="20">
        <v>0.13911200000000001</v>
      </c>
      <c r="CN136" s="20">
        <v>0.16383700000000001</v>
      </c>
      <c r="CO136" s="20">
        <v>3.2396800000000003E-2</v>
      </c>
      <c r="CP136" s="20">
        <v>4.3966100000000001E-2</v>
      </c>
      <c r="CQ136" s="20">
        <v>3.5898399999999997E-2</v>
      </c>
      <c r="CR136" s="20">
        <v>3.7692099999999999E-2</v>
      </c>
      <c r="CS136" s="20">
        <v>2.0886200000000001E-2</v>
      </c>
      <c r="CT136" s="20">
        <v>4.1150199999999998E-2</v>
      </c>
      <c r="CU136" s="20">
        <v>2.12602E-2</v>
      </c>
      <c r="CV136" s="20">
        <v>2.1579299999999999E-2</v>
      </c>
      <c r="CW136" s="20">
        <v>2.17445E-2</v>
      </c>
      <c r="CX136" s="20">
        <v>2.1616099999999999E-2</v>
      </c>
      <c r="CY136" s="6" t="s">
        <v>397</v>
      </c>
      <c r="CZ136" s="6" t="s">
        <v>398</v>
      </c>
      <c r="DA136" s="6" t="s">
        <v>115</v>
      </c>
      <c r="DB136" s="6" t="s">
        <v>345</v>
      </c>
      <c r="DC136" s="6"/>
      <c r="DD136" s="6"/>
      <c r="DE136" s="6"/>
      <c r="DF136" s="6"/>
      <c r="DG136" s="6"/>
      <c r="DH136" s="6" t="s">
        <v>333</v>
      </c>
      <c r="DI136" s="6"/>
      <c r="DJ136" s="6"/>
      <c r="DK136" s="6"/>
      <c r="DL136" s="6">
        <v>6</v>
      </c>
      <c r="DM136" s="6" t="s">
        <v>396</v>
      </c>
      <c r="DN136" s="6">
        <v>6</v>
      </c>
      <c r="DO136" s="6" t="s">
        <v>393</v>
      </c>
      <c r="DP136" s="6"/>
      <c r="DQ136" s="6"/>
    </row>
    <row r="137" spans="1:121" x14ac:dyDescent="0.2">
      <c r="A137" s="6" t="s">
        <v>321</v>
      </c>
      <c r="B137" s="6" t="s">
        <v>321</v>
      </c>
      <c r="C137" s="6" t="s">
        <v>190</v>
      </c>
      <c r="D137" s="6" t="s">
        <v>115</v>
      </c>
      <c r="E137" s="6" t="s">
        <v>256</v>
      </c>
      <c r="F137" s="11">
        <v>67</v>
      </c>
      <c r="G137" s="13">
        <v>0.18662952646200001</v>
      </c>
      <c r="H137" s="11">
        <v>4.9698888960000431</v>
      </c>
      <c r="I137" s="13">
        <v>1.3843932762142786E-2</v>
      </c>
      <c r="J137" s="11">
        <v>34.557907312999987</v>
      </c>
      <c r="K137" s="13">
        <v>9.4948723473024507E-2</v>
      </c>
      <c r="L137" s="11">
        <v>27.525319539000009</v>
      </c>
      <c r="M137" s="13">
        <v>6.9068541073466272E-2</v>
      </c>
      <c r="N137" s="11">
        <v>62.083226851999996</v>
      </c>
      <c r="O137" s="13">
        <v>0.17057523435356056</v>
      </c>
      <c r="P137" s="7">
        <v>358.99400707799998</v>
      </c>
      <c r="Q137" s="7">
        <v>371.41562390899998</v>
      </c>
      <c r="R137" s="7">
        <v>369.849283114</v>
      </c>
      <c r="S137" s="7">
        <v>396.85710470200002</v>
      </c>
      <c r="T137" s="7">
        <v>370.64659669999998</v>
      </c>
      <c r="U137" s="7">
        <v>365.639970097</v>
      </c>
      <c r="V137" s="7">
        <v>363.96389597400002</v>
      </c>
      <c r="W137" s="7">
        <v>350.67664425499999</v>
      </c>
      <c r="X137" s="7">
        <v>362.50975004399999</v>
      </c>
      <c r="Y137" s="7">
        <v>398.52180328700001</v>
      </c>
      <c r="Z137" s="7">
        <v>356.56193211900001</v>
      </c>
      <c r="AA137" s="7">
        <v>382.06172806799998</v>
      </c>
      <c r="AB137" s="7">
        <v>359.25513005200003</v>
      </c>
      <c r="AC137" s="7">
        <v>393.27236335200001</v>
      </c>
      <c r="AD137" s="7">
        <v>347.00943892399999</v>
      </c>
      <c r="AE137" s="7">
        <v>408.93590735800001</v>
      </c>
      <c r="AF137" s="7">
        <v>426.04712282600002</v>
      </c>
      <c r="AG137" s="9">
        <v>15417.425162800002</v>
      </c>
      <c r="AH137" s="13">
        <v>0.83371597807083808</v>
      </c>
      <c r="AI137" s="9">
        <v>2691.6027466999985</v>
      </c>
      <c r="AJ137" s="13">
        <v>0.14555168537205981</v>
      </c>
      <c r="AK137" s="9">
        <v>3090.8606451000014</v>
      </c>
      <c r="AL137" s="13">
        <v>0.14590528122691354</v>
      </c>
      <c r="AM137" s="9">
        <v>9634.961771000002</v>
      </c>
      <c r="AN137" s="13">
        <v>0.39691075038373758</v>
      </c>
      <c r="AO137" s="9">
        <v>12725.822416100003</v>
      </c>
      <c r="AP137" s="13">
        <v>0.60072740626737564</v>
      </c>
      <c r="AQ137" s="9">
        <v>18492.418963200002</v>
      </c>
      <c r="AR137" s="9">
        <v>19168.8908133</v>
      </c>
      <c r="AS137" s="9">
        <v>19940.224358899999</v>
      </c>
      <c r="AT137" s="9">
        <v>20709.514049000001</v>
      </c>
      <c r="AU137" s="9">
        <v>21285.840586800001</v>
      </c>
      <c r="AV137" s="9">
        <v>20426.759946599999</v>
      </c>
      <c r="AW137" s="9">
        <v>21184.0217099</v>
      </c>
      <c r="AX137" s="9">
        <v>21154.0172017</v>
      </c>
      <c r="AY137" s="9">
        <v>22417.654171300001</v>
      </c>
      <c r="AZ137" s="9">
        <v>24274.882355000002</v>
      </c>
      <c r="BA137" s="9">
        <v>27117.6496057</v>
      </c>
      <c r="BB137" s="9">
        <v>25191.140655899999</v>
      </c>
      <c r="BC137" s="9">
        <v>25908.315170599999</v>
      </c>
      <c r="BD137" s="9">
        <v>25545.778628200002</v>
      </c>
      <c r="BE137" s="9">
        <v>23946.871496899999</v>
      </c>
      <c r="BF137" s="9">
        <v>33909.844126000004</v>
      </c>
      <c r="BG137" s="11">
        <v>28.75</v>
      </c>
      <c r="BH137" s="13">
        <v>1.1499999999999999</v>
      </c>
      <c r="BI137" s="6">
        <v>-4</v>
      </c>
      <c r="BJ137" s="13">
        <v>-0.16</v>
      </c>
      <c r="BK137" s="6">
        <v>0</v>
      </c>
      <c r="BL137" s="13">
        <v>0</v>
      </c>
      <c r="BM137" s="11">
        <v>32.75</v>
      </c>
      <c r="BN137" s="13">
        <v>1.5595238095238095</v>
      </c>
      <c r="BO137" s="11">
        <v>32.75</v>
      </c>
      <c r="BP137" s="13">
        <v>1.5595238095238095</v>
      </c>
      <c r="BQ137" s="6">
        <v>25</v>
      </c>
      <c r="BR137" s="6">
        <v>24</v>
      </c>
      <c r="BS137" s="6">
        <v>21</v>
      </c>
      <c r="BT137" s="6">
        <v>21</v>
      </c>
      <c r="BU137" s="6">
        <v>20</v>
      </c>
      <c r="BV137" s="6">
        <v>20</v>
      </c>
      <c r="BW137" s="6">
        <v>21</v>
      </c>
      <c r="BX137" s="6">
        <v>22</v>
      </c>
      <c r="BY137" s="6">
        <v>23</v>
      </c>
      <c r="BZ137" s="6">
        <v>43</v>
      </c>
      <c r="CA137" s="6">
        <v>51</v>
      </c>
      <c r="CB137" s="6">
        <v>53</v>
      </c>
      <c r="CC137" s="11">
        <v>53.75</v>
      </c>
      <c r="CD137" s="11">
        <v>-102.923</v>
      </c>
      <c r="CE137" s="11">
        <v>130.73400000000001</v>
      </c>
      <c r="CF137" s="11">
        <v>39.242400000000004</v>
      </c>
      <c r="CG137" s="11">
        <v>170</v>
      </c>
      <c r="CH137" s="20">
        <v>0.59869000000000006</v>
      </c>
      <c r="CI137" s="20">
        <v>0.59851399999999999</v>
      </c>
      <c r="CJ137" s="20">
        <v>0.59807999999999995</v>
      </c>
      <c r="CK137" s="20">
        <v>0.60306099999999996</v>
      </c>
      <c r="CL137" s="20">
        <v>0.60135700000000003</v>
      </c>
      <c r="CM137" s="20">
        <v>0.62799000000000005</v>
      </c>
      <c r="CN137" s="20">
        <v>0.68355999999999995</v>
      </c>
      <c r="CO137" s="20">
        <v>0.71516299999999999</v>
      </c>
      <c r="CP137" s="20">
        <v>0.70853999999999995</v>
      </c>
      <c r="CQ137" s="20">
        <v>0.78881599999999996</v>
      </c>
      <c r="CR137" s="20">
        <v>0.71817299999999995</v>
      </c>
      <c r="CS137" s="20">
        <v>0.75810999999999995</v>
      </c>
      <c r="CT137" s="20">
        <v>0.70001000000000002</v>
      </c>
      <c r="CU137" s="20">
        <v>0.76478299999999999</v>
      </c>
      <c r="CV137" s="20">
        <v>0.70391899999999996</v>
      </c>
      <c r="CW137" s="20">
        <v>0.81737899999999997</v>
      </c>
      <c r="CX137" s="20">
        <v>0.830515</v>
      </c>
      <c r="CY137" s="6" t="s">
        <v>397</v>
      </c>
      <c r="CZ137" s="6" t="s">
        <v>398</v>
      </c>
      <c r="DA137" s="6" t="s">
        <v>115</v>
      </c>
      <c r="DB137" s="6" t="s">
        <v>345</v>
      </c>
      <c r="DC137" s="6"/>
      <c r="DD137" s="6"/>
      <c r="DE137" s="6"/>
      <c r="DF137" s="6"/>
      <c r="DG137" s="6"/>
      <c r="DH137" s="6" t="s">
        <v>333</v>
      </c>
      <c r="DI137" s="6"/>
      <c r="DJ137" s="6"/>
      <c r="DK137" s="6"/>
      <c r="DL137" s="6">
        <v>6</v>
      </c>
      <c r="DM137" s="6" t="s">
        <v>396</v>
      </c>
      <c r="DN137" s="6">
        <v>6</v>
      </c>
      <c r="DO137" s="6" t="s">
        <v>393</v>
      </c>
      <c r="DP137" s="6"/>
      <c r="DQ137" s="6"/>
    </row>
    <row r="138" spans="1:121" x14ac:dyDescent="0.2">
      <c r="A138" s="6" t="s">
        <v>322</v>
      </c>
      <c r="B138" s="6" t="s">
        <v>322</v>
      </c>
      <c r="C138" s="6" t="s">
        <v>191</v>
      </c>
      <c r="D138" s="6" t="s">
        <v>115</v>
      </c>
      <c r="E138" s="6" t="s">
        <v>256</v>
      </c>
      <c r="F138" s="11">
        <v>1</v>
      </c>
      <c r="G138" s="13">
        <v>1</v>
      </c>
      <c r="H138" s="11">
        <v>0</v>
      </c>
      <c r="I138" s="13">
        <v>0</v>
      </c>
      <c r="J138" s="11">
        <v>-10</v>
      </c>
      <c r="K138" s="13">
        <v>-0.45454545454545459</v>
      </c>
      <c r="L138" s="11">
        <v>-7</v>
      </c>
      <c r="M138" s="13">
        <v>-0.58333333333333337</v>
      </c>
      <c r="N138" s="11">
        <v>-17</v>
      </c>
      <c r="O138" s="13">
        <v>-0.7727272727272726</v>
      </c>
      <c r="P138" s="7">
        <v>22</v>
      </c>
      <c r="Q138" s="7">
        <v>21</v>
      </c>
      <c r="R138" s="7">
        <v>20</v>
      </c>
      <c r="S138" s="7">
        <v>22</v>
      </c>
      <c r="T138" s="7">
        <v>20</v>
      </c>
      <c r="U138" s="7">
        <v>20</v>
      </c>
      <c r="V138" s="7">
        <v>22</v>
      </c>
      <c r="W138" s="7">
        <v>20</v>
      </c>
      <c r="X138" s="7">
        <v>19</v>
      </c>
      <c r="Y138" s="7">
        <v>12</v>
      </c>
      <c r="Z138" s="7">
        <v>10</v>
      </c>
      <c r="AA138" s="7">
        <v>5</v>
      </c>
      <c r="AB138" s="7">
        <v>5</v>
      </c>
      <c r="AC138" s="7">
        <v>11</v>
      </c>
      <c r="AD138" s="7">
        <v>16</v>
      </c>
      <c r="AE138" s="7">
        <v>5</v>
      </c>
      <c r="AF138" s="7">
        <v>5</v>
      </c>
      <c r="AG138" s="9">
        <v>-13203</v>
      </c>
      <c r="AH138" s="13">
        <v>-0.99992426537412893</v>
      </c>
      <c r="AI138" s="9">
        <v>-1573</v>
      </c>
      <c r="AJ138" s="13">
        <v>-0.11913056649500152</v>
      </c>
      <c r="AK138" s="9">
        <v>553</v>
      </c>
      <c r="AL138" s="13">
        <v>4.7545352936118994E-2</v>
      </c>
      <c r="AM138" s="9">
        <v>-12183</v>
      </c>
      <c r="AN138" s="13">
        <v>-0.99991792514773481</v>
      </c>
      <c r="AO138" s="9">
        <v>-11630</v>
      </c>
      <c r="AP138" s="13">
        <v>-0.9999140228699166</v>
      </c>
      <c r="AQ138" s="9">
        <v>13204</v>
      </c>
      <c r="AR138" s="9">
        <v>12774</v>
      </c>
      <c r="AS138" s="9">
        <v>12390</v>
      </c>
      <c r="AT138" s="9">
        <v>11803</v>
      </c>
      <c r="AU138" s="9">
        <v>12353</v>
      </c>
      <c r="AV138" s="9">
        <v>12481</v>
      </c>
      <c r="AW138" s="9">
        <v>11631</v>
      </c>
      <c r="AX138" s="9">
        <v>14274</v>
      </c>
      <c r="AY138" s="9">
        <v>12253</v>
      </c>
      <c r="AZ138" s="9">
        <v>12184</v>
      </c>
      <c r="BA138" s="9">
        <v>13692</v>
      </c>
      <c r="BB138" s="9">
        <v>1</v>
      </c>
      <c r="BC138" s="9">
        <v>1</v>
      </c>
      <c r="BD138" s="9">
        <v>19275</v>
      </c>
      <c r="BE138" s="9">
        <v>10689</v>
      </c>
      <c r="BF138" s="9">
        <v>1</v>
      </c>
      <c r="BG138" s="11">
        <v>-3</v>
      </c>
      <c r="BH138" s="13">
        <v>-0.6</v>
      </c>
      <c r="BI138" s="6">
        <v>0</v>
      </c>
      <c r="BJ138" s="13">
        <v>0</v>
      </c>
      <c r="BK138" s="6">
        <v>-2</v>
      </c>
      <c r="BL138" s="13">
        <v>-0.4</v>
      </c>
      <c r="BM138" s="11">
        <v>-1</v>
      </c>
      <c r="BN138" s="13">
        <v>-0.33333333333333331</v>
      </c>
      <c r="BO138" s="11">
        <v>-3</v>
      </c>
      <c r="BP138" s="13">
        <v>-0.6</v>
      </c>
      <c r="BQ138" s="6">
        <v>5</v>
      </c>
      <c r="BR138" s="6">
        <v>5</v>
      </c>
      <c r="BS138" s="6">
        <v>5</v>
      </c>
      <c r="BT138" s="6">
        <v>5</v>
      </c>
      <c r="BU138" s="6">
        <v>5</v>
      </c>
      <c r="BV138" s="6">
        <v>5</v>
      </c>
      <c r="BW138" s="6">
        <v>3</v>
      </c>
      <c r="BX138" s="6">
        <v>3</v>
      </c>
      <c r="BY138" s="6">
        <v>3</v>
      </c>
      <c r="BZ138" s="6">
        <v>3</v>
      </c>
      <c r="CA138" s="6">
        <v>3</v>
      </c>
      <c r="CB138" s="6">
        <v>2</v>
      </c>
      <c r="CC138" s="11">
        <v>2</v>
      </c>
      <c r="CD138" s="11">
        <v>-22</v>
      </c>
      <c r="CE138" s="11">
        <v>4</v>
      </c>
      <c r="CF138" s="11">
        <v>2</v>
      </c>
      <c r="CG138" s="11">
        <v>6</v>
      </c>
      <c r="CH138" s="20">
        <v>0.24</v>
      </c>
      <c r="CI138" s="20">
        <v>0.22</v>
      </c>
      <c r="CJ138" s="20">
        <v>0.22</v>
      </c>
      <c r="CK138" s="20">
        <v>0.23</v>
      </c>
      <c r="CL138" s="20">
        <v>0.22</v>
      </c>
      <c r="CM138" s="20">
        <v>0.24</v>
      </c>
      <c r="CN138" s="20">
        <v>0.28999999999999998</v>
      </c>
      <c r="CO138" s="20">
        <v>0.28000000000000003</v>
      </c>
      <c r="CP138" s="20">
        <v>0.27</v>
      </c>
      <c r="CQ138" s="20">
        <v>0.17</v>
      </c>
      <c r="CR138" s="20">
        <v>0.15</v>
      </c>
      <c r="CS138" s="20">
        <v>0.14000000000000001</v>
      </c>
      <c r="CT138" s="20">
        <v>0.13</v>
      </c>
      <c r="CU138" s="20">
        <v>0.16</v>
      </c>
      <c r="CV138" s="20">
        <v>0.24</v>
      </c>
      <c r="CW138" s="20">
        <v>0.11</v>
      </c>
      <c r="CX138" s="20">
        <v>0.1</v>
      </c>
      <c r="CY138" s="6" t="s">
        <v>397</v>
      </c>
      <c r="CZ138" s="6" t="s">
        <v>398</v>
      </c>
      <c r="DA138" s="6" t="s">
        <v>115</v>
      </c>
      <c r="DB138" s="6" t="s">
        <v>345</v>
      </c>
      <c r="DC138" s="6"/>
      <c r="DD138" s="6"/>
      <c r="DE138" s="6"/>
      <c r="DF138" s="6"/>
      <c r="DG138" s="6"/>
      <c r="DH138" s="6" t="s">
        <v>333</v>
      </c>
      <c r="DI138" s="6"/>
      <c r="DJ138" s="6"/>
      <c r="DK138" s="6"/>
      <c r="DL138" s="6">
        <v>6</v>
      </c>
      <c r="DM138" s="6" t="s">
        <v>396</v>
      </c>
      <c r="DN138" s="6">
        <v>6</v>
      </c>
      <c r="DO138" s="6" t="s">
        <v>393</v>
      </c>
      <c r="DP138" s="6"/>
      <c r="DQ138" s="6"/>
    </row>
    <row r="139" spans="1:121" x14ac:dyDescent="0.2">
      <c r="A139" s="6" t="s">
        <v>323</v>
      </c>
      <c r="B139" s="6" t="s">
        <v>323</v>
      </c>
      <c r="C139" s="6" t="s">
        <v>192</v>
      </c>
      <c r="D139" s="6" t="s">
        <v>115</v>
      </c>
      <c r="E139" s="6" t="s">
        <v>256</v>
      </c>
      <c r="F139" s="11">
        <v>51</v>
      </c>
      <c r="G139" s="13">
        <v>0.16088328075700001</v>
      </c>
      <c r="H139" s="11">
        <v>87.690349749000006</v>
      </c>
      <c r="I139" s="13">
        <v>0.27647763571872846</v>
      </c>
      <c r="J139" s="11">
        <v>2.4680217399999833</v>
      </c>
      <c r="K139" s="13">
        <v>6.0959862034728552E-3</v>
      </c>
      <c r="L139" s="11">
        <v>-39.799565835999999</v>
      </c>
      <c r="M139" s="13">
        <v>-9.7708852422322981E-2</v>
      </c>
      <c r="N139" s="11">
        <v>-37.331544096000016</v>
      </c>
      <c r="O139" s="13">
        <v>-9.220849803517378E-2</v>
      </c>
      <c r="P139" s="7">
        <v>317.16977585199999</v>
      </c>
      <c r="Q139" s="7">
        <v>346.58640106600001</v>
      </c>
      <c r="R139" s="7">
        <v>448.02847104900002</v>
      </c>
      <c r="S139" s="7">
        <v>528.45199720899996</v>
      </c>
      <c r="T139" s="7">
        <v>493.05647216800003</v>
      </c>
      <c r="U139" s="7">
        <v>460.12657834599997</v>
      </c>
      <c r="V139" s="7">
        <v>404.86012560099999</v>
      </c>
      <c r="W139" s="7">
        <v>422.11411794200001</v>
      </c>
      <c r="X139" s="7">
        <v>410.89171243499999</v>
      </c>
      <c r="Y139" s="7">
        <v>407.32814734099998</v>
      </c>
      <c r="Z139" s="7">
        <v>408.343443579</v>
      </c>
      <c r="AA139" s="7">
        <v>413.92465250599997</v>
      </c>
      <c r="AB139" s="7">
        <v>435.08251576499998</v>
      </c>
      <c r="AC139" s="7">
        <v>432.258001132</v>
      </c>
      <c r="AD139" s="7">
        <v>389.10096185800001</v>
      </c>
      <c r="AE139" s="7">
        <v>373.94083976100001</v>
      </c>
      <c r="AF139" s="7">
        <v>367.52858150499998</v>
      </c>
      <c r="AG139" s="9">
        <v>3211.3448063900014</v>
      </c>
      <c r="AH139" s="13">
        <v>0.32713506112268437</v>
      </c>
      <c r="AI139" s="9">
        <v>1623.8178672900012</v>
      </c>
      <c r="AJ139" s="13">
        <v>0.16541598280290962</v>
      </c>
      <c r="AK139" s="9">
        <v>232.51596319999953</v>
      </c>
      <c r="AL139" s="13">
        <v>2.0324129732218255E-2</v>
      </c>
      <c r="AM139" s="9">
        <v>1355.0109759000006</v>
      </c>
      <c r="AN139" s="13">
        <v>0.11608172139271491</v>
      </c>
      <c r="AO139" s="9">
        <v>1587.5269391000002</v>
      </c>
      <c r="AP139" s="13">
        <v>0.13876511109005793</v>
      </c>
      <c r="AQ139" s="9">
        <v>9816.5717712099995</v>
      </c>
      <c r="AR139" s="9">
        <v>10613.785978600001</v>
      </c>
      <c r="AS139" s="9">
        <v>9938.5012117099996</v>
      </c>
      <c r="AT139" s="9">
        <v>9650.1111278299995</v>
      </c>
      <c r="AU139" s="9">
        <v>9826.7426293400003</v>
      </c>
      <c r="AV139" s="9">
        <v>10543.3170512</v>
      </c>
      <c r="AW139" s="9">
        <v>11440.389638500001</v>
      </c>
      <c r="AX139" s="9">
        <v>11209.7090326</v>
      </c>
      <c r="AY139" s="9">
        <v>11659.371181099999</v>
      </c>
      <c r="AZ139" s="9">
        <v>11672.9056017</v>
      </c>
      <c r="BA139" s="9">
        <v>11451.4007413</v>
      </c>
      <c r="BB139" s="9">
        <v>11761.048918500001</v>
      </c>
      <c r="BC139" s="9">
        <v>11487.371715699999</v>
      </c>
      <c r="BD139" s="9">
        <v>11710.084683999999</v>
      </c>
      <c r="BE139" s="9">
        <v>12617.682761399999</v>
      </c>
      <c r="BF139" s="9">
        <v>13027.916577600001</v>
      </c>
      <c r="BG139" s="11">
        <v>-5.5</v>
      </c>
      <c r="BH139" s="13">
        <v>-0.21153846153846154</v>
      </c>
      <c r="BI139" s="6">
        <v>-6</v>
      </c>
      <c r="BJ139" s="13">
        <v>-0.23076923076923078</v>
      </c>
      <c r="BK139" s="6">
        <v>0</v>
      </c>
      <c r="BL139" s="13">
        <v>0</v>
      </c>
      <c r="BM139" s="11">
        <v>0.5</v>
      </c>
      <c r="BN139" s="13">
        <v>2.5000000000000001E-2</v>
      </c>
      <c r="BO139" s="11">
        <v>0.5</v>
      </c>
      <c r="BP139" s="13">
        <v>2.5000000000000001E-2</v>
      </c>
      <c r="BQ139" s="6">
        <v>26</v>
      </c>
      <c r="BR139" s="6">
        <v>27</v>
      </c>
      <c r="BS139" s="6">
        <v>25</v>
      </c>
      <c r="BT139" s="6">
        <v>20</v>
      </c>
      <c r="BU139" s="6">
        <v>20</v>
      </c>
      <c r="BV139" s="6">
        <v>19</v>
      </c>
      <c r="BW139" s="6">
        <v>20</v>
      </c>
      <c r="BX139" s="6">
        <v>19</v>
      </c>
      <c r="BY139" s="6">
        <v>19</v>
      </c>
      <c r="BZ139" s="6">
        <v>20</v>
      </c>
      <c r="CA139" s="6">
        <v>21</v>
      </c>
      <c r="CB139" s="6">
        <v>21</v>
      </c>
      <c r="CC139" s="11">
        <v>20.5</v>
      </c>
      <c r="CD139" s="11">
        <v>-56.437800000000003</v>
      </c>
      <c r="CE139" s="11">
        <v>72.126199999999997</v>
      </c>
      <c r="CF139" s="11">
        <v>34.670499999999997</v>
      </c>
      <c r="CG139" s="11">
        <v>107</v>
      </c>
      <c r="CH139" s="20">
        <v>0.71274000000000004</v>
      </c>
      <c r="CI139" s="20">
        <v>0.77171400000000001</v>
      </c>
      <c r="CJ139" s="20">
        <v>1.0133399999999999</v>
      </c>
      <c r="CK139" s="20">
        <v>1.11731</v>
      </c>
      <c r="CL139" s="20">
        <v>1.1122000000000001</v>
      </c>
      <c r="CM139" s="20">
        <v>1.1030800000000001</v>
      </c>
      <c r="CN139" s="20">
        <v>1.0672900000000001</v>
      </c>
      <c r="CO139" s="20">
        <v>1.236</v>
      </c>
      <c r="CP139" s="20">
        <v>1.21024</v>
      </c>
      <c r="CQ139" s="20">
        <v>1.23088</v>
      </c>
      <c r="CR139" s="20">
        <v>1.2419</v>
      </c>
      <c r="CS139" s="20">
        <v>1.24787</v>
      </c>
      <c r="CT139" s="20">
        <v>1.2742800000000001</v>
      </c>
      <c r="CU139" s="20">
        <v>1.2502</v>
      </c>
      <c r="CV139" s="20">
        <v>1.1626700000000001</v>
      </c>
      <c r="CW139" s="20">
        <v>1.0984</v>
      </c>
      <c r="CX139" s="20">
        <v>1.0641700000000001</v>
      </c>
      <c r="CY139" s="6" t="s">
        <v>397</v>
      </c>
      <c r="CZ139" s="6" t="s">
        <v>398</v>
      </c>
      <c r="DA139" s="6" t="s">
        <v>115</v>
      </c>
      <c r="DB139" s="6" t="s">
        <v>345</v>
      </c>
      <c r="DC139" s="6"/>
      <c r="DD139" s="6"/>
      <c r="DE139" s="6"/>
      <c r="DF139" s="6"/>
      <c r="DG139" s="6"/>
      <c r="DH139" s="6" t="s">
        <v>333</v>
      </c>
      <c r="DI139" s="6"/>
      <c r="DJ139" s="6"/>
      <c r="DK139" s="6"/>
      <c r="DL139" s="6">
        <v>6</v>
      </c>
      <c r="DM139" s="6" t="s">
        <v>396</v>
      </c>
      <c r="DN139" s="6">
        <v>6</v>
      </c>
      <c r="DO139" s="6" t="s">
        <v>393</v>
      </c>
      <c r="DP139" s="6"/>
      <c r="DQ139" s="6"/>
    </row>
    <row r="140" spans="1:121" x14ac:dyDescent="0.2">
      <c r="A140" s="6" t="s">
        <v>325</v>
      </c>
      <c r="B140" s="6" t="s">
        <v>325</v>
      </c>
      <c r="C140" s="6" t="s">
        <v>193</v>
      </c>
      <c r="D140" s="6" t="s">
        <v>115</v>
      </c>
      <c r="E140" s="6" t="s">
        <v>256</v>
      </c>
      <c r="F140" s="11">
        <v>0</v>
      </c>
      <c r="G140" s="13">
        <v>0</v>
      </c>
      <c r="H140" s="11">
        <v>35.503344096000006</v>
      </c>
      <c r="I140" s="13">
        <v>0.20394831115081993</v>
      </c>
      <c r="J140" s="11">
        <v>24.513554296999985</v>
      </c>
      <c r="K140" s="13">
        <v>0.11696321448513568</v>
      </c>
      <c r="L140" s="11">
        <v>-60.225743953999995</v>
      </c>
      <c r="M140" s="13">
        <v>-0.25726832137099931</v>
      </c>
      <c r="N140" s="11">
        <v>-35.71218965700001</v>
      </c>
      <c r="O140" s="13">
        <v>-0.17039603673861065</v>
      </c>
      <c r="P140" s="7">
        <v>174.08010831600001</v>
      </c>
      <c r="Q140" s="7">
        <v>183.46670419200001</v>
      </c>
      <c r="R140" s="7">
        <v>179.424574382</v>
      </c>
      <c r="S140" s="7">
        <v>195.42786905200001</v>
      </c>
      <c r="T140" s="7">
        <v>214.75083610799999</v>
      </c>
      <c r="U140" s="7">
        <v>215.65461106399999</v>
      </c>
      <c r="V140" s="7">
        <v>209.58345241200001</v>
      </c>
      <c r="W140" s="7">
        <v>220.481632969</v>
      </c>
      <c r="X140" s="7">
        <v>217.96297610900001</v>
      </c>
      <c r="Y140" s="7">
        <v>234.097006709</v>
      </c>
      <c r="Z140" s="7">
        <v>223.665034636</v>
      </c>
      <c r="AA140" s="7">
        <v>218.4231016</v>
      </c>
      <c r="AB140" s="7">
        <v>233.35994957400001</v>
      </c>
      <c r="AC140" s="7">
        <v>196.57267778400001</v>
      </c>
      <c r="AD140" s="7">
        <v>173.16597781999999</v>
      </c>
      <c r="AE140" s="7">
        <v>173.57342579199999</v>
      </c>
      <c r="AF140" s="7">
        <v>173.871262755</v>
      </c>
      <c r="AG140" s="9">
        <v>4121.4462759000016</v>
      </c>
      <c r="AH140" s="13">
        <v>0.29053710673924432</v>
      </c>
      <c r="AI140" s="9">
        <v>196.26788540000052</v>
      </c>
      <c r="AJ140" s="13">
        <v>1.3835702263883948E-2</v>
      </c>
      <c r="AK140" s="9">
        <v>892.72222419999889</v>
      </c>
      <c r="AL140" s="13">
        <v>6.2072713375679323E-2</v>
      </c>
      <c r="AM140" s="9">
        <v>3032.4561663000022</v>
      </c>
      <c r="AN140" s="13">
        <v>0.19852932419040403</v>
      </c>
      <c r="AO140" s="9">
        <v>3925.1783905000011</v>
      </c>
      <c r="AP140" s="13">
        <v>0.27292529140322164</v>
      </c>
      <c r="AQ140" s="9">
        <v>14185.6106511</v>
      </c>
      <c r="AR140" s="9">
        <v>14541.408732800001</v>
      </c>
      <c r="AS140" s="9">
        <v>19157.6263669</v>
      </c>
      <c r="AT140" s="9">
        <v>14926.3121899</v>
      </c>
      <c r="AU140" s="9">
        <v>15519.870776600001</v>
      </c>
      <c r="AV140" s="9">
        <v>15805.3865941</v>
      </c>
      <c r="AW140" s="9">
        <v>14381.8785365</v>
      </c>
      <c r="AX140" s="9">
        <v>16594.982545399998</v>
      </c>
      <c r="AY140" s="9">
        <v>16968.797350000001</v>
      </c>
      <c r="AZ140" s="9">
        <v>15274.600760699999</v>
      </c>
      <c r="BA140" s="9">
        <v>15851.496501</v>
      </c>
      <c r="BB140" s="9">
        <v>16983.618651100001</v>
      </c>
      <c r="BC140" s="9">
        <v>16411.154755799998</v>
      </c>
      <c r="BD140" s="9">
        <v>17482.069548200001</v>
      </c>
      <c r="BE140" s="9">
        <v>17881.476347700001</v>
      </c>
      <c r="BF140" s="9">
        <v>18307.056927000001</v>
      </c>
      <c r="BG140" s="11">
        <v>-15.25</v>
      </c>
      <c r="BH140" s="13">
        <v>-0.4621212121212121</v>
      </c>
      <c r="BI140" s="6">
        <v>7</v>
      </c>
      <c r="BJ140" s="13">
        <v>0.21212121212121213</v>
      </c>
      <c r="BK140" s="6">
        <v>7</v>
      </c>
      <c r="BL140" s="13">
        <v>0.17499999999999999</v>
      </c>
      <c r="BM140" s="11">
        <v>-29.25</v>
      </c>
      <c r="BN140" s="13">
        <v>-0.62234042553191493</v>
      </c>
      <c r="BO140" s="11">
        <v>-22.25</v>
      </c>
      <c r="BP140" s="13">
        <v>-0.55625000000000002</v>
      </c>
      <c r="BQ140" s="6">
        <v>33</v>
      </c>
      <c r="BR140" s="6">
        <v>33</v>
      </c>
      <c r="BS140" s="6">
        <v>40</v>
      </c>
      <c r="BT140" s="6">
        <v>40</v>
      </c>
      <c r="BU140" s="6">
        <v>43</v>
      </c>
      <c r="BV140" s="6">
        <v>44</v>
      </c>
      <c r="BW140" s="6">
        <v>47</v>
      </c>
      <c r="BX140" s="6">
        <v>44</v>
      </c>
      <c r="BY140" s="6">
        <v>40</v>
      </c>
      <c r="BZ140" s="6">
        <v>22</v>
      </c>
      <c r="CA140" s="6">
        <v>21</v>
      </c>
      <c r="CB140" s="6">
        <v>18</v>
      </c>
      <c r="CC140" s="11">
        <v>17.75</v>
      </c>
      <c r="CD140" s="11">
        <v>-17.634799999999998</v>
      </c>
      <c r="CE140" s="11">
        <v>-1.60311</v>
      </c>
      <c r="CF140" s="11">
        <v>19.0291</v>
      </c>
      <c r="CG140" s="11">
        <v>17</v>
      </c>
      <c r="CH140" s="20">
        <v>0.57591099999999995</v>
      </c>
      <c r="CI140" s="20">
        <v>0.59891300000000003</v>
      </c>
      <c r="CJ140" s="20">
        <v>0.598383</v>
      </c>
      <c r="CK140" s="20">
        <v>0.62029100000000004</v>
      </c>
      <c r="CL140" s="20">
        <v>0.73927100000000001</v>
      </c>
      <c r="CM140" s="20">
        <v>0.79636600000000002</v>
      </c>
      <c r="CN140" s="20">
        <v>0.85526800000000003</v>
      </c>
      <c r="CO140" s="20">
        <v>0.99842500000000001</v>
      </c>
      <c r="CP140" s="20">
        <v>0.97261399999999998</v>
      </c>
      <c r="CQ140" s="20">
        <v>1.07965</v>
      </c>
      <c r="CR140" s="20">
        <v>1.0533399999999999</v>
      </c>
      <c r="CS140" s="20">
        <v>1.02755</v>
      </c>
      <c r="CT140" s="20">
        <v>1.1634199999999999</v>
      </c>
      <c r="CU140" s="20">
        <v>0.97808600000000001</v>
      </c>
      <c r="CV140" s="20">
        <v>0.90778800000000004</v>
      </c>
      <c r="CW140" s="20">
        <v>0.90398100000000003</v>
      </c>
      <c r="CX140" s="20">
        <v>0.90057500000000001</v>
      </c>
      <c r="CY140" s="6" t="s">
        <v>397</v>
      </c>
      <c r="CZ140" s="6" t="s">
        <v>398</v>
      </c>
      <c r="DA140" s="6" t="s">
        <v>115</v>
      </c>
      <c r="DB140" s="6" t="s">
        <v>345</v>
      </c>
      <c r="DC140" s="6"/>
      <c r="DD140" s="6"/>
      <c r="DE140" s="6"/>
      <c r="DF140" s="6"/>
      <c r="DG140" s="6"/>
      <c r="DH140" s="6" t="s">
        <v>333</v>
      </c>
      <c r="DI140" s="6"/>
      <c r="DJ140" s="6"/>
      <c r="DK140" s="6"/>
      <c r="DL140" s="6">
        <v>6</v>
      </c>
      <c r="DM140" s="6" t="s">
        <v>396</v>
      </c>
      <c r="DN140" s="6">
        <v>6</v>
      </c>
      <c r="DO140" s="6" t="s">
        <v>393</v>
      </c>
      <c r="DP140" s="6"/>
      <c r="DQ140" s="6"/>
    </row>
    <row r="141" spans="1:121" x14ac:dyDescent="0.2">
      <c r="A141" s="6" t="s">
        <v>327</v>
      </c>
      <c r="B141" s="6" t="s">
        <v>327</v>
      </c>
      <c r="C141" s="6" t="s">
        <v>194</v>
      </c>
      <c r="D141" s="6" t="s">
        <v>115</v>
      </c>
      <c r="E141" s="6" t="s">
        <v>256</v>
      </c>
      <c r="F141" s="11">
        <v>-59</v>
      </c>
      <c r="G141" s="13">
        <v>-6.0574948665299999E-2</v>
      </c>
      <c r="H141" s="11">
        <v>-19.816228000000024</v>
      </c>
      <c r="I141" s="13">
        <v>-2.0350967665670943E-2</v>
      </c>
      <c r="J141" s="11">
        <v>-14.394704999999931</v>
      </c>
      <c r="K141" s="13">
        <v>-1.5090246323657543E-2</v>
      </c>
      <c r="L141" s="11">
        <v>-24.79969027900006</v>
      </c>
      <c r="M141" s="13">
        <v>-2.6396319634186611E-2</v>
      </c>
      <c r="N141" s="11">
        <v>-39.194395278999991</v>
      </c>
      <c r="O141" s="13">
        <v>-4.1088238992526283E-2</v>
      </c>
      <c r="P141" s="7">
        <v>973.72411599999998</v>
      </c>
      <c r="Q141" s="7">
        <v>994.06611899999996</v>
      </c>
      <c r="R141" s="7">
        <v>985.18325100000004</v>
      </c>
      <c r="S141" s="7">
        <v>958.32898999999998</v>
      </c>
      <c r="T141" s="7">
        <v>935.56054800000004</v>
      </c>
      <c r="U141" s="7">
        <v>930.11490200000003</v>
      </c>
      <c r="V141" s="7">
        <v>953.90788799999996</v>
      </c>
      <c r="W141" s="7">
        <v>942.28356499999995</v>
      </c>
      <c r="X141" s="7">
        <v>943.68255299999998</v>
      </c>
      <c r="Y141" s="7">
        <v>939.51318300000003</v>
      </c>
      <c r="Z141" s="7">
        <v>956.20910500000002</v>
      </c>
      <c r="AA141" s="7">
        <v>960.61018200000001</v>
      </c>
      <c r="AB141" s="7">
        <v>958.47584199999994</v>
      </c>
      <c r="AC141" s="7">
        <v>966.29732300000001</v>
      </c>
      <c r="AD141" s="7">
        <v>931.59944700000005</v>
      </c>
      <c r="AE141" s="7">
        <v>921.56954174999998</v>
      </c>
      <c r="AF141" s="7">
        <v>914.71349272099997</v>
      </c>
      <c r="AG141" s="9">
        <v>16450.920985300003</v>
      </c>
      <c r="AH141" s="13">
        <v>0.58419416869520002</v>
      </c>
      <c r="AI141" s="9">
        <v>8839.8871691999993</v>
      </c>
      <c r="AJ141" s="13">
        <v>0.3139161959859102</v>
      </c>
      <c r="AK141" s="9">
        <v>5221.0574515000044</v>
      </c>
      <c r="AL141" s="13">
        <v>0.14111000502399304</v>
      </c>
      <c r="AM141" s="9">
        <v>2389.9763645999992</v>
      </c>
      <c r="AN141" s="13">
        <v>5.6606385942719328E-2</v>
      </c>
      <c r="AO141" s="9">
        <v>7611.0338161000036</v>
      </c>
      <c r="AP141" s="13">
        <v>0.20570411837147956</v>
      </c>
      <c r="AQ141" s="9">
        <v>28160.022586399999</v>
      </c>
      <c r="AR141" s="9">
        <v>28538.2921819</v>
      </c>
      <c r="AS141" s="9">
        <v>30565.736714999999</v>
      </c>
      <c r="AT141" s="9">
        <v>32575.1689859</v>
      </c>
      <c r="AU141" s="9">
        <v>33323.833730699997</v>
      </c>
      <c r="AV141" s="9">
        <v>35681.461394099999</v>
      </c>
      <c r="AW141" s="9">
        <v>36999.909755599998</v>
      </c>
      <c r="AX141" s="9">
        <v>39176.4248315</v>
      </c>
      <c r="AY141" s="9">
        <v>40254.450499300001</v>
      </c>
      <c r="AZ141" s="9">
        <v>42220.967207100002</v>
      </c>
      <c r="BA141" s="9">
        <v>43528.648621200002</v>
      </c>
      <c r="BB141" s="9">
        <v>43610.568586599999</v>
      </c>
      <c r="BC141" s="9">
        <v>45000.038876999999</v>
      </c>
      <c r="BD141" s="9">
        <v>43062.713892300002</v>
      </c>
      <c r="BE141" s="9">
        <v>45040.657456200002</v>
      </c>
      <c r="BF141" s="9">
        <v>44610.943571700001</v>
      </c>
      <c r="BG141" s="11">
        <v>-7</v>
      </c>
      <c r="BH141" s="13">
        <v>-0.13461538461538461</v>
      </c>
      <c r="BI141" s="6">
        <v>-2</v>
      </c>
      <c r="BJ141" s="13">
        <v>-3.8461538461538464E-2</v>
      </c>
      <c r="BK141" s="6">
        <v>-4</v>
      </c>
      <c r="BL141" s="13">
        <v>-0.08</v>
      </c>
      <c r="BM141" s="11">
        <v>-1</v>
      </c>
      <c r="BN141" s="13">
        <v>-2.1739130434782608E-2</v>
      </c>
      <c r="BO141" s="11">
        <v>-5</v>
      </c>
      <c r="BP141" s="13">
        <v>-0.1</v>
      </c>
      <c r="BQ141" s="6">
        <v>52</v>
      </c>
      <c r="BR141" s="6">
        <v>51</v>
      </c>
      <c r="BS141" s="6">
        <v>51</v>
      </c>
      <c r="BT141" s="6">
        <v>50</v>
      </c>
      <c r="BU141" s="6">
        <v>48</v>
      </c>
      <c r="BV141" s="6">
        <v>48</v>
      </c>
      <c r="BW141" s="6">
        <v>46</v>
      </c>
      <c r="BX141" s="6">
        <v>45</v>
      </c>
      <c r="BY141" s="6">
        <v>45</v>
      </c>
      <c r="BZ141" s="6">
        <v>45</v>
      </c>
      <c r="CA141" s="6">
        <v>45</v>
      </c>
      <c r="CB141" s="6">
        <v>45</v>
      </c>
      <c r="CC141" s="11">
        <v>45</v>
      </c>
      <c r="CD141" s="11">
        <v>-108.366</v>
      </c>
      <c r="CE141" s="11">
        <v>-57.084200000000003</v>
      </c>
      <c r="CF141" s="11">
        <v>106.44</v>
      </c>
      <c r="CG141" s="11">
        <v>49</v>
      </c>
      <c r="CH141" s="20">
        <v>0.96977100000000005</v>
      </c>
      <c r="CI141" s="20">
        <v>0.97497100000000003</v>
      </c>
      <c r="CJ141" s="20">
        <v>0.99443599999999999</v>
      </c>
      <c r="CK141" s="20">
        <v>0.92730000000000001</v>
      </c>
      <c r="CL141" s="20">
        <v>0.98409800000000003</v>
      </c>
      <c r="CM141" s="20">
        <v>1.05644</v>
      </c>
      <c r="CN141" s="20">
        <v>1.2059</v>
      </c>
      <c r="CO141" s="20">
        <v>1.30863</v>
      </c>
      <c r="CP141" s="20">
        <v>1.2769999999999999</v>
      </c>
      <c r="CQ141" s="20">
        <v>1.3064800000000001</v>
      </c>
      <c r="CR141" s="20">
        <v>1.38968</v>
      </c>
      <c r="CS141" s="20">
        <v>1.44187</v>
      </c>
      <c r="CT141" s="20">
        <v>1.44815</v>
      </c>
      <c r="CU141" s="20">
        <v>1.48464</v>
      </c>
      <c r="CV141" s="20">
        <v>1.52098</v>
      </c>
      <c r="CW141" s="20">
        <v>1.5023299999999999</v>
      </c>
      <c r="CX141" s="20">
        <v>1.49336</v>
      </c>
      <c r="CY141" s="6" t="s">
        <v>397</v>
      </c>
      <c r="CZ141" s="6" t="s">
        <v>398</v>
      </c>
      <c r="DA141" s="6" t="s">
        <v>115</v>
      </c>
      <c r="DB141" s="6" t="s">
        <v>345</v>
      </c>
      <c r="DC141" s="6"/>
      <c r="DD141" s="6"/>
      <c r="DE141" s="6"/>
      <c r="DF141" s="6"/>
      <c r="DG141" s="6"/>
      <c r="DH141" s="6" t="s">
        <v>333</v>
      </c>
      <c r="DI141" s="6"/>
      <c r="DJ141" s="6"/>
      <c r="DK141" s="6"/>
      <c r="DL141" s="6">
        <v>6</v>
      </c>
      <c r="DM141" s="6" t="s">
        <v>396</v>
      </c>
      <c r="DN141" s="6">
        <v>6</v>
      </c>
      <c r="DO141" s="6" t="s">
        <v>393</v>
      </c>
      <c r="DP141" s="6"/>
      <c r="DQ141" s="6"/>
    </row>
    <row r="142" spans="1:121" x14ac:dyDescent="0.2">
      <c r="A142" s="6" t="s">
        <v>1</v>
      </c>
      <c r="B142" s="6" t="s">
        <v>1</v>
      </c>
      <c r="C142" s="6" t="s">
        <v>2</v>
      </c>
      <c r="D142" s="6" t="s">
        <v>69</v>
      </c>
      <c r="E142" s="6" t="s">
        <v>210</v>
      </c>
      <c r="F142" s="11">
        <v>108</v>
      </c>
      <c r="G142" s="13">
        <v>0.66257668711700002</v>
      </c>
      <c r="H142" s="11">
        <v>30.575829898999984</v>
      </c>
      <c r="I142" s="13">
        <v>0.18742623022742069</v>
      </c>
      <c r="J142" s="11">
        <v>-43.762591472999986</v>
      </c>
      <c r="K142" s="13">
        <v>-0.22591679061407308</v>
      </c>
      <c r="L142" s="11">
        <v>121.45082803499997</v>
      </c>
      <c r="M142" s="13">
        <v>0.80995018898678828</v>
      </c>
      <c r="N142" s="11">
        <v>77.688236561999986</v>
      </c>
      <c r="O142" s="13">
        <v>0.40105205111955811</v>
      </c>
      <c r="P142" s="7">
        <v>163.13527654000001</v>
      </c>
      <c r="Q142" s="7">
        <v>215.72686904400001</v>
      </c>
      <c r="R142" s="7">
        <v>179.35213312100001</v>
      </c>
      <c r="S142" s="7">
        <v>186.19847570799999</v>
      </c>
      <c r="T142" s="7">
        <v>208.77061684399999</v>
      </c>
      <c r="U142" s="7">
        <v>226.40298117200001</v>
      </c>
      <c r="V142" s="7">
        <v>193.71110643899999</v>
      </c>
      <c r="W142" s="7">
        <v>142.86959553099999</v>
      </c>
      <c r="X142" s="7">
        <v>160.08726793</v>
      </c>
      <c r="Y142" s="7">
        <v>149.948514966</v>
      </c>
      <c r="Z142" s="7">
        <v>166.88586185700001</v>
      </c>
      <c r="AA142" s="7">
        <v>184.29138934700001</v>
      </c>
      <c r="AB142" s="7">
        <v>190.63927847599999</v>
      </c>
      <c r="AC142" s="7">
        <v>221.66806003799999</v>
      </c>
      <c r="AD142" s="7">
        <v>254.215129437</v>
      </c>
      <c r="AE142" s="7">
        <v>258.684579977</v>
      </c>
      <c r="AF142" s="7">
        <v>271.39934300099998</v>
      </c>
      <c r="AG142" s="9">
        <v>10256.0741934</v>
      </c>
      <c r="AH142" s="13">
        <v>0.52746751966047345</v>
      </c>
      <c r="AI142" s="9">
        <v>417.38750729999811</v>
      </c>
      <c r="AJ142" s="13">
        <v>2.1466142800963192E-2</v>
      </c>
      <c r="AK142" s="9">
        <v>3399.7780626000022</v>
      </c>
      <c r="AL142" s="13">
        <v>0.17117532415367381</v>
      </c>
      <c r="AM142" s="9">
        <v>6438.9086234999995</v>
      </c>
      <c r="AN142" s="13">
        <v>0.27680946765827452</v>
      </c>
      <c r="AO142" s="9">
        <v>9838.6866861000017</v>
      </c>
      <c r="AP142" s="13">
        <v>0.49536774216715934</v>
      </c>
      <c r="AQ142" s="9">
        <v>19443.991925800001</v>
      </c>
      <c r="AR142" s="9">
        <v>19720.0926836</v>
      </c>
      <c r="AS142" s="9">
        <v>20827.154665099999</v>
      </c>
      <c r="AT142" s="9">
        <v>20078.295873300001</v>
      </c>
      <c r="AU142" s="9">
        <v>20904.173331499998</v>
      </c>
      <c r="AV142" s="9">
        <v>19441.356485100001</v>
      </c>
      <c r="AW142" s="9">
        <v>19861.379433099999</v>
      </c>
      <c r="AX142" s="9">
        <v>21811.544246199999</v>
      </c>
      <c r="AY142" s="9">
        <v>22207.487710599999</v>
      </c>
      <c r="AZ142" s="9">
        <v>23261.157495700001</v>
      </c>
      <c r="BA142" s="9">
        <v>25238.337701100001</v>
      </c>
      <c r="BB142" s="9">
        <v>25722.351001999999</v>
      </c>
      <c r="BC142" s="9">
        <v>25279.155838999999</v>
      </c>
      <c r="BD142" s="9">
        <v>25742.880302699999</v>
      </c>
      <c r="BE142" s="9">
        <v>28718.649107599998</v>
      </c>
      <c r="BF142" s="9">
        <v>29700.066119200001</v>
      </c>
      <c r="BG142" s="11">
        <v>10</v>
      </c>
      <c r="BH142" s="13">
        <v>1.1111111111111112</v>
      </c>
      <c r="BI142" s="6">
        <v>2</v>
      </c>
      <c r="BJ142" s="13">
        <v>0.22222222222222221</v>
      </c>
      <c r="BK142" s="6">
        <v>-3</v>
      </c>
      <c r="BL142" s="13">
        <v>-0.27272727272727271</v>
      </c>
      <c r="BM142" s="11">
        <v>11</v>
      </c>
      <c r="BN142" s="13">
        <v>1.375</v>
      </c>
      <c r="BO142" s="11">
        <v>8</v>
      </c>
      <c r="BP142" s="13">
        <v>0.72727272727272729</v>
      </c>
      <c r="BQ142" s="6">
        <v>9</v>
      </c>
      <c r="BR142" s="6">
        <v>9</v>
      </c>
      <c r="BS142" s="6">
        <v>9</v>
      </c>
      <c r="BT142" s="6">
        <v>11</v>
      </c>
      <c r="BU142" s="6">
        <v>11</v>
      </c>
      <c r="BV142" s="6">
        <v>10</v>
      </c>
      <c r="BW142" s="6">
        <v>8</v>
      </c>
      <c r="BX142" s="6">
        <v>10</v>
      </c>
      <c r="BY142" s="6">
        <v>11</v>
      </c>
      <c r="BZ142" s="6">
        <v>12</v>
      </c>
      <c r="CA142" s="6">
        <v>17</v>
      </c>
      <c r="CB142" s="6">
        <v>19</v>
      </c>
      <c r="CC142" s="11">
        <v>19</v>
      </c>
      <c r="CD142" s="11">
        <v>105.30500000000001</v>
      </c>
      <c r="CE142" s="11">
        <v>-14.8736</v>
      </c>
      <c r="CF142" s="11">
        <v>17.832699999999999</v>
      </c>
      <c r="CG142" s="11">
        <v>3</v>
      </c>
      <c r="CH142" s="20">
        <v>2.71787</v>
      </c>
      <c r="CI142" s="20">
        <v>3.6029</v>
      </c>
      <c r="CJ142" s="20">
        <v>2.98061</v>
      </c>
      <c r="CK142" s="20">
        <v>3.0387400000000002</v>
      </c>
      <c r="CL142" s="20">
        <v>3.3688899999999999</v>
      </c>
      <c r="CM142" s="20">
        <v>3.6206800000000001</v>
      </c>
      <c r="CN142" s="20">
        <v>3.2339699999999998</v>
      </c>
      <c r="CO142" s="20">
        <v>2.4986100000000002</v>
      </c>
      <c r="CP142" s="20">
        <v>2.72167</v>
      </c>
      <c r="CQ142" s="20">
        <v>2.6540699999999999</v>
      </c>
      <c r="CR142" s="20">
        <v>2.9637199999999999</v>
      </c>
      <c r="CS142" s="20">
        <v>3.2639100000000001</v>
      </c>
      <c r="CT142" s="20">
        <v>3.4758900000000001</v>
      </c>
      <c r="CU142" s="20">
        <v>4.0239099999999999</v>
      </c>
      <c r="CV142" s="20">
        <v>4.5756899999999998</v>
      </c>
      <c r="CW142" s="20">
        <v>4.6690199999999997</v>
      </c>
      <c r="CX142" s="20">
        <v>4.8614300000000004</v>
      </c>
      <c r="CY142" s="6" t="s">
        <v>399</v>
      </c>
      <c r="CZ142" s="6" t="s">
        <v>400</v>
      </c>
      <c r="DA142" s="6" t="s">
        <v>69</v>
      </c>
      <c r="DB142" s="6"/>
      <c r="DC142" s="6">
        <v>28140</v>
      </c>
      <c r="DD142" s="6">
        <v>312</v>
      </c>
      <c r="DE142" s="6" t="s">
        <v>402</v>
      </c>
      <c r="DF142" s="6" t="s">
        <v>375</v>
      </c>
      <c r="DG142" s="6" t="s">
        <v>376</v>
      </c>
      <c r="DH142" s="6" t="s">
        <v>328</v>
      </c>
      <c r="DI142" s="6" t="s">
        <v>377</v>
      </c>
      <c r="DJ142" s="6">
        <v>29</v>
      </c>
      <c r="DK142" s="6">
        <v>13</v>
      </c>
      <c r="DL142" s="6">
        <v>1</v>
      </c>
      <c r="DM142" s="6" t="s">
        <v>404</v>
      </c>
      <c r="DN142" s="6">
        <v>1</v>
      </c>
      <c r="DO142" s="6" t="s">
        <v>405</v>
      </c>
      <c r="DP142" s="6"/>
      <c r="DQ142" s="6"/>
    </row>
    <row r="143" spans="1:121" x14ac:dyDescent="0.2">
      <c r="A143" s="6" t="s">
        <v>310</v>
      </c>
      <c r="B143" s="6" t="s">
        <v>310</v>
      </c>
      <c r="C143" s="6" t="s">
        <v>173</v>
      </c>
      <c r="D143" s="6" t="s">
        <v>69</v>
      </c>
      <c r="E143" s="6" t="s">
        <v>210</v>
      </c>
      <c r="F143" s="11">
        <v>-60</v>
      </c>
      <c r="G143" s="13">
        <v>-0.81081081081100004</v>
      </c>
      <c r="H143" s="11">
        <v>-41.241180999999997</v>
      </c>
      <c r="I143" s="13">
        <v>-0.55895433914304371</v>
      </c>
      <c r="J143" s="11">
        <v>-17.350144</v>
      </c>
      <c r="K143" s="13">
        <v>-0.53316885031557804</v>
      </c>
      <c r="L143" s="11">
        <v>-1.2294390680999996</v>
      </c>
      <c r="M143" s="13">
        <v>-8.0929874596252116E-2</v>
      </c>
      <c r="N143" s="11">
        <v>-18.5795830681</v>
      </c>
      <c r="O143" s="13">
        <v>-0.57094943671716247</v>
      </c>
      <c r="P143" s="7">
        <v>73.782736999999997</v>
      </c>
      <c r="Q143" s="7">
        <v>21.715841999999999</v>
      </c>
      <c r="R143" s="7">
        <v>23.307859000000001</v>
      </c>
      <c r="S143" s="7">
        <v>30.799517999999999</v>
      </c>
      <c r="T143" s="7">
        <v>26.870024999999998</v>
      </c>
      <c r="U143" s="7">
        <v>37.465268000000002</v>
      </c>
      <c r="V143" s="7">
        <v>32.541556</v>
      </c>
      <c r="W143" s="7">
        <v>34.490774000000002</v>
      </c>
      <c r="X143" s="7">
        <v>45.377673999999999</v>
      </c>
      <c r="Y143" s="7">
        <v>15.191412</v>
      </c>
      <c r="Z143" s="7">
        <v>11.350985</v>
      </c>
      <c r="AA143" s="7">
        <v>14.1631775403</v>
      </c>
      <c r="AB143" s="7">
        <v>15.739748000000001</v>
      </c>
      <c r="AC143" s="7">
        <v>13.759684</v>
      </c>
      <c r="AD143" s="7">
        <v>15.347897</v>
      </c>
      <c r="AE143" s="7">
        <v>13.42161175</v>
      </c>
      <c r="AF143" s="7">
        <v>13.9619729319</v>
      </c>
      <c r="AG143" s="9">
        <v>9506.9846458000029</v>
      </c>
      <c r="AH143" s="13">
        <v>0.271250472341305</v>
      </c>
      <c r="AI143" s="9">
        <v>6745.179035000001</v>
      </c>
      <c r="AJ143" s="13">
        <v>0.19245145200468097</v>
      </c>
      <c r="AK143" s="9">
        <v>-2805.864607800002</v>
      </c>
      <c r="AL143" s="13">
        <v>-6.7135729899336596E-2</v>
      </c>
      <c r="AM143" s="9">
        <v>5567.6702186000039</v>
      </c>
      <c r="AN143" s="13">
        <v>0.14280455096316055</v>
      </c>
      <c r="AO143" s="9">
        <v>2761.8056108000019</v>
      </c>
      <c r="AP143" s="13">
        <v>6.6081533301965159E-2</v>
      </c>
      <c r="AQ143" s="9">
        <v>35048.730288799998</v>
      </c>
      <c r="AR143" s="9">
        <v>37891.333258600003</v>
      </c>
      <c r="AS143" s="9">
        <v>35723.711277499999</v>
      </c>
      <c r="AT143" s="9">
        <v>34979.116637899999</v>
      </c>
      <c r="AU143" s="9">
        <v>30313.4543481</v>
      </c>
      <c r="AV143" s="9">
        <v>46547.123999299998</v>
      </c>
      <c r="AW143" s="9">
        <v>41793.909323799999</v>
      </c>
      <c r="AX143" s="9">
        <v>52503.676585399997</v>
      </c>
      <c r="AY143" s="9">
        <v>51040.820516300002</v>
      </c>
      <c r="AZ143" s="9">
        <v>38988.044715999997</v>
      </c>
      <c r="BA143" s="9">
        <v>37013.022706800002</v>
      </c>
      <c r="BB143" s="9">
        <v>40876.0789018</v>
      </c>
      <c r="BC143" s="9">
        <v>43140.308145000003</v>
      </c>
      <c r="BD143" s="9">
        <v>54232.112010999997</v>
      </c>
      <c r="BE143" s="9">
        <v>47282.044737199998</v>
      </c>
      <c r="BF143" s="9">
        <v>44555.714934600001</v>
      </c>
      <c r="BG143" s="11">
        <v>-2</v>
      </c>
      <c r="BH143" s="13">
        <v>-0.5</v>
      </c>
      <c r="BI143" s="6">
        <v>1</v>
      </c>
      <c r="BJ143" s="13">
        <v>0.25</v>
      </c>
      <c r="BK143" s="6">
        <v>-3</v>
      </c>
      <c r="BL143" s="13">
        <v>-0.6</v>
      </c>
      <c r="BM143" s="11">
        <v>0</v>
      </c>
      <c r="BN143" s="13">
        <v>0</v>
      </c>
      <c r="BO143" s="11">
        <v>-3</v>
      </c>
      <c r="BP143" s="13">
        <v>-0.6</v>
      </c>
      <c r="BQ143" s="6">
        <v>4</v>
      </c>
      <c r="BR143" s="6">
        <v>4</v>
      </c>
      <c r="BS143" s="6">
        <v>5</v>
      </c>
      <c r="BT143" s="6">
        <v>5</v>
      </c>
      <c r="BU143" s="6">
        <v>4</v>
      </c>
      <c r="BV143" s="6">
        <v>4</v>
      </c>
      <c r="BW143" s="6">
        <v>2</v>
      </c>
      <c r="BX143" s="6">
        <v>1</v>
      </c>
      <c r="BY143" s="6">
        <v>2</v>
      </c>
      <c r="BZ143" s="6">
        <v>2</v>
      </c>
      <c r="CA143" s="6">
        <v>2</v>
      </c>
      <c r="CB143" s="6">
        <v>2</v>
      </c>
      <c r="CC143" s="11">
        <v>2</v>
      </c>
      <c r="CD143" s="11">
        <v>-75.540899999999993</v>
      </c>
      <c r="CE143" s="11">
        <v>7.6547999999999998</v>
      </c>
      <c r="CF143" s="11">
        <v>8.0653400000000008</v>
      </c>
      <c r="CG143" s="11">
        <v>16</v>
      </c>
      <c r="CH143" s="20">
        <v>4.3325399999999998</v>
      </c>
      <c r="CI143" s="20">
        <v>1.33528</v>
      </c>
      <c r="CJ143" s="20">
        <v>1.44631</v>
      </c>
      <c r="CK143" s="20">
        <v>1.81603</v>
      </c>
      <c r="CL143" s="20">
        <v>1.4615800000000001</v>
      </c>
      <c r="CM143" s="20">
        <v>1.83334</v>
      </c>
      <c r="CN143" s="20">
        <v>1.5426200000000001</v>
      </c>
      <c r="CO143" s="20">
        <v>1.5453399999999999</v>
      </c>
      <c r="CP143" s="20">
        <v>2.1711399999999998</v>
      </c>
      <c r="CQ143" s="20">
        <v>0.742062</v>
      </c>
      <c r="CR143" s="20">
        <v>0.50080400000000003</v>
      </c>
      <c r="CS143" s="20">
        <v>0.57830400000000004</v>
      </c>
      <c r="CT143" s="20">
        <v>0.65662500000000001</v>
      </c>
      <c r="CU143" s="20">
        <v>0.56085099999999999</v>
      </c>
      <c r="CV143" s="20">
        <v>0.701125</v>
      </c>
      <c r="CW143" s="20">
        <v>0.72370400000000001</v>
      </c>
      <c r="CX143" s="20">
        <v>0.73983399999999999</v>
      </c>
      <c r="CY143" s="6" t="s">
        <v>399</v>
      </c>
      <c r="CZ143" s="6" t="s">
        <v>400</v>
      </c>
      <c r="DA143" s="6" t="s">
        <v>69</v>
      </c>
      <c r="DB143" s="6"/>
      <c r="DC143" s="6">
        <v>28140</v>
      </c>
      <c r="DD143" s="6">
        <v>312</v>
      </c>
      <c r="DE143" s="6" t="s">
        <v>402</v>
      </c>
      <c r="DF143" s="6" t="s">
        <v>375</v>
      </c>
      <c r="DG143" s="6" t="s">
        <v>376</v>
      </c>
      <c r="DH143" s="6" t="s">
        <v>328</v>
      </c>
      <c r="DI143" s="6" t="s">
        <v>377</v>
      </c>
      <c r="DJ143" s="6">
        <v>29</v>
      </c>
      <c r="DK143" s="6">
        <v>13</v>
      </c>
      <c r="DL143" s="6">
        <v>1</v>
      </c>
      <c r="DM143" s="6" t="s">
        <v>404</v>
      </c>
      <c r="DN143" s="6">
        <v>1</v>
      </c>
      <c r="DO143" s="6" t="s">
        <v>405</v>
      </c>
      <c r="DP143" s="6"/>
      <c r="DQ143" s="6"/>
    </row>
    <row r="144" spans="1:121" x14ac:dyDescent="0.2">
      <c r="A144" s="6" t="s">
        <v>311</v>
      </c>
      <c r="B144" s="6" t="s">
        <v>311</v>
      </c>
      <c r="C144" s="6" t="s">
        <v>174</v>
      </c>
      <c r="D144" s="6" t="s">
        <v>69</v>
      </c>
      <c r="E144" s="6" t="s">
        <v>210</v>
      </c>
      <c r="F144" s="11">
        <v>-3</v>
      </c>
      <c r="G144" s="13">
        <v>-0.1</v>
      </c>
      <c r="H144" s="11">
        <v>-1.7136190000000013</v>
      </c>
      <c r="I144" s="13">
        <v>-5.7761765829332637E-2</v>
      </c>
      <c r="J144" s="11">
        <v>17.831955000000001</v>
      </c>
      <c r="K144" s="13">
        <v>0.63791737196268095</v>
      </c>
      <c r="L144" s="11">
        <v>-18.896878900199997</v>
      </c>
      <c r="M144" s="13">
        <v>-0.41272764597530193</v>
      </c>
      <c r="N144" s="11">
        <v>-1.0649239001999966</v>
      </c>
      <c r="O144" s="13">
        <v>-3.8096409269529341E-2</v>
      </c>
      <c r="P144" s="7">
        <v>29.667012</v>
      </c>
      <c r="Q144" s="7">
        <v>35.435392</v>
      </c>
      <c r="R144" s="7">
        <v>37.082222999999999</v>
      </c>
      <c r="S144" s="7">
        <v>23.367744999999999</v>
      </c>
      <c r="T144" s="7">
        <v>11.190659999999999</v>
      </c>
      <c r="U144" s="7">
        <v>24.935807</v>
      </c>
      <c r="V144" s="7">
        <v>27.953392999999998</v>
      </c>
      <c r="W144" s="7">
        <v>30.262513999999999</v>
      </c>
      <c r="X144" s="7">
        <v>24.214378</v>
      </c>
      <c r="Y144" s="7">
        <v>45.785347999999999</v>
      </c>
      <c r="Z144" s="7">
        <v>41.167796000000003</v>
      </c>
      <c r="AA144" s="7">
        <v>31.21424</v>
      </c>
      <c r="AB144" s="7">
        <v>25.096813000000001</v>
      </c>
      <c r="AC144" s="7">
        <v>22.156029</v>
      </c>
      <c r="AD144" s="7">
        <v>20.012706000000001</v>
      </c>
      <c r="AE144" s="7">
        <v>27.715353749999998</v>
      </c>
      <c r="AF144" s="7">
        <v>26.888469099800002</v>
      </c>
      <c r="AG144" s="9">
        <v>28886.656783099999</v>
      </c>
      <c r="AH144" s="13">
        <v>0.39615703852643031</v>
      </c>
      <c r="AI144" s="9">
        <v>47959.108829099991</v>
      </c>
      <c r="AJ144" s="13">
        <v>0.65772022933503682</v>
      </c>
      <c r="AK144" s="9">
        <v>-23397.943105300001</v>
      </c>
      <c r="AL144" s="13">
        <v>-0.19356932624539747</v>
      </c>
      <c r="AM144" s="9">
        <v>4325.4910593000095</v>
      </c>
      <c r="AN144" s="13">
        <v>4.4373862986017663E-2</v>
      </c>
      <c r="AO144" s="9">
        <v>-19072.452045999991</v>
      </c>
      <c r="AP144" s="13">
        <v>-0.15778488202048885</v>
      </c>
      <c r="AQ144" s="9">
        <v>72917.186806900005</v>
      </c>
      <c r="AR144" s="9">
        <v>90309.010298199995</v>
      </c>
      <c r="AS144" s="9">
        <v>79260.428188599995</v>
      </c>
      <c r="AT144" s="9">
        <v>138550.71552299999</v>
      </c>
      <c r="AU144" s="9">
        <v>99211.998377900003</v>
      </c>
      <c r="AV144" s="9">
        <v>137338.02629400001</v>
      </c>
      <c r="AW144" s="9">
        <v>120876.295636</v>
      </c>
      <c r="AX144" s="9">
        <v>94901.751743200002</v>
      </c>
      <c r="AY144" s="9">
        <v>90517.472505900005</v>
      </c>
      <c r="AZ144" s="9">
        <v>97478.352530699995</v>
      </c>
      <c r="BA144" s="9">
        <v>119910.488386</v>
      </c>
      <c r="BB144" s="9">
        <v>56669.889157099999</v>
      </c>
      <c r="BC144" s="9">
        <v>47945.497304099998</v>
      </c>
      <c r="BD144" s="9">
        <v>81229.896010299999</v>
      </c>
      <c r="BE144" s="9">
        <v>78038.480214299998</v>
      </c>
      <c r="BF144" s="9">
        <v>101803.84359</v>
      </c>
      <c r="BG144" s="11">
        <v>0</v>
      </c>
      <c r="BH144" s="13">
        <v>0</v>
      </c>
      <c r="BI144" s="6">
        <v>0</v>
      </c>
      <c r="BJ144" s="13">
        <v>0</v>
      </c>
      <c r="BK144" s="6">
        <v>0</v>
      </c>
      <c r="BL144" s="13">
        <v>0</v>
      </c>
      <c r="BM144" s="11">
        <v>0</v>
      </c>
      <c r="BN144" s="13">
        <v>0</v>
      </c>
      <c r="BO144" s="11">
        <v>0</v>
      </c>
      <c r="BP144" s="13">
        <v>0</v>
      </c>
      <c r="BQ144" s="6">
        <v>2</v>
      </c>
      <c r="BR144" s="6">
        <v>2</v>
      </c>
      <c r="BS144" s="6">
        <v>2</v>
      </c>
      <c r="BT144" s="6">
        <v>2</v>
      </c>
      <c r="BU144" s="6">
        <v>2</v>
      </c>
      <c r="BV144" s="6">
        <v>2</v>
      </c>
      <c r="BW144" s="6">
        <v>2</v>
      </c>
      <c r="BX144" s="6">
        <v>2</v>
      </c>
      <c r="BY144" s="6">
        <v>2</v>
      </c>
      <c r="BZ144" s="6">
        <v>1</v>
      </c>
      <c r="CA144" s="6">
        <v>2</v>
      </c>
      <c r="CB144" s="6">
        <v>2</v>
      </c>
      <c r="CC144" s="11">
        <v>2</v>
      </c>
      <c r="CD144" s="11">
        <v>-1.19042</v>
      </c>
      <c r="CE144" s="11">
        <v>-4.8310899999999997</v>
      </c>
      <c r="CF144" s="11">
        <v>3.2429600000000001</v>
      </c>
      <c r="CG144" s="11">
        <v>-2</v>
      </c>
      <c r="CH144" s="20">
        <v>1.5899799999999999</v>
      </c>
      <c r="CI144" s="20">
        <v>1.91015</v>
      </c>
      <c r="CJ144" s="20">
        <v>2.0538799999999999</v>
      </c>
      <c r="CK144" s="20">
        <v>1.30558</v>
      </c>
      <c r="CL144" s="20">
        <v>0.63717900000000005</v>
      </c>
      <c r="CM144" s="20">
        <v>1.4144600000000001</v>
      </c>
      <c r="CN144" s="20">
        <v>1.63297</v>
      </c>
      <c r="CO144" s="20">
        <v>1.7735799999999999</v>
      </c>
      <c r="CP144" s="20">
        <v>1.3606</v>
      </c>
      <c r="CQ144" s="20">
        <v>2.7065299999999999</v>
      </c>
      <c r="CR144" s="20">
        <v>2.4626399999999999</v>
      </c>
      <c r="CS144" s="20">
        <v>1.8866099999999999</v>
      </c>
      <c r="CT144" s="20">
        <v>1.58094</v>
      </c>
      <c r="CU144" s="20">
        <v>1.3999600000000001</v>
      </c>
      <c r="CV144" s="20">
        <v>1.2556799999999999</v>
      </c>
      <c r="CW144" s="20">
        <v>1.7415700000000001</v>
      </c>
      <c r="CX144" s="20">
        <v>1.6667099999999999</v>
      </c>
      <c r="CY144" s="6" t="s">
        <v>399</v>
      </c>
      <c r="CZ144" s="6" t="s">
        <v>400</v>
      </c>
      <c r="DA144" s="6" t="s">
        <v>69</v>
      </c>
      <c r="DB144" s="6"/>
      <c r="DC144" s="6">
        <v>28140</v>
      </c>
      <c r="DD144" s="6">
        <v>312</v>
      </c>
      <c r="DE144" s="6" t="s">
        <v>402</v>
      </c>
      <c r="DF144" s="6" t="s">
        <v>375</v>
      </c>
      <c r="DG144" s="6" t="s">
        <v>376</v>
      </c>
      <c r="DH144" s="6" t="s">
        <v>328</v>
      </c>
      <c r="DI144" s="6" t="s">
        <v>377</v>
      </c>
      <c r="DJ144" s="6">
        <v>29</v>
      </c>
      <c r="DK144" s="6">
        <v>13</v>
      </c>
      <c r="DL144" s="6">
        <v>1</v>
      </c>
      <c r="DM144" s="6" t="s">
        <v>404</v>
      </c>
      <c r="DN144" s="6">
        <v>1</v>
      </c>
      <c r="DO144" s="6" t="s">
        <v>405</v>
      </c>
      <c r="DP144" s="6"/>
      <c r="DQ144" s="6"/>
    </row>
    <row r="145" spans="1:121" x14ac:dyDescent="0.2">
      <c r="A145" s="6" t="s">
        <v>312</v>
      </c>
      <c r="B145" s="6" t="s">
        <v>312</v>
      </c>
      <c r="C145" s="6" t="s">
        <v>175</v>
      </c>
      <c r="D145" s="6" t="s">
        <v>69</v>
      </c>
      <c r="E145" s="6" t="s">
        <v>210</v>
      </c>
      <c r="F145" s="11">
        <v>-6</v>
      </c>
      <c r="G145" s="13">
        <v>-1.73913043478E-2</v>
      </c>
      <c r="H145" s="11">
        <v>14.869385171000033</v>
      </c>
      <c r="I145" s="13">
        <v>4.3050989392390854E-2</v>
      </c>
      <c r="J145" s="11">
        <v>-68.183477614000026</v>
      </c>
      <c r="K145" s="13">
        <v>-0.1892621346687382</v>
      </c>
      <c r="L145" s="11">
        <v>47.338776870999993</v>
      </c>
      <c r="M145" s="13">
        <v>0.1620769149220358</v>
      </c>
      <c r="N145" s="11">
        <v>-20.844700743000033</v>
      </c>
      <c r="O145" s="13">
        <v>-5.7860242645370354E-2</v>
      </c>
      <c r="P145" s="7">
        <v>345.39009162999997</v>
      </c>
      <c r="Q145" s="7">
        <v>333.819305472</v>
      </c>
      <c r="R145" s="7">
        <v>347.33361481499998</v>
      </c>
      <c r="S145" s="7">
        <v>376.35582216799997</v>
      </c>
      <c r="T145" s="7">
        <v>356.05149424899997</v>
      </c>
      <c r="U145" s="7">
        <v>369.27531315200002</v>
      </c>
      <c r="V145" s="7">
        <v>360.25947680100001</v>
      </c>
      <c r="W145" s="7">
        <v>336.01201732499999</v>
      </c>
      <c r="X145" s="7">
        <v>300.96329662900001</v>
      </c>
      <c r="Y145" s="7">
        <v>292.07599918699998</v>
      </c>
      <c r="Z145" s="7">
        <v>283.880473435</v>
      </c>
      <c r="AA145" s="7">
        <v>287.88365848699999</v>
      </c>
      <c r="AB145" s="7">
        <v>295.12590143900002</v>
      </c>
      <c r="AC145" s="7">
        <v>278.90182727600001</v>
      </c>
      <c r="AD145" s="7">
        <v>317.323821334</v>
      </c>
      <c r="AE145" s="7">
        <v>332.76530214899998</v>
      </c>
      <c r="AF145" s="7">
        <v>339.41477605799997</v>
      </c>
      <c r="AG145" s="9">
        <v>2284.1513840000007</v>
      </c>
      <c r="AH145" s="13">
        <v>8.7175198441183405E-2</v>
      </c>
      <c r="AI145" s="9">
        <v>260.25333469999896</v>
      </c>
      <c r="AJ145" s="13">
        <v>9.9326324237413704E-3</v>
      </c>
      <c r="AK145" s="9">
        <v>-494.80210480000096</v>
      </c>
      <c r="AL145" s="13">
        <v>-1.869851831847074E-2</v>
      </c>
      <c r="AM145" s="9">
        <v>2518.7001541000027</v>
      </c>
      <c r="AN145" s="13">
        <v>9.6995072038233363E-2</v>
      </c>
      <c r="AO145" s="9">
        <v>2023.8980493000017</v>
      </c>
      <c r="AP145" s="13">
        <v>7.6482889588454325E-2</v>
      </c>
      <c r="AQ145" s="9">
        <v>26201.8489759</v>
      </c>
      <c r="AR145" s="9">
        <v>30036.9432094</v>
      </c>
      <c r="AS145" s="9">
        <v>24118.329300099998</v>
      </c>
      <c r="AT145" s="9">
        <v>24811.3857694</v>
      </c>
      <c r="AU145" s="9">
        <v>25490.313361199998</v>
      </c>
      <c r="AV145" s="9">
        <v>26399.469658499998</v>
      </c>
      <c r="AW145" s="9">
        <v>26462.102310599999</v>
      </c>
      <c r="AX145" s="9">
        <v>27305.164842800001</v>
      </c>
      <c r="AY145" s="9">
        <v>26079.904493599999</v>
      </c>
      <c r="AZ145" s="9">
        <v>25967.300205799998</v>
      </c>
      <c r="BA145" s="9">
        <v>25505.460583399999</v>
      </c>
      <c r="BB145" s="9">
        <v>27648.260353000001</v>
      </c>
      <c r="BC145" s="9">
        <v>26481.857345</v>
      </c>
      <c r="BD145" s="9">
        <v>26352.001839100001</v>
      </c>
      <c r="BE145" s="9">
        <v>26746.030828800001</v>
      </c>
      <c r="BF145" s="9">
        <v>28486.000359900001</v>
      </c>
      <c r="BG145" s="11">
        <v>-12.5</v>
      </c>
      <c r="BH145" s="13">
        <v>-0.26595744680851063</v>
      </c>
      <c r="BI145" s="6">
        <v>1</v>
      </c>
      <c r="BJ145" s="13">
        <v>2.1276595744680851E-2</v>
      </c>
      <c r="BK145" s="6">
        <v>-11</v>
      </c>
      <c r="BL145" s="13">
        <v>-0.22916666666666666</v>
      </c>
      <c r="BM145" s="11">
        <v>-2.5</v>
      </c>
      <c r="BN145" s="13">
        <v>-6.7567567567567571E-2</v>
      </c>
      <c r="BO145" s="11">
        <v>-13.5</v>
      </c>
      <c r="BP145" s="13">
        <v>-0.28125</v>
      </c>
      <c r="BQ145" s="6">
        <v>47</v>
      </c>
      <c r="BR145" s="6">
        <v>48</v>
      </c>
      <c r="BS145" s="6">
        <v>50</v>
      </c>
      <c r="BT145" s="6">
        <v>48</v>
      </c>
      <c r="BU145" s="6">
        <v>42</v>
      </c>
      <c r="BV145" s="6">
        <v>35</v>
      </c>
      <c r="BW145" s="6">
        <v>37</v>
      </c>
      <c r="BX145" s="6">
        <v>35</v>
      </c>
      <c r="BY145" s="6">
        <v>33</v>
      </c>
      <c r="BZ145" s="6">
        <v>29</v>
      </c>
      <c r="CA145" s="6">
        <v>29</v>
      </c>
      <c r="CB145" s="6">
        <v>34</v>
      </c>
      <c r="CC145" s="11">
        <v>34.5</v>
      </c>
      <c r="CD145" s="11">
        <v>-1.8950800000000001</v>
      </c>
      <c r="CE145" s="11">
        <v>-41.835500000000003</v>
      </c>
      <c r="CF145" s="11">
        <v>37.755299999999998</v>
      </c>
      <c r="CG145" s="11">
        <v>-4</v>
      </c>
      <c r="CH145" s="20">
        <v>1.27623</v>
      </c>
      <c r="CI145" s="20">
        <v>1.2320599999999999</v>
      </c>
      <c r="CJ145" s="20">
        <v>1.2587299999999999</v>
      </c>
      <c r="CK145" s="20">
        <v>1.2899700000000001</v>
      </c>
      <c r="CL145" s="20">
        <v>1.1595</v>
      </c>
      <c r="CM145" s="20">
        <v>1.14097</v>
      </c>
      <c r="CN145" s="20">
        <v>1.1617900000000001</v>
      </c>
      <c r="CO145" s="20">
        <v>1.1666799999999999</v>
      </c>
      <c r="CP145" s="20">
        <v>1.15568</v>
      </c>
      <c r="CQ145" s="20">
        <v>1.2623200000000001</v>
      </c>
      <c r="CR145" s="20">
        <v>1.2546200000000001</v>
      </c>
      <c r="CS145" s="20">
        <v>1.27342</v>
      </c>
      <c r="CT145" s="20">
        <v>1.3276399999999999</v>
      </c>
      <c r="CU145" s="20">
        <v>1.22031</v>
      </c>
      <c r="CV145" s="20">
        <v>1.3405199999999999</v>
      </c>
      <c r="CW145" s="20">
        <v>1.3788100000000001</v>
      </c>
      <c r="CX145" s="20">
        <v>1.3892899999999999</v>
      </c>
      <c r="CY145" s="6" t="s">
        <v>399</v>
      </c>
      <c r="CZ145" s="6" t="s">
        <v>400</v>
      </c>
      <c r="DA145" s="6" t="s">
        <v>69</v>
      </c>
      <c r="DB145" s="6"/>
      <c r="DC145" s="6">
        <v>28140</v>
      </c>
      <c r="DD145" s="6">
        <v>312</v>
      </c>
      <c r="DE145" s="6" t="s">
        <v>402</v>
      </c>
      <c r="DF145" s="6" t="s">
        <v>375</v>
      </c>
      <c r="DG145" s="6" t="s">
        <v>376</v>
      </c>
      <c r="DH145" s="6" t="s">
        <v>328</v>
      </c>
      <c r="DI145" s="6" t="s">
        <v>377</v>
      </c>
      <c r="DJ145" s="6">
        <v>29</v>
      </c>
      <c r="DK145" s="6">
        <v>13</v>
      </c>
      <c r="DL145" s="6">
        <v>1</v>
      </c>
      <c r="DM145" s="6" t="s">
        <v>404</v>
      </c>
      <c r="DN145" s="6">
        <v>1</v>
      </c>
      <c r="DO145" s="6" t="s">
        <v>405</v>
      </c>
      <c r="DP145" s="6"/>
      <c r="DQ145" s="6"/>
    </row>
    <row r="146" spans="1:121" x14ac:dyDescent="0.2">
      <c r="A146" s="6" t="s">
        <v>792</v>
      </c>
      <c r="B146" s="6" t="s">
        <v>176</v>
      </c>
      <c r="C146" s="6" t="s">
        <v>177</v>
      </c>
      <c r="D146" s="6" t="s">
        <v>69</v>
      </c>
      <c r="E146" s="6" t="s">
        <v>210</v>
      </c>
      <c r="F146" s="11">
        <v>-213</v>
      </c>
      <c r="G146" s="13">
        <v>-0.61031518624600001</v>
      </c>
      <c r="H146" s="11">
        <v>-34.509368918000007</v>
      </c>
      <c r="I146" s="13">
        <v>-9.8809686603453559E-2</v>
      </c>
      <c r="J146" s="11">
        <v>-101.85241125599998</v>
      </c>
      <c r="K146" s="13">
        <v>-0.32360655080248601</v>
      </c>
      <c r="L146" s="11">
        <v>-76.700354438000005</v>
      </c>
      <c r="M146" s="13">
        <v>-0.36028316358830265</v>
      </c>
      <c r="N146" s="11">
        <v>-178.55276569399999</v>
      </c>
      <c r="O146" s="13">
        <v>-0.56729972250977023</v>
      </c>
      <c r="P146" s="7">
        <v>349.25086906199999</v>
      </c>
      <c r="Q146" s="7">
        <v>320.05861684600001</v>
      </c>
      <c r="R146" s="7">
        <v>303.42904395800002</v>
      </c>
      <c r="S146" s="7">
        <v>318.15598041099997</v>
      </c>
      <c r="T146" s="7">
        <v>335.69437899299999</v>
      </c>
      <c r="U146" s="7">
        <v>309.60328895100002</v>
      </c>
      <c r="V146" s="7">
        <v>314.74150014399999</v>
      </c>
      <c r="W146" s="7">
        <v>298.74312244599997</v>
      </c>
      <c r="X146" s="7">
        <v>270.11385386199998</v>
      </c>
      <c r="Y146" s="7">
        <v>212.889088888</v>
      </c>
      <c r="Z146" s="7">
        <v>215.358870841</v>
      </c>
      <c r="AA146" s="7">
        <v>198.89324440600001</v>
      </c>
      <c r="AB146" s="7">
        <v>167.860344594</v>
      </c>
      <c r="AC146" s="7">
        <v>167.57937835600001</v>
      </c>
      <c r="AD146" s="7">
        <v>136.202620981</v>
      </c>
      <c r="AE146" s="7">
        <v>136.38817198800001</v>
      </c>
      <c r="AF146" s="7">
        <v>136.18873445</v>
      </c>
      <c r="AG146" s="9">
        <v>16394.4686869</v>
      </c>
      <c r="AH146" s="13">
        <v>0.75802762756593212</v>
      </c>
      <c r="AI146" s="9">
        <v>5837.1389096999992</v>
      </c>
      <c r="AJ146" s="13">
        <v>0.26989057370479158</v>
      </c>
      <c r="AK146" s="9">
        <v>3568.2973653000008</v>
      </c>
      <c r="AL146" s="13">
        <v>0.12992191932316241</v>
      </c>
      <c r="AM146" s="9">
        <v>6989.0324118999997</v>
      </c>
      <c r="AN146" s="13">
        <v>0.22521121282208428</v>
      </c>
      <c r="AO146" s="9">
        <v>10557.329777200001</v>
      </c>
      <c r="AP146" s="13">
        <v>0.38439300516818914</v>
      </c>
      <c r="AQ146" s="9">
        <v>21627.798368700001</v>
      </c>
      <c r="AR146" s="9">
        <v>23145.191716199999</v>
      </c>
      <c r="AS146" s="9">
        <v>26449.321994099999</v>
      </c>
      <c r="AT146" s="9">
        <v>25400.565406099999</v>
      </c>
      <c r="AU146" s="9">
        <v>27559.974329100001</v>
      </c>
      <c r="AV146" s="9">
        <v>30280.025430199999</v>
      </c>
      <c r="AW146" s="9">
        <v>27464.937278400001</v>
      </c>
      <c r="AX146" s="9">
        <v>30622.8195901</v>
      </c>
      <c r="AY146" s="9">
        <v>29129.090447899998</v>
      </c>
      <c r="AZ146" s="9">
        <v>31033.234643700001</v>
      </c>
      <c r="BA146" s="9">
        <v>29616.144466099999</v>
      </c>
      <c r="BB146" s="9">
        <v>33717.045433400002</v>
      </c>
      <c r="BC146" s="9">
        <v>36166.149126099997</v>
      </c>
      <c r="BD146" s="9">
        <v>38368.993298000001</v>
      </c>
      <c r="BE146" s="9">
        <v>35447.5677344</v>
      </c>
      <c r="BF146" s="9">
        <v>38022.267055600001</v>
      </c>
      <c r="BG146" s="11">
        <v>-2</v>
      </c>
      <c r="BH146" s="13">
        <v>-0.10526315789473684</v>
      </c>
      <c r="BI146" s="6">
        <v>4</v>
      </c>
      <c r="BJ146" s="13">
        <v>0.21052631578947367</v>
      </c>
      <c r="BK146" s="6">
        <v>0</v>
      </c>
      <c r="BL146" s="13">
        <v>0</v>
      </c>
      <c r="BM146" s="11">
        <v>-6</v>
      </c>
      <c r="BN146" s="13">
        <v>-0.2608695652173913</v>
      </c>
      <c r="BO146" s="11">
        <v>-6</v>
      </c>
      <c r="BP146" s="13">
        <v>-0.2608695652173913</v>
      </c>
      <c r="BQ146" s="6">
        <v>19</v>
      </c>
      <c r="BR146" s="6">
        <v>19</v>
      </c>
      <c r="BS146" s="6">
        <v>22</v>
      </c>
      <c r="BT146" s="6">
        <v>23</v>
      </c>
      <c r="BU146" s="6">
        <v>22</v>
      </c>
      <c r="BV146" s="6">
        <v>22</v>
      </c>
      <c r="BW146" s="6">
        <v>23</v>
      </c>
      <c r="BX146" s="6">
        <v>22</v>
      </c>
      <c r="BY146" s="6">
        <v>22</v>
      </c>
      <c r="BZ146" s="6">
        <v>19</v>
      </c>
      <c r="CA146" s="6">
        <v>20</v>
      </c>
      <c r="CB146" s="6">
        <v>18</v>
      </c>
      <c r="CC146" s="11">
        <v>17</v>
      </c>
      <c r="CD146" s="11">
        <v>-127.962</v>
      </c>
      <c r="CE146" s="11">
        <v>-123.27800000000001</v>
      </c>
      <c r="CF146" s="11">
        <v>38.177300000000002</v>
      </c>
      <c r="CG146" s="11">
        <v>-85</v>
      </c>
      <c r="CH146" s="20">
        <v>0.67408000000000001</v>
      </c>
      <c r="CI146" s="20">
        <v>0.65938200000000002</v>
      </c>
      <c r="CJ146" s="20">
        <v>0.65612999999999999</v>
      </c>
      <c r="CK146" s="20">
        <v>0.68918199999999996</v>
      </c>
      <c r="CL146" s="20">
        <v>0.72753100000000004</v>
      </c>
      <c r="CM146" s="20">
        <v>0.66727599999999998</v>
      </c>
      <c r="CN146" s="20">
        <v>0.71680299999999997</v>
      </c>
      <c r="CO146" s="20">
        <v>0.71670999999999996</v>
      </c>
      <c r="CP146" s="20">
        <v>0.70608800000000005</v>
      </c>
      <c r="CQ146" s="20">
        <v>0.59252400000000005</v>
      </c>
      <c r="CR146" s="20">
        <v>0.59468799999999999</v>
      </c>
      <c r="CS146" s="20">
        <v>0.54575300000000004</v>
      </c>
      <c r="CT146" s="20">
        <v>0.47580699999999998</v>
      </c>
      <c r="CU146" s="20">
        <v>0.47332800000000003</v>
      </c>
      <c r="CV146" s="20">
        <v>0.38183800000000001</v>
      </c>
      <c r="CW146" s="20">
        <v>0.38321</v>
      </c>
      <c r="CX146" s="20">
        <v>0.38043700000000003</v>
      </c>
      <c r="CY146" s="6" t="s">
        <v>399</v>
      </c>
      <c r="CZ146" s="6" t="s">
        <v>400</v>
      </c>
      <c r="DA146" s="6" t="s">
        <v>69</v>
      </c>
      <c r="DB146" s="6"/>
      <c r="DC146" s="6">
        <v>28140</v>
      </c>
      <c r="DD146" s="6">
        <v>312</v>
      </c>
      <c r="DE146" s="6" t="s">
        <v>402</v>
      </c>
      <c r="DF146" s="6" t="s">
        <v>375</v>
      </c>
      <c r="DG146" s="6" t="s">
        <v>376</v>
      </c>
      <c r="DH146" s="6" t="s">
        <v>328</v>
      </c>
      <c r="DI146" s="6" t="s">
        <v>377</v>
      </c>
      <c r="DJ146" s="6">
        <v>29</v>
      </c>
      <c r="DK146" s="6">
        <v>13</v>
      </c>
      <c r="DL146" s="6">
        <v>1</v>
      </c>
      <c r="DM146" s="6" t="s">
        <v>404</v>
      </c>
      <c r="DN146" s="6">
        <v>1</v>
      </c>
      <c r="DO146" s="6" t="s">
        <v>405</v>
      </c>
      <c r="DP146" s="6"/>
      <c r="DQ146" s="6"/>
    </row>
    <row r="147" spans="1:121" x14ac:dyDescent="0.2">
      <c r="A147" s="6" t="s">
        <v>313</v>
      </c>
      <c r="B147" s="6" t="s">
        <v>313</v>
      </c>
      <c r="C147" s="6" t="s">
        <v>178</v>
      </c>
      <c r="D147" s="6" t="s">
        <v>69</v>
      </c>
      <c r="E147" s="6" t="s">
        <v>210</v>
      </c>
      <c r="F147" s="11">
        <v>-15</v>
      </c>
      <c r="G147" s="13">
        <v>-0.114503816794</v>
      </c>
      <c r="H147" s="11">
        <v>-11.587948103999992</v>
      </c>
      <c r="I147" s="13">
        <v>-8.8763173733678521E-2</v>
      </c>
      <c r="J147" s="11">
        <v>-25.475089679999996</v>
      </c>
      <c r="K147" s="13">
        <v>-0.2141463809375225</v>
      </c>
      <c r="L147" s="11">
        <v>22.987881373999997</v>
      </c>
      <c r="M147" s="13">
        <v>0.24589647753046467</v>
      </c>
      <c r="N147" s="11">
        <v>-2.4872083059999994</v>
      </c>
      <c r="O147" s="13">
        <v>-2.0907744155491664E-2</v>
      </c>
      <c r="P147" s="7">
        <v>130.54905110499999</v>
      </c>
      <c r="Q147" s="7">
        <v>135.894079608</v>
      </c>
      <c r="R147" s="7">
        <v>134.74248195499999</v>
      </c>
      <c r="S147" s="7">
        <v>137.96660190899999</v>
      </c>
      <c r="T147" s="7">
        <v>141.836377524</v>
      </c>
      <c r="U147" s="7">
        <v>142.60247214500001</v>
      </c>
      <c r="V147" s="7">
        <v>118.961103001</v>
      </c>
      <c r="W147" s="7">
        <v>107.427796521</v>
      </c>
      <c r="X147" s="7">
        <v>102.50052673899999</v>
      </c>
      <c r="Y147" s="7">
        <v>93.486013321000001</v>
      </c>
      <c r="Z147" s="7">
        <v>94.2788682857</v>
      </c>
      <c r="AA147" s="7">
        <v>100.884199247</v>
      </c>
      <c r="AB147" s="7">
        <v>97.941130098000002</v>
      </c>
      <c r="AC147" s="7">
        <v>120.084676917</v>
      </c>
      <c r="AD147" s="7">
        <v>110.08404992</v>
      </c>
      <c r="AE147" s="7">
        <v>112.94984553800001</v>
      </c>
      <c r="AF147" s="7">
        <v>116.473894695</v>
      </c>
      <c r="AG147" s="9">
        <v>29255.208347</v>
      </c>
      <c r="AH147" s="13">
        <v>1.1701754132976521</v>
      </c>
      <c r="AI147" s="9">
        <v>4174.6576167999992</v>
      </c>
      <c r="AJ147" s="13">
        <v>0.16698160697310757</v>
      </c>
      <c r="AK147" s="9">
        <v>18119.199737799998</v>
      </c>
      <c r="AL147" s="13">
        <v>0.62104457845261818</v>
      </c>
      <c r="AM147" s="9">
        <v>6961.3509924000027</v>
      </c>
      <c r="AN147" s="13">
        <v>0.14719136603133631</v>
      </c>
      <c r="AO147" s="9">
        <v>25080.550730200001</v>
      </c>
      <c r="AP147" s="13">
        <v>0.85964834435275073</v>
      </c>
      <c r="AQ147" s="9">
        <v>25000.703325800001</v>
      </c>
      <c r="AR147" s="9">
        <v>26248.148777999999</v>
      </c>
      <c r="AS147" s="9">
        <v>29347.985524799999</v>
      </c>
      <c r="AT147" s="9">
        <v>22983.192928299999</v>
      </c>
      <c r="AU147" s="9">
        <v>36741.581989999999</v>
      </c>
      <c r="AV147" s="9">
        <v>28621.2461382</v>
      </c>
      <c r="AW147" s="9">
        <v>29175.3609426</v>
      </c>
      <c r="AX147" s="9">
        <v>41247.914081700001</v>
      </c>
      <c r="AY147" s="9">
        <v>51823.880624799996</v>
      </c>
      <c r="AZ147" s="9">
        <v>47294.560680399998</v>
      </c>
      <c r="BA147" s="9">
        <v>36886.986884400001</v>
      </c>
      <c r="BB147" s="9">
        <v>61361.032155399997</v>
      </c>
      <c r="BC147" s="9">
        <v>57282.313511400003</v>
      </c>
      <c r="BD147" s="9">
        <v>53519.078418600002</v>
      </c>
      <c r="BE147" s="9">
        <v>57318.972289400001</v>
      </c>
      <c r="BF147" s="9">
        <v>54255.911672800001</v>
      </c>
      <c r="BG147" s="11">
        <v>-2</v>
      </c>
      <c r="BH147" s="13">
        <v>-0.125</v>
      </c>
      <c r="BI147" s="6">
        <v>-4</v>
      </c>
      <c r="BJ147" s="13">
        <v>-0.25</v>
      </c>
      <c r="BK147" s="6">
        <v>-1</v>
      </c>
      <c r="BL147" s="13">
        <v>-8.3333333333333329E-2</v>
      </c>
      <c r="BM147" s="11">
        <v>3</v>
      </c>
      <c r="BN147" s="13">
        <v>0.27272727272727271</v>
      </c>
      <c r="BO147" s="11">
        <v>2</v>
      </c>
      <c r="BP147" s="13">
        <v>0.16666666666666666</v>
      </c>
      <c r="BQ147" s="6">
        <v>16</v>
      </c>
      <c r="BR147" s="6">
        <v>15</v>
      </c>
      <c r="BS147" s="6">
        <v>13</v>
      </c>
      <c r="BT147" s="6">
        <v>12</v>
      </c>
      <c r="BU147" s="6">
        <v>11</v>
      </c>
      <c r="BV147" s="6">
        <v>10</v>
      </c>
      <c r="BW147" s="6">
        <v>11</v>
      </c>
      <c r="BX147" s="6">
        <v>11</v>
      </c>
      <c r="BY147" s="6">
        <v>12</v>
      </c>
      <c r="BZ147" s="6">
        <v>11</v>
      </c>
      <c r="CA147" s="6">
        <v>13</v>
      </c>
      <c r="CB147" s="6">
        <v>12</v>
      </c>
      <c r="CC147" s="11">
        <v>14</v>
      </c>
      <c r="CD147" s="11">
        <v>-17.671099999999999</v>
      </c>
      <c r="CE147" s="11">
        <v>-10.6747</v>
      </c>
      <c r="CF147" s="11">
        <v>14.2706</v>
      </c>
      <c r="CG147" s="11">
        <v>3</v>
      </c>
      <c r="CH147" s="20">
        <v>0.70762100000000006</v>
      </c>
      <c r="CI147" s="20">
        <v>0.74674700000000005</v>
      </c>
      <c r="CJ147" s="20">
        <v>0.74288600000000005</v>
      </c>
      <c r="CK147" s="20">
        <v>0.74396200000000001</v>
      </c>
      <c r="CL147" s="20">
        <v>0.74705699999999997</v>
      </c>
      <c r="CM147" s="20">
        <v>0.72674700000000003</v>
      </c>
      <c r="CN147" s="20">
        <v>0.61794899999999997</v>
      </c>
      <c r="CO147" s="20">
        <v>0.57278600000000002</v>
      </c>
      <c r="CP147" s="20">
        <v>0.56290099999999998</v>
      </c>
      <c r="CQ147" s="20">
        <v>0.54118500000000003</v>
      </c>
      <c r="CR147" s="20">
        <v>0.54386100000000004</v>
      </c>
      <c r="CS147" s="20">
        <v>0.57761499999999999</v>
      </c>
      <c r="CT147" s="20">
        <v>0.57599299999999998</v>
      </c>
      <c r="CU147" s="20">
        <v>0.7046</v>
      </c>
      <c r="CV147" s="20">
        <v>0.64152399999999998</v>
      </c>
      <c r="CW147" s="20">
        <v>0.66139499999999996</v>
      </c>
      <c r="CX147" s="20">
        <v>0.67256899999999997</v>
      </c>
      <c r="CY147" s="6" t="s">
        <v>399</v>
      </c>
      <c r="CZ147" s="6" t="s">
        <v>400</v>
      </c>
      <c r="DA147" s="6" t="s">
        <v>69</v>
      </c>
      <c r="DB147" s="6"/>
      <c r="DC147" s="6">
        <v>28140</v>
      </c>
      <c r="DD147" s="6">
        <v>312</v>
      </c>
      <c r="DE147" s="6" t="s">
        <v>402</v>
      </c>
      <c r="DF147" s="6" t="s">
        <v>375</v>
      </c>
      <c r="DG147" s="6" t="s">
        <v>376</v>
      </c>
      <c r="DH147" s="6" t="s">
        <v>328</v>
      </c>
      <c r="DI147" s="6" t="s">
        <v>377</v>
      </c>
      <c r="DJ147" s="6">
        <v>29</v>
      </c>
      <c r="DK147" s="6">
        <v>13</v>
      </c>
      <c r="DL147" s="6">
        <v>1</v>
      </c>
      <c r="DM147" s="6" t="s">
        <v>404</v>
      </c>
      <c r="DN147" s="6">
        <v>1</v>
      </c>
      <c r="DO147" s="6" t="s">
        <v>405</v>
      </c>
      <c r="DP147" s="6"/>
      <c r="DQ147" s="6"/>
    </row>
    <row r="148" spans="1:121" x14ac:dyDescent="0.2">
      <c r="A148" s="6" t="s">
        <v>793</v>
      </c>
      <c r="B148" s="6" t="s">
        <v>179</v>
      </c>
      <c r="C148" s="6" t="s">
        <v>180</v>
      </c>
      <c r="D148" s="6" t="s">
        <v>69</v>
      </c>
      <c r="E148" s="6" t="s">
        <v>210</v>
      </c>
      <c r="F148" s="11">
        <v>90</v>
      </c>
      <c r="G148" s="13">
        <v>0.14000000000000001</v>
      </c>
      <c r="H148" s="11">
        <v>32</v>
      </c>
      <c r="I148" s="13">
        <v>5.1118210862619806E-2</v>
      </c>
      <c r="J148" s="11">
        <v>-53</v>
      </c>
      <c r="K148" s="13">
        <v>-8.0547112462006076E-2</v>
      </c>
      <c r="L148" s="11">
        <v>111</v>
      </c>
      <c r="M148" s="13">
        <v>0.1834710743801653</v>
      </c>
      <c r="N148" s="11">
        <v>58</v>
      </c>
      <c r="O148" s="13">
        <v>8.8145896656534967E-2</v>
      </c>
      <c r="P148" s="7">
        <v>626</v>
      </c>
      <c r="Q148" s="7">
        <v>617</v>
      </c>
      <c r="R148" s="7">
        <v>606</v>
      </c>
      <c r="S148" s="7">
        <v>608</v>
      </c>
      <c r="T148" s="7">
        <v>598</v>
      </c>
      <c r="U148" s="7">
        <v>636</v>
      </c>
      <c r="V148" s="7">
        <v>658</v>
      </c>
      <c r="W148" s="7">
        <v>652</v>
      </c>
      <c r="X148" s="7">
        <v>633</v>
      </c>
      <c r="Y148" s="7">
        <v>605</v>
      </c>
      <c r="Z148" s="7">
        <v>636</v>
      </c>
      <c r="AA148" s="7">
        <v>678</v>
      </c>
      <c r="AB148" s="7">
        <v>669</v>
      </c>
      <c r="AC148" s="7">
        <v>668</v>
      </c>
      <c r="AD148" s="7">
        <v>692</v>
      </c>
      <c r="AE148" s="7">
        <v>684</v>
      </c>
      <c r="AF148" s="7">
        <v>716</v>
      </c>
      <c r="AG148" s="9">
        <v>12782</v>
      </c>
      <c r="AH148" s="13">
        <v>0.67419167677620129</v>
      </c>
      <c r="AI148" s="9">
        <v>6045</v>
      </c>
      <c r="AJ148" s="13">
        <v>0.31884593069254707</v>
      </c>
      <c r="AK148" s="9">
        <v>1441</v>
      </c>
      <c r="AL148" s="13">
        <v>5.7630779075347943E-2</v>
      </c>
      <c r="AM148" s="9">
        <v>5296</v>
      </c>
      <c r="AN148" s="13">
        <v>0.20026470032142185</v>
      </c>
      <c r="AO148" s="9">
        <v>6737</v>
      </c>
      <c r="AP148" s="13">
        <v>0.26943689009758437</v>
      </c>
      <c r="AQ148" s="9">
        <v>18959</v>
      </c>
      <c r="AR148" s="9">
        <v>18947</v>
      </c>
      <c r="AS148" s="9">
        <v>20185</v>
      </c>
      <c r="AT148" s="9">
        <v>19865</v>
      </c>
      <c r="AU148" s="9">
        <v>21058</v>
      </c>
      <c r="AV148" s="9">
        <v>23680</v>
      </c>
      <c r="AW148" s="9">
        <v>25004</v>
      </c>
      <c r="AX148" s="9">
        <v>25052</v>
      </c>
      <c r="AY148" s="9">
        <v>24942</v>
      </c>
      <c r="AZ148" s="9">
        <v>26445</v>
      </c>
      <c r="BA148" s="9">
        <v>26762</v>
      </c>
      <c r="BB148" s="9">
        <v>26978</v>
      </c>
      <c r="BC148" s="9">
        <v>28238</v>
      </c>
      <c r="BD148" s="9">
        <v>28788</v>
      </c>
      <c r="BE148" s="9">
        <v>30312</v>
      </c>
      <c r="BF148" s="9">
        <v>31741</v>
      </c>
      <c r="BG148" s="11">
        <v>-12</v>
      </c>
      <c r="BH148" s="13">
        <v>-0.17391304347826086</v>
      </c>
      <c r="BI148" s="6">
        <v>-4</v>
      </c>
      <c r="BJ148" s="13">
        <v>-5.7971014492753624E-2</v>
      </c>
      <c r="BK148" s="6">
        <v>-10</v>
      </c>
      <c r="BL148" s="13">
        <v>-0.15384615384615385</v>
      </c>
      <c r="BM148" s="11">
        <v>2</v>
      </c>
      <c r="BN148" s="13">
        <v>3.6363636363636362E-2</v>
      </c>
      <c r="BO148" s="11">
        <v>-8</v>
      </c>
      <c r="BP148" s="13">
        <v>-0.12307692307692308</v>
      </c>
      <c r="BQ148" s="6">
        <v>69</v>
      </c>
      <c r="BR148" s="6">
        <v>73</v>
      </c>
      <c r="BS148" s="6">
        <v>65</v>
      </c>
      <c r="BT148" s="6">
        <v>65</v>
      </c>
      <c r="BU148" s="6">
        <v>63</v>
      </c>
      <c r="BV148" s="6">
        <v>60</v>
      </c>
      <c r="BW148" s="6">
        <v>55</v>
      </c>
      <c r="BX148" s="6">
        <v>56</v>
      </c>
      <c r="BY148" s="6">
        <v>57</v>
      </c>
      <c r="BZ148" s="6">
        <v>61</v>
      </c>
      <c r="CA148" s="6">
        <v>56</v>
      </c>
      <c r="CB148" s="6">
        <v>60</v>
      </c>
      <c r="CC148" s="11">
        <v>57</v>
      </c>
      <c r="CD148" s="11">
        <v>62</v>
      </c>
      <c r="CE148" s="11">
        <v>-40</v>
      </c>
      <c r="CF148" s="11">
        <v>68</v>
      </c>
      <c r="CG148" s="11">
        <v>28</v>
      </c>
      <c r="CH148" s="20">
        <v>1.26</v>
      </c>
      <c r="CI148" s="20">
        <v>1.24</v>
      </c>
      <c r="CJ148" s="20">
        <v>1.23</v>
      </c>
      <c r="CK148" s="20">
        <v>1.21</v>
      </c>
      <c r="CL148" s="20">
        <v>1.17</v>
      </c>
      <c r="CM148" s="20">
        <v>1.22</v>
      </c>
      <c r="CN148" s="20">
        <v>1.3</v>
      </c>
      <c r="CO148" s="20">
        <v>1.33</v>
      </c>
      <c r="CP148" s="20">
        <v>1.31</v>
      </c>
      <c r="CQ148" s="20">
        <v>1.3</v>
      </c>
      <c r="CR148" s="20">
        <v>1.37</v>
      </c>
      <c r="CS148" s="20">
        <v>1.45</v>
      </c>
      <c r="CT148" s="20">
        <v>1.48</v>
      </c>
      <c r="CU148" s="20">
        <v>1.46</v>
      </c>
      <c r="CV148" s="20">
        <v>1.49</v>
      </c>
      <c r="CW148" s="20">
        <v>1.47</v>
      </c>
      <c r="CX148" s="20">
        <v>1.52</v>
      </c>
      <c r="CY148" s="6" t="s">
        <v>399</v>
      </c>
      <c r="CZ148" s="6" t="s">
        <v>400</v>
      </c>
      <c r="DA148" s="6" t="s">
        <v>69</v>
      </c>
      <c r="DB148" s="6"/>
      <c r="DC148" s="6">
        <v>28140</v>
      </c>
      <c r="DD148" s="6">
        <v>312</v>
      </c>
      <c r="DE148" s="6" t="s">
        <v>402</v>
      </c>
      <c r="DF148" s="6" t="s">
        <v>375</v>
      </c>
      <c r="DG148" s="6" t="s">
        <v>376</v>
      </c>
      <c r="DH148" s="6" t="s">
        <v>328</v>
      </c>
      <c r="DI148" s="6" t="s">
        <v>377</v>
      </c>
      <c r="DJ148" s="6">
        <v>29</v>
      </c>
      <c r="DK148" s="6">
        <v>13</v>
      </c>
      <c r="DL148" s="6">
        <v>1</v>
      </c>
      <c r="DM148" s="6" t="s">
        <v>404</v>
      </c>
      <c r="DN148" s="6">
        <v>1</v>
      </c>
      <c r="DO148" s="6" t="s">
        <v>405</v>
      </c>
      <c r="DP148" s="6"/>
      <c r="DQ148" s="6"/>
    </row>
    <row r="149" spans="1:121" x14ac:dyDescent="0.2">
      <c r="A149" s="6" t="s">
        <v>794</v>
      </c>
      <c r="B149" s="6" t="s">
        <v>181</v>
      </c>
      <c r="C149" s="6" t="s">
        <v>182</v>
      </c>
      <c r="D149" s="6" t="s">
        <v>69</v>
      </c>
      <c r="E149" s="6" t="s">
        <v>210</v>
      </c>
      <c r="F149" s="11">
        <v>-52</v>
      </c>
      <c r="G149" s="13">
        <v>-0.269430051813</v>
      </c>
      <c r="H149" s="11">
        <v>-15.833362482000013</v>
      </c>
      <c r="I149" s="13">
        <v>-8.2007287081074798E-2</v>
      </c>
      <c r="J149" s="11">
        <v>-27.202240308</v>
      </c>
      <c r="K149" s="13">
        <v>-0.15347750474322888</v>
      </c>
      <c r="L149" s="11">
        <v>-8.6621637679999992</v>
      </c>
      <c r="M149" s="13">
        <v>-5.7733507583216818E-2</v>
      </c>
      <c r="N149" s="11">
        <v>-35.864404076</v>
      </c>
      <c r="O149" s="13">
        <v>-0.20235021764249927</v>
      </c>
      <c r="P149" s="7">
        <v>193.072628611</v>
      </c>
      <c r="Q149" s="7">
        <v>192.826505897</v>
      </c>
      <c r="R149" s="7">
        <v>186.06212393300001</v>
      </c>
      <c r="S149" s="7">
        <v>190.51087601399999</v>
      </c>
      <c r="T149" s="7">
        <v>177.865918311</v>
      </c>
      <c r="U149" s="7">
        <v>183.368377501</v>
      </c>
      <c r="V149" s="7">
        <v>177.23926612899999</v>
      </c>
      <c r="W149" s="7">
        <v>168.30833686299999</v>
      </c>
      <c r="X149" s="7">
        <v>203.34421757800001</v>
      </c>
      <c r="Y149" s="7">
        <v>150.03702582099999</v>
      </c>
      <c r="Z149" s="7">
        <v>131.22429219599999</v>
      </c>
      <c r="AA149" s="7">
        <v>140.46539104199999</v>
      </c>
      <c r="AB149" s="7">
        <v>157.69712475099999</v>
      </c>
      <c r="AC149" s="7">
        <v>163.51902099200001</v>
      </c>
      <c r="AD149" s="7">
        <v>154.64460279299999</v>
      </c>
      <c r="AE149" s="7">
        <v>141.73241778100001</v>
      </c>
      <c r="AF149" s="7">
        <v>141.37486205299999</v>
      </c>
      <c r="AG149" s="9">
        <v>12888.909153300003</v>
      </c>
      <c r="AH149" s="13">
        <v>0.42008654069889489</v>
      </c>
      <c r="AI149" s="9">
        <v>-398.50646659999984</v>
      </c>
      <c r="AJ149" s="13">
        <v>-1.2988469466965838E-2</v>
      </c>
      <c r="AK149" s="9">
        <v>1825.8350215000028</v>
      </c>
      <c r="AL149" s="13">
        <v>6.0292308334767702E-2</v>
      </c>
      <c r="AM149" s="9">
        <v>11461.5805984</v>
      </c>
      <c r="AN149" s="13">
        <v>0.35695977583459437</v>
      </c>
      <c r="AO149" s="9">
        <v>13287.415619900003</v>
      </c>
      <c r="AP149" s="13">
        <v>0.43877401303709096</v>
      </c>
      <c r="AQ149" s="9">
        <v>30681.557023599999</v>
      </c>
      <c r="AR149" s="9">
        <v>27483.4333668</v>
      </c>
      <c r="AS149" s="9">
        <v>29895.526201600002</v>
      </c>
      <c r="AT149" s="9">
        <v>29460.700534600001</v>
      </c>
      <c r="AU149" s="9">
        <v>30252.9609609</v>
      </c>
      <c r="AV149" s="9">
        <v>30092.6663171</v>
      </c>
      <c r="AW149" s="9">
        <v>30283.050556999999</v>
      </c>
      <c r="AX149" s="9">
        <v>30763.265503499999</v>
      </c>
      <c r="AY149" s="9">
        <v>30668.215880899999</v>
      </c>
      <c r="AZ149" s="9">
        <v>32108.885578500001</v>
      </c>
      <c r="BA149" s="9">
        <v>35430.728916599997</v>
      </c>
      <c r="BB149" s="9">
        <v>34784.279969399999</v>
      </c>
      <c r="BC149" s="9">
        <v>36567.5492352</v>
      </c>
      <c r="BD149" s="9">
        <v>40029.146669599999</v>
      </c>
      <c r="BE149" s="9">
        <v>41715.2558842</v>
      </c>
      <c r="BF149" s="9">
        <v>43570.466176900001</v>
      </c>
      <c r="BG149" s="11">
        <v>-5.25</v>
      </c>
      <c r="BH149" s="13">
        <v>-0.16935483870967741</v>
      </c>
      <c r="BI149" s="6">
        <v>1</v>
      </c>
      <c r="BJ149" s="13">
        <v>3.2258064516129031E-2</v>
      </c>
      <c r="BK149" s="6">
        <v>-4</v>
      </c>
      <c r="BL149" s="13">
        <v>-0.125</v>
      </c>
      <c r="BM149" s="11">
        <v>-2.25</v>
      </c>
      <c r="BN149" s="13">
        <v>-8.0357142857142863E-2</v>
      </c>
      <c r="BO149" s="11">
        <v>-6.25</v>
      </c>
      <c r="BP149" s="13">
        <v>-0.1953125</v>
      </c>
      <c r="BQ149" s="6">
        <v>31</v>
      </c>
      <c r="BR149" s="6">
        <v>31</v>
      </c>
      <c r="BS149" s="6">
        <v>31</v>
      </c>
      <c r="BT149" s="6">
        <v>32</v>
      </c>
      <c r="BU149" s="6">
        <v>31</v>
      </c>
      <c r="BV149" s="6">
        <v>31</v>
      </c>
      <c r="BW149" s="6">
        <v>28</v>
      </c>
      <c r="BX149" s="6">
        <v>27</v>
      </c>
      <c r="BY149" s="6">
        <v>27</v>
      </c>
      <c r="BZ149" s="6">
        <v>28</v>
      </c>
      <c r="CA149" s="6">
        <v>29</v>
      </c>
      <c r="CB149" s="6">
        <v>29</v>
      </c>
      <c r="CC149" s="11">
        <v>25.75</v>
      </c>
      <c r="CD149" s="11">
        <v>-84.972399999999993</v>
      </c>
      <c r="CE149" s="11">
        <v>12.1694</v>
      </c>
      <c r="CF149" s="11">
        <v>21.1052</v>
      </c>
      <c r="CG149" s="11">
        <v>33</v>
      </c>
      <c r="CH149" s="20">
        <v>1.32203</v>
      </c>
      <c r="CI149" s="20">
        <v>1.3499000000000001</v>
      </c>
      <c r="CJ149" s="20">
        <v>1.3096300000000001</v>
      </c>
      <c r="CK149" s="20">
        <v>1.29887</v>
      </c>
      <c r="CL149" s="20">
        <v>1.1773899999999999</v>
      </c>
      <c r="CM149" s="20">
        <v>1.17109</v>
      </c>
      <c r="CN149" s="20">
        <v>1.1512899999999999</v>
      </c>
      <c r="CO149" s="20">
        <v>1.12229</v>
      </c>
      <c r="CP149" s="20">
        <v>1.39249</v>
      </c>
      <c r="CQ149" s="20">
        <v>1.0765199999999999</v>
      </c>
      <c r="CR149" s="20">
        <v>0.92608000000000001</v>
      </c>
      <c r="CS149" s="20">
        <v>0.98004500000000005</v>
      </c>
      <c r="CT149" s="20">
        <v>1.12337</v>
      </c>
      <c r="CU149" s="20">
        <v>1.13628</v>
      </c>
      <c r="CV149" s="20">
        <v>1.0307500000000001</v>
      </c>
      <c r="CW149" s="20">
        <v>0.92497200000000002</v>
      </c>
      <c r="CX149" s="20">
        <v>0.90389600000000003</v>
      </c>
      <c r="CY149" s="6" t="s">
        <v>399</v>
      </c>
      <c r="CZ149" s="6" t="s">
        <v>400</v>
      </c>
      <c r="DA149" s="6" t="s">
        <v>69</v>
      </c>
      <c r="DB149" s="6"/>
      <c r="DC149" s="6">
        <v>28140</v>
      </c>
      <c r="DD149" s="6">
        <v>312</v>
      </c>
      <c r="DE149" s="6" t="s">
        <v>402</v>
      </c>
      <c r="DF149" s="6" t="s">
        <v>375</v>
      </c>
      <c r="DG149" s="6" t="s">
        <v>376</v>
      </c>
      <c r="DH149" s="6" t="s">
        <v>328</v>
      </c>
      <c r="DI149" s="6" t="s">
        <v>377</v>
      </c>
      <c r="DJ149" s="6">
        <v>29</v>
      </c>
      <c r="DK149" s="6">
        <v>13</v>
      </c>
      <c r="DL149" s="6">
        <v>1</v>
      </c>
      <c r="DM149" s="6" t="s">
        <v>404</v>
      </c>
      <c r="DN149" s="6">
        <v>1</v>
      </c>
      <c r="DO149" s="6" t="s">
        <v>405</v>
      </c>
      <c r="DP149" s="6"/>
      <c r="DQ149" s="6"/>
    </row>
    <row r="150" spans="1:121" x14ac:dyDescent="0.2">
      <c r="A150" s="6" t="s">
        <v>314</v>
      </c>
      <c r="B150" s="6" t="s">
        <v>314</v>
      </c>
      <c r="C150" s="6" t="s">
        <v>183</v>
      </c>
      <c r="D150" s="6" t="s">
        <v>69</v>
      </c>
      <c r="E150" s="6" t="s">
        <v>210</v>
      </c>
      <c r="F150" s="11">
        <v>-18</v>
      </c>
      <c r="G150" s="13">
        <v>-0.5</v>
      </c>
      <c r="H150" s="11">
        <v>-1.2168226962999995</v>
      </c>
      <c r="I150" s="13">
        <v>-3.4028590645002042E-2</v>
      </c>
      <c r="J150" s="11">
        <v>-12.321072294500002</v>
      </c>
      <c r="K150" s="13">
        <v>-0.35669818059749148</v>
      </c>
      <c r="L150" s="11">
        <v>-4.345619597799999</v>
      </c>
      <c r="M150" s="13">
        <v>-0.19556418187067601</v>
      </c>
      <c r="N150" s="11">
        <v>-16.666691892300001</v>
      </c>
      <c r="O150" s="13">
        <v>-0.48250497460486041</v>
      </c>
      <c r="P150" s="7">
        <v>35.7588331822</v>
      </c>
      <c r="Q150" s="7">
        <v>35.385567584599997</v>
      </c>
      <c r="R150" s="7">
        <v>36.583515005199999</v>
      </c>
      <c r="S150" s="7">
        <v>35.288561741899997</v>
      </c>
      <c r="T150" s="7">
        <v>38.909997622600002</v>
      </c>
      <c r="U150" s="7">
        <v>37.573443143900001</v>
      </c>
      <c r="V150" s="7">
        <v>34.542010485900001</v>
      </c>
      <c r="W150" s="7">
        <v>33.9747002079</v>
      </c>
      <c r="X150" s="7">
        <v>29.572075999799999</v>
      </c>
      <c r="Y150" s="7">
        <v>22.220938191399998</v>
      </c>
      <c r="Z150" s="7">
        <v>20.393269473099998</v>
      </c>
      <c r="AA150" s="7">
        <v>20.174094356200001</v>
      </c>
      <c r="AB150" s="7">
        <v>20.2458376009</v>
      </c>
      <c r="AC150" s="7">
        <v>22.040678167799999</v>
      </c>
      <c r="AD150" s="7">
        <v>20.390589570700001</v>
      </c>
      <c r="AE150" s="7">
        <v>17.947981183100001</v>
      </c>
      <c r="AF150" s="7">
        <v>17.875318593599999</v>
      </c>
      <c r="AG150" s="9">
        <v>16914.356419799999</v>
      </c>
      <c r="AH150" s="13">
        <v>0.7207609715011597</v>
      </c>
      <c r="AI150" s="9">
        <v>9458.3390161000025</v>
      </c>
      <c r="AJ150" s="13">
        <v>0.40304232977208193</v>
      </c>
      <c r="AK150" s="9">
        <v>-2630.4416679000024</v>
      </c>
      <c r="AL150" s="13">
        <v>-7.9890232618118229E-2</v>
      </c>
      <c r="AM150" s="9">
        <v>10086.459071599998</v>
      </c>
      <c r="AN150" s="13">
        <v>0.33293856237785852</v>
      </c>
      <c r="AO150" s="9">
        <v>7456.0174036999961</v>
      </c>
      <c r="AP150" s="13">
        <v>0.2264497905638313</v>
      </c>
      <c r="AQ150" s="9">
        <v>23467.358928400001</v>
      </c>
      <c r="AR150" s="9">
        <v>23873.527819499999</v>
      </c>
      <c r="AS150" s="9">
        <v>23778.9235309</v>
      </c>
      <c r="AT150" s="9">
        <v>32229.237683700001</v>
      </c>
      <c r="AU150" s="9">
        <v>29356.831744700001</v>
      </c>
      <c r="AV150" s="9">
        <v>30046.981201899998</v>
      </c>
      <c r="AW150" s="9">
        <v>32925.697944500003</v>
      </c>
      <c r="AX150" s="9">
        <v>32894.085668400003</v>
      </c>
      <c r="AY150" s="9">
        <v>36924.34102</v>
      </c>
      <c r="AZ150" s="9">
        <v>30295.256276600001</v>
      </c>
      <c r="BA150" s="9">
        <v>27873.893268700001</v>
      </c>
      <c r="BB150" s="9">
        <v>25343.0468822</v>
      </c>
      <c r="BC150" s="9">
        <v>31522.299333899999</v>
      </c>
      <c r="BD150" s="9">
        <v>28822.7019201</v>
      </c>
      <c r="BE150" s="9">
        <v>35629.369965099999</v>
      </c>
      <c r="BF150" s="9">
        <v>40381.715348199999</v>
      </c>
      <c r="BG150" s="11">
        <v>-3</v>
      </c>
      <c r="BH150" s="13">
        <v>-0.42857142857142855</v>
      </c>
      <c r="BI150" s="6">
        <v>-2</v>
      </c>
      <c r="BJ150" s="13">
        <v>-0.2857142857142857</v>
      </c>
      <c r="BK150" s="6">
        <v>-1</v>
      </c>
      <c r="BL150" s="13">
        <v>-0.2</v>
      </c>
      <c r="BM150" s="11">
        <v>0</v>
      </c>
      <c r="BN150" s="13">
        <v>0</v>
      </c>
      <c r="BO150" s="11">
        <v>-1</v>
      </c>
      <c r="BP150" s="13">
        <v>-0.2</v>
      </c>
      <c r="BQ150" s="6">
        <v>7</v>
      </c>
      <c r="BR150" s="6">
        <v>6</v>
      </c>
      <c r="BS150" s="6">
        <v>5</v>
      </c>
      <c r="BT150" s="6">
        <v>5</v>
      </c>
      <c r="BU150" s="6">
        <v>5</v>
      </c>
      <c r="BV150" s="6">
        <v>5</v>
      </c>
      <c r="BW150" s="6">
        <v>4</v>
      </c>
      <c r="BX150" s="6">
        <v>4</v>
      </c>
      <c r="BY150" s="6">
        <v>4</v>
      </c>
      <c r="BZ150" s="6">
        <v>4</v>
      </c>
      <c r="CA150" s="6">
        <v>4</v>
      </c>
      <c r="CB150" s="6">
        <v>4</v>
      </c>
      <c r="CC150" s="11">
        <v>4</v>
      </c>
      <c r="CD150" s="11">
        <v>-10.8398</v>
      </c>
      <c r="CE150" s="11">
        <v>-10.9526</v>
      </c>
      <c r="CF150" s="11">
        <v>3.9088699999999998</v>
      </c>
      <c r="CG150" s="11">
        <v>-7</v>
      </c>
      <c r="CH150" s="20">
        <v>0.31092999999999998</v>
      </c>
      <c r="CI150" s="20">
        <v>0.32344699999999998</v>
      </c>
      <c r="CJ150" s="20">
        <v>0.35106599999999999</v>
      </c>
      <c r="CK150" s="20">
        <v>0.34189000000000003</v>
      </c>
      <c r="CL150" s="20">
        <v>0.379888</v>
      </c>
      <c r="CM150" s="20">
        <v>0.36447499999999999</v>
      </c>
      <c r="CN150" s="20">
        <v>0.34859600000000002</v>
      </c>
      <c r="CO150" s="20">
        <v>0.35503099999999999</v>
      </c>
      <c r="CP150" s="20">
        <v>0.31585800000000003</v>
      </c>
      <c r="CQ150" s="20">
        <v>0.25507600000000002</v>
      </c>
      <c r="CR150" s="20">
        <v>0.23882200000000001</v>
      </c>
      <c r="CS150" s="20">
        <v>0.238293</v>
      </c>
      <c r="CT150" s="20">
        <v>0.246694</v>
      </c>
      <c r="CU150" s="20">
        <v>0.26760099999999998</v>
      </c>
      <c r="CV150" s="20">
        <v>0.24613499999999999</v>
      </c>
      <c r="CW150" s="20">
        <v>0.21444099999999999</v>
      </c>
      <c r="CX150" s="20">
        <v>0.21187900000000001</v>
      </c>
      <c r="CY150" s="6" t="s">
        <v>399</v>
      </c>
      <c r="CZ150" s="6" t="s">
        <v>400</v>
      </c>
      <c r="DA150" s="6" t="s">
        <v>69</v>
      </c>
      <c r="DB150" s="6"/>
      <c r="DC150" s="6">
        <v>28140</v>
      </c>
      <c r="DD150" s="6">
        <v>312</v>
      </c>
      <c r="DE150" s="6" t="s">
        <v>402</v>
      </c>
      <c r="DF150" s="6" t="s">
        <v>375</v>
      </c>
      <c r="DG150" s="6" t="s">
        <v>376</v>
      </c>
      <c r="DH150" s="6" t="s">
        <v>328</v>
      </c>
      <c r="DI150" s="6" t="s">
        <v>377</v>
      </c>
      <c r="DJ150" s="6">
        <v>29</v>
      </c>
      <c r="DK150" s="6">
        <v>13</v>
      </c>
      <c r="DL150" s="6">
        <v>1</v>
      </c>
      <c r="DM150" s="6" t="s">
        <v>404</v>
      </c>
      <c r="DN150" s="6">
        <v>1</v>
      </c>
      <c r="DO150" s="6" t="s">
        <v>405</v>
      </c>
      <c r="DP150" s="6"/>
      <c r="DQ150" s="6"/>
    </row>
    <row r="151" spans="1:121" x14ac:dyDescent="0.2">
      <c r="A151" s="6" t="s">
        <v>315</v>
      </c>
      <c r="B151" s="6" t="s">
        <v>315</v>
      </c>
      <c r="C151" s="6" t="s">
        <v>184</v>
      </c>
      <c r="D151" s="6" t="s">
        <v>69</v>
      </c>
      <c r="E151" s="6" t="s">
        <v>210</v>
      </c>
      <c r="F151" s="11">
        <v>46</v>
      </c>
      <c r="G151" s="13">
        <v>0.28000000000000003</v>
      </c>
      <c r="H151" s="11">
        <v>26</v>
      </c>
      <c r="I151" s="13">
        <v>0.16049382716049382</v>
      </c>
      <c r="J151" s="11">
        <v>-7</v>
      </c>
      <c r="K151" s="13">
        <v>-3.7234042553191488E-2</v>
      </c>
      <c r="L151" s="11">
        <v>27</v>
      </c>
      <c r="M151" s="13">
        <v>0.14917127071823205</v>
      </c>
      <c r="N151" s="11">
        <v>20</v>
      </c>
      <c r="O151" s="13">
        <v>0.10638297872340426</v>
      </c>
      <c r="P151" s="7">
        <v>162</v>
      </c>
      <c r="Q151" s="7">
        <v>164</v>
      </c>
      <c r="R151" s="7">
        <v>167</v>
      </c>
      <c r="S151" s="7">
        <v>184</v>
      </c>
      <c r="T151" s="7">
        <v>189</v>
      </c>
      <c r="U151" s="7">
        <v>197</v>
      </c>
      <c r="V151" s="7">
        <v>188</v>
      </c>
      <c r="W151" s="7">
        <v>184</v>
      </c>
      <c r="X151" s="7">
        <v>183</v>
      </c>
      <c r="Y151" s="7">
        <v>181</v>
      </c>
      <c r="Z151" s="7">
        <v>170</v>
      </c>
      <c r="AA151" s="7">
        <v>169</v>
      </c>
      <c r="AB151" s="7">
        <v>164</v>
      </c>
      <c r="AC151" s="7">
        <v>189</v>
      </c>
      <c r="AD151" s="7">
        <v>203</v>
      </c>
      <c r="AE151" s="7">
        <v>202</v>
      </c>
      <c r="AF151" s="7">
        <v>208</v>
      </c>
      <c r="AG151" s="9">
        <v>17489</v>
      </c>
      <c r="AH151" s="13">
        <v>0.46360407167850703</v>
      </c>
      <c r="AI151" s="9">
        <v>10271</v>
      </c>
      <c r="AJ151" s="13">
        <v>0.27226699183543634</v>
      </c>
      <c r="AK151" s="9">
        <v>10580</v>
      </c>
      <c r="AL151" s="13">
        <v>0.22043962912803416</v>
      </c>
      <c r="AM151" s="9">
        <v>-3362</v>
      </c>
      <c r="AN151" s="13">
        <v>-5.7396500213401619E-2</v>
      </c>
      <c r="AO151" s="9">
        <v>7218</v>
      </c>
      <c r="AP151" s="13">
        <v>0.15039066569434317</v>
      </c>
      <c r="AQ151" s="9">
        <v>37724</v>
      </c>
      <c r="AR151" s="9">
        <v>39712</v>
      </c>
      <c r="AS151" s="9">
        <v>35528</v>
      </c>
      <c r="AT151" s="9">
        <v>39510</v>
      </c>
      <c r="AU151" s="9">
        <v>39654</v>
      </c>
      <c r="AV151" s="9">
        <v>44900</v>
      </c>
      <c r="AW151" s="9">
        <v>47995</v>
      </c>
      <c r="AX151" s="9">
        <v>47055</v>
      </c>
      <c r="AY151" s="9">
        <v>54307</v>
      </c>
      <c r="AZ151" s="9">
        <v>58575</v>
      </c>
      <c r="BA151" s="9">
        <v>55490</v>
      </c>
      <c r="BB151" s="9">
        <v>56817</v>
      </c>
      <c r="BC151" s="9">
        <v>56716</v>
      </c>
      <c r="BD151" s="9">
        <v>56347</v>
      </c>
      <c r="BE151" s="9">
        <v>54389</v>
      </c>
      <c r="BF151" s="9">
        <v>55213</v>
      </c>
      <c r="BG151" s="11">
        <v>-1</v>
      </c>
      <c r="BH151" s="13">
        <v>-0.04</v>
      </c>
      <c r="BI151" s="6">
        <v>1</v>
      </c>
      <c r="BJ151" s="13">
        <v>0.04</v>
      </c>
      <c r="BK151" s="6">
        <v>2</v>
      </c>
      <c r="BL151" s="13">
        <v>7.6923076923076927E-2</v>
      </c>
      <c r="BM151" s="11">
        <v>-4</v>
      </c>
      <c r="BN151" s="13">
        <v>-0.14285714285714285</v>
      </c>
      <c r="BO151" s="11">
        <v>-2</v>
      </c>
      <c r="BP151" s="13">
        <v>-7.6923076923076927E-2</v>
      </c>
      <c r="BQ151" s="6">
        <v>25</v>
      </c>
      <c r="BR151" s="6">
        <v>26</v>
      </c>
      <c r="BS151" s="6">
        <v>26</v>
      </c>
      <c r="BT151" s="6">
        <v>26</v>
      </c>
      <c r="BU151" s="6">
        <v>27</v>
      </c>
      <c r="BV151" s="6">
        <v>28</v>
      </c>
      <c r="BW151" s="6">
        <v>28</v>
      </c>
      <c r="BX151" s="6">
        <v>24</v>
      </c>
      <c r="BY151" s="6">
        <v>25</v>
      </c>
      <c r="BZ151" s="6">
        <v>25</v>
      </c>
      <c r="CA151" s="6">
        <v>25</v>
      </c>
      <c r="CB151" s="6">
        <v>25</v>
      </c>
      <c r="CC151" s="11">
        <v>24</v>
      </c>
      <c r="CD151" s="11">
        <v>41</v>
      </c>
      <c r="CE151" s="11">
        <v>-13</v>
      </c>
      <c r="CF151" s="11">
        <v>18</v>
      </c>
      <c r="CG151" s="11">
        <v>5</v>
      </c>
      <c r="CH151" s="20">
        <v>0.86</v>
      </c>
      <c r="CI151" s="20">
        <v>0.87</v>
      </c>
      <c r="CJ151" s="20">
        <v>0.87</v>
      </c>
      <c r="CK151" s="20">
        <v>0.94</v>
      </c>
      <c r="CL151" s="20">
        <v>0.94</v>
      </c>
      <c r="CM151" s="20">
        <v>0.96</v>
      </c>
      <c r="CN151" s="20">
        <v>0.95</v>
      </c>
      <c r="CO151" s="20">
        <v>0.97</v>
      </c>
      <c r="CP151" s="20">
        <v>0.97</v>
      </c>
      <c r="CQ151" s="20">
        <v>1.01</v>
      </c>
      <c r="CR151" s="20">
        <v>0.96</v>
      </c>
      <c r="CS151" s="20">
        <v>0.95</v>
      </c>
      <c r="CT151" s="20">
        <v>0.96</v>
      </c>
      <c r="CU151" s="20">
        <v>1.1100000000000001</v>
      </c>
      <c r="CV151" s="20">
        <v>1.18</v>
      </c>
      <c r="CW151" s="20">
        <v>1.1599999999999999</v>
      </c>
      <c r="CX151" s="20">
        <v>1.18</v>
      </c>
      <c r="CY151" s="6" t="s">
        <v>399</v>
      </c>
      <c r="CZ151" s="6" t="s">
        <v>400</v>
      </c>
      <c r="DA151" s="6" t="s">
        <v>69</v>
      </c>
      <c r="DB151" s="6"/>
      <c r="DC151" s="6">
        <v>28140</v>
      </c>
      <c r="DD151" s="6">
        <v>312</v>
      </c>
      <c r="DE151" s="6" t="s">
        <v>402</v>
      </c>
      <c r="DF151" s="6" t="s">
        <v>375</v>
      </c>
      <c r="DG151" s="6" t="s">
        <v>376</v>
      </c>
      <c r="DH151" s="6" t="s">
        <v>328</v>
      </c>
      <c r="DI151" s="6" t="s">
        <v>377</v>
      </c>
      <c r="DJ151" s="6">
        <v>29</v>
      </c>
      <c r="DK151" s="6">
        <v>13</v>
      </c>
      <c r="DL151" s="6">
        <v>1</v>
      </c>
      <c r="DM151" s="6" t="s">
        <v>404</v>
      </c>
      <c r="DN151" s="6">
        <v>1</v>
      </c>
      <c r="DO151" s="6" t="s">
        <v>405</v>
      </c>
      <c r="DP151" s="6"/>
      <c r="DQ151" s="6"/>
    </row>
    <row r="152" spans="1:121" x14ac:dyDescent="0.2">
      <c r="A152" s="6" t="s">
        <v>316</v>
      </c>
      <c r="B152" s="6" t="s">
        <v>316</v>
      </c>
      <c r="C152" s="6" t="s">
        <v>185</v>
      </c>
      <c r="D152" s="6" t="s">
        <v>69</v>
      </c>
      <c r="E152" s="6" t="s">
        <v>210</v>
      </c>
      <c r="F152" s="11">
        <v>-7</v>
      </c>
      <c r="G152" s="13">
        <v>-0.3</v>
      </c>
      <c r="H152" s="11">
        <v>13</v>
      </c>
      <c r="I152" s="13">
        <v>0.56521739130434778</v>
      </c>
      <c r="J152" s="11">
        <v>-13</v>
      </c>
      <c r="K152" s="13">
        <v>-0.3611111111111111</v>
      </c>
      <c r="L152" s="11">
        <v>-7</v>
      </c>
      <c r="M152" s="13">
        <v>-0.30434782608695654</v>
      </c>
      <c r="N152" s="11">
        <v>-20</v>
      </c>
      <c r="O152" s="13">
        <v>-0.55555555555555558</v>
      </c>
      <c r="P152" s="7">
        <v>23</v>
      </c>
      <c r="Q152" s="7">
        <v>29</v>
      </c>
      <c r="R152" s="7">
        <v>30</v>
      </c>
      <c r="S152" s="7">
        <v>33</v>
      </c>
      <c r="T152" s="7">
        <v>34</v>
      </c>
      <c r="U152" s="7">
        <v>34</v>
      </c>
      <c r="V152" s="7">
        <v>36</v>
      </c>
      <c r="W152" s="7">
        <v>34</v>
      </c>
      <c r="X152" s="7">
        <v>26</v>
      </c>
      <c r="Y152" s="7">
        <v>23</v>
      </c>
      <c r="Z152" s="7">
        <v>19</v>
      </c>
      <c r="AA152" s="7">
        <v>19</v>
      </c>
      <c r="AB152" s="7">
        <v>16</v>
      </c>
      <c r="AC152" s="7">
        <v>18</v>
      </c>
      <c r="AD152" s="7">
        <v>16</v>
      </c>
      <c r="AE152" s="7">
        <v>16</v>
      </c>
      <c r="AF152" s="7">
        <v>16</v>
      </c>
      <c r="AG152" s="9">
        <v>12735</v>
      </c>
      <c r="AH152" s="13">
        <v>0.80215419501133789</v>
      </c>
      <c r="AI152" s="9">
        <v>5534</v>
      </c>
      <c r="AJ152" s="13">
        <v>0.34857646762408667</v>
      </c>
      <c r="AK152" s="9">
        <v>-265</v>
      </c>
      <c r="AL152" s="13">
        <v>-1.237739374124241E-2</v>
      </c>
      <c r="AM152" s="9">
        <v>7466</v>
      </c>
      <c r="AN152" s="13">
        <v>0.35308583589501064</v>
      </c>
      <c r="AO152" s="9">
        <v>7201</v>
      </c>
      <c r="AP152" s="13">
        <v>0.33633815973844</v>
      </c>
      <c r="AQ152" s="9">
        <v>15876</v>
      </c>
      <c r="AR152" s="9">
        <v>15274</v>
      </c>
      <c r="AS152" s="9">
        <v>17610</v>
      </c>
      <c r="AT152" s="9">
        <v>20444</v>
      </c>
      <c r="AU152" s="9">
        <v>22038</v>
      </c>
      <c r="AV152" s="9">
        <v>20856</v>
      </c>
      <c r="AW152" s="9">
        <v>21410</v>
      </c>
      <c r="AX152" s="9">
        <v>20651</v>
      </c>
      <c r="AY152" s="9">
        <v>21487</v>
      </c>
      <c r="AZ152" s="9">
        <v>21145</v>
      </c>
      <c r="BA152" s="9">
        <v>21290</v>
      </c>
      <c r="BB152" s="9">
        <v>22732</v>
      </c>
      <c r="BC152" s="9">
        <v>24466</v>
      </c>
      <c r="BD152" s="9">
        <v>26325</v>
      </c>
      <c r="BE152" s="9">
        <v>29051</v>
      </c>
      <c r="BF152" s="9">
        <v>28611</v>
      </c>
      <c r="BG152" s="11">
        <v>-3</v>
      </c>
      <c r="BH152" s="13">
        <v>-0.42857142857142855</v>
      </c>
      <c r="BI152" s="6">
        <v>3</v>
      </c>
      <c r="BJ152" s="13">
        <v>0.42857142857142855</v>
      </c>
      <c r="BK152" s="6">
        <v>-2</v>
      </c>
      <c r="BL152" s="13">
        <v>-0.2</v>
      </c>
      <c r="BM152" s="11">
        <v>-4</v>
      </c>
      <c r="BN152" s="13">
        <v>-0.5</v>
      </c>
      <c r="BO152" s="11">
        <v>-6</v>
      </c>
      <c r="BP152" s="13">
        <v>-0.6</v>
      </c>
      <c r="BQ152" s="6">
        <v>7</v>
      </c>
      <c r="BR152" s="6">
        <v>8</v>
      </c>
      <c r="BS152" s="6">
        <v>8</v>
      </c>
      <c r="BT152" s="6">
        <v>10</v>
      </c>
      <c r="BU152" s="6">
        <v>8</v>
      </c>
      <c r="BV152" s="6">
        <v>7</v>
      </c>
      <c r="BW152" s="6">
        <v>8</v>
      </c>
      <c r="BX152" s="6">
        <v>7</v>
      </c>
      <c r="BY152" s="6">
        <v>6</v>
      </c>
      <c r="BZ152" s="6">
        <v>6</v>
      </c>
      <c r="CA152" s="6">
        <v>6</v>
      </c>
      <c r="CB152" s="6">
        <v>5</v>
      </c>
      <c r="CC152" s="11">
        <v>4</v>
      </c>
      <c r="CD152" s="11">
        <v>-9</v>
      </c>
      <c r="CE152" s="11">
        <v>-1</v>
      </c>
      <c r="CF152" s="11">
        <v>3</v>
      </c>
      <c r="CG152" s="11">
        <v>2</v>
      </c>
      <c r="CH152" s="20">
        <v>0.3</v>
      </c>
      <c r="CI152" s="20">
        <v>0.38</v>
      </c>
      <c r="CJ152" s="20">
        <v>0.38</v>
      </c>
      <c r="CK152" s="20">
        <v>0.4</v>
      </c>
      <c r="CL152" s="20">
        <v>0.39</v>
      </c>
      <c r="CM152" s="20">
        <v>0.38</v>
      </c>
      <c r="CN152" s="20">
        <v>0.43</v>
      </c>
      <c r="CO152" s="20">
        <v>0.42</v>
      </c>
      <c r="CP152" s="20">
        <v>0.32</v>
      </c>
      <c r="CQ152" s="20">
        <v>0.31</v>
      </c>
      <c r="CR152" s="20">
        <v>0.27</v>
      </c>
      <c r="CS152" s="20">
        <v>0.26</v>
      </c>
      <c r="CT152" s="20">
        <v>0.22</v>
      </c>
      <c r="CU152" s="20">
        <v>0.25</v>
      </c>
      <c r="CV152" s="20">
        <v>0.22</v>
      </c>
      <c r="CW152" s="20">
        <v>0.22</v>
      </c>
      <c r="CX152" s="20">
        <v>0.21</v>
      </c>
      <c r="CY152" s="6" t="s">
        <v>399</v>
      </c>
      <c r="CZ152" s="6" t="s">
        <v>400</v>
      </c>
      <c r="DA152" s="6" t="s">
        <v>69</v>
      </c>
      <c r="DB152" s="6"/>
      <c r="DC152" s="6">
        <v>28140</v>
      </c>
      <c r="DD152" s="6">
        <v>312</v>
      </c>
      <c r="DE152" s="6" t="s">
        <v>402</v>
      </c>
      <c r="DF152" s="6" t="s">
        <v>375</v>
      </c>
      <c r="DG152" s="6" t="s">
        <v>376</v>
      </c>
      <c r="DH152" s="6" t="s">
        <v>328</v>
      </c>
      <c r="DI152" s="6" t="s">
        <v>377</v>
      </c>
      <c r="DJ152" s="6">
        <v>29</v>
      </c>
      <c r="DK152" s="6">
        <v>13</v>
      </c>
      <c r="DL152" s="6">
        <v>1</v>
      </c>
      <c r="DM152" s="6" t="s">
        <v>404</v>
      </c>
      <c r="DN152" s="6">
        <v>1</v>
      </c>
      <c r="DO152" s="6" t="s">
        <v>405</v>
      </c>
      <c r="DP152" s="6"/>
      <c r="DQ152" s="6"/>
    </row>
    <row r="153" spans="1:121" x14ac:dyDescent="0.2">
      <c r="A153" s="6" t="s">
        <v>317</v>
      </c>
      <c r="B153" s="6" t="s">
        <v>317</v>
      </c>
      <c r="C153" s="6" t="s">
        <v>186</v>
      </c>
      <c r="D153" s="6" t="s">
        <v>69</v>
      </c>
      <c r="E153" s="6" t="s">
        <v>210</v>
      </c>
      <c r="F153" s="11">
        <v>55</v>
      </c>
      <c r="G153" s="13">
        <v>0.56000000000000005</v>
      </c>
      <c r="H153" s="11">
        <v>20</v>
      </c>
      <c r="I153" s="13">
        <v>0.20408163265306123</v>
      </c>
      <c r="J153" s="11">
        <v>9</v>
      </c>
      <c r="K153" s="13">
        <v>7.6271186440677971E-2</v>
      </c>
      <c r="L153" s="11">
        <v>26</v>
      </c>
      <c r="M153" s="13">
        <v>0.20472440944881887</v>
      </c>
      <c r="N153" s="11">
        <v>35</v>
      </c>
      <c r="O153" s="13">
        <v>0.29661016949152541</v>
      </c>
      <c r="P153" s="7">
        <v>98</v>
      </c>
      <c r="Q153" s="7">
        <v>126</v>
      </c>
      <c r="R153" s="7">
        <v>139</v>
      </c>
      <c r="S153" s="7">
        <v>129</v>
      </c>
      <c r="T153" s="7">
        <v>142</v>
      </c>
      <c r="U153" s="7">
        <v>102</v>
      </c>
      <c r="V153" s="7">
        <v>118</v>
      </c>
      <c r="W153" s="7">
        <v>133</v>
      </c>
      <c r="X153" s="7">
        <v>132</v>
      </c>
      <c r="Y153" s="7">
        <v>127</v>
      </c>
      <c r="Z153" s="7">
        <v>132</v>
      </c>
      <c r="AA153" s="7">
        <v>123</v>
      </c>
      <c r="AB153" s="7">
        <v>145</v>
      </c>
      <c r="AC153" s="7">
        <v>148</v>
      </c>
      <c r="AD153" s="7">
        <v>144</v>
      </c>
      <c r="AE153" s="7">
        <v>148</v>
      </c>
      <c r="AF153" s="7">
        <v>153</v>
      </c>
      <c r="AG153" s="9">
        <v>9812</v>
      </c>
      <c r="AH153" s="13">
        <v>0.294973544973545</v>
      </c>
      <c r="AI153" s="9">
        <v>-764</v>
      </c>
      <c r="AJ153" s="13">
        <v>-2.2967772967772967E-2</v>
      </c>
      <c r="AK153" s="9">
        <v>-2919</v>
      </c>
      <c r="AL153" s="13">
        <v>-8.9815384615384602E-2</v>
      </c>
      <c r="AM153" s="9">
        <v>13495</v>
      </c>
      <c r="AN153" s="13">
        <v>0.45620499645042434</v>
      </c>
      <c r="AO153" s="9">
        <v>10576</v>
      </c>
      <c r="AP153" s="13">
        <v>0.32541538461538461</v>
      </c>
      <c r="AQ153" s="9">
        <v>33264</v>
      </c>
      <c r="AR153" s="9">
        <v>32474</v>
      </c>
      <c r="AS153" s="9">
        <v>28621</v>
      </c>
      <c r="AT153" s="9">
        <v>29797</v>
      </c>
      <c r="AU153" s="9">
        <v>31007</v>
      </c>
      <c r="AV153" s="9">
        <v>36745</v>
      </c>
      <c r="AW153" s="9">
        <v>32500</v>
      </c>
      <c r="AX153" s="9">
        <v>32033</v>
      </c>
      <c r="AY153" s="9">
        <v>29961</v>
      </c>
      <c r="AZ153" s="9">
        <v>29581</v>
      </c>
      <c r="BA153" s="9">
        <v>32549</v>
      </c>
      <c r="BB153" s="9">
        <v>36062</v>
      </c>
      <c r="BC153" s="9">
        <v>36175</v>
      </c>
      <c r="BD153" s="9">
        <v>38998</v>
      </c>
      <c r="BE153" s="9">
        <v>42861</v>
      </c>
      <c r="BF153" s="9">
        <v>43076</v>
      </c>
      <c r="BG153" s="11">
        <v>8</v>
      </c>
      <c r="BH153" s="13">
        <v>0.42105263157894735</v>
      </c>
      <c r="BI153" s="6">
        <v>0</v>
      </c>
      <c r="BJ153" s="13">
        <v>0</v>
      </c>
      <c r="BK153" s="6">
        <v>1</v>
      </c>
      <c r="BL153" s="13">
        <v>5.2631578947368418E-2</v>
      </c>
      <c r="BM153" s="11">
        <v>7</v>
      </c>
      <c r="BN153" s="13">
        <v>0.35</v>
      </c>
      <c r="BO153" s="11">
        <v>8</v>
      </c>
      <c r="BP153" s="13">
        <v>0.42105263157894735</v>
      </c>
      <c r="BQ153" s="6">
        <v>19</v>
      </c>
      <c r="BR153" s="6">
        <v>19</v>
      </c>
      <c r="BS153" s="6">
        <v>16</v>
      </c>
      <c r="BT153" s="6">
        <v>19</v>
      </c>
      <c r="BU153" s="6">
        <v>18</v>
      </c>
      <c r="BV153" s="6">
        <v>24</v>
      </c>
      <c r="BW153" s="6">
        <v>20</v>
      </c>
      <c r="BX153" s="6">
        <v>21</v>
      </c>
      <c r="BY153" s="6">
        <v>23</v>
      </c>
      <c r="BZ153" s="6">
        <v>24</v>
      </c>
      <c r="CA153" s="6">
        <v>27</v>
      </c>
      <c r="CB153" s="6">
        <v>28</v>
      </c>
      <c r="CC153" s="11">
        <v>27</v>
      </c>
      <c r="CD153" s="11">
        <v>25</v>
      </c>
      <c r="CE153" s="11">
        <v>20</v>
      </c>
      <c r="CF153" s="11">
        <v>11</v>
      </c>
      <c r="CG153" s="11">
        <v>31</v>
      </c>
      <c r="CH153" s="20">
        <v>0.4</v>
      </c>
      <c r="CI153" s="20">
        <v>0.52</v>
      </c>
      <c r="CJ153" s="20">
        <v>0.56999999999999995</v>
      </c>
      <c r="CK153" s="20">
        <v>0.51</v>
      </c>
      <c r="CL153" s="20">
        <v>0.54</v>
      </c>
      <c r="CM153" s="20">
        <v>0.37</v>
      </c>
      <c r="CN153" s="20">
        <v>0.43</v>
      </c>
      <c r="CO153" s="20">
        <v>0.48</v>
      </c>
      <c r="CP153" s="20">
        <v>0.48</v>
      </c>
      <c r="CQ153" s="20">
        <v>0.48</v>
      </c>
      <c r="CR153" s="20">
        <v>0.49</v>
      </c>
      <c r="CS153" s="20">
        <v>0.45</v>
      </c>
      <c r="CT153" s="20">
        <v>0.54</v>
      </c>
      <c r="CU153" s="20">
        <v>0.54</v>
      </c>
      <c r="CV153" s="20">
        <v>0.51</v>
      </c>
      <c r="CW153" s="20">
        <v>0.52</v>
      </c>
      <c r="CX153" s="20">
        <v>0.52</v>
      </c>
      <c r="CY153" s="6" t="s">
        <v>399</v>
      </c>
      <c r="CZ153" s="6" t="s">
        <v>400</v>
      </c>
      <c r="DA153" s="6" t="s">
        <v>69</v>
      </c>
      <c r="DB153" s="6"/>
      <c r="DC153" s="6">
        <v>28140</v>
      </c>
      <c r="DD153" s="6">
        <v>312</v>
      </c>
      <c r="DE153" s="6" t="s">
        <v>402</v>
      </c>
      <c r="DF153" s="6" t="s">
        <v>375</v>
      </c>
      <c r="DG153" s="6" t="s">
        <v>376</v>
      </c>
      <c r="DH153" s="6" t="s">
        <v>328</v>
      </c>
      <c r="DI153" s="6" t="s">
        <v>377</v>
      </c>
      <c r="DJ153" s="6">
        <v>29</v>
      </c>
      <c r="DK153" s="6">
        <v>13</v>
      </c>
      <c r="DL153" s="6">
        <v>1</v>
      </c>
      <c r="DM153" s="6" t="s">
        <v>404</v>
      </c>
      <c r="DN153" s="6">
        <v>1</v>
      </c>
      <c r="DO153" s="6" t="s">
        <v>405</v>
      </c>
      <c r="DP153" s="6"/>
      <c r="DQ153" s="6"/>
    </row>
    <row r="154" spans="1:121" x14ac:dyDescent="0.2">
      <c r="A154" s="6" t="s">
        <v>318</v>
      </c>
      <c r="B154" s="6" t="s">
        <v>318</v>
      </c>
      <c r="C154" s="6" t="s">
        <v>187</v>
      </c>
      <c r="D154" s="6" t="s">
        <v>69</v>
      </c>
      <c r="E154" s="6" t="s">
        <v>210</v>
      </c>
      <c r="F154" s="11">
        <v>1</v>
      </c>
      <c r="G154" s="13">
        <v>1</v>
      </c>
      <c r="H154" s="11">
        <v>-5</v>
      </c>
      <c r="I154" s="13">
        <v>-1</v>
      </c>
      <c r="J154" s="11">
        <v>0</v>
      </c>
      <c r="K154" s="13"/>
      <c r="L154" s="11">
        <v>5</v>
      </c>
      <c r="M154" s="13"/>
      <c r="N154" s="11">
        <v>5</v>
      </c>
      <c r="O154" s="13"/>
      <c r="P154" s="7">
        <v>5</v>
      </c>
      <c r="Q154" s="7">
        <v>5</v>
      </c>
      <c r="R154" s="7">
        <v>5</v>
      </c>
      <c r="S154" s="7">
        <v>5</v>
      </c>
      <c r="T154" s="7">
        <v>5</v>
      </c>
      <c r="U154" s="7">
        <v>0</v>
      </c>
      <c r="V154" s="7">
        <v>0</v>
      </c>
      <c r="W154" s="7">
        <v>0</v>
      </c>
      <c r="X154" s="7">
        <v>0</v>
      </c>
      <c r="Y154" s="7">
        <v>0</v>
      </c>
      <c r="Z154" s="7">
        <v>0</v>
      </c>
      <c r="AA154" s="7">
        <v>0</v>
      </c>
      <c r="AB154" s="7">
        <v>0</v>
      </c>
      <c r="AC154" s="7">
        <v>0</v>
      </c>
      <c r="AD154" s="7">
        <v>5</v>
      </c>
      <c r="AE154" s="7">
        <v>5</v>
      </c>
      <c r="AF154" s="7">
        <v>5</v>
      </c>
      <c r="AG154" s="9">
        <v>0</v>
      </c>
      <c r="AH154" s="13">
        <v>0</v>
      </c>
      <c r="AI154" s="9">
        <v>-1</v>
      </c>
      <c r="AJ154" s="13">
        <v>-1</v>
      </c>
      <c r="AK154" s="9">
        <v>0</v>
      </c>
      <c r="AL154" s="13"/>
      <c r="AM154" s="9">
        <v>1</v>
      </c>
      <c r="AN154" s="13"/>
      <c r="AO154" s="9">
        <v>1</v>
      </c>
      <c r="AP154" s="13"/>
      <c r="AQ154" s="9">
        <v>1</v>
      </c>
      <c r="AR154" s="9">
        <v>1</v>
      </c>
      <c r="AS154" s="9">
        <v>1</v>
      </c>
      <c r="AT154" s="9">
        <v>1</v>
      </c>
      <c r="AU154" s="9">
        <v>1</v>
      </c>
      <c r="AV154" s="9">
        <v>0</v>
      </c>
      <c r="AW154" s="9">
        <v>0</v>
      </c>
      <c r="AX154" s="9">
        <v>0</v>
      </c>
      <c r="AY154" s="9">
        <v>0</v>
      </c>
      <c r="AZ154" s="9">
        <v>0</v>
      </c>
      <c r="BA154" s="9">
        <v>0</v>
      </c>
      <c r="BB154" s="9">
        <v>0</v>
      </c>
      <c r="BC154" s="9">
        <v>0</v>
      </c>
      <c r="BD154" s="9">
        <v>0</v>
      </c>
      <c r="BE154" s="9">
        <v>1</v>
      </c>
      <c r="BF154" s="9">
        <v>1</v>
      </c>
      <c r="BG154" s="11">
        <v>0</v>
      </c>
      <c r="BH154" s="13">
        <v>0</v>
      </c>
      <c r="BI154" s="6">
        <v>-1</v>
      </c>
      <c r="BJ154" s="13">
        <v>-1</v>
      </c>
      <c r="BK154" s="6">
        <v>0</v>
      </c>
      <c r="BL154" s="13" t="e">
        <v>#DIV/0!</v>
      </c>
      <c r="BM154" s="11">
        <v>1</v>
      </c>
      <c r="BN154" s="13" t="e">
        <v>#DIV/0!</v>
      </c>
      <c r="BO154" s="11">
        <v>1</v>
      </c>
      <c r="BP154" s="13" t="e">
        <v>#DIV/0!</v>
      </c>
      <c r="BQ154" s="6">
        <v>1</v>
      </c>
      <c r="BR154" s="6">
        <v>1</v>
      </c>
      <c r="BS154" s="6">
        <v>0</v>
      </c>
      <c r="BT154" s="6">
        <v>0</v>
      </c>
      <c r="BU154" s="6">
        <v>0</v>
      </c>
      <c r="BV154" s="6">
        <v>0</v>
      </c>
      <c r="BW154" s="6">
        <v>0</v>
      </c>
      <c r="BX154" s="6">
        <v>0</v>
      </c>
      <c r="BY154" s="6">
        <v>0</v>
      </c>
      <c r="BZ154" s="6">
        <v>0</v>
      </c>
      <c r="CA154" s="6">
        <v>0</v>
      </c>
      <c r="CB154" s="6">
        <v>1</v>
      </c>
      <c r="CC154" s="11">
        <v>1</v>
      </c>
      <c r="CD154" s="11">
        <v>-3.9693299999999998</v>
      </c>
      <c r="CE154" s="11">
        <v>1.2839400000000001</v>
      </c>
      <c r="CF154" s="11">
        <v>0.65550799999999998</v>
      </c>
      <c r="CG154" s="11">
        <v>2</v>
      </c>
      <c r="CH154" s="20">
        <v>0.112346</v>
      </c>
      <c r="CI154" s="20">
        <v>5.5199999999999997E-3</v>
      </c>
      <c r="CJ154" s="20">
        <v>4.8032500000000002E-3</v>
      </c>
      <c r="CK154" s="20">
        <v>0.102107</v>
      </c>
      <c r="CL154" s="20">
        <v>4.6987799999999996E-3</v>
      </c>
      <c r="CM154" s="20">
        <v>0</v>
      </c>
      <c r="CN154" s="20">
        <v>0</v>
      </c>
      <c r="CO154" s="20">
        <v>0</v>
      </c>
      <c r="CP154" s="20">
        <v>0</v>
      </c>
      <c r="CQ154" s="20">
        <v>0</v>
      </c>
      <c r="CR154" s="20">
        <v>0</v>
      </c>
      <c r="CS154" s="20">
        <v>0</v>
      </c>
      <c r="CT154" s="20">
        <v>0</v>
      </c>
      <c r="CU154" s="20">
        <v>0</v>
      </c>
      <c r="CV154" s="20">
        <v>3.7860400000000002E-2</v>
      </c>
      <c r="CW154" s="20">
        <v>5.6018100000000001E-2</v>
      </c>
      <c r="CX154" s="20">
        <v>6.1470799999999999E-2</v>
      </c>
      <c r="CY154" s="6" t="s">
        <v>399</v>
      </c>
      <c r="CZ154" s="6" t="s">
        <v>400</v>
      </c>
      <c r="DA154" s="6" t="s">
        <v>69</v>
      </c>
      <c r="DB154" s="6"/>
      <c r="DC154" s="6">
        <v>28140</v>
      </c>
      <c r="DD154" s="6">
        <v>312</v>
      </c>
      <c r="DE154" s="6" t="s">
        <v>402</v>
      </c>
      <c r="DF154" s="6" t="s">
        <v>375</v>
      </c>
      <c r="DG154" s="6" t="s">
        <v>376</v>
      </c>
      <c r="DH154" s="6" t="s">
        <v>328</v>
      </c>
      <c r="DI154" s="6" t="s">
        <v>377</v>
      </c>
      <c r="DJ154" s="6">
        <v>29</v>
      </c>
      <c r="DK154" s="6">
        <v>13</v>
      </c>
      <c r="DL154" s="6">
        <v>1</v>
      </c>
      <c r="DM154" s="6" t="s">
        <v>404</v>
      </c>
      <c r="DN154" s="6">
        <v>1</v>
      </c>
      <c r="DO154" s="6" t="s">
        <v>405</v>
      </c>
      <c r="DP154" s="6"/>
      <c r="DQ154" s="6"/>
    </row>
    <row r="155" spans="1:121" x14ac:dyDescent="0.2">
      <c r="A155" s="6" t="s">
        <v>319</v>
      </c>
      <c r="B155" s="6" t="s">
        <v>319</v>
      </c>
      <c r="C155" s="6" t="s">
        <v>188</v>
      </c>
      <c r="D155" s="6" t="s">
        <v>69</v>
      </c>
      <c r="E155" s="6" t="s">
        <v>210</v>
      </c>
      <c r="F155" s="11">
        <v>12</v>
      </c>
      <c r="G155" s="13">
        <v>0.12631578947399999</v>
      </c>
      <c r="H155" s="11">
        <v>6.8118170806999956</v>
      </c>
      <c r="I155" s="13">
        <v>7.1933170270298191E-2</v>
      </c>
      <c r="J155" s="11">
        <v>-10.048991976699995</v>
      </c>
      <c r="K155" s="13">
        <v>-9.8996767339945141E-2</v>
      </c>
      <c r="L155" s="11">
        <v>15.942205814700003</v>
      </c>
      <c r="M155" s="13">
        <v>0.17430930698961528</v>
      </c>
      <c r="N155" s="11">
        <v>5.8932138380000083</v>
      </c>
      <c r="O155" s="13">
        <v>5.8056481740432105E-2</v>
      </c>
      <c r="P155" s="7">
        <v>94.696466944299999</v>
      </c>
      <c r="Q155" s="7">
        <v>113.874456475</v>
      </c>
      <c r="R155" s="7">
        <v>111.25123189599999</v>
      </c>
      <c r="S155" s="7">
        <v>97.227105157599993</v>
      </c>
      <c r="T155" s="7">
        <v>89.690973274100003</v>
      </c>
      <c r="U155" s="7">
        <v>105.884554405</v>
      </c>
      <c r="V155" s="7">
        <v>101.50828402499999</v>
      </c>
      <c r="W155" s="7">
        <v>85.463041555499998</v>
      </c>
      <c r="X155" s="7">
        <v>82.858094451100001</v>
      </c>
      <c r="Y155" s="7">
        <v>91.4592920483</v>
      </c>
      <c r="Z155" s="7">
        <v>91.007004945600002</v>
      </c>
      <c r="AA155" s="7">
        <v>89.215760150799994</v>
      </c>
      <c r="AB155" s="7">
        <v>102.89221074699999</v>
      </c>
      <c r="AC155" s="7">
        <v>100.194152833</v>
      </c>
      <c r="AD155" s="7">
        <v>101.24497560099999</v>
      </c>
      <c r="AE155" s="7">
        <v>103.75078298</v>
      </c>
      <c r="AF155" s="7">
        <v>107.401497863</v>
      </c>
      <c r="AG155" s="9">
        <v>6592.2459517999996</v>
      </c>
      <c r="AH155" s="13">
        <v>0.32707700137647089</v>
      </c>
      <c r="AI155" s="9">
        <v>-4135.7551039000009</v>
      </c>
      <c r="AJ155" s="13">
        <v>-0.20519719496231659</v>
      </c>
      <c r="AK155" s="9">
        <v>3933.3269424000009</v>
      </c>
      <c r="AL155" s="13">
        <v>0.24553717855073912</v>
      </c>
      <c r="AM155" s="9">
        <v>6794.6741132999996</v>
      </c>
      <c r="AN155" s="13">
        <v>0.34054079891126626</v>
      </c>
      <c r="AO155" s="9">
        <v>10728.001055700001</v>
      </c>
      <c r="AP155" s="13">
        <v>0.66969340440809233</v>
      </c>
      <c r="AQ155" s="9">
        <v>20155.027483000002</v>
      </c>
      <c r="AR155" s="9">
        <v>20470.308219400002</v>
      </c>
      <c r="AS155" s="9">
        <v>20174.0120025</v>
      </c>
      <c r="AT155" s="9">
        <v>17670.205298600002</v>
      </c>
      <c r="AU155" s="9">
        <v>18086.8838488</v>
      </c>
      <c r="AV155" s="9">
        <v>15458.6259611</v>
      </c>
      <c r="AW155" s="9">
        <v>16019.272379100001</v>
      </c>
      <c r="AX155" s="9">
        <v>16092.0788916</v>
      </c>
      <c r="AY155" s="9">
        <v>17794.504943899999</v>
      </c>
      <c r="AZ155" s="9">
        <v>19952.599321500002</v>
      </c>
      <c r="BA155" s="9">
        <v>18898.299756100001</v>
      </c>
      <c r="BB155" s="9">
        <v>17311.3834131</v>
      </c>
      <c r="BC155" s="9">
        <v>19319.4999952</v>
      </c>
      <c r="BD155" s="9">
        <v>21696.054968799999</v>
      </c>
      <c r="BE155" s="9">
        <v>26377.948993999998</v>
      </c>
      <c r="BF155" s="9">
        <v>26747.273434800001</v>
      </c>
      <c r="BG155" s="11">
        <v>13.25</v>
      </c>
      <c r="BH155" s="13">
        <v>1.4722222222222223</v>
      </c>
      <c r="BI155" s="6">
        <v>1</v>
      </c>
      <c r="BJ155" s="13">
        <v>0.1111111111111111</v>
      </c>
      <c r="BK155" s="6">
        <v>4</v>
      </c>
      <c r="BL155" s="13">
        <v>0.4</v>
      </c>
      <c r="BM155" s="11">
        <v>8.25</v>
      </c>
      <c r="BN155" s="13">
        <v>0.5892857142857143</v>
      </c>
      <c r="BO155" s="11">
        <v>12.25</v>
      </c>
      <c r="BP155" s="13">
        <v>1.2250000000000001</v>
      </c>
      <c r="BQ155" s="6">
        <v>9</v>
      </c>
      <c r="BR155" s="6">
        <v>11</v>
      </c>
      <c r="BS155" s="6">
        <v>11</v>
      </c>
      <c r="BT155" s="6">
        <v>10</v>
      </c>
      <c r="BU155" s="6">
        <v>11</v>
      </c>
      <c r="BV155" s="6">
        <v>13</v>
      </c>
      <c r="BW155" s="6">
        <v>14</v>
      </c>
      <c r="BX155" s="6">
        <v>13</v>
      </c>
      <c r="BY155" s="6">
        <v>14</v>
      </c>
      <c r="BZ155" s="6">
        <v>18</v>
      </c>
      <c r="CA155" s="6">
        <v>17</v>
      </c>
      <c r="CB155" s="6">
        <v>18</v>
      </c>
      <c r="CC155" s="11">
        <v>22.25</v>
      </c>
      <c r="CD155" s="11">
        <v>-6.1665200000000002</v>
      </c>
      <c r="CE155" s="11">
        <v>8.5200800000000001</v>
      </c>
      <c r="CF155" s="11">
        <v>10.3515</v>
      </c>
      <c r="CG155" s="11">
        <v>19</v>
      </c>
      <c r="CH155" s="20">
        <v>0.361676</v>
      </c>
      <c r="CI155" s="20">
        <v>0.43277300000000002</v>
      </c>
      <c r="CJ155" s="20">
        <v>0.42383500000000002</v>
      </c>
      <c r="CK155" s="20">
        <v>0.35385499999999998</v>
      </c>
      <c r="CL155" s="20">
        <v>0.31386999999999998</v>
      </c>
      <c r="CM155" s="20">
        <v>0.356153</v>
      </c>
      <c r="CN155" s="20">
        <v>0.350327</v>
      </c>
      <c r="CO155" s="20">
        <v>0.31421900000000003</v>
      </c>
      <c r="CP155" s="20">
        <v>0.32282899999999998</v>
      </c>
      <c r="CQ155" s="20">
        <v>0.358462</v>
      </c>
      <c r="CR155" s="20">
        <v>0.34703000000000001</v>
      </c>
      <c r="CS155" s="20">
        <v>0.33286300000000002</v>
      </c>
      <c r="CT155" s="20">
        <v>0.387739</v>
      </c>
      <c r="CU155" s="20">
        <v>0.36902699999999999</v>
      </c>
      <c r="CV155" s="20">
        <v>0.36565700000000001</v>
      </c>
      <c r="CW155" s="20">
        <v>0.37012200000000001</v>
      </c>
      <c r="CX155" s="20">
        <v>0.374417</v>
      </c>
      <c r="CY155" s="6" t="s">
        <v>399</v>
      </c>
      <c r="CZ155" s="6" t="s">
        <v>400</v>
      </c>
      <c r="DA155" s="6" t="s">
        <v>69</v>
      </c>
      <c r="DB155" s="6"/>
      <c r="DC155" s="6">
        <v>28140</v>
      </c>
      <c r="DD155" s="6">
        <v>312</v>
      </c>
      <c r="DE155" s="6" t="s">
        <v>402</v>
      </c>
      <c r="DF155" s="6" t="s">
        <v>375</v>
      </c>
      <c r="DG155" s="6" t="s">
        <v>376</v>
      </c>
      <c r="DH155" s="6" t="s">
        <v>328</v>
      </c>
      <c r="DI155" s="6" t="s">
        <v>377</v>
      </c>
      <c r="DJ155" s="6">
        <v>29</v>
      </c>
      <c r="DK155" s="6">
        <v>13</v>
      </c>
      <c r="DL155" s="6">
        <v>1</v>
      </c>
      <c r="DM155" s="6" t="s">
        <v>404</v>
      </c>
      <c r="DN155" s="6">
        <v>1</v>
      </c>
      <c r="DO155" s="6" t="s">
        <v>405</v>
      </c>
      <c r="DP155" s="6"/>
      <c r="DQ155" s="6"/>
    </row>
    <row r="156" spans="1:121" x14ac:dyDescent="0.2">
      <c r="A156" s="6" t="s">
        <v>320</v>
      </c>
      <c r="B156" s="6" t="s">
        <v>320</v>
      </c>
      <c r="C156" s="6" t="s">
        <v>189</v>
      </c>
      <c r="D156" s="6" t="s">
        <v>69</v>
      </c>
      <c r="E156" s="6" t="s">
        <v>210</v>
      </c>
      <c r="F156" s="11">
        <v>1</v>
      </c>
      <c r="G156" s="13">
        <v>1</v>
      </c>
      <c r="H156" s="11">
        <v>9.9143149653999991</v>
      </c>
      <c r="I156" s="13">
        <v>0.83599469171655971</v>
      </c>
      <c r="J156" s="11">
        <v>-16.773618695</v>
      </c>
      <c r="K156" s="13">
        <v>-0.77036430783330556</v>
      </c>
      <c r="L156" s="11">
        <v>0</v>
      </c>
      <c r="M156" s="13">
        <v>0</v>
      </c>
      <c r="N156" s="11">
        <v>-16.773618695</v>
      </c>
      <c r="O156" s="13">
        <v>-0.77036430783330556</v>
      </c>
      <c r="P156" s="7">
        <v>11.859303729600001</v>
      </c>
      <c r="Q156" s="7">
        <v>16.133424132799998</v>
      </c>
      <c r="R156" s="7">
        <v>10.738555399499999</v>
      </c>
      <c r="S156" s="7">
        <v>5</v>
      </c>
      <c r="T156" s="7">
        <v>5</v>
      </c>
      <c r="U156" s="7">
        <v>25.5894983164</v>
      </c>
      <c r="V156" s="7">
        <v>21.773618695</v>
      </c>
      <c r="W156" s="7">
        <v>30.712018837500001</v>
      </c>
      <c r="X156" s="7">
        <v>5</v>
      </c>
      <c r="Y156" s="7">
        <v>5</v>
      </c>
      <c r="Z156" s="7">
        <v>5</v>
      </c>
      <c r="AA156" s="7">
        <v>5</v>
      </c>
      <c r="AB156" s="7">
        <v>5</v>
      </c>
      <c r="AC156" s="7">
        <v>5</v>
      </c>
      <c r="AD156" s="7">
        <v>5</v>
      </c>
      <c r="AE156" s="7">
        <v>5</v>
      </c>
      <c r="AF156" s="7">
        <v>5</v>
      </c>
      <c r="AG156" s="9">
        <v>-9654.2835592400006</v>
      </c>
      <c r="AH156" s="13">
        <v>-0.99989642976367643</v>
      </c>
      <c r="AI156" s="9">
        <v>2195.0127303600002</v>
      </c>
      <c r="AJ156" s="13">
        <v>0.22733798721627363</v>
      </c>
      <c r="AK156" s="9">
        <v>-11849.296289600001</v>
      </c>
      <c r="AL156" s="13">
        <v>-0.99991561392427986</v>
      </c>
      <c r="AM156" s="9">
        <v>0</v>
      </c>
      <c r="AN156" s="13">
        <v>0</v>
      </c>
      <c r="AO156" s="9">
        <v>-11849.296289600001</v>
      </c>
      <c r="AP156" s="13">
        <v>-0.99991561392427986</v>
      </c>
      <c r="AQ156" s="9">
        <v>9655.2835592400006</v>
      </c>
      <c r="AR156" s="9">
        <v>21741.751078099998</v>
      </c>
      <c r="AS156" s="9">
        <v>28847.131217800001</v>
      </c>
      <c r="AT156" s="9">
        <v>1</v>
      </c>
      <c r="AU156" s="9">
        <v>1</v>
      </c>
      <c r="AV156" s="9">
        <v>11156.2052797</v>
      </c>
      <c r="AW156" s="9">
        <v>11850.296289600001</v>
      </c>
      <c r="AX156" s="9">
        <v>8794.9786256700008</v>
      </c>
      <c r="AY156" s="9">
        <v>1</v>
      </c>
      <c r="AZ156" s="9">
        <v>1</v>
      </c>
      <c r="BA156" s="9">
        <v>1</v>
      </c>
      <c r="BB156" s="9">
        <v>1</v>
      </c>
      <c r="BC156" s="9">
        <v>1</v>
      </c>
      <c r="BD156" s="9">
        <v>1</v>
      </c>
      <c r="BE156" s="9">
        <v>1</v>
      </c>
      <c r="BF156" s="9">
        <v>1</v>
      </c>
      <c r="BG156" s="11">
        <v>0</v>
      </c>
      <c r="BH156" s="13" t="e">
        <v>#DIV/0!</v>
      </c>
      <c r="BI156" s="6">
        <v>1</v>
      </c>
      <c r="BJ156" s="13" t="e">
        <v>#DIV/0!</v>
      </c>
      <c r="BK156" s="6">
        <v>-1</v>
      </c>
      <c r="BL156" s="13">
        <v>-1</v>
      </c>
      <c r="BM156" s="11">
        <v>0</v>
      </c>
      <c r="BN156" s="13" t="e">
        <v>#DIV/0!</v>
      </c>
      <c r="BO156" s="11">
        <v>-1</v>
      </c>
      <c r="BP156" s="13">
        <v>-1</v>
      </c>
      <c r="BQ156" s="6">
        <v>0</v>
      </c>
      <c r="BR156" s="6">
        <v>0</v>
      </c>
      <c r="BS156" s="6">
        <v>1</v>
      </c>
      <c r="BT156" s="6">
        <v>1</v>
      </c>
      <c r="BU156" s="6">
        <v>1</v>
      </c>
      <c r="BV156" s="6">
        <v>0</v>
      </c>
      <c r="BW156" s="6">
        <v>0</v>
      </c>
      <c r="BX156" s="6">
        <v>0</v>
      </c>
      <c r="BY156" s="6">
        <v>0</v>
      </c>
      <c r="BZ156" s="6">
        <v>0</v>
      </c>
      <c r="CA156" s="6">
        <v>0</v>
      </c>
      <c r="CB156" s="6">
        <v>0</v>
      </c>
      <c r="CC156" s="11">
        <v>0</v>
      </c>
      <c r="CD156" s="11">
        <v>-14.7072</v>
      </c>
      <c r="CE156" s="11">
        <v>4.2943100000000003</v>
      </c>
      <c r="CF156" s="11">
        <v>1.29636</v>
      </c>
      <c r="CG156" s="11">
        <v>5</v>
      </c>
      <c r="CH156" s="20">
        <v>0.13576299999999999</v>
      </c>
      <c r="CI156" s="20">
        <v>0.175624</v>
      </c>
      <c r="CJ156" s="20">
        <v>0.1138</v>
      </c>
      <c r="CK156" s="20">
        <v>4.9551699999999997E-2</v>
      </c>
      <c r="CL156" s="20">
        <v>4.0450199999999999E-2</v>
      </c>
      <c r="CM156" s="20">
        <v>0.24504799999999999</v>
      </c>
      <c r="CN156" s="20">
        <v>0.21060100000000001</v>
      </c>
      <c r="CO156" s="20">
        <v>0.294126</v>
      </c>
      <c r="CP156" s="20">
        <v>8.0772099999999999E-2</v>
      </c>
      <c r="CQ156" s="20">
        <v>3.5337399999999998E-2</v>
      </c>
      <c r="CR156" s="20">
        <v>5.40495E-2</v>
      </c>
      <c r="CS156" s="20">
        <v>2.32675E-2</v>
      </c>
      <c r="CT156" s="20">
        <v>2.86463E-2</v>
      </c>
      <c r="CU156" s="20">
        <v>3.2709799999999997E-2</v>
      </c>
      <c r="CV156" s="20">
        <v>2.5111000000000001E-2</v>
      </c>
      <c r="CW156" s="20">
        <v>2.43723E-2</v>
      </c>
      <c r="CX156" s="20">
        <v>2.33593E-2</v>
      </c>
      <c r="CY156" s="6" t="s">
        <v>399</v>
      </c>
      <c r="CZ156" s="6" t="s">
        <v>400</v>
      </c>
      <c r="DA156" s="6" t="s">
        <v>69</v>
      </c>
      <c r="DB156" s="6"/>
      <c r="DC156" s="6">
        <v>28140</v>
      </c>
      <c r="DD156" s="6">
        <v>312</v>
      </c>
      <c r="DE156" s="6" t="s">
        <v>402</v>
      </c>
      <c r="DF156" s="6" t="s">
        <v>375</v>
      </c>
      <c r="DG156" s="6" t="s">
        <v>376</v>
      </c>
      <c r="DH156" s="6" t="s">
        <v>328</v>
      </c>
      <c r="DI156" s="6" t="s">
        <v>377</v>
      </c>
      <c r="DJ156" s="6">
        <v>29</v>
      </c>
      <c r="DK156" s="6">
        <v>13</v>
      </c>
      <c r="DL156" s="6">
        <v>1</v>
      </c>
      <c r="DM156" s="6" t="s">
        <v>404</v>
      </c>
      <c r="DN156" s="6">
        <v>1</v>
      </c>
      <c r="DO156" s="6" t="s">
        <v>405</v>
      </c>
      <c r="DP156" s="6"/>
      <c r="DQ156" s="6"/>
    </row>
    <row r="157" spans="1:121" x14ac:dyDescent="0.2">
      <c r="A157" s="6" t="s">
        <v>321</v>
      </c>
      <c r="B157" s="6" t="s">
        <v>321</v>
      </c>
      <c r="C157" s="6" t="s">
        <v>190</v>
      </c>
      <c r="D157" s="6" t="s">
        <v>69</v>
      </c>
      <c r="E157" s="6" t="s">
        <v>210</v>
      </c>
      <c r="F157" s="11">
        <v>206</v>
      </c>
      <c r="G157" s="13">
        <v>0.53645833333299997</v>
      </c>
      <c r="H157" s="11">
        <v>45.208810572999994</v>
      </c>
      <c r="I157" s="13">
        <v>0.11787207455863027</v>
      </c>
      <c r="J157" s="11">
        <v>66.242558888000019</v>
      </c>
      <c r="K157" s="13">
        <v>0.15450154953294157</v>
      </c>
      <c r="L157" s="11">
        <v>95.26509934500001</v>
      </c>
      <c r="M157" s="13">
        <v>0.19245759014320349</v>
      </c>
      <c r="N157" s="11">
        <v>161.50765823300003</v>
      </c>
      <c r="O157" s="13">
        <v>0.37669413557264575</v>
      </c>
      <c r="P157" s="7">
        <v>383.541315806</v>
      </c>
      <c r="Q157" s="7">
        <v>377.89890609899999</v>
      </c>
      <c r="R157" s="7">
        <v>400.71429182899999</v>
      </c>
      <c r="S157" s="7">
        <v>415.36357266099998</v>
      </c>
      <c r="T157" s="7">
        <v>514.00085515499995</v>
      </c>
      <c r="U157" s="7">
        <v>547.64600543400002</v>
      </c>
      <c r="V157" s="7">
        <v>428.75012637899999</v>
      </c>
      <c r="W157" s="7">
        <v>421.69207323699999</v>
      </c>
      <c r="X157" s="7">
        <v>432.06513437500001</v>
      </c>
      <c r="Y157" s="7">
        <v>494.99268526700001</v>
      </c>
      <c r="Z157" s="7">
        <v>499.00302027700002</v>
      </c>
      <c r="AA157" s="7">
        <v>521.78493363400003</v>
      </c>
      <c r="AB157" s="7">
        <v>533.841687514</v>
      </c>
      <c r="AC157" s="7">
        <v>539.78432990800002</v>
      </c>
      <c r="AD157" s="7">
        <v>569.46434318000001</v>
      </c>
      <c r="AE157" s="7">
        <v>569.23267404700005</v>
      </c>
      <c r="AF157" s="7">
        <v>590.25778461200002</v>
      </c>
      <c r="AG157" s="9">
        <v>7158.8732307999999</v>
      </c>
      <c r="AH157" s="13">
        <v>0.32048085297277695</v>
      </c>
      <c r="AI157" s="9">
        <v>4546.2284379000012</v>
      </c>
      <c r="AJ157" s="13">
        <v>0.20352073861551967</v>
      </c>
      <c r="AK157" s="9">
        <v>-641.40976260000025</v>
      </c>
      <c r="AL157" s="13">
        <v>-2.3858294956583863E-2</v>
      </c>
      <c r="AM157" s="9">
        <v>3254.054555499999</v>
      </c>
      <c r="AN157" s="13">
        <v>0.12399831945169824</v>
      </c>
      <c r="AO157" s="9">
        <v>2612.6447928999987</v>
      </c>
      <c r="AP157" s="13">
        <v>9.7181636015515049E-2</v>
      </c>
      <c r="AQ157" s="9">
        <v>22337.912434999998</v>
      </c>
      <c r="AR157" s="9">
        <v>23469.540121800001</v>
      </c>
      <c r="AS157" s="9">
        <v>21824.548756299999</v>
      </c>
      <c r="AT157" s="9">
        <v>20517.9934364</v>
      </c>
      <c r="AU157" s="9">
        <v>25897.637177299999</v>
      </c>
      <c r="AV157" s="9">
        <v>29218.5014065</v>
      </c>
      <c r="AW157" s="9">
        <v>26884.1408729</v>
      </c>
      <c r="AX157" s="9">
        <v>29279.5956544</v>
      </c>
      <c r="AY157" s="9">
        <v>26048.7828209</v>
      </c>
      <c r="AZ157" s="9">
        <v>26242.731110299999</v>
      </c>
      <c r="BA157" s="9">
        <v>26735.9276971</v>
      </c>
      <c r="BB157" s="9">
        <v>26037.2805386</v>
      </c>
      <c r="BC157" s="9">
        <v>27194.334757500001</v>
      </c>
      <c r="BD157" s="9">
        <v>27822.6382232</v>
      </c>
      <c r="BE157" s="9">
        <v>28598.7383658</v>
      </c>
      <c r="BF157" s="9">
        <v>29496.785665799998</v>
      </c>
      <c r="BG157" s="11">
        <v>36.25</v>
      </c>
      <c r="BH157" s="13">
        <v>1.2083333333333333</v>
      </c>
      <c r="BI157" s="6">
        <v>-2</v>
      </c>
      <c r="BJ157" s="13">
        <v>-6.6666666666666666E-2</v>
      </c>
      <c r="BK157" s="6">
        <v>0</v>
      </c>
      <c r="BL157" s="13">
        <v>0</v>
      </c>
      <c r="BM157" s="11">
        <v>38.25</v>
      </c>
      <c r="BN157" s="13">
        <v>1.3660714285714286</v>
      </c>
      <c r="BO157" s="11">
        <v>38.25</v>
      </c>
      <c r="BP157" s="13">
        <v>1.3660714285714286</v>
      </c>
      <c r="BQ157" s="6">
        <v>30</v>
      </c>
      <c r="BR157" s="6">
        <v>29</v>
      </c>
      <c r="BS157" s="6">
        <v>28</v>
      </c>
      <c r="BT157" s="6">
        <v>28</v>
      </c>
      <c r="BU157" s="6">
        <v>28</v>
      </c>
      <c r="BV157" s="6">
        <v>28</v>
      </c>
      <c r="BW157" s="6">
        <v>28</v>
      </c>
      <c r="BX157" s="6">
        <v>26</v>
      </c>
      <c r="BY157" s="6">
        <v>24</v>
      </c>
      <c r="BZ157" s="6">
        <v>75</v>
      </c>
      <c r="CA157" s="6">
        <v>68</v>
      </c>
      <c r="CB157" s="6">
        <v>71</v>
      </c>
      <c r="CC157" s="11">
        <v>66.25</v>
      </c>
      <c r="CD157" s="11">
        <v>25.117899999999999</v>
      </c>
      <c r="CE157" s="11">
        <v>139.673</v>
      </c>
      <c r="CF157" s="11">
        <v>41.925699999999999</v>
      </c>
      <c r="CG157" s="11">
        <v>182</v>
      </c>
      <c r="CH157" s="20">
        <v>0.88904000000000005</v>
      </c>
      <c r="CI157" s="20">
        <v>0.83900600000000003</v>
      </c>
      <c r="CJ157" s="20">
        <v>0.86458900000000005</v>
      </c>
      <c r="CK157" s="20">
        <v>0.86672800000000005</v>
      </c>
      <c r="CL157" s="20">
        <v>1.04298</v>
      </c>
      <c r="CM157" s="20">
        <v>1.0699399999999999</v>
      </c>
      <c r="CN157" s="20">
        <v>0.84419699999999998</v>
      </c>
      <c r="CO157" s="20">
        <v>0.82487900000000003</v>
      </c>
      <c r="CP157" s="20">
        <v>0.79899600000000004</v>
      </c>
      <c r="CQ157" s="20">
        <v>0.93355999999999995</v>
      </c>
      <c r="CR157" s="20">
        <v>0.93880200000000003</v>
      </c>
      <c r="CS157" s="20">
        <v>0.953793</v>
      </c>
      <c r="CT157" s="20">
        <v>0.99324100000000004</v>
      </c>
      <c r="CU157" s="20">
        <v>0.99537100000000001</v>
      </c>
      <c r="CV157" s="20">
        <v>1.03047</v>
      </c>
      <c r="CW157" s="20">
        <v>1.01264</v>
      </c>
      <c r="CX157" s="20">
        <v>1.0164599999999999</v>
      </c>
      <c r="CY157" s="6" t="s">
        <v>399</v>
      </c>
      <c r="CZ157" s="6" t="s">
        <v>400</v>
      </c>
      <c r="DA157" s="6" t="s">
        <v>69</v>
      </c>
      <c r="DB157" s="6"/>
      <c r="DC157" s="6">
        <v>28140</v>
      </c>
      <c r="DD157" s="6">
        <v>312</v>
      </c>
      <c r="DE157" s="6" t="s">
        <v>402</v>
      </c>
      <c r="DF157" s="6" t="s">
        <v>375</v>
      </c>
      <c r="DG157" s="6" t="s">
        <v>376</v>
      </c>
      <c r="DH157" s="6" t="s">
        <v>328</v>
      </c>
      <c r="DI157" s="6" t="s">
        <v>377</v>
      </c>
      <c r="DJ157" s="6">
        <v>29</v>
      </c>
      <c r="DK157" s="6">
        <v>13</v>
      </c>
      <c r="DL157" s="6">
        <v>1</v>
      </c>
      <c r="DM157" s="6" t="s">
        <v>404</v>
      </c>
      <c r="DN157" s="6">
        <v>1</v>
      </c>
      <c r="DO157" s="6" t="s">
        <v>405</v>
      </c>
      <c r="DP157" s="6"/>
      <c r="DQ157" s="6"/>
    </row>
    <row r="158" spans="1:121" x14ac:dyDescent="0.2">
      <c r="A158" s="6" t="s">
        <v>322</v>
      </c>
      <c r="B158" s="6" t="s">
        <v>322</v>
      </c>
      <c r="C158" s="6" t="s">
        <v>191</v>
      </c>
      <c r="D158" s="6" t="s">
        <v>69</v>
      </c>
      <c r="E158" s="6" t="s">
        <v>210</v>
      </c>
      <c r="F158" s="11">
        <v>8</v>
      </c>
      <c r="G158" s="13">
        <v>0.27</v>
      </c>
      <c r="H158" s="11">
        <v>-1</v>
      </c>
      <c r="I158" s="13">
        <v>-3.3333333333333333E-2</v>
      </c>
      <c r="J158" s="11">
        <v>2</v>
      </c>
      <c r="K158" s="13">
        <v>6.8965517241379309E-2</v>
      </c>
      <c r="L158" s="11">
        <v>7</v>
      </c>
      <c r="M158" s="13">
        <v>0.22580645161290319</v>
      </c>
      <c r="N158" s="11">
        <v>9</v>
      </c>
      <c r="O158" s="13">
        <v>0.31034482758620691</v>
      </c>
      <c r="P158" s="7">
        <v>30</v>
      </c>
      <c r="Q158" s="7">
        <v>29</v>
      </c>
      <c r="R158" s="7">
        <v>31</v>
      </c>
      <c r="S158" s="7">
        <v>29</v>
      </c>
      <c r="T158" s="7">
        <v>31</v>
      </c>
      <c r="U158" s="7">
        <v>28</v>
      </c>
      <c r="V158" s="7">
        <v>29</v>
      </c>
      <c r="W158" s="7">
        <v>40</v>
      </c>
      <c r="X158" s="7">
        <v>32</v>
      </c>
      <c r="Y158" s="7">
        <v>31</v>
      </c>
      <c r="Z158" s="7">
        <v>29</v>
      </c>
      <c r="AA158" s="7">
        <v>32</v>
      </c>
      <c r="AB158" s="7">
        <v>28</v>
      </c>
      <c r="AC158" s="7">
        <v>25</v>
      </c>
      <c r="AD158" s="7">
        <v>27</v>
      </c>
      <c r="AE158" s="7">
        <v>35</v>
      </c>
      <c r="AF158" s="7">
        <v>38</v>
      </c>
      <c r="AG158" s="9">
        <v>13953</v>
      </c>
      <c r="AH158" s="13">
        <v>1.0190622261174409</v>
      </c>
      <c r="AI158" s="9">
        <v>-1229</v>
      </c>
      <c r="AJ158" s="13">
        <v>-8.9760444054922589E-2</v>
      </c>
      <c r="AK158" s="9">
        <v>-229</v>
      </c>
      <c r="AL158" s="13">
        <v>-1.8374388189039557E-2</v>
      </c>
      <c r="AM158" s="9">
        <v>15411</v>
      </c>
      <c r="AN158" s="13">
        <v>1.2596861206473762</v>
      </c>
      <c r="AO158" s="9">
        <v>15182</v>
      </c>
      <c r="AP158" s="13">
        <v>1.2181657706812163</v>
      </c>
      <c r="AQ158" s="9">
        <v>13692</v>
      </c>
      <c r="AR158" s="9">
        <v>15624</v>
      </c>
      <c r="AS158" s="9">
        <v>9164</v>
      </c>
      <c r="AT158" s="9">
        <v>10999</v>
      </c>
      <c r="AU158" s="9">
        <v>11555</v>
      </c>
      <c r="AV158" s="9">
        <v>12544</v>
      </c>
      <c r="AW158" s="9">
        <v>12463</v>
      </c>
      <c r="AX158" s="9">
        <v>11461</v>
      </c>
      <c r="AY158" s="9">
        <v>11536</v>
      </c>
      <c r="AZ158" s="9">
        <v>12234</v>
      </c>
      <c r="BA158" s="9">
        <v>12712</v>
      </c>
      <c r="BB158" s="9">
        <v>13615</v>
      </c>
      <c r="BC158" s="9">
        <v>13377</v>
      </c>
      <c r="BD158" s="9">
        <v>16079</v>
      </c>
      <c r="BE158" s="9">
        <v>15895</v>
      </c>
      <c r="BF158" s="9">
        <v>27645</v>
      </c>
      <c r="BG158" s="11">
        <v>0</v>
      </c>
      <c r="BH158" s="13">
        <v>0</v>
      </c>
      <c r="BI158" s="6">
        <v>1</v>
      </c>
      <c r="BJ158" s="13">
        <v>0.2</v>
      </c>
      <c r="BK158" s="6">
        <v>1</v>
      </c>
      <c r="BL158" s="13">
        <v>0.16666666666666666</v>
      </c>
      <c r="BM158" s="11">
        <v>-2</v>
      </c>
      <c r="BN158" s="13">
        <v>-0.2857142857142857</v>
      </c>
      <c r="BO158" s="11">
        <v>-1</v>
      </c>
      <c r="BP158" s="13">
        <v>-0.16666666666666666</v>
      </c>
      <c r="BQ158" s="6">
        <v>5</v>
      </c>
      <c r="BR158" s="6">
        <v>6</v>
      </c>
      <c r="BS158" s="6">
        <v>6</v>
      </c>
      <c r="BT158" s="6">
        <v>6</v>
      </c>
      <c r="BU158" s="6">
        <v>7</v>
      </c>
      <c r="BV158" s="6">
        <v>6</v>
      </c>
      <c r="BW158" s="6">
        <v>7</v>
      </c>
      <c r="BX158" s="6">
        <v>5</v>
      </c>
      <c r="BY158" s="6">
        <v>5</v>
      </c>
      <c r="BZ158" s="6">
        <v>5</v>
      </c>
      <c r="CA158" s="6">
        <v>5</v>
      </c>
      <c r="CB158" s="6">
        <v>4</v>
      </c>
      <c r="CC158" s="11">
        <v>5</v>
      </c>
      <c r="CD158" s="11">
        <v>0</v>
      </c>
      <c r="CE158" s="11">
        <v>5</v>
      </c>
      <c r="CF158" s="11">
        <v>3</v>
      </c>
      <c r="CG158" s="11">
        <v>8</v>
      </c>
      <c r="CH158" s="20">
        <v>0.45</v>
      </c>
      <c r="CI158" s="20">
        <v>0.42</v>
      </c>
      <c r="CJ158" s="20">
        <v>0.46</v>
      </c>
      <c r="CK158" s="20">
        <v>0.41</v>
      </c>
      <c r="CL158" s="20">
        <v>0.42</v>
      </c>
      <c r="CM158" s="20">
        <v>0.38</v>
      </c>
      <c r="CN158" s="20">
        <v>0.39</v>
      </c>
      <c r="CO158" s="20">
        <v>0.55000000000000004</v>
      </c>
      <c r="CP158" s="20">
        <v>0.43</v>
      </c>
      <c r="CQ158" s="20">
        <v>0.43</v>
      </c>
      <c r="CR158" s="20">
        <v>0.4</v>
      </c>
      <c r="CS158" s="20">
        <v>0.44</v>
      </c>
      <c r="CT158" s="20">
        <v>0.4</v>
      </c>
      <c r="CU158" s="20">
        <v>0.35</v>
      </c>
      <c r="CV158" s="20">
        <v>0.36</v>
      </c>
      <c r="CW158" s="20">
        <v>0.46</v>
      </c>
      <c r="CX158" s="20">
        <v>0.49</v>
      </c>
      <c r="CY158" s="6" t="s">
        <v>399</v>
      </c>
      <c r="CZ158" s="6" t="s">
        <v>400</v>
      </c>
      <c r="DA158" s="6" t="s">
        <v>69</v>
      </c>
      <c r="DB158" s="6"/>
      <c r="DC158" s="6">
        <v>28140</v>
      </c>
      <c r="DD158" s="6">
        <v>312</v>
      </c>
      <c r="DE158" s="6" t="s">
        <v>402</v>
      </c>
      <c r="DF158" s="6" t="s">
        <v>375</v>
      </c>
      <c r="DG158" s="6" t="s">
        <v>376</v>
      </c>
      <c r="DH158" s="6" t="s">
        <v>328</v>
      </c>
      <c r="DI158" s="6" t="s">
        <v>377</v>
      </c>
      <c r="DJ158" s="6">
        <v>29</v>
      </c>
      <c r="DK158" s="6">
        <v>13</v>
      </c>
      <c r="DL158" s="6">
        <v>1</v>
      </c>
      <c r="DM158" s="6" t="s">
        <v>404</v>
      </c>
      <c r="DN158" s="6">
        <v>1</v>
      </c>
      <c r="DO158" s="6" t="s">
        <v>405</v>
      </c>
      <c r="DP158" s="6"/>
      <c r="DQ158" s="6"/>
    </row>
    <row r="159" spans="1:121" x14ac:dyDescent="0.2">
      <c r="A159" s="6" t="s">
        <v>323</v>
      </c>
      <c r="B159" s="6" t="s">
        <v>323</v>
      </c>
      <c r="C159" s="6" t="s">
        <v>192</v>
      </c>
      <c r="D159" s="6" t="s">
        <v>69</v>
      </c>
      <c r="E159" s="6" t="s">
        <v>210</v>
      </c>
      <c r="F159" s="11">
        <v>45</v>
      </c>
      <c r="G159" s="13">
        <v>0.16605166051699999</v>
      </c>
      <c r="H159" s="11">
        <v>51.759759183999961</v>
      </c>
      <c r="I159" s="13">
        <v>0.19098519320373972</v>
      </c>
      <c r="J159" s="11">
        <v>-13.823419577999971</v>
      </c>
      <c r="K159" s="13">
        <v>-4.2826894075331079E-2</v>
      </c>
      <c r="L159" s="11">
        <v>7.1332472779999989</v>
      </c>
      <c r="M159" s="13">
        <v>2.3088614939425826E-2</v>
      </c>
      <c r="N159" s="11">
        <v>-6.690172299999972</v>
      </c>
      <c r="O159" s="13">
        <v>-2.0727092802262152E-2</v>
      </c>
      <c r="P159" s="7">
        <v>271.01451330200001</v>
      </c>
      <c r="Q159" s="7">
        <v>263.80739473</v>
      </c>
      <c r="R159" s="7">
        <v>254.41308628300001</v>
      </c>
      <c r="S159" s="7">
        <v>280.40068920700003</v>
      </c>
      <c r="T159" s="7">
        <v>257.397095084</v>
      </c>
      <c r="U159" s="7">
        <v>261.04590297800002</v>
      </c>
      <c r="V159" s="7">
        <v>322.77427248599997</v>
      </c>
      <c r="W159" s="7">
        <v>322.77736825099998</v>
      </c>
      <c r="X159" s="7">
        <v>367.94056217999997</v>
      </c>
      <c r="Y159" s="7">
        <v>308.950852908</v>
      </c>
      <c r="Z159" s="7">
        <v>318.881406717</v>
      </c>
      <c r="AA159" s="7">
        <v>317.46960334300002</v>
      </c>
      <c r="AB159" s="7">
        <v>298.20714217</v>
      </c>
      <c r="AC159" s="7">
        <v>298.12330350399998</v>
      </c>
      <c r="AD159" s="7">
        <v>294.789543036</v>
      </c>
      <c r="AE159" s="7">
        <v>315.93471186300002</v>
      </c>
      <c r="AF159" s="7">
        <v>316.084100186</v>
      </c>
      <c r="AG159" s="9">
        <v>4414.9599730300015</v>
      </c>
      <c r="AH159" s="13">
        <v>0.49207194440994262</v>
      </c>
      <c r="AI159" s="9">
        <v>3103.0653252299999</v>
      </c>
      <c r="AJ159" s="13">
        <v>0.34585395961564269</v>
      </c>
      <c r="AK159" s="9">
        <v>94.255704400000468</v>
      </c>
      <c r="AL159" s="13">
        <v>7.8056943346913252E-3</v>
      </c>
      <c r="AM159" s="9">
        <v>1217.6389434000012</v>
      </c>
      <c r="AN159" s="13">
        <v>0.1000565718412105</v>
      </c>
      <c r="AO159" s="9">
        <v>1311.8946478000016</v>
      </c>
      <c r="AP159" s="13">
        <v>0.1086432771918714</v>
      </c>
      <c r="AQ159" s="9">
        <v>8972.1838913699994</v>
      </c>
      <c r="AR159" s="9">
        <v>8904.59170017</v>
      </c>
      <c r="AS159" s="9">
        <v>9748.6083438400001</v>
      </c>
      <c r="AT159" s="9">
        <v>10104.165445799999</v>
      </c>
      <c r="AU159" s="9">
        <v>10921.645310399999</v>
      </c>
      <c r="AV159" s="9">
        <v>11128.7544079</v>
      </c>
      <c r="AW159" s="9">
        <v>12075.249216599999</v>
      </c>
      <c r="AX159" s="9">
        <v>11976.4303991</v>
      </c>
      <c r="AY159" s="9">
        <v>11951.0399063</v>
      </c>
      <c r="AZ159" s="9">
        <v>12169.504921</v>
      </c>
      <c r="BA159" s="9">
        <v>12150.8057011</v>
      </c>
      <c r="BB159" s="9">
        <v>12414.9575623</v>
      </c>
      <c r="BC159" s="9">
        <v>12696.8429277</v>
      </c>
      <c r="BD159" s="9">
        <v>12436.4797315</v>
      </c>
      <c r="BE159" s="9">
        <v>13351.666102699999</v>
      </c>
      <c r="BF159" s="9">
        <v>13387.143864400001</v>
      </c>
      <c r="BG159" s="11">
        <v>-5.25</v>
      </c>
      <c r="BH159" s="13">
        <v>-0.18103448275862069</v>
      </c>
      <c r="BI159" s="6">
        <v>-4</v>
      </c>
      <c r="BJ159" s="13">
        <v>-0.13793103448275862</v>
      </c>
      <c r="BK159" s="6">
        <v>1</v>
      </c>
      <c r="BL159" s="13">
        <v>0.04</v>
      </c>
      <c r="BM159" s="11">
        <v>-2.25</v>
      </c>
      <c r="BN159" s="13">
        <v>-8.6538461538461536E-2</v>
      </c>
      <c r="BO159" s="11">
        <v>-1.25</v>
      </c>
      <c r="BP159" s="13">
        <v>-0.05</v>
      </c>
      <c r="BQ159" s="6">
        <v>29</v>
      </c>
      <c r="BR159" s="6">
        <v>25</v>
      </c>
      <c r="BS159" s="6">
        <v>24</v>
      </c>
      <c r="BT159" s="6">
        <v>25</v>
      </c>
      <c r="BU159" s="6">
        <v>27</v>
      </c>
      <c r="BV159" s="6">
        <v>28</v>
      </c>
      <c r="BW159" s="6">
        <v>26</v>
      </c>
      <c r="BX159" s="6">
        <v>28</v>
      </c>
      <c r="BY159" s="6">
        <v>26</v>
      </c>
      <c r="BZ159" s="6">
        <v>25</v>
      </c>
      <c r="CA159" s="6">
        <v>24</v>
      </c>
      <c r="CB159" s="6">
        <v>25</v>
      </c>
      <c r="CC159" s="11">
        <v>23.75</v>
      </c>
      <c r="CD159" s="11">
        <v>-46.1858</v>
      </c>
      <c r="CE159" s="11">
        <v>61.630200000000002</v>
      </c>
      <c r="CF159" s="11">
        <v>29.6251</v>
      </c>
      <c r="CG159" s="11">
        <v>92</v>
      </c>
      <c r="CH159" s="20">
        <v>0.84649799999999997</v>
      </c>
      <c r="CI159" s="20">
        <v>0.80929499999999999</v>
      </c>
      <c r="CJ159" s="20">
        <v>0.76776500000000003</v>
      </c>
      <c r="CK159" s="20">
        <v>0.81409299999999996</v>
      </c>
      <c r="CL159" s="20">
        <v>0.72615300000000005</v>
      </c>
      <c r="CM159" s="20">
        <v>0.71187900000000004</v>
      </c>
      <c r="CN159" s="20">
        <v>0.89206200000000002</v>
      </c>
      <c r="CO159" s="20">
        <v>0.90654100000000004</v>
      </c>
      <c r="CP159" s="20">
        <v>1.02536</v>
      </c>
      <c r="CQ159" s="20">
        <v>0.88956800000000003</v>
      </c>
      <c r="CR159" s="20">
        <v>0.90586999999999995</v>
      </c>
      <c r="CS159" s="20">
        <v>0.88168800000000003</v>
      </c>
      <c r="CT159" s="20">
        <v>0.83397200000000005</v>
      </c>
      <c r="CU159" s="20">
        <v>0.81762400000000002</v>
      </c>
      <c r="CV159" s="20">
        <v>0.78576599999999996</v>
      </c>
      <c r="CW159" s="20">
        <v>0.82595200000000002</v>
      </c>
      <c r="CX159" s="20">
        <v>0.80849700000000002</v>
      </c>
      <c r="CY159" s="6" t="s">
        <v>399</v>
      </c>
      <c r="CZ159" s="6" t="s">
        <v>400</v>
      </c>
      <c r="DA159" s="6" t="s">
        <v>69</v>
      </c>
      <c r="DB159" s="6"/>
      <c r="DC159" s="6">
        <v>28140</v>
      </c>
      <c r="DD159" s="6">
        <v>312</v>
      </c>
      <c r="DE159" s="6" t="s">
        <v>402</v>
      </c>
      <c r="DF159" s="6" t="s">
        <v>375</v>
      </c>
      <c r="DG159" s="6" t="s">
        <v>376</v>
      </c>
      <c r="DH159" s="6" t="s">
        <v>328</v>
      </c>
      <c r="DI159" s="6" t="s">
        <v>377</v>
      </c>
      <c r="DJ159" s="6">
        <v>29</v>
      </c>
      <c r="DK159" s="6">
        <v>13</v>
      </c>
      <c r="DL159" s="6">
        <v>1</v>
      </c>
      <c r="DM159" s="6" t="s">
        <v>404</v>
      </c>
      <c r="DN159" s="6">
        <v>1</v>
      </c>
      <c r="DO159" s="6" t="s">
        <v>405</v>
      </c>
      <c r="DP159" s="6"/>
      <c r="DQ159" s="6"/>
    </row>
    <row r="160" spans="1:121" x14ac:dyDescent="0.2">
      <c r="A160" s="6" t="s">
        <v>325</v>
      </c>
      <c r="B160" s="6" t="s">
        <v>325</v>
      </c>
      <c r="C160" s="6" t="s">
        <v>193</v>
      </c>
      <c r="D160" s="6" t="s">
        <v>69</v>
      </c>
      <c r="E160" s="6" t="s">
        <v>210</v>
      </c>
      <c r="F160" s="11">
        <v>-55</v>
      </c>
      <c r="G160" s="13">
        <v>-0.2466367713</v>
      </c>
      <c r="H160" s="11">
        <v>88.627419884000005</v>
      </c>
      <c r="I160" s="13">
        <v>0.39665336251481881</v>
      </c>
      <c r="J160" s="11">
        <v>-47.298474397000007</v>
      </c>
      <c r="K160" s="13">
        <v>-0.1515659114478706</v>
      </c>
      <c r="L160" s="11">
        <v>-96.636834022000016</v>
      </c>
      <c r="M160" s="13">
        <v>-0.36498833661379154</v>
      </c>
      <c r="N160" s="11">
        <v>-143.93530841900002</v>
      </c>
      <c r="O160" s="13">
        <v>-0.46123445815495062</v>
      </c>
      <c r="P160" s="7">
        <v>223.437964378</v>
      </c>
      <c r="Q160" s="7">
        <v>234.344160886</v>
      </c>
      <c r="R160" s="7">
        <v>264.26601950499997</v>
      </c>
      <c r="S160" s="7">
        <v>289.47716218300002</v>
      </c>
      <c r="T160" s="7">
        <v>311.53050474299999</v>
      </c>
      <c r="U160" s="7">
        <v>347.76885252699998</v>
      </c>
      <c r="V160" s="7">
        <v>312.06538426200001</v>
      </c>
      <c r="W160" s="7">
        <v>307.45690822199998</v>
      </c>
      <c r="X160" s="7">
        <v>279.66192837300002</v>
      </c>
      <c r="Y160" s="7">
        <v>264.766909865</v>
      </c>
      <c r="Z160" s="7">
        <v>261.61282186699998</v>
      </c>
      <c r="AA160" s="7">
        <v>260.35186069700001</v>
      </c>
      <c r="AB160" s="7">
        <v>180.49389262299999</v>
      </c>
      <c r="AC160" s="7">
        <v>167.332304658</v>
      </c>
      <c r="AD160" s="7">
        <v>169.486030279</v>
      </c>
      <c r="AE160" s="7">
        <v>170.183713869</v>
      </c>
      <c r="AF160" s="7">
        <v>168.13007584299999</v>
      </c>
      <c r="AG160" s="9">
        <v>3172.2356577999981</v>
      </c>
      <c r="AH160" s="13">
        <v>0.20462086138846319</v>
      </c>
      <c r="AI160" s="9">
        <v>-282.92889550000109</v>
      </c>
      <c r="AJ160" s="13">
        <v>-1.8249953835096429E-2</v>
      </c>
      <c r="AK160" s="9">
        <v>-1382.0835370999994</v>
      </c>
      <c r="AL160" s="13">
        <v>-9.0806686661855804E-2</v>
      </c>
      <c r="AM160" s="9">
        <v>4837.2480903999985</v>
      </c>
      <c r="AN160" s="13">
        <v>0.349563166287509</v>
      </c>
      <c r="AO160" s="9">
        <v>3455.1645532999992</v>
      </c>
      <c r="AP160" s="13">
        <v>0.22701380671605725</v>
      </c>
      <c r="AQ160" s="9">
        <v>15502.9923942</v>
      </c>
      <c r="AR160" s="9">
        <v>14626.7430871</v>
      </c>
      <c r="AS160" s="9">
        <v>15167.6139881</v>
      </c>
      <c r="AT160" s="9">
        <v>15416.5476533</v>
      </c>
      <c r="AU160" s="9">
        <v>13908.7816743</v>
      </c>
      <c r="AV160" s="9">
        <v>14263.260554500001</v>
      </c>
      <c r="AW160" s="9">
        <v>15220.063498699999</v>
      </c>
      <c r="AX160" s="9">
        <v>14676.1707737</v>
      </c>
      <c r="AY160" s="9">
        <v>14316.8020772</v>
      </c>
      <c r="AZ160" s="9">
        <v>13837.9799616</v>
      </c>
      <c r="BA160" s="9">
        <v>14071.7169971</v>
      </c>
      <c r="BB160" s="9">
        <v>14227.7975135</v>
      </c>
      <c r="BC160" s="9">
        <v>17776.7534495</v>
      </c>
      <c r="BD160" s="9">
        <v>18594.9786351</v>
      </c>
      <c r="BE160" s="9">
        <v>18413.0880937</v>
      </c>
      <c r="BF160" s="9">
        <v>18675.228051999999</v>
      </c>
      <c r="BG160" s="11">
        <v>-31.5</v>
      </c>
      <c r="BH160" s="13">
        <v>-0.63</v>
      </c>
      <c r="BI160" s="6">
        <v>25</v>
      </c>
      <c r="BJ160" s="13">
        <v>0.5</v>
      </c>
      <c r="BK160" s="6">
        <v>-8</v>
      </c>
      <c r="BL160" s="13">
        <v>-0.10666666666666667</v>
      </c>
      <c r="BM160" s="11">
        <v>-48.5</v>
      </c>
      <c r="BN160" s="13">
        <v>-0.72388059701492535</v>
      </c>
      <c r="BO160" s="11">
        <v>-56.5</v>
      </c>
      <c r="BP160" s="13">
        <v>-0.7533333333333333</v>
      </c>
      <c r="BQ160" s="6">
        <v>50</v>
      </c>
      <c r="BR160" s="6">
        <v>63</v>
      </c>
      <c r="BS160" s="6">
        <v>82</v>
      </c>
      <c r="BT160" s="6">
        <v>75</v>
      </c>
      <c r="BU160" s="6">
        <v>78</v>
      </c>
      <c r="BV160" s="6">
        <v>73</v>
      </c>
      <c r="BW160" s="6">
        <v>67</v>
      </c>
      <c r="BX160" s="6">
        <v>65</v>
      </c>
      <c r="BY160" s="6">
        <v>66</v>
      </c>
      <c r="BZ160" s="6">
        <v>20</v>
      </c>
      <c r="CA160" s="6">
        <v>21</v>
      </c>
      <c r="CB160" s="6">
        <v>21</v>
      </c>
      <c r="CC160" s="11">
        <v>18.5</v>
      </c>
      <c r="CD160" s="11">
        <v>-77.674700000000001</v>
      </c>
      <c r="CE160" s="11">
        <v>-2.0576500000000002</v>
      </c>
      <c r="CF160" s="11">
        <v>24.424499999999998</v>
      </c>
      <c r="CG160" s="11">
        <v>22</v>
      </c>
      <c r="CH160" s="20">
        <v>1.0274399999999999</v>
      </c>
      <c r="CI160" s="20">
        <v>1.05399</v>
      </c>
      <c r="CJ160" s="20">
        <v>1.1759200000000001</v>
      </c>
      <c r="CK160" s="20">
        <v>1.2616799999999999</v>
      </c>
      <c r="CL160" s="20">
        <v>1.34124</v>
      </c>
      <c r="CM160" s="20">
        <v>1.46085</v>
      </c>
      <c r="CN160" s="20">
        <v>1.3350900000000001</v>
      </c>
      <c r="CO160" s="20">
        <v>1.33544</v>
      </c>
      <c r="CP160" s="20">
        <v>1.1807099999999999</v>
      </c>
      <c r="CQ160" s="20">
        <v>1.1635200000000001</v>
      </c>
      <c r="CR160" s="20">
        <v>1.15082</v>
      </c>
      <c r="CS160" s="20">
        <v>1.1283099999999999</v>
      </c>
      <c r="CT160" s="20">
        <v>0.85923899999999998</v>
      </c>
      <c r="CU160" s="20">
        <v>0.78950299999999995</v>
      </c>
      <c r="CV160" s="20">
        <v>0.79257900000000003</v>
      </c>
      <c r="CW160" s="20">
        <v>0.78884600000000005</v>
      </c>
      <c r="CX160" s="20">
        <v>0.76929800000000004</v>
      </c>
      <c r="CY160" s="6" t="s">
        <v>399</v>
      </c>
      <c r="CZ160" s="6" t="s">
        <v>400</v>
      </c>
      <c r="DA160" s="6" t="s">
        <v>69</v>
      </c>
      <c r="DB160" s="6"/>
      <c r="DC160" s="6">
        <v>28140</v>
      </c>
      <c r="DD160" s="6">
        <v>312</v>
      </c>
      <c r="DE160" s="6" t="s">
        <v>402</v>
      </c>
      <c r="DF160" s="6" t="s">
        <v>375</v>
      </c>
      <c r="DG160" s="6" t="s">
        <v>376</v>
      </c>
      <c r="DH160" s="6" t="s">
        <v>328</v>
      </c>
      <c r="DI160" s="6" t="s">
        <v>377</v>
      </c>
      <c r="DJ160" s="6">
        <v>29</v>
      </c>
      <c r="DK160" s="6">
        <v>13</v>
      </c>
      <c r="DL160" s="6">
        <v>1</v>
      </c>
      <c r="DM160" s="6" t="s">
        <v>404</v>
      </c>
      <c r="DN160" s="6">
        <v>1</v>
      </c>
      <c r="DO160" s="6" t="s">
        <v>405</v>
      </c>
      <c r="DP160" s="6"/>
      <c r="DQ160" s="6"/>
    </row>
    <row r="161" spans="1:121" x14ac:dyDescent="0.2">
      <c r="A161" s="6" t="s">
        <v>327</v>
      </c>
      <c r="B161" s="6" t="s">
        <v>327</v>
      </c>
      <c r="C161" s="6" t="s">
        <v>194</v>
      </c>
      <c r="D161" s="6" t="s">
        <v>69</v>
      </c>
      <c r="E161" s="6" t="s">
        <v>210</v>
      </c>
      <c r="F161" s="11">
        <v>-73</v>
      </c>
      <c r="G161" s="13">
        <v>-5.8213716108499999E-2</v>
      </c>
      <c r="H161" s="11">
        <v>18.793571000000156</v>
      </c>
      <c r="I161" s="13">
        <v>1.4987600201141276E-2</v>
      </c>
      <c r="J161" s="11">
        <v>38.249776999999995</v>
      </c>
      <c r="K161" s="13">
        <v>3.0053216605529981E-2</v>
      </c>
      <c r="L161" s="11">
        <v>-129.85236961999999</v>
      </c>
      <c r="M161" s="13">
        <v>-9.9049496136894524E-2</v>
      </c>
      <c r="N161" s="11">
        <v>-91.602592619999996</v>
      </c>
      <c r="O161" s="13">
        <v>-7.1973035493435228E-2</v>
      </c>
      <c r="P161" s="7">
        <v>1253.9413079999999</v>
      </c>
      <c r="Q161" s="7">
        <v>1249.8306379999999</v>
      </c>
      <c r="R161" s="7">
        <v>1252.5797</v>
      </c>
      <c r="S161" s="7">
        <v>1256.2030099999999</v>
      </c>
      <c r="T161" s="7">
        <v>1266.563159</v>
      </c>
      <c r="U161" s="7">
        <v>1254.5382709999999</v>
      </c>
      <c r="V161" s="7">
        <v>1272.7348790000001</v>
      </c>
      <c r="W161" s="7">
        <v>1270.5406390000001</v>
      </c>
      <c r="X161" s="7">
        <v>1302.543903</v>
      </c>
      <c r="Y161" s="7">
        <v>1310.9846560000001</v>
      </c>
      <c r="Z161" s="7">
        <v>1299.3257639999999</v>
      </c>
      <c r="AA161" s="7">
        <v>1270.904687</v>
      </c>
      <c r="AB161" s="7">
        <v>1227.777122</v>
      </c>
      <c r="AC161" s="7">
        <v>1209.910333</v>
      </c>
      <c r="AD161" s="7">
        <v>1194.864646</v>
      </c>
      <c r="AE161" s="7">
        <v>1195.40843475</v>
      </c>
      <c r="AF161" s="7">
        <v>1181.1322863800001</v>
      </c>
      <c r="AG161" s="9">
        <v>17706.972377900001</v>
      </c>
      <c r="AH161" s="13">
        <v>0.59748055637825426</v>
      </c>
      <c r="AI161" s="9">
        <v>10700.592630000003</v>
      </c>
      <c r="AJ161" s="13">
        <v>0.36106658449013113</v>
      </c>
      <c r="AK161" s="9">
        <v>4662.5136090999949</v>
      </c>
      <c r="AL161" s="13">
        <v>0.11558998506558479</v>
      </c>
      <c r="AM161" s="9">
        <v>2343.8661388000037</v>
      </c>
      <c r="AN161" s="13">
        <v>5.2086873914843047E-2</v>
      </c>
      <c r="AO161" s="9">
        <v>7006.3797478999986</v>
      </c>
      <c r="AP161" s="13">
        <v>0.17369757995835755</v>
      </c>
      <c r="AQ161" s="9">
        <v>29636.064619799999</v>
      </c>
      <c r="AR161" s="9">
        <v>31401.423474300002</v>
      </c>
      <c r="AS161" s="9">
        <v>33116.311053899997</v>
      </c>
      <c r="AT161" s="9">
        <v>34840.973972799999</v>
      </c>
      <c r="AU161" s="9">
        <v>36622.049808299998</v>
      </c>
      <c r="AV161" s="9">
        <v>37909.3516752</v>
      </c>
      <c r="AW161" s="9">
        <v>40336.657249800002</v>
      </c>
      <c r="AX161" s="9">
        <v>40846.968057600003</v>
      </c>
      <c r="AY161" s="9">
        <v>42507.109002600002</v>
      </c>
      <c r="AZ161" s="9">
        <v>44999.170858899997</v>
      </c>
      <c r="BA161" s="9">
        <v>45309.781542299999</v>
      </c>
      <c r="BB161" s="9">
        <v>45855.046286700002</v>
      </c>
      <c r="BC161" s="9">
        <v>46271.264569300001</v>
      </c>
      <c r="BD161" s="9">
        <v>45233.269283499998</v>
      </c>
      <c r="BE161" s="9">
        <v>46506.697750699997</v>
      </c>
      <c r="BF161" s="9">
        <v>47343.036997700001</v>
      </c>
      <c r="BG161" s="11">
        <v>-2.75</v>
      </c>
      <c r="BH161" s="13">
        <v>-3.7671232876712327E-2</v>
      </c>
      <c r="BI161" s="6">
        <v>2</v>
      </c>
      <c r="BJ161" s="13">
        <v>2.7397260273972601E-2</v>
      </c>
      <c r="BK161" s="6">
        <v>-4</v>
      </c>
      <c r="BL161" s="13">
        <v>-5.3333333333333337E-2</v>
      </c>
      <c r="BM161" s="11">
        <v>-0.75</v>
      </c>
      <c r="BN161" s="13">
        <v>-1.0563380281690141E-2</v>
      </c>
      <c r="BO161" s="11">
        <v>-4.75</v>
      </c>
      <c r="BP161" s="13">
        <v>-6.3333333333333339E-2</v>
      </c>
      <c r="BQ161" s="6">
        <v>73</v>
      </c>
      <c r="BR161" s="6">
        <v>71</v>
      </c>
      <c r="BS161" s="6">
        <v>72</v>
      </c>
      <c r="BT161" s="6">
        <v>75</v>
      </c>
      <c r="BU161" s="6">
        <v>74</v>
      </c>
      <c r="BV161" s="6">
        <v>74</v>
      </c>
      <c r="BW161" s="6">
        <v>71</v>
      </c>
      <c r="BX161" s="6">
        <v>71</v>
      </c>
      <c r="BY161" s="6">
        <v>73</v>
      </c>
      <c r="BZ161" s="6">
        <v>71</v>
      </c>
      <c r="CA161" s="6">
        <v>71</v>
      </c>
      <c r="CB161" s="6">
        <v>70</v>
      </c>
      <c r="CC161" s="11">
        <v>70.25</v>
      </c>
      <c r="CD161" s="11">
        <v>-136.36799999999999</v>
      </c>
      <c r="CE161" s="11">
        <v>-73.511899999999997</v>
      </c>
      <c r="CF161" s="11">
        <v>137.071</v>
      </c>
      <c r="CG161" s="11">
        <v>63</v>
      </c>
      <c r="CH161" s="20">
        <v>1.7358199999999999</v>
      </c>
      <c r="CI161" s="20">
        <v>1.6889000000000001</v>
      </c>
      <c r="CJ161" s="20">
        <v>1.68696</v>
      </c>
      <c r="CK161" s="20">
        <v>1.6691400000000001</v>
      </c>
      <c r="CL161" s="20">
        <v>1.66622</v>
      </c>
      <c r="CM161" s="20">
        <v>1.6208899999999999</v>
      </c>
      <c r="CN161" s="20">
        <v>1.68679</v>
      </c>
      <c r="CO161" s="20">
        <v>1.6924600000000001</v>
      </c>
      <c r="CP161" s="20">
        <v>1.6676599999999999</v>
      </c>
      <c r="CQ161" s="20">
        <v>1.7370699999999999</v>
      </c>
      <c r="CR161" s="20">
        <v>1.7638199999999999</v>
      </c>
      <c r="CS161" s="20">
        <v>1.7573399999999999</v>
      </c>
      <c r="CT161" s="20">
        <v>1.7713000000000001</v>
      </c>
      <c r="CU161" s="20">
        <v>1.7627299999999999</v>
      </c>
      <c r="CV161" s="20">
        <v>1.74021</v>
      </c>
      <c r="CW161" s="20">
        <v>1.73441</v>
      </c>
      <c r="CX161" s="20">
        <v>1.70347</v>
      </c>
      <c r="CY161" s="6" t="s">
        <v>399</v>
      </c>
      <c r="CZ161" s="6" t="s">
        <v>400</v>
      </c>
      <c r="DA161" s="6" t="s">
        <v>69</v>
      </c>
      <c r="DB161" s="6"/>
      <c r="DC161" s="6">
        <v>28140</v>
      </c>
      <c r="DD161" s="6">
        <v>312</v>
      </c>
      <c r="DE161" s="6" t="s">
        <v>402</v>
      </c>
      <c r="DF161" s="6" t="s">
        <v>375</v>
      </c>
      <c r="DG161" s="6" t="s">
        <v>376</v>
      </c>
      <c r="DH161" s="6" t="s">
        <v>328</v>
      </c>
      <c r="DI161" s="6" t="s">
        <v>377</v>
      </c>
      <c r="DJ161" s="6">
        <v>29</v>
      </c>
      <c r="DK161" s="6">
        <v>13</v>
      </c>
      <c r="DL161" s="6">
        <v>1</v>
      </c>
      <c r="DM161" s="6" t="s">
        <v>404</v>
      </c>
      <c r="DN161" s="6">
        <v>1</v>
      </c>
      <c r="DO161" s="6" t="s">
        <v>405</v>
      </c>
      <c r="DP161" s="6"/>
      <c r="DQ161" s="6"/>
    </row>
    <row r="162" spans="1:121" x14ac:dyDescent="0.2">
      <c r="A162" s="6" t="s">
        <v>1</v>
      </c>
      <c r="B162" s="6" t="s">
        <v>1</v>
      </c>
      <c r="C162" s="6" t="s">
        <v>2</v>
      </c>
      <c r="D162" s="6" t="s">
        <v>106</v>
      </c>
      <c r="E162" s="6" t="s">
        <v>247</v>
      </c>
      <c r="F162" s="11">
        <v>18</v>
      </c>
      <c r="G162" s="13">
        <v>0.33962264150900001</v>
      </c>
      <c r="H162" s="11">
        <v>-32.318398312300005</v>
      </c>
      <c r="I162" s="13">
        <v>-0.60705089539420742</v>
      </c>
      <c r="J162" s="11">
        <v>34.035953372400002</v>
      </c>
      <c r="K162" s="13">
        <v>1.6269600590436062</v>
      </c>
      <c r="L162" s="11">
        <v>16.513317706700001</v>
      </c>
      <c r="M162" s="13">
        <v>0.30048295269445718</v>
      </c>
      <c r="N162" s="11">
        <v>50.549271079100009</v>
      </c>
      <c r="O162" s="13">
        <v>2.416316774195435</v>
      </c>
      <c r="P162" s="7">
        <v>53.238366926899999</v>
      </c>
      <c r="Q162" s="7">
        <v>58.789824175299998</v>
      </c>
      <c r="R162" s="7">
        <v>55.753667720300001</v>
      </c>
      <c r="S162" s="7">
        <v>26.338550915500001</v>
      </c>
      <c r="T162" s="7">
        <v>39.3575029402</v>
      </c>
      <c r="U162" s="7">
        <v>43.259584670000002</v>
      </c>
      <c r="V162" s="7">
        <v>20.919968614599998</v>
      </c>
      <c r="W162" s="7">
        <v>19.786566382099998</v>
      </c>
      <c r="X162" s="7">
        <v>48.529856877299999</v>
      </c>
      <c r="Y162" s="7">
        <v>54.955921987000004</v>
      </c>
      <c r="Z162" s="7">
        <v>69.213781137799998</v>
      </c>
      <c r="AA162" s="7">
        <v>59.730658745299998</v>
      </c>
      <c r="AB162" s="7">
        <v>59.1528767796</v>
      </c>
      <c r="AC162" s="7">
        <v>58.375449340000003</v>
      </c>
      <c r="AD162" s="7">
        <v>53.9436103464</v>
      </c>
      <c r="AE162" s="7">
        <v>68.387656943699994</v>
      </c>
      <c r="AF162" s="7">
        <v>71.469239693700004</v>
      </c>
      <c r="AG162" s="9">
        <v>3305.0973769000011</v>
      </c>
      <c r="AH162" s="13">
        <v>0.17819631798972022</v>
      </c>
      <c r="AI162" s="9">
        <v>138.24599570000282</v>
      </c>
      <c r="AJ162" s="13">
        <v>7.453616218009709E-3</v>
      </c>
      <c r="AK162" s="9">
        <v>1438.5068240000001</v>
      </c>
      <c r="AL162" s="13">
        <v>7.6984152482180435E-2</v>
      </c>
      <c r="AM162" s="9">
        <v>1728.3445571999982</v>
      </c>
      <c r="AN162" s="13">
        <v>8.5883635495915323E-2</v>
      </c>
      <c r="AO162" s="9">
        <v>3166.8513811999983</v>
      </c>
      <c r="AP162" s="13">
        <v>0.1694794668688373</v>
      </c>
      <c r="AQ162" s="9">
        <v>18547.506560099999</v>
      </c>
      <c r="AR162" s="9">
        <v>19457.449905199999</v>
      </c>
      <c r="AS162" s="9">
        <v>17967.216677100001</v>
      </c>
      <c r="AT162" s="9">
        <v>17762.245871200001</v>
      </c>
      <c r="AU162" s="9">
        <v>18749.791209700001</v>
      </c>
      <c r="AV162" s="9">
        <v>18931.688111399999</v>
      </c>
      <c r="AW162" s="9">
        <v>18685.752555800002</v>
      </c>
      <c r="AX162" s="9">
        <v>18280.620088899999</v>
      </c>
      <c r="AY162" s="9">
        <v>19985.376669500001</v>
      </c>
      <c r="AZ162" s="9">
        <v>20124.259379800002</v>
      </c>
      <c r="BA162" s="9">
        <v>18730.718126200001</v>
      </c>
      <c r="BB162" s="9">
        <v>21374.431434300001</v>
      </c>
      <c r="BC162" s="9">
        <v>23251.003496099998</v>
      </c>
      <c r="BD162" s="9">
        <v>21679.5316379</v>
      </c>
      <c r="BE162" s="9">
        <v>24788.521157700001</v>
      </c>
      <c r="BF162" s="9">
        <v>21852.603937</v>
      </c>
      <c r="BG162" s="11">
        <v>1.25</v>
      </c>
      <c r="BH162" s="13">
        <v>0.41666666666666669</v>
      </c>
      <c r="BI162" s="6">
        <v>-1</v>
      </c>
      <c r="BJ162" s="13">
        <v>-0.33333333333333331</v>
      </c>
      <c r="BK162" s="6">
        <v>2</v>
      </c>
      <c r="BL162" s="13">
        <v>1</v>
      </c>
      <c r="BM162" s="11">
        <v>0.25</v>
      </c>
      <c r="BN162" s="13">
        <v>6.25E-2</v>
      </c>
      <c r="BO162" s="11">
        <v>2.25</v>
      </c>
      <c r="BP162" s="13">
        <v>1.125</v>
      </c>
      <c r="BQ162" s="6">
        <v>3</v>
      </c>
      <c r="BR162" s="6">
        <v>4</v>
      </c>
      <c r="BS162" s="6">
        <v>3</v>
      </c>
      <c r="BT162" s="6">
        <v>2</v>
      </c>
      <c r="BU162" s="6">
        <v>3</v>
      </c>
      <c r="BV162" s="6">
        <v>4</v>
      </c>
      <c r="BW162" s="6">
        <v>4</v>
      </c>
      <c r="BX162" s="6">
        <v>4</v>
      </c>
      <c r="BY162" s="6">
        <v>3</v>
      </c>
      <c r="BZ162" s="6">
        <v>2</v>
      </c>
      <c r="CA162" s="6">
        <v>3</v>
      </c>
      <c r="CB162" s="6">
        <v>4</v>
      </c>
      <c r="CC162" s="11">
        <v>4.25</v>
      </c>
      <c r="CD162" s="11">
        <v>17.2652</v>
      </c>
      <c r="CE162" s="11">
        <v>-4.8539399999999997</v>
      </c>
      <c r="CF162" s="11">
        <v>5.8195899999999998</v>
      </c>
      <c r="CG162" s="11">
        <v>1</v>
      </c>
      <c r="CH162" s="20">
        <v>0.97174099999999997</v>
      </c>
      <c r="CI162" s="20">
        <v>1.0180800000000001</v>
      </c>
      <c r="CJ162" s="20">
        <v>0.91677900000000001</v>
      </c>
      <c r="CK162" s="20">
        <v>0.42365999999999998</v>
      </c>
      <c r="CL162" s="20">
        <v>0.63271200000000005</v>
      </c>
      <c r="CM162" s="20">
        <v>0.69945500000000005</v>
      </c>
      <c r="CN162" s="20">
        <v>0.350773</v>
      </c>
      <c r="CO162" s="20">
        <v>0.35112700000000002</v>
      </c>
      <c r="CP162" s="20">
        <v>0.85513700000000004</v>
      </c>
      <c r="CQ162" s="20">
        <v>0.98088699999999995</v>
      </c>
      <c r="CR162" s="20">
        <v>1.2479499999999999</v>
      </c>
      <c r="CS162" s="20">
        <v>1.06873</v>
      </c>
      <c r="CT162" s="20">
        <v>1.06124</v>
      </c>
      <c r="CU162" s="20">
        <v>1.0758000000000001</v>
      </c>
      <c r="CV162" s="20">
        <v>0.99026700000000001</v>
      </c>
      <c r="CW162" s="20">
        <v>1.2417899999999999</v>
      </c>
      <c r="CX162" s="20">
        <v>1.2836799999999999</v>
      </c>
      <c r="CY162" s="6" t="s">
        <v>406</v>
      </c>
      <c r="CZ162" s="6" t="s">
        <v>407</v>
      </c>
      <c r="DA162" s="6" t="s">
        <v>106</v>
      </c>
      <c r="DB162" s="6" t="s">
        <v>345</v>
      </c>
      <c r="DC162" s="6"/>
      <c r="DD162" s="6"/>
      <c r="DE162" s="6"/>
      <c r="DF162" s="6"/>
      <c r="DG162" s="6"/>
      <c r="DH162" s="6" t="s">
        <v>333</v>
      </c>
      <c r="DI162" s="6"/>
      <c r="DJ162" s="6"/>
      <c r="DK162" s="6"/>
      <c r="DL162" s="6">
        <v>10</v>
      </c>
      <c r="DM162" s="6" t="s">
        <v>383</v>
      </c>
      <c r="DN162" s="6">
        <v>7</v>
      </c>
      <c r="DO162" s="6" t="s">
        <v>369</v>
      </c>
      <c r="DP162" s="6"/>
      <c r="DQ162" s="6"/>
    </row>
    <row r="163" spans="1:121" x14ac:dyDescent="0.2">
      <c r="A163" s="6" t="s">
        <v>310</v>
      </c>
      <c r="B163" s="6" t="s">
        <v>310</v>
      </c>
      <c r="C163" s="6" t="s">
        <v>173</v>
      </c>
      <c r="D163" s="6" t="s">
        <v>106</v>
      </c>
      <c r="E163" s="6" t="s">
        <v>247</v>
      </c>
      <c r="F163" s="11">
        <v>1</v>
      </c>
      <c r="G163" s="13">
        <v>1</v>
      </c>
      <c r="H163" s="11">
        <v>10.196978</v>
      </c>
      <c r="I163" s="13">
        <v>2.0393956000000002</v>
      </c>
      <c r="J163" s="11">
        <v>3.0182659999999988</v>
      </c>
      <c r="K163" s="13">
        <v>0.19860961830700807</v>
      </c>
      <c r="L163" s="11">
        <v>-13.215243999999998</v>
      </c>
      <c r="M163" s="13">
        <v>-0.72550463776384222</v>
      </c>
      <c r="N163" s="11">
        <v>-10.196978</v>
      </c>
      <c r="O163" s="13">
        <v>-0.67098721864307498</v>
      </c>
      <c r="P163" s="7">
        <v>5</v>
      </c>
      <c r="Q163" s="7">
        <v>5</v>
      </c>
      <c r="R163" s="7">
        <v>5</v>
      </c>
      <c r="S163" s="7">
        <v>10.533194</v>
      </c>
      <c r="T163" s="7">
        <v>5</v>
      </c>
      <c r="U163" s="7">
        <v>14.456255000000001</v>
      </c>
      <c r="V163" s="7">
        <v>15.196978</v>
      </c>
      <c r="W163" s="7">
        <v>19.245797</v>
      </c>
      <c r="X163" s="7">
        <v>5</v>
      </c>
      <c r="Y163" s="7">
        <v>18.215243999999998</v>
      </c>
      <c r="Z163" s="7">
        <v>17.947749999999999</v>
      </c>
      <c r="AA163" s="7">
        <v>5</v>
      </c>
      <c r="AB163" s="7">
        <v>0</v>
      </c>
      <c r="AC163" s="7">
        <v>5</v>
      </c>
      <c r="AD163" s="7">
        <v>5</v>
      </c>
      <c r="AE163" s="7">
        <v>5</v>
      </c>
      <c r="AF163" s="7">
        <v>5</v>
      </c>
      <c r="AG163" s="9">
        <v>0</v>
      </c>
      <c r="AH163" s="13">
        <v>0</v>
      </c>
      <c r="AI163" s="9">
        <v>27333.5960357</v>
      </c>
      <c r="AJ163" s="13">
        <v>27333.5960357</v>
      </c>
      <c r="AK163" s="9">
        <v>23294.729201100003</v>
      </c>
      <c r="AL163" s="13">
        <v>0.85220682137304016</v>
      </c>
      <c r="AM163" s="9">
        <v>-50628.325236800003</v>
      </c>
      <c r="AN163" s="13">
        <v>-0.99998024860107615</v>
      </c>
      <c r="AO163" s="9">
        <v>-27333.5960357</v>
      </c>
      <c r="AP163" s="13">
        <v>-0.9999634163241814</v>
      </c>
      <c r="AQ163" s="9">
        <v>1</v>
      </c>
      <c r="AR163" s="9">
        <v>1</v>
      </c>
      <c r="AS163" s="9">
        <v>1</v>
      </c>
      <c r="AT163" s="9">
        <v>23583.973411899999</v>
      </c>
      <c r="AU163" s="9">
        <v>1</v>
      </c>
      <c r="AV163" s="9">
        <v>33665.976007099998</v>
      </c>
      <c r="AW163" s="9">
        <v>27334.5960357</v>
      </c>
      <c r="AX163" s="9">
        <v>24476.944688299998</v>
      </c>
      <c r="AY163" s="9">
        <v>1</v>
      </c>
      <c r="AZ163" s="9">
        <v>50629.325236800003</v>
      </c>
      <c r="BA163" s="9">
        <v>38854.822485700002</v>
      </c>
      <c r="BB163" s="9">
        <v>1</v>
      </c>
      <c r="BC163" s="9">
        <v>0</v>
      </c>
      <c r="BD163" s="9">
        <v>1</v>
      </c>
      <c r="BE163" s="9">
        <v>1</v>
      </c>
      <c r="BF163" s="9">
        <v>1</v>
      </c>
      <c r="BG163" s="11">
        <v>-1</v>
      </c>
      <c r="BH163" s="13">
        <v>-1</v>
      </c>
      <c r="BI163" s="6">
        <v>1</v>
      </c>
      <c r="BJ163" s="13">
        <v>1</v>
      </c>
      <c r="BK163" s="6">
        <v>1</v>
      </c>
      <c r="BL163" s="13">
        <v>0.5</v>
      </c>
      <c r="BM163" s="11">
        <v>-3</v>
      </c>
      <c r="BN163" s="13">
        <v>-1</v>
      </c>
      <c r="BO163" s="11">
        <v>-2</v>
      </c>
      <c r="BP163" s="13">
        <v>-1</v>
      </c>
      <c r="BQ163" s="6">
        <v>1</v>
      </c>
      <c r="BR163" s="6">
        <v>1</v>
      </c>
      <c r="BS163" s="6">
        <v>2</v>
      </c>
      <c r="BT163" s="6">
        <v>2</v>
      </c>
      <c r="BU163" s="6">
        <v>2</v>
      </c>
      <c r="BV163" s="6">
        <v>3</v>
      </c>
      <c r="BW163" s="6">
        <v>3</v>
      </c>
      <c r="BX163" s="6">
        <v>1</v>
      </c>
      <c r="BY163" s="6">
        <v>1</v>
      </c>
      <c r="BZ163" s="6">
        <v>0</v>
      </c>
      <c r="CA163" s="6">
        <v>0</v>
      </c>
      <c r="CB163" s="6">
        <v>0</v>
      </c>
      <c r="CC163" s="11">
        <v>0</v>
      </c>
      <c r="CD163" s="11">
        <v>0.53963399999999995</v>
      </c>
      <c r="CE163" s="11">
        <v>2.5937000000000002E-2</v>
      </c>
      <c r="CF163" s="11">
        <v>2.7328000000000002E-2</v>
      </c>
      <c r="CG163" s="11">
        <v>0</v>
      </c>
      <c r="CH163" s="20">
        <v>1.6083199999999999E-2</v>
      </c>
      <c r="CI163" s="20">
        <v>1.5939200000000001E-2</v>
      </c>
      <c r="CJ163" s="20">
        <v>0.35756500000000002</v>
      </c>
      <c r="CK163" s="20">
        <v>0.61213399999999996</v>
      </c>
      <c r="CL163" s="20">
        <v>0.31789499999999998</v>
      </c>
      <c r="CM163" s="20">
        <v>0.715221</v>
      </c>
      <c r="CN163" s="20">
        <v>0.72353999999999996</v>
      </c>
      <c r="CO163" s="20">
        <v>0.87496399999999996</v>
      </c>
      <c r="CP163" s="20">
        <v>0.40696100000000002</v>
      </c>
      <c r="CQ163" s="20">
        <v>0.89724499999999996</v>
      </c>
      <c r="CR163" s="20">
        <v>0.80395000000000005</v>
      </c>
      <c r="CS163" s="20">
        <v>0.23913499999999999</v>
      </c>
      <c r="CT163" s="20">
        <v>0</v>
      </c>
      <c r="CU163" s="20">
        <v>3.3848000000000003E-2</v>
      </c>
      <c r="CV163" s="20">
        <v>2.9238199999999999E-2</v>
      </c>
      <c r="CW163" s="20">
        <v>4.0448699999999997E-2</v>
      </c>
      <c r="CX163" s="20">
        <v>4.4786300000000001E-2</v>
      </c>
      <c r="CY163" s="6" t="s">
        <v>406</v>
      </c>
      <c r="CZ163" s="6" t="s">
        <v>407</v>
      </c>
      <c r="DA163" s="6" t="s">
        <v>106</v>
      </c>
      <c r="DB163" s="6" t="s">
        <v>345</v>
      </c>
      <c r="DC163" s="6"/>
      <c r="DD163" s="6"/>
      <c r="DE163" s="6"/>
      <c r="DF163" s="6"/>
      <c r="DG163" s="6"/>
      <c r="DH163" s="6" t="s">
        <v>333</v>
      </c>
      <c r="DI163" s="6"/>
      <c r="DJ163" s="6"/>
      <c r="DK163" s="6"/>
      <c r="DL163" s="6">
        <v>10</v>
      </c>
      <c r="DM163" s="6" t="s">
        <v>383</v>
      </c>
      <c r="DN163" s="6">
        <v>7</v>
      </c>
      <c r="DO163" s="6" t="s">
        <v>369</v>
      </c>
      <c r="DP163" s="6"/>
      <c r="DQ163" s="6"/>
    </row>
    <row r="164" spans="1:121" x14ac:dyDescent="0.2">
      <c r="A164" s="6" t="s">
        <v>311</v>
      </c>
      <c r="B164" s="6" t="s">
        <v>311</v>
      </c>
      <c r="C164" s="6" t="s">
        <v>174</v>
      </c>
      <c r="D164" s="6" t="s">
        <v>106</v>
      </c>
      <c r="E164" s="6" t="s">
        <v>247</v>
      </c>
      <c r="F164" s="11">
        <v>1</v>
      </c>
      <c r="G164" s="13">
        <v>1</v>
      </c>
      <c r="H164" s="11">
        <v>0</v>
      </c>
      <c r="I164" s="13"/>
      <c r="J164" s="11">
        <v>0</v>
      </c>
      <c r="K164" s="13"/>
      <c r="L164" s="11">
        <v>5</v>
      </c>
      <c r="M164" s="13"/>
      <c r="N164" s="11">
        <v>5</v>
      </c>
      <c r="O164" s="13"/>
      <c r="P164" s="7">
        <v>0</v>
      </c>
      <c r="Q164" s="7">
        <v>0</v>
      </c>
      <c r="R164" s="7">
        <v>0</v>
      </c>
      <c r="S164" s="7">
        <v>0</v>
      </c>
      <c r="T164" s="7">
        <v>0</v>
      </c>
      <c r="U164" s="7">
        <v>0</v>
      </c>
      <c r="V164" s="7">
        <v>0</v>
      </c>
      <c r="W164" s="7">
        <v>0</v>
      </c>
      <c r="X164" s="7">
        <v>0</v>
      </c>
      <c r="Y164" s="7">
        <v>0</v>
      </c>
      <c r="Z164" s="7">
        <v>5</v>
      </c>
      <c r="AA164" s="7">
        <v>0</v>
      </c>
      <c r="AB164" s="7">
        <v>0</v>
      </c>
      <c r="AC164" s="7">
        <v>5</v>
      </c>
      <c r="AD164" s="7">
        <v>5</v>
      </c>
      <c r="AE164" s="7">
        <v>5</v>
      </c>
      <c r="AF164" s="7">
        <v>5</v>
      </c>
      <c r="AG164" s="9">
        <v>1</v>
      </c>
      <c r="AH164" s="13"/>
      <c r="AI164" s="9">
        <v>0</v>
      </c>
      <c r="AJ164" s="13"/>
      <c r="AK164" s="9">
        <v>0</v>
      </c>
      <c r="AL164" s="13"/>
      <c r="AM164" s="9">
        <v>1</v>
      </c>
      <c r="AN164" s="13"/>
      <c r="AO164" s="9">
        <v>1</v>
      </c>
      <c r="AP164" s="13"/>
      <c r="AQ164" s="9">
        <v>0</v>
      </c>
      <c r="AR164" s="9">
        <v>0</v>
      </c>
      <c r="AS164" s="9">
        <v>0</v>
      </c>
      <c r="AT164" s="9">
        <v>0</v>
      </c>
      <c r="AU164" s="9">
        <v>0</v>
      </c>
      <c r="AV164" s="9">
        <v>0</v>
      </c>
      <c r="AW164" s="9">
        <v>0</v>
      </c>
      <c r="AX164" s="9">
        <v>0</v>
      </c>
      <c r="AY164" s="9">
        <v>0</v>
      </c>
      <c r="AZ164" s="9">
        <v>0</v>
      </c>
      <c r="BA164" s="9">
        <v>1</v>
      </c>
      <c r="BB164" s="9">
        <v>0</v>
      </c>
      <c r="BC164" s="9">
        <v>0</v>
      </c>
      <c r="BD164" s="9">
        <v>1</v>
      </c>
      <c r="BE164" s="9">
        <v>1</v>
      </c>
      <c r="BF164" s="9">
        <v>1</v>
      </c>
      <c r="BG164" s="11">
        <v>1</v>
      </c>
      <c r="BH164" s="13" t="e">
        <v>#DIV/0!</v>
      </c>
      <c r="BI164" s="6">
        <v>0</v>
      </c>
      <c r="BJ164" s="13" t="e">
        <v>#DIV/0!</v>
      </c>
      <c r="BK164" s="6">
        <v>0</v>
      </c>
      <c r="BL164" s="13" t="e">
        <v>#DIV/0!</v>
      </c>
      <c r="BM164" s="11">
        <v>1</v>
      </c>
      <c r="BN164" s="13" t="e">
        <v>#DIV/0!</v>
      </c>
      <c r="BO164" s="11">
        <v>1</v>
      </c>
      <c r="BP164" s="13" t="e">
        <v>#DIV/0!</v>
      </c>
      <c r="BQ164" s="6">
        <v>0</v>
      </c>
      <c r="BR164" s="6">
        <v>0</v>
      </c>
      <c r="BS164" s="6">
        <v>0</v>
      </c>
      <c r="BT164" s="6">
        <v>0</v>
      </c>
      <c r="BU164" s="6">
        <v>0</v>
      </c>
      <c r="BV164" s="6">
        <v>0</v>
      </c>
      <c r="BW164" s="6">
        <v>0</v>
      </c>
      <c r="BX164" s="6">
        <v>0</v>
      </c>
      <c r="BY164" s="6">
        <v>0</v>
      </c>
      <c r="BZ164" s="6">
        <v>0</v>
      </c>
      <c r="CA164" s="6">
        <v>1</v>
      </c>
      <c r="CB164" s="6">
        <v>1</v>
      </c>
      <c r="CC164" s="11">
        <v>1</v>
      </c>
      <c r="CD164" s="11">
        <v>7.9168799999999999</v>
      </c>
      <c r="CE164" s="11">
        <v>-0.16284399999999999</v>
      </c>
      <c r="CF164" s="11">
        <v>0.10931200000000001</v>
      </c>
      <c r="CG164" s="11">
        <v>0</v>
      </c>
      <c r="CH164" s="20">
        <v>0</v>
      </c>
      <c r="CI164" s="20">
        <v>0</v>
      </c>
      <c r="CJ164" s="20">
        <v>0</v>
      </c>
      <c r="CK164" s="20">
        <v>0</v>
      </c>
      <c r="CL164" s="20">
        <v>0</v>
      </c>
      <c r="CM164" s="20">
        <v>0</v>
      </c>
      <c r="CN164" s="20">
        <v>0</v>
      </c>
      <c r="CO164" s="20">
        <v>0</v>
      </c>
      <c r="CP164" s="20">
        <v>0</v>
      </c>
      <c r="CQ164" s="20">
        <v>0</v>
      </c>
      <c r="CR164" s="20">
        <v>0.11103200000000001</v>
      </c>
      <c r="CS164" s="20">
        <v>0</v>
      </c>
      <c r="CT164" s="20">
        <v>0</v>
      </c>
      <c r="CU164" s="20">
        <v>0.39049499999999998</v>
      </c>
      <c r="CV164" s="20">
        <v>0.348883</v>
      </c>
      <c r="CW164" s="20">
        <v>0.43469400000000002</v>
      </c>
      <c r="CX164" s="20">
        <v>0.48874499999999999</v>
      </c>
      <c r="CY164" s="6" t="s">
        <v>406</v>
      </c>
      <c r="CZ164" s="6" t="s">
        <v>407</v>
      </c>
      <c r="DA164" s="6" t="s">
        <v>106</v>
      </c>
      <c r="DB164" s="6" t="s">
        <v>345</v>
      </c>
      <c r="DC164" s="6"/>
      <c r="DD164" s="6"/>
      <c r="DE164" s="6"/>
      <c r="DF164" s="6"/>
      <c r="DG164" s="6"/>
      <c r="DH164" s="6" t="s">
        <v>333</v>
      </c>
      <c r="DI164" s="6"/>
      <c r="DJ164" s="6"/>
      <c r="DK164" s="6"/>
      <c r="DL164" s="6">
        <v>10</v>
      </c>
      <c r="DM164" s="6" t="s">
        <v>383</v>
      </c>
      <c r="DN164" s="6">
        <v>7</v>
      </c>
      <c r="DO164" s="6" t="s">
        <v>369</v>
      </c>
      <c r="DP164" s="6"/>
      <c r="DQ164" s="6"/>
    </row>
    <row r="165" spans="1:121" x14ac:dyDescent="0.2">
      <c r="A165" s="6" t="s">
        <v>312</v>
      </c>
      <c r="B165" s="6" t="s">
        <v>312</v>
      </c>
      <c r="C165" s="6" t="s">
        <v>175</v>
      </c>
      <c r="D165" s="6" t="s">
        <v>106</v>
      </c>
      <c r="E165" s="6" t="s">
        <v>247</v>
      </c>
      <c r="F165" s="11">
        <v>-75</v>
      </c>
      <c r="G165" s="13">
        <v>-0.17441860465100001</v>
      </c>
      <c r="H165" s="11">
        <v>68.720232361000001</v>
      </c>
      <c r="I165" s="13">
        <v>0.15966369653008186</v>
      </c>
      <c r="J165" s="11">
        <v>-116.38163248699999</v>
      </c>
      <c r="K165" s="13">
        <v>-0.23317068232673815</v>
      </c>
      <c r="L165" s="11">
        <v>-27.868080878000001</v>
      </c>
      <c r="M165" s="13">
        <v>-7.2811143628809222E-2</v>
      </c>
      <c r="N165" s="11">
        <v>-144.24971336499999</v>
      </c>
      <c r="O165" s="13">
        <v>-0.28900440191462778</v>
      </c>
      <c r="P165" s="7">
        <v>430.40612145699998</v>
      </c>
      <c r="Q165" s="7">
        <v>423.71153269000001</v>
      </c>
      <c r="R165" s="7">
        <v>463.37654072700002</v>
      </c>
      <c r="S165" s="7">
        <v>519.39446495499999</v>
      </c>
      <c r="T165" s="7">
        <v>548.75503640500006</v>
      </c>
      <c r="U165" s="7">
        <v>519.582450107</v>
      </c>
      <c r="V165" s="7">
        <v>499.12635381799998</v>
      </c>
      <c r="W165" s="7">
        <v>473.05427677599999</v>
      </c>
      <c r="X165" s="7">
        <v>444.17081435400002</v>
      </c>
      <c r="Y165" s="7">
        <v>382.74472133099999</v>
      </c>
      <c r="Z165" s="7">
        <v>326.28429187699999</v>
      </c>
      <c r="AA165" s="7">
        <v>333.42701323099999</v>
      </c>
      <c r="AB165" s="7">
        <v>345.91600329400001</v>
      </c>
      <c r="AC165" s="7">
        <v>299.026062427</v>
      </c>
      <c r="AD165" s="7">
        <v>331.42703908099998</v>
      </c>
      <c r="AE165" s="7">
        <v>357.82640718699997</v>
      </c>
      <c r="AF165" s="7">
        <v>354.87664045299999</v>
      </c>
      <c r="AG165" s="9">
        <v>3000.2573054999993</v>
      </c>
      <c r="AH165" s="13">
        <v>0.11766977943735545</v>
      </c>
      <c r="AI165" s="9">
        <v>789.85554330000014</v>
      </c>
      <c r="AJ165" s="13">
        <v>3.0978052248086953E-2</v>
      </c>
      <c r="AK165" s="9">
        <v>-9.9076634000011836</v>
      </c>
      <c r="AL165" s="13">
        <v>-3.7690184297672598E-4</v>
      </c>
      <c r="AM165" s="9">
        <v>2220.3094256000004</v>
      </c>
      <c r="AN165" s="13">
        <v>8.4495627845294519E-2</v>
      </c>
      <c r="AO165" s="9">
        <v>2210.4017621999992</v>
      </c>
      <c r="AP165" s="13">
        <v>8.4086879444459431E-2</v>
      </c>
      <c r="AQ165" s="9">
        <v>25497.2629323</v>
      </c>
      <c r="AR165" s="9">
        <v>25938.635260899999</v>
      </c>
      <c r="AS165" s="9">
        <v>26688.2116136</v>
      </c>
      <c r="AT165" s="9">
        <v>26361.9511059</v>
      </c>
      <c r="AU165" s="9">
        <v>26830.385343800001</v>
      </c>
      <c r="AV165" s="9">
        <v>25813.770331700001</v>
      </c>
      <c r="AW165" s="9">
        <v>26287.1184756</v>
      </c>
      <c r="AX165" s="9">
        <v>26381.905994799999</v>
      </c>
      <c r="AY165" s="9">
        <v>25196.179348000001</v>
      </c>
      <c r="AZ165" s="9">
        <v>26277.210812199999</v>
      </c>
      <c r="BA165" s="9">
        <v>26038.3497063</v>
      </c>
      <c r="BB165" s="9">
        <v>26671.4753538</v>
      </c>
      <c r="BC165" s="9">
        <v>27783.393534700001</v>
      </c>
      <c r="BD165" s="9">
        <v>26641.486757899998</v>
      </c>
      <c r="BE165" s="9">
        <v>28364.4429609</v>
      </c>
      <c r="BF165" s="9">
        <v>28497.520237799999</v>
      </c>
      <c r="BG165" s="11">
        <v>-18.25</v>
      </c>
      <c r="BH165" s="13">
        <v>-0.30416666666666664</v>
      </c>
      <c r="BI165" s="6">
        <v>4</v>
      </c>
      <c r="BJ165" s="13">
        <v>6.6666666666666666E-2</v>
      </c>
      <c r="BK165" s="6">
        <v>-15</v>
      </c>
      <c r="BL165" s="13">
        <v>-0.234375</v>
      </c>
      <c r="BM165" s="11">
        <v>-7.25</v>
      </c>
      <c r="BN165" s="13">
        <v>-0.14795918367346939</v>
      </c>
      <c r="BO165" s="11">
        <v>-22.25</v>
      </c>
      <c r="BP165" s="13">
        <v>-0.34765625</v>
      </c>
      <c r="BQ165" s="6">
        <v>60</v>
      </c>
      <c r="BR165" s="6">
        <v>61</v>
      </c>
      <c r="BS165" s="6">
        <v>68</v>
      </c>
      <c r="BT165" s="6">
        <v>64</v>
      </c>
      <c r="BU165" s="6">
        <v>62</v>
      </c>
      <c r="BV165" s="6">
        <v>60</v>
      </c>
      <c r="BW165" s="6">
        <v>49</v>
      </c>
      <c r="BX165" s="6">
        <v>45</v>
      </c>
      <c r="BY165" s="6">
        <v>43</v>
      </c>
      <c r="BZ165" s="6">
        <v>41</v>
      </c>
      <c r="CA165" s="6">
        <v>38</v>
      </c>
      <c r="CB165" s="6">
        <v>39</v>
      </c>
      <c r="CC165" s="11">
        <v>41.75</v>
      </c>
      <c r="CD165" s="11">
        <v>-70.444900000000004</v>
      </c>
      <c r="CE165" s="11">
        <v>-52.133099999999999</v>
      </c>
      <c r="CF165" s="11">
        <v>47.0486</v>
      </c>
      <c r="CG165" s="11">
        <v>-5</v>
      </c>
      <c r="CH165" s="20">
        <v>1.74238</v>
      </c>
      <c r="CI165" s="20">
        <v>1.62151</v>
      </c>
      <c r="CJ165" s="20">
        <v>1.66154</v>
      </c>
      <c r="CK165" s="20">
        <v>1.7546299999999999</v>
      </c>
      <c r="CL165" s="20">
        <v>1.7803100000000001</v>
      </c>
      <c r="CM165" s="20">
        <v>1.6231100000000001</v>
      </c>
      <c r="CN165" s="20">
        <v>1.6166100000000001</v>
      </c>
      <c r="CO165" s="20">
        <v>1.66665</v>
      </c>
      <c r="CP165" s="20">
        <v>1.7677499999999999</v>
      </c>
      <c r="CQ165" s="20">
        <v>1.6680699999999999</v>
      </c>
      <c r="CR165" s="20">
        <v>1.4640500000000001</v>
      </c>
      <c r="CS165" s="20">
        <v>1.4900199999999999</v>
      </c>
      <c r="CT165" s="20">
        <v>1.5311999999999999</v>
      </c>
      <c r="CU165" s="20">
        <v>1.32826</v>
      </c>
      <c r="CV165" s="20">
        <v>1.4279599999999999</v>
      </c>
      <c r="CW165" s="20">
        <v>1.4916100000000001</v>
      </c>
      <c r="CX165" s="20">
        <v>1.4565399999999999</v>
      </c>
      <c r="CY165" s="6" t="s">
        <v>406</v>
      </c>
      <c r="CZ165" s="6" t="s">
        <v>407</v>
      </c>
      <c r="DA165" s="6" t="s">
        <v>106</v>
      </c>
      <c r="DB165" s="6" t="s">
        <v>345</v>
      </c>
      <c r="DC165" s="6"/>
      <c r="DD165" s="6"/>
      <c r="DE165" s="6"/>
      <c r="DF165" s="6"/>
      <c r="DG165" s="6"/>
      <c r="DH165" s="6" t="s">
        <v>333</v>
      </c>
      <c r="DI165" s="6"/>
      <c r="DJ165" s="6"/>
      <c r="DK165" s="6"/>
      <c r="DL165" s="6">
        <v>10</v>
      </c>
      <c r="DM165" s="6" t="s">
        <v>383</v>
      </c>
      <c r="DN165" s="6">
        <v>7</v>
      </c>
      <c r="DO165" s="6" t="s">
        <v>369</v>
      </c>
      <c r="DP165" s="6"/>
      <c r="DQ165" s="6"/>
    </row>
    <row r="166" spans="1:121" x14ac:dyDescent="0.2">
      <c r="A166" s="6" t="s">
        <v>792</v>
      </c>
      <c r="B166" s="6" t="s">
        <v>176</v>
      </c>
      <c r="C166" s="6" t="s">
        <v>177</v>
      </c>
      <c r="D166" s="6" t="s">
        <v>106</v>
      </c>
      <c r="E166" s="6" t="s">
        <v>247</v>
      </c>
      <c r="F166" s="11">
        <v>45</v>
      </c>
      <c r="G166" s="13">
        <v>0.184426229508</v>
      </c>
      <c r="H166" s="11">
        <v>146.71774625999998</v>
      </c>
      <c r="I166" s="13">
        <v>0.60010295520111556</v>
      </c>
      <c r="J166" s="11">
        <v>-90.213299413000016</v>
      </c>
      <c r="K166" s="13">
        <v>-0.23060342736931849</v>
      </c>
      <c r="L166" s="11">
        <v>-11.783911771999954</v>
      </c>
      <c r="M166" s="13">
        <v>-3.9150239740573953E-2</v>
      </c>
      <c r="N166" s="11">
        <v>-101.99721118499997</v>
      </c>
      <c r="O166" s="13">
        <v>-0.2607254876433856</v>
      </c>
      <c r="P166" s="7">
        <v>244.487624979</v>
      </c>
      <c r="Q166" s="7">
        <v>376.20354492799999</v>
      </c>
      <c r="R166" s="7">
        <v>390.00086120100002</v>
      </c>
      <c r="S166" s="7">
        <v>433.08619805900003</v>
      </c>
      <c r="T166" s="7">
        <v>403.68873860899998</v>
      </c>
      <c r="U166" s="7">
        <v>399.50887401</v>
      </c>
      <c r="V166" s="7">
        <v>391.20537123899999</v>
      </c>
      <c r="W166" s="7">
        <v>394.02317117299998</v>
      </c>
      <c r="X166" s="7">
        <v>324.08464873200001</v>
      </c>
      <c r="Y166" s="7">
        <v>300.99207182599997</v>
      </c>
      <c r="Z166" s="7">
        <v>310.72841639000001</v>
      </c>
      <c r="AA166" s="7">
        <v>291.86555217699998</v>
      </c>
      <c r="AB166" s="7">
        <v>291.30576144899999</v>
      </c>
      <c r="AC166" s="7">
        <v>287.57488423799998</v>
      </c>
      <c r="AD166" s="7">
        <v>284.33883959799999</v>
      </c>
      <c r="AE166" s="7">
        <v>290.15866434100002</v>
      </c>
      <c r="AF166" s="7">
        <v>289.20816005400002</v>
      </c>
      <c r="AG166" s="9">
        <v>16099.648478800002</v>
      </c>
      <c r="AH166" s="13">
        <v>0.63921198401472201</v>
      </c>
      <c r="AI166" s="9">
        <v>6991.7985020000015</v>
      </c>
      <c r="AJ166" s="13">
        <v>0.27759869404475968</v>
      </c>
      <c r="AK166" s="9">
        <v>6509.3753466000016</v>
      </c>
      <c r="AL166" s="13">
        <v>0.20228951373034323</v>
      </c>
      <c r="AM166" s="9">
        <v>2598.4746301999985</v>
      </c>
      <c r="AN166" s="13">
        <v>6.7165070886645195E-2</v>
      </c>
      <c r="AO166" s="9">
        <v>9107.8499768000001</v>
      </c>
      <c r="AP166" s="13">
        <v>0.28304137414631192</v>
      </c>
      <c r="AQ166" s="9">
        <v>25186.712517</v>
      </c>
      <c r="AR166" s="9">
        <v>27531.0330622</v>
      </c>
      <c r="AS166" s="9">
        <v>28516.970598399999</v>
      </c>
      <c r="AT166" s="9">
        <v>30175.379053199998</v>
      </c>
      <c r="AU166" s="9">
        <v>30924.6091261</v>
      </c>
      <c r="AV166" s="9">
        <v>35128.100504599999</v>
      </c>
      <c r="AW166" s="9">
        <v>32178.511019000001</v>
      </c>
      <c r="AX166" s="9">
        <v>32625.726755899999</v>
      </c>
      <c r="AY166" s="9">
        <v>36849.637382499997</v>
      </c>
      <c r="AZ166" s="9">
        <v>38687.886365600003</v>
      </c>
      <c r="BA166" s="9">
        <v>36330.554199999999</v>
      </c>
      <c r="BB166" s="9">
        <v>36071.775258399997</v>
      </c>
      <c r="BC166" s="9">
        <v>36445.213910600003</v>
      </c>
      <c r="BD166" s="9">
        <v>37006.8802153</v>
      </c>
      <c r="BE166" s="9">
        <v>40078.5235656</v>
      </c>
      <c r="BF166" s="9">
        <v>41286.360995800002</v>
      </c>
      <c r="BG166" s="11">
        <v>-0.25</v>
      </c>
      <c r="BH166" s="13">
        <v>-1.2500000000000001E-2</v>
      </c>
      <c r="BI166" s="6">
        <v>-2</v>
      </c>
      <c r="BJ166" s="13">
        <v>-0.1</v>
      </c>
      <c r="BK166" s="6">
        <v>-4</v>
      </c>
      <c r="BL166" s="13">
        <v>-0.22222222222222221</v>
      </c>
      <c r="BM166" s="11">
        <v>5.75</v>
      </c>
      <c r="BN166" s="13">
        <v>0.4107142857142857</v>
      </c>
      <c r="BO166" s="11">
        <v>1.75</v>
      </c>
      <c r="BP166" s="13">
        <v>9.7222222222222224E-2</v>
      </c>
      <c r="BQ166" s="6">
        <v>20</v>
      </c>
      <c r="BR166" s="6">
        <v>20</v>
      </c>
      <c r="BS166" s="6">
        <v>18</v>
      </c>
      <c r="BT166" s="6">
        <v>18</v>
      </c>
      <c r="BU166" s="6">
        <v>17</v>
      </c>
      <c r="BV166" s="6">
        <v>16</v>
      </c>
      <c r="BW166" s="6">
        <v>14</v>
      </c>
      <c r="BX166" s="6">
        <v>17</v>
      </c>
      <c r="BY166" s="6">
        <v>19</v>
      </c>
      <c r="BZ166" s="6">
        <v>21</v>
      </c>
      <c r="CA166" s="6">
        <v>22</v>
      </c>
      <c r="CB166" s="6">
        <v>22</v>
      </c>
      <c r="CC166" s="11">
        <v>19.75</v>
      </c>
      <c r="CD166" s="11">
        <v>104.294</v>
      </c>
      <c r="CE166" s="11">
        <v>-86.298699999999997</v>
      </c>
      <c r="CF166" s="11">
        <v>26.7254</v>
      </c>
      <c r="CG166" s="11">
        <v>-59</v>
      </c>
      <c r="CH166" s="20">
        <v>0.51698299999999997</v>
      </c>
      <c r="CI166" s="20">
        <v>0.80363799999999996</v>
      </c>
      <c r="CJ166" s="20">
        <v>0.83443100000000003</v>
      </c>
      <c r="CK166" s="20">
        <v>0.92464800000000003</v>
      </c>
      <c r="CL166" s="20">
        <v>0.87159500000000001</v>
      </c>
      <c r="CM166" s="20">
        <v>0.87055400000000005</v>
      </c>
      <c r="CN166" s="20">
        <v>0.89481500000000003</v>
      </c>
      <c r="CO166" s="20">
        <v>0.95918400000000004</v>
      </c>
      <c r="CP166" s="20">
        <v>0.87805</v>
      </c>
      <c r="CQ166" s="20">
        <v>0.84477599999999997</v>
      </c>
      <c r="CR166" s="20">
        <v>0.87114899999999995</v>
      </c>
      <c r="CS166" s="20">
        <v>0.80908800000000003</v>
      </c>
      <c r="CT166" s="20">
        <v>0.81248799999999999</v>
      </c>
      <c r="CU166" s="20">
        <v>0.82460800000000001</v>
      </c>
      <c r="CV166" s="20">
        <v>0.81299399999999999</v>
      </c>
      <c r="CW166" s="20">
        <v>0.82018599999999997</v>
      </c>
      <c r="CX166" s="20">
        <v>0.81009200000000003</v>
      </c>
      <c r="CY166" s="6" t="s">
        <v>406</v>
      </c>
      <c r="CZ166" s="6" t="s">
        <v>407</v>
      </c>
      <c r="DA166" s="6" t="s">
        <v>106</v>
      </c>
      <c r="DB166" s="6" t="s">
        <v>345</v>
      </c>
      <c r="DC166" s="6"/>
      <c r="DD166" s="6"/>
      <c r="DE166" s="6"/>
      <c r="DF166" s="6"/>
      <c r="DG166" s="6"/>
      <c r="DH166" s="6" t="s">
        <v>333</v>
      </c>
      <c r="DI166" s="6"/>
      <c r="DJ166" s="6"/>
      <c r="DK166" s="6"/>
      <c r="DL166" s="6">
        <v>10</v>
      </c>
      <c r="DM166" s="6" t="s">
        <v>383</v>
      </c>
      <c r="DN166" s="6">
        <v>7</v>
      </c>
      <c r="DO166" s="6" t="s">
        <v>369</v>
      </c>
      <c r="DP166" s="6"/>
      <c r="DQ166" s="6"/>
    </row>
    <row r="167" spans="1:121" x14ac:dyDescent="0.2">
      <c r="A167" s="6" t="s">
        <v>313</v>
      </c>
      <c r="B167" s="6" t="s">
        <v>313</v>
      </c>
      <c r="C167" s="6" t="s">
        <v>178</v>
      </c>
      <c r="D167" s="6" t="s">
        <v>106</v>
      </c>
      <c r="E167" s="6" t="s">
        <v>247</v>
      </c>
      <c r="F167" s="11">
        <v>0</v>
      </c>
      <c r="G167" s="13">
        <v>0</v>
      </c>
      <c r="H167" s="11">
        <v>-1.5536913999999911</v>
      </c>
      <c r="I167" s="13">
        <v>-1.450202898222314E-2</v>
      </c>
      <c r="J167" s="11">
        <v>-26.238840344099998</v>
      </c>
      <c r="K167" s="13">
        <v>-0.24851517290535879</v>
      </c>
      <c r="L167" s="11">
        <v>27.596922691099991</v>
      </c>
      <c r="M167" s="13">
        <v>0.34781532467922038</v>
      </c>
      <c r="N167" s="11">
        <v>1.3580823469999928</v>
      </c>
      <c r="O167" s="13">
        <v>1.2862766222071588E-2</v>
      </c>
      <c r="P167" s="7">
        <v>107.13613949499999</v>
      </c>
      <c r="Q167" s="7">
        <v>100.732404375</v>
      </c>
      <c r="R167" s="7">
        <v>104.207253008</v>
      </c>
      <c r="S167" s="7">
        <v>106.701578729</v>
      </c>
      <c r="T167" s="7">
        <v>102.419411833</v>
      </c>
      <c r="U167" s="7">
        <v>107.80409938299999</v>
      </c>
      <c r="V167" s="7">
        <v>105.582448095</v>
      </c>
      <c r="W167" s="7">
        <v>91.715701885599998</v>
      </c>
      <c r="X167" s="7">
        <v>78.530720887800001</v>
      </c>
      <c r="Y167" s="7">
        <v>79.343607750900006</v>
      </c>
      <c r="Z167" s="7">
        <v>75.279692159000007</v>
      </c>
      <c r="AA167" s="7">
        <v>80.771325926599999</v>
      </c>
      <c r="AB167" s="7">
        <v>90.117029141299994</v>
      </c>
      <c r="AC167" s="7">
        <v>92.157411732</v>
      </c>
      <c r="AD167" s="7">
        <v>93.469880482500002</v>
      </c>
      <c r="AE167" s="7">
        <v>102.39074537</v>
      </c>
      <c r="AF167" s="7">
        <v>106.940530442</v>
      </c>
      <c r="AG167" s="9">
        <v>11544.850731199997</v>
      </c>
      <c r="AH167" s="13">
        <v>0.42172808517197602</v>
      </c>
      <c r="AI167" s="9">
        <v>3803.5853687999988</v>
      </c>
      <c r="AJ167" s="13">
        <v>0.13894322340930226</v>
      </c>
      <c r="AK167" s="9">
        <v>7258.6457386000002</v>
      </c>
      <c r="AL167" s="13">
        <v>0.23280790782126087</v>
      </c>
      <c r="AM167" s="9">
        <v>482.6196237999975</v>
      </c>
      <c r="AN167" s="13">
        <v>1.2556011138058256E-2</v>
      </c>
      <c r="AO167" s="9">
        <v>7741.2653623999977</v>
      </c>
      <c r="AP167" s="13">
        <v>0.24828705764295092</v>
      </c>
      <c r="AQ167" s="9">
        <v>27375.105280200001</v>
      </c>
      <c r="AR167" s="9">
        <v>30083.560625499998</v>
      </c>
      <c r="AS167" s="9">
        <v>29481.8529905</v>
      </c>
      <c r="AT167" s="9">
        <v>29953.097984100001</v>
      </c>
      <c r="AU167" s="9">
        <v>31155.877929999999</v>
      </c>
      <c r="AV167" s="9">
        <v>29466.507104299999</v>
      </c>
      <c r="AW167" s="9">
        <v>31178.690649</v>
      </c>
      <c r="AX167" s="9">
        <v>35834.170293800002</v>
      </c>
      <c r="AY167" s="9">
        <v>39465.777381400003</v>
      </c>
      <c r="AZ167" s="9">
        <v>38437.3363876</v>
      </c>
      <c r="BA167" s="9">
        <v>32552.960018099999</v>
      </c>
      <c r="BB167" s="9">
        <v>33433.685334499998</v>
      </c>
      <c r="BC167" s="9">
        <v>32227.234785199998</v>
      </c>
      <c r="BD167" s="9">
        <v>30561.099457600001</v>
      </c>
      <c r="BE167" s="9">
        <v>35888.395813800002</v>
      </c>
      <c r="BF167" s="9">
        <v>38919.956011399998</v>
      </c>
      <c r="BG167" s="11">
        <v>-3.25</v>
      </c>
      <c r="BH167" s="13">
        <v>-0.17105263157894737</v>
      </c>
      <c r="BI167" s="6">
        <v>2</v>
      </c>
      <c r="BJ167" s="13">
        <v>0.10526315789473684</v>
      </c>
      <c r="BK167" s="6">
        <v>-6</v>
      </c>
      <c r="BL167" s="13">
        <v>-0.2857142857142857</v>
      </c>
      <c r="BM167" s="11">
        <v>0.75</v>
      </c>
      <c r="BN167" s="13">
        <v>0.05</v>
      </c>
      <c r="BO167" s="11">
        <v>-5.25</v>
      </c>
      <c r="BP167" s="13">
        <v>-0.25</v>
      </c>
      <c r="BQ167" s="6">
        <v>19</v>
      </c>
      <c r="BR167" s="6">
        <v>22</v>
      </c>
      <c r="BS167" s="6">
        <v>23</v>
      </c>
      <c r="BT167" s="6">
        <v>21</v>
      </c>
      <c r="BU167" s="6">
        <v>22</v>
      </c>
      <c r="BV167" s="6">
        <v>18</v>
      </c>
      <c r="BW167" s="6">
        <v>15</v>
      </c>
      <c r="BX167" s="6">
        <v>15</v>
      </c>
      <c r="BY167" s="6">
        <v>17</v>
      </c>
      <c r="BZ167" s="6">
        <v>16</v>
      </c>
      <c r="CA167" s="6">
        <v>15</v>
      </c>
      <c r="CB167" s="6">
        <v>15</v>
      </c>
      <c r="CC167" s="11">
        <v>15.75</v>
      </c>
      <c r="CD167" s="11">
        <v>-3.14662</v>
      </c>
      <c r="CE167" s="11">
        <v>-8.7602600000000006</v>
      </c>
      <c r="CF167" s="11">
        <v>11.7113</v>
      </c>
      <c r="CG167" s="11">
        <v>3</v>
      </c>
      <c r="CH167" s="20">
        <v>0.63622199999999995</v>
      </c>
      <c r="CI167" s="20">
        <v>0.57394800000000001</v>
      </c>
      <c r="CJ167" s="20">
        <v>0.56847000000000003</v>
      </c>
      <c r="CK167" s="20">
        <v>0.56709500000000002</v>
      </c>
      <c r="CL167" s="20">
        <v>0.53741499999999998</v>
      </c>
      <c r="CM167" s="20">
        <v>0.55547000000000002</v>
      </c>
      <c r="CN167" s="20">
        <v>0.55083599999999999</v>
      </c>
      <c r="CO167" s="20">
        <v>0.49619600000000003</v>
      </c>
      <c r="CP167" s="20">
        <v>0.44698599999999999</v>
      </c>
      <c r="CQ167" s="20">
        <v>0.463175</v>
      </c>
      <c r="CR167" s="20">
        <v>0.44089699999999998</v>
      </c>
      <c r="CS167" s="20">
        <v>0.46720699999999998</v>
      </c>
      <c r="CT167" s="20">
        <v>0.52148799999999995</v>
      </c>
      <c r="CU167" s="20">
        <v>0.54895899999999997</v>
      </c>
      <c r="CV167" s="20">
        <v>0.55554300000000001</v>
      </c>
      <c r="CW167" s="20">
        <v>0.60318799999999995</v>
      </c>
      <c r="CX167" s="20">
        <v>0.61920299999999995</v>
      </c>
      <c r="CY167" s="6" t="s">
        <v>406</v>
      </c>
      <c r="CZ167" s="6" t="s">
        <v>407</v>
      </c>
      <c r="DA167" s="6" t="s">
        <v>106</v>
      </c>
      <c r="DB167" s="6" t="s">
        <v>345</v>
      </c>
      <c r="DC167" s="6"/>
      <c r="DD167" s="6"/>
      <c r="DE167" s="6"/>
      <c r="DF167" s="6"/>
      <c r="DG167" s="6"/>
      <c r="DH167" s="6" t="s">
        <v>333</v>
      </c>
      <c r="DI167" s="6"/>
      <c r="DJ167" s="6"/>
      <c r="DK167" s="6"/>
      <c r="DL167" s="6">
        <v>10</v>
      </c>
      <c r="DM167" s="6" t="s">
        <v>383</v>
      </c>
      <c r="DN167" s="6">
        <v>7</v>
      </c>
      <c r="DO167" s="6" t="s">
        <v>369</v>
      </c>
      <c r="DP167" s="6"/>
      <c r="DQ167" s="6"/>
    </row>
    <row r="168" spans="1:121" x14ac:dyDescent="0.2">
      <c r="A168" s="6" t="s">
        <v>793</v>
      </c>
      <c r="B168" s="6" t="s">
        <v>179</v>
      </c>
      <c r="C168" s="6" t="s">
        <v>180</v>
      </c>
      <c r="D168" s="6" t="s">
        <v>106</v>
      </c>
      <c r="E168" s="6" t="s">
        <v>247</v>
      </c>
      <c r="F168" s="11">
        <v>-6</v>
      </c>
      <c r="G168" s="13">
        <v>-0.01</v>
      </c>
      <c r="H168" s="11">
        <v>60</v>
      </c>
      <c r="I168" s="13">
        <v>7.8534031413612565E-2</v>
      </c>
      <c r="J168" s="11">
        <v>-68</v>
      </c>
      <c r="K168" s="13">
        <v>-8.2524271844660185E-2</v>
      </c>
      <c r="L168" s="11">
        <v>2</v>
      </c>
      <c r="M168" s="13">
        <v>2.6455026455026458E-3</v>
      </c>
      <c r="N168" s="11">
        <v>-66</v>
      </c>
      <c r="O168" s="13">
        <v>-8.0097087378640783E-2</v>
      </c>
      <c r="P168" s="7">
        <v>764</v>
      </c>
      <c r="Q168" s="7">
        <v>787</v>
      </c>
      <c r="R168" s="7">
        <v>831</v>
      </c>
      <c r="S168" s="7">
        <v>883</v>
      </c>
      <c r="T168" s="7">
        <v>943</v>
      </c>
      <c r="U168" s="7">
        <v>926</v>
      </c>
      <c r="V168" s="7">
        <v>824</v>
      </c>
      <c r="W168" s="7">
        <v>795</v>
      </c>
      <c r="X168" s="7">
        <v>753</v>
      </c>
      <c r="Y168" s="7">
        <v>756</v>
      </c>
      <c r="Z168" s="7">
        <v>703</v>
      </c>
      <c r="AA168" s="7">
        <v>703</v>
      </c>
      <c r="AB168" s="7">
        <v>696</v>
      </c>
      <c r="AC168" s="7">
        <v>673</v>
      </c>
      <c r="AD168" s="7">
        <v>699</v>
      </c>
      <c r="AE168" s="7">
        <v>727</v>
      </c>
      <c r="AF168" s="7">
        <v>758</v>
      </c>
      <c r="AG168" s="9">
        <v>6900</v>
      </c>
      <c r="AH168" s="13">
        <v>0.35723530934506859</v>
      </c>
      <c r="AI168" s="9">
        <v>3295</v>
      </c>
      <c r="AJ168" s="13">
        <v>0.17059280352057987</v>
      </c>
      <c r="AK168" s="9">
        <v>2139</v>
      </c>
      <c r="AL168" s="13">
        <v>9.4604157452454665E-2</v>
      </c>
      <c r="AM168" s="9">
        <v>1466</v>
      </c>
      <c r="AN168" s="13">
        <v>5.923471655420421E-2</v>
      </c>
      <c r="AO168" s="9">
        <v>3605</v>
      </c>
      <c r="AP168" s="13">
        <v>0.15944272445820434</v>
      </c>
      <c r="AQ168" s="9">
        <v>19315</v>
      </c>
      <c r="AR168" s="9">
        <v>20414</v>
      </c>
      <c r="AS168" s="9">
        <v>20915</v>
      </c>
      <c r="AT168" s="9">
        <v>20949</v>
      </c>
      <c r="AU168" s="9">
        <v>21748</v>
      </c>
      <c r="AV168" s="9">
        <v>22498</v>
      </c>
      <c r="AW168" s="9">
        <v>22610</v>
      </c>
      <c r="AX168" s="9">
        <v>23355</v>
      </c>
      <c r="AY168" s="9">
        <v>24413</v>
      </c>
      <c r="AZ168" s="9">
        <v>24749</v>
      </c>
      <c r="BA168" s="9">
        <v>23986</v>
      </c>
      <c r="BB168" s="9">
        <v>25014</v>
      </c>
      <c r="BC168" s="9">
        <v>26101</v>
      </c>
      <c r="BD168" s="9">
        <v>26936</v>
      </c>
      <c r="BE168" s="9">
        <v>26405</v>
      </c>
      <c r="BF168" s="9">
        <v>26215</v>
      </c>
      <c r="BG168" s="11">
        <v>-16</v>
      </c>
      <c r="BH168" s="13">
        <v>-0.21052631578947367</v>
      </c>
      <c r="BI168" s="6">
        <v>-5</v>
      </c>
      <c r="BJ168" s="13">
        <v>-6.5789473684210523E-2</v>
      </c>
      <c r="BK168" s="6">
        <v>-11</v>
      </c>
      <c r="BL168" s="13">
        <v>-0.15492957746478872</v>
      </c>
      <c r="BM168" s="11">
        <v>0</v>
      </c>
      <c r="BN168" s="13">
        <v>0</v>
      </c>
      <c r="BO168" s="11">
        <v>-11</v>
      </c>
      <c r="BP168" s="13">
        <v>-0.15492957746478872</v>
      </c>
      <c r="BQ168" s="6">
        <v>76</v>
      </c>
      <c r="BR168" s="6">
        <v>77</v>
      </c>
      <c r="BS168" s="6">
        <v>76</v>
      </c>
      <c r="BT168" s="6">
        <v>71</v>
      </c>
      <c r="BU168" s="6">
        <v>68</v>
      </c>
      <c r="BV168" s="6">
        <v>67</v>
      </c>
      <c r="BW168" s="6">
        <v>60</v>
      </c>
      <c r="BX168" s="6">
        <v>59</v>
      </c>
      <c r="BY168" s="6">
        <v>62</v>
      </c>
      <c r="BZ168" s="6">
        <v>62</v>
      </c>
      <c r="CA168" s="6">
        <v>61</v>
      </c>
      <c r="CB168" s="6">
        <v>64</v>
      </c>
      <c r="CC168" s="11">
        <v>60</v>
      </c>
      <c r="CD168" s="11">
        <v>-41</v>
      </c>
      <c r="CE168" s="11">
        <v>-49</v>
      </c>
      <c r="CF168" s="11">
        <v>84</v>
      </c>
      <c r="CG168" s="11">
        <v>35</v>
      </c>
      <c r="CH168" s="20">
        <v>1.69</v>
      </c>
      <c r="CI168" s="20">
        <v>1.64</v>
      </c>
      <c r="CJ168" s="20">
        <v>1.67</v>
      </c>
      <c r="CK168" s="20">
        <v>1.73</v>
      </c>
      <c r="CL168" s="20">
        <v>1.84</v>
      </c>
      <c r="CM168" s="20">
        <v>1.8</v>
      </c>
      <c r="CN168" s="20">
        <v>1.63</v>
      </c>
      <c r="CO168" s="20">
        <v>1.65</v>
      </c>
      <c r="CP168" s="20">
        <v>1.61</v>
      </c>
      <c r="CQ168" s="20">
        <v>1.64</v>
      </c>
      <c r="CR168" s="20">
        <v>1.53</v>
      </c>
      <c r="CS168" s="20">
        <v>1.52</v>
      </c>
      <c r="CT168" s="20">
        <v>1.51</v>
      </c>
      <c r="CU168" s="20">
        <v>1.5</v>
      </c>
      <c r="CV168" s="20">
        <v>1.54</v>
      </c>
      <c r="CW168" s="20">
        <v>1.57</v>
      </c>
      <c r="CX168" s="20">
        <v>1.61</v>
      </c>
      <c r="CY168" s="6" t="s">
        <v>406</v>
      </c>
      <c r="CZ168" s="6" t="s">
        <v>407</v>
      </c>
      <c r="DA168" s="6" t="s">
        <v>106</v>
      </c>
      <c r="DB168" s="6" t="s">
        <v>345</v>
      </c>
      <c r="DC168" s="6"/>
      <c r="DD168" s="6"/>
      <c r="DE168" s="6"/>
      <c r="DF168" s="6"/>
      <c r="DG168" s="6"/>
      <c r="DH168" s="6" t="s">
        <v>333</v>
      </c>
      <c r="DI168" s="6"/>
      <c r="DJ168" s="6"/>
      <c r="DK168" s="6"/>
      <c r="DL168" s="6">
        <v>10</v>
      </c>
      <c r="DM168" s="6" t="s">
        <v>383</v>
      </c>
      <c r="DN168" s="6">
        <v>7</v>
      </c>
      <c r="DO168" s="6" t="s">
        <v>369</v>
      </c>
      <c r="DP168" s="6"/>
      <c r="DQ168" s="6"/>
    </row>
    <row r="169" spans="1:121" x14ac:dyDescent="0.2">
      <c r="A169" s="6" t="s">
        <v>794</v>
      </c>
      <c r="B169" s="6" t="s">
        <v>181</v>
      </c>
      <c r="C169" s="6" t="s">
        <v>182</v>
      </c>
      <c r="D169" s="6" t="s">
        <v>106</v>
      </c>
      <c r="E169" s="6" t="s">
        <v>247</v>
      </c>
      <c r="F169" s="11">
        <v>-9</v>
      </c>
      <c r="G169" s="13">
        <v>-7.96460176991E-2</v>
      </c>
      <c r="H169" s="11">
        <v>30.549942263999995</v>
      </c>
      <c r="I169" s="13">
        <v>0.27002106642139961</v>
      </c>
      <c r="J169" s="11">
        <v>-44.272555741699989</v>
      </c>
      <c r="K169" s="13">
        <v>-0.30811363871733977</v>
      </c>
      <c r="L169" s="11">
        <v>4.8653622937000023</v>
      </c>
      <c r="M169" s="13">
        <v>4.8939186372175467E-2</v>
      </c>
      <c r="N169" s="11">
        <v>-39.407193447999987</v>
      </c>
      <c r="O169" s="13">
        <v>-0.27425328313416131</v>
      </c>
      <c r="P169" s="7">
        <v>113.13910677</v>
      </c>
      <c r="Q169" s="7">
        <v>133.816292406</v>
      </c>
      <c r="R169" s="7">
        <v>176.387957769</v>
      </c>
      <c r="S169" s="7">
        <v>175.1507015</v>
      </c>
      <c r="T169" s="7">
        <v>152.06440217299999</v>
      </c>
      <c r="U169" s="7">
        <v>167.02056930699999</v>
      </c>
      <c r="V169" s="7">
        <v>143.68904903399999</v>
      </c>
      <c r="W169" s="7">
        <v>113.84919603900001</v>
      </c>
      <c r="X169" s="7">
        <v>103.670479212</v>
      </c>
      <c r="Y169" s="7">
        <v>99.416493292300004</v>
      </c>
      <c r="Z169" s="7">
        <v>105.836221767</v>
      </c>
      <c r="AA169" s="7">
        <v>117.496478962</v>
      </c>
      <c r="AB169" s="7">
        <v>123.099864768</v>
      </c>
      <c r="AC169" s="7">
        <v>117.41098171500001</v>
      </c>
      <c r="AD169" s="7">
        <v>106.556972898</v>
      </c>
      <c r="AE169" s="7">
        <v>103.081985151</v>
      </c>
      <c r="AF169" s="7">
        <v>104.28185558600001</v>
      </c>
      <c r="AG169" s="9">
        <v>19228.255267600001</v>
      </c>
      <c r="AH169" s="13">
        <v>0.6275006167131123</v>
      </c>
      <c r="AI169" s="9">
        <v>10841.6944645</v>
      </c>
      <c r="AJ169" s="13">
        <v>0.35381109039842862</v>
      </c>
      <c r="AK169" s="9">
        <v>2118.1782660999961</v>
      </c>
      <c r="AL169" s="13">
        <v>5.1059753990707939E-2</v>
      </c>
      <c r="AM169" s="9">
        <v>6268.382537000005</v>
      </c>
      <c r="AN169" s="13">
        <v>0.14376206276237791</v>
      </c>
      <c r="AO169" s="9">
        <v>8386.5608031000011</v>
      </c>
      <c r="AP169" s="13">
        <v>0.20216227231092959</v>
      </c>
      <c r="AQ169" s="9">
        <v>30642.607760800001</v>
      </c>
      <c r="AR169" s="9">
        <v>31970.724721400002</v>
      </c>
      <c r="AS169" s="9">
        <v>32054.349307500001</v>
      </c>
      <c r="AT169" s="9">
        <v>32452.3386909</v>
      </c>
      <c r="AU169" s="9">
        <v>37319.238733899998</v>
      </c>
      <c r="AV169" s="9">
        <v>38263.363802699998</v>
      </c>
      <c r="AW169" s="9">
        <v>41484.302225300002</v>
      </c>
      <c r="AX169" s="9">
        <v>42333.730775999997</v>
      </c>
      <c r="AY169" s="9">
        <v>39145.535546400002</v>
      </c>
      <c r="AZ169" s="9">
        <v>43602.480491399998</v>
      </c>
      <c r="BA169" s="9">
        <v>46338.427359200003</v>
      </c>
      <c r="BB169" s="9">
        <v>45323.131110100003</v>
      </c>
      <c r="BC169" s="9">
        <v>48576.290598699998</v>
      </c>
      <c r="BD169" s="9">
        <v>50550.407665400002</v>
      </c>
      <c r="BE169" s="9">
        <v>50156.277345800001</v>
      </c>
      <c r="BF169" s="9">
        <v>49870.863028400003</v>
      </c>
      <c r="BG169" s="11">
        <v>-2</v>
      </c>
      <c r="BH169" s="13">
        <v>-0.125</v>
      </c>
      <c r="BI169" s="6">
        <v>1</v>
      </c>
      <c r="BJ169" s="13">
        <v>6.25E-2</v>
      </c>
      <c r="BK169" s="6">
        <v>-3</v>
      </c>
      <c r="BL169" s="13">
        <v>-0.17647058823529413</v>
      </c>
      <c r="BM169" s="11">
        <v>0</v>
      </c>
      <c r="BN169" s="13">
        <v>0</v>
      </c>
      <c r="BO169" s="11">
        <v>-3</v>
      </c>
      <c r="BP169" s="13">
        <v>-0.17647058823529413</v>
      </c>
      <c r="BQ169" s="6">
        <v>16</v>
      </c>
      <c r="BR169" s="6">
        <v>17</v>
      </c>
      <c r="BS169" s="6">
        <v>22</v>
      </c>
      <c r="BT169" s="6">
        <v>17</v>
      </c>
      <c r="BU169" s="6">
        <v>15</v>
      </c>
      <c r="BV169" s="6">
        <v>13</v>
      </c>
      <c r="BW169" s="6">
        <v>14</v>
      </c>
      <c r="BX169" s="6">
        <v>12</v>
      </c>
      <c r="BY169" s="6">
        <v>14</v>
      </c>
      <c r="BZ169" s="6">
        <v>14</v>
      </c>
      <c r="CA169" s="6">
        <v>15</v>
      </c>
      <c r="CB169" s="6">
        <v>14</v>
      </c>
      <c r="CC169" s="11">
        <v>14</v>
      </c>
      <c r="CD169" s="11">
        <v>-28.355899999999998</v>
      </c>
      <c r="CE169" s="11">
        <v>7.1311999999999998</v>
      </c>
      <c r="CF169" s="11">
        <v>12.3675</v>
      </c>
      <c r="CG169" s="11">
        <v>19</v>
      </c>
      <c r="CH169" s="20">
        <v>0.84874499999999997</v>
      </c>
      <c r="CI169" s="20">
        <v>0.97134500000000001</v>
      </c>
      <c r="CJ169" s="20">
        <v>1.22844</v>
      </c>
      <c r="CK169" s="20">
        <v>1.1769799999999999</v>
      </c>
      <c r="CL169" s="20">
        <v>1.00281</v>
      </c>
      <c r="CM169" s="20">
        <v>1.07847</v>
      </c>
      <c r="CN169" s="20">
        <v>0.93741099999999999</v>
      </c>
      <c r="CO169" s="20">
        <v>0.77030500000000002</v>
      </c>
      <c r="CP169" s="20">
        <v>0.73580699999999999</v>
      </c>
      <c r="CQ169" s="20">
        <v>0.71931100000000003</v>
      </c>
      <c r="CR169" s="20">
        <v>0.75832200000000005</v>
      </c>
      <c r="CS169" s="20">
        <v>0.82820700000000003</v>
      </c>
      <c r="CT169" s="20">
        <v>0.86286700000000005</v>
      </c>
      <c r="CU169" s="20">
        <v>0.82828299999999999</v>
      </c>
      <c r="CV169" s="20">
        <v>0.72436800000000001</v>
      </c>
      <c r="CW169" s="20">
        <v>0.67679800000000001</v>
      </c>
      <c r="CX169" s="20">
        <v>0.66855500000000001</v>
      </c>
      <c r="CY169" s="6" t="s">
        <v>406</v>
      </c>
      <c r="CZ169" s="6" t="s">
        <v>407</v>
      </c>
      <c r="DA169" s="6" t="s">
        <v>106</v>
      </c>
      <c r="DB169" s="6" t="s">
        <v>345</v>
      </c>
      <c r="DC169" s="6"/>
      <c r="DD169" s="6"/>
      <c r="DE169" s="6"/>
      <c r="DF169" s="6"/>
      <c r="DG169" s="6"/>
      <c r="DH169" s="6" t="s">
        <v>333</v>
      </c>
      <c r="DI169" s="6"/>
      <c r="DJ169" s="6"/>
      <c r="DK169" s="6"/>
      <c r="DL169" s="6">
        <v>10</v>
      </c>
      <c r="DM169" s="6" t="s">
        <v>383</v>
      </c>
      <c r="DN169" s="6">
        <v>7</v>
      </c>
      <c r="DO169" s="6" t="s">
        <v>369</v>
      </c>
      <c r="DP169" s="6"/>
      <c r="DQ169" s="6"/>
    </row>
    <row r="170" spans="1:121" x14ac:dyDescent="0.2">
      <c r="A170" s="6" t="s">
        <v>314</v>
      </c>
      <c r="B170" s="6" t="s">
        <v>314</v>
      </c>
      <c r="C170" s="6" t="s">
        <v>183</v>
      </c>
      <c r="D170" s="6" t="s">
        <v>106</v>
      </c>
      <c r="E170" s="6" t="s">
        <v>247</v>
      </c>
      <c r="F170" s="11">
        <v>-1</v>
      </c>
      <c r="G170" s="13">
        <v>-4.7619047619000002E-2</v>
      </c>
      <c r="H170" s="11">
        <v>3.9355157150000011</v>
      </c>
      <c r="I170" s="13">
        <v>0.19094840845621719</v>
      </c>
      <c r="J170" s="11">
        <v>-4.0556981768</v>
      </c>
      <c r="K170" s="13">
        <v>-0.16522930310897296</v>
      </c>
      <c r="L170" s="11">
        <v>-3.4623009000007698E-3</v>
      </c>
      <c r="M170" s="13">
        <v>-1.6897367775055262E-4</v>
      </c>
      <c r="N170" s="11">
        <v>-4.0591604777000008</v>
      </c>
      <c r="O170" s="13">
        <v>-0.16537035738370504</v>
      </c>
      <c r="P170" s="7">
        <v>20.6103614417</v>
      </c>
      <c r="Q170" s="7">
        <v>25.564314737699998</v>
      </c>
      <c r="R170" s="7">
        <v>22.593352216900001</v>
      </c>
      <c r="S170" s="7">
        <v>23.058324317</v>
      </c>
      <c r="T170" s="7">
        <v>24.534257002899999</v>
      </c>
      <c r="U170" s="7">
        <v>23.182705117899999</v>
      </c>
      <c r="V170" s="7">
        <v>24.545877156700001</v>
      </c>
      <c r="W170" s="7">
        <v>21.7713852979</v>
      </c>
      <c r="X170" s="7">
        <v>22.000057591699999</v>
      </c>
      <c r="Y170" s="7">
        <v>20.490178979900001</v>
      </c>
      <c r="Z170" s="7">
        <v>19.470017348799999</v>
      </c>
      <c r="AA170" s="7">
        <v>19.3021988317</v>
      </c>
      <c r="AB170" s="7">
        <v>20.6139939571</v>
      </c>
      <c r="AC170" s="7">
        <v>22.355647832100001</v>
      </c>
      <c r="AD170" s="7">
        <v>19.978760174200001</v>
      </c>
      <c r="AE170" s="7">
        <v>19.841598252600001</v>
      </c>
      <c r="AF170" s="7">
        <v>20.486716679000001</v>
      </c>
      <c r="AG170" s="9">
        <v>11516.555540500001</v>
      </c>
      <c r="AH170" s="13">
        <v>0.37028284730418504</v>
      </c>
      <c r="AI170" s="9">
        <v>246.0384161999973</v>
      </c>
      <c r="AJ170" s="13">
        <v>7.9106817117639474E-3</v>
      </c>
      <c r="AK170" s="9">
        <v>19310.564184500003</v>
      </c>
      <c r="AL170" s="13">
        <v>0.61600452565625141</v>
      </c>
      <c r="AM170" s="9">
        <v>-8040.0470601999987</v>
      </c>
      <c r="AN170" s="13">
        <v>-0.15871024368456427</v>
      </c>
      <c r="AO170" s="9">
        <v>11270.517124300004</v>
      </c>
      <c r="AP170" s="13">
        <v>0.35952805359398904</v>
      </c>
      <c r="AQ170" s="9">
        <v>31102.049755600001</v>
      </c>
      <c r="AR170" s="9">
        <v>35959.098566200002</v>
      </c>
      <c r="AS170" s="9">
        <v>32740.584409300001</v>
      </c>
      <c r="AT170" s="9">
        <v>31394.786402400001</v>
      </c>
      <c r="AU170" s="9">
        <v>30961.3060277</v>
      </c>
      <c r="AV170" s="9">
        <v>31077.601741800001</v>
      </c>
      <c r="AW170" s="9">
        <v>31348.088171799998</v>
      </c>
      <c r="AX170" s="9">
        <v>34942.426827299998</v>
      </c>
      <c r="AY170" s="9">
        <v>48661.428654099996</v>
      </c>
      <c r="AZ170" s="9">
        <v>50658.652356300001</v>
      </c>
      <c r="BA170" s="9">
        <v>45658.953884299997</v>
      </c>
      <c r="BB170" s="9">
        <v>43467.574672299997</v>
      </c>
      <c r="BC170" s="9">
        <v>44443.724816499998</v>
      </c>
      <c r="BD170" s="9">
        <v>39744.573364399999</v>
      </c>
      <c r="BE170" s="9">
        <v>39699.4756079</v>
      </c>
      <c r="BF170" s="9">
        <v>42618.605296100002</v>
      </c>
      <c r="BG170" s="11">
        <v>-1</v>
      </c>
      <c r="BH170" s="13">
        <v>-0.16666666666666666</v>
      </c>
      <c r="BI170" s="6">
        <v>-1</v>
      </c>
      <c r="BJ170" s="13">
        <v>-0.16666666666666666</v>
      </c>
      <c r="BK170" s="6">
        <v>1</v>
      </c>
      <c r="BL170" s="13">
        <v>0.2</v>
      </c>
      <c r="BM170" s="11">
        <v>-1</v>
      </c>
      <c r="BN170" s="13">
        <v>-0.16666666666666666</v>
      </c>
      <c r="BO170" s="11">
        <v>0</v>
      </c>
      <c r="BP170" s="13">
        <v>0</v>
      </c>
      <c r="BQ170" s="6">
        <v>6</v>
      </c>
      <c r="BR170" s="6">
        <v>4</v>
      </c>
      <c r="BS170" s="6">
        <v>4</v>
      </c>
      <c r="BT170" s="6">
        <v>5</v>
      </c>
      <c r="BU170" s="6">
        <v>5</v>
      </c>
      <c r="BV170" s="6">
        <v>6</v>
      </c>
      <c r="BW170" s="6">
        <v>6</v>
      </c>
      <c r="BX170" s="6">
        <v>5</v>
      </c>
      <c r="BY170" s="6">
        <v>5</v>
      </c>
      <c r="BZ170" s="6">
        <v>5</v>
      </c>
      <c r="CA170" s="6">
        <v>5</v>
      </c>
      <c r="CB170" s="6">
        <v>5</v>
      </c>
      <c r="CC170" s="11">
        <v>5</v>
      </c>
      <c r="CD170" s="11">
        <v>3.93615</v>
      </c>
      <c r="CE170" s="11">
        <v>-6.3127599999999999</v>
      </c>
      <c r="CF170" s="11">
        <v>2.2529599999999999</v>
      </c>
      <c r="CG170" s="11">
        <v>-4</v>
      </c>
      <c r="CH170" s="20">
        <v>0.19633999999999999</v>
      </c>
      <c r="CI170" s="20">
        <v>0.24229300000000001</v>
      </c>
      <c r="CJ170" s="20">
        <v>0.21452399999999999</v>
      </c>
      <c r="CK170" s="20">
        <v>0.22018499999999999</v>
      </c>
      <c r="CL170" s="20">
        <v>0.23863200000000001</v>
      </c>
      <c r="CM170" s="20">
        <v>0.22736300000000001</v>
      </c>
      <c r="CN170" s="20">
        <v>0.24879200000000001</v>
      </c>
      <c r="CO170" s="20">
        <v>0.23085</v>
      </c>
      <c r="CP170" s="20">
        <v>0.24354700000000001</v>
      </c>
      <c r="CQ170" s="20">
        <v>0.23718500000000001</v>
      </c>
      <c r="CR170" s="20">
        <v>0.23149400000000001</v>
      </c>
      <c r="CS170" s="20">
        <v>0.23033500000000001</v>
      </c>
      <c r="CT170" s="20">
        <v>0.24715599999999999</v>
      </c>
      <c r="CU170" s="20">
        <v>0.27555299999999999</v>
      </c>
      <c r="CV170" s="20">
        <v>0.24596399999999999</v>
      </c>
      <c r="CW170" s="20">
        <v>0.23849899999999999</v>
      </c>
      <c r="CX170" s="20">
        <v>0.24349399999999999</v>
      </c>
      <c r="CY170" s="6" t="s">
        <v>406</v>
      </c>
      <c r="CZ170" s="6" t="s">
        <v>407</v>
      </c>
      <c r="DA170" s="6" t="s">
        <v>106</v>
      </c>
      <c r="DB170" s="6" t="s">
        <v>345</v>
      </c>
      <c r="DC170" s="6"/>
      <c r="DD170" s="6"/>
      <c r="DE170" s="6"/>
      <c r="DF170" s="6"/>
      <c r="DG170" s="6"/>
      <c r="DH170" s="6" t="s">
        <v>333</v>
      </c>
      <c r="DI170" s="6"/>
      <c r="DJ170" s="6"/>
      <c r="DK170" s="6"/>
      <c r="DL170" s="6">
        <v>10</v>
      </c>
      <c r="DM170" s="6" t="s">
        <v>383</v>
      </c>
      <c r="DN170" s="6">
        <v>7</v>
      </c>
      <c r="DO170" s="6" t="s">
        <v>369</v>
      </c>
      <c r="DP170" s="6"/>
      <c r="DQ170" s="6"/>
    </row>
    <row r="171" spans="1:121" x14ac:dyDescent="0.2">
      <c r="A171" s="6" t="s">
        <v>315</v>
      </c>
      <c r="B171" s="6" t="s">
        <v>315</v>
      </c>
      <c r="C171" s="6" t="s">
        <v>184</v>
      </c>
      <c r="D171" s="6" t="s">
        <v>106</v>
      </c>
      <c r="E171" s="6" t="s">
        <v>247</v>
      </c>
      <c r="F171" s="11">
        <v>33</v>
      </c>
      <c r="G171" s="13">
        <v>0.22</v>
      </c>
      <c r="H171" s="11">
        <v>14</v>
      </c>
      <c r="I171" s="13">
        <v>9.5238095238095233E-2</v>
      </c>
      <c r="J171" s="11">
        <v>7</v>
      </c>
      <c r="K171" s="13">
        <v>4.3478260869565216E-2</v>
      </c>
      <c r="L171" s="11">
        <v>12</v>
      </c>
      <c r="M171" s="13">
        <v>7.1428571428571425E-2</v>
      </c>
      <c r="N171" s="11">
        <v>19</v>
      </c>
      <c r="O171" s="13">
        <v>0.11801242236024843</v>
      </c>
      <c r="P171" s="7">
        <v>147</v>
      </c>
      <c r="Q171" s="7">
        <v>147</v>
      </c>
      <c r="R171" s="7">
        <v>161</v>
      </c>
      <c r="S171" s="7">
        <v>162</v>
      </c>
      <c r="T171" s="7">
        <v>173</v>
      </c>
      <c r="U171" s="7">
        <v>175</v>
      </c>
      <c r="V171" s="7">
        <v>161</v>
      </c>
      <c r="W171" s="7">
        <v>147</v>
      </c>
      <c r="X171" s="7">
        <v>172</v>
      </c>
      <c r="Y171" s="7">
        <v>168</v>
      </c>
      <c r="Z171" s="7">
        <v>168</v>
      </c>
      <c r="AA171" s="7">
        <v>172</v>
      </c>
      <c r="AB171" s="7">
        <v>169</v>
      </c>
      <c r="AC171" s="7">
        <v>172</v>
      </c>
      <c r="AD171" s="7">
        <v>175</v>
      </c>
      <c r="AE171" s="7">
        <v>175</v>
      </c>
      <c r="AF171" s="7">
        <v>180</v>
      </c>
      <c r="AG171" s="9">
        <v>66489</v>
      </c>
      <c r="AH171" s="13">
        <v>2.1727011306450561</v>
      </c>
      <c r="AI171" s="9">
        <v>4707</v>
      </c>
      <c r="AJ171" s="13">
        <v>0.15381347624338279</v>
      </c>
      <c r="AK171" s="9">
        <v>41715</v>
      </c>
      <c r="AL171" s="13">
        <v>1.1814268316859724</v>
      </c>
      <c r="AM171" s="9">
        <v>20067</v>
      </c>
      <c r="AN171" s="13">
        <v>0.26052918570835065</v>
      </c>
      <c r="AO171" s="9">
        <v>61782</v>
      </c>
      <c r="AP171" s="13">
        <v>1.749752187827466</v>
      </c>
      <c r="AQ171" s="9">
        <v>30602</v>
      </c>
      <c r="AR171" s="9">
        <v>31846</v>
      </c>
      <c r="AS171" s="9">
        <v>29784</v>
      </c>
      <c r="AT171" s="9">
        <v>30613</v>
      </c>
      <c r="AU171" s="9">
        <v>31898</v>
      </c>
      <c r="AV171" s="9">
        <v>33128</v>
      </c>
      <c r="AW171" s="9">
        <v>35309</v>
      </c>
      <c r="AX171" s="9">
        <v>38079</v>
      </c>
      <c r="AY171" s="9">
        <v>65601</v>
      </c>
      <c r="AZ171" s="9">
        <v>77024</v>
      </c>
      <c r="BA171" s="9">
        <v>79452</v>
      </c>
      <c r="BB171" s="9">
        <v>82675</v>
      </c>
      <c r="BC171" s="9">
        <v>91262</v>
      </c>
      <c r="BD171" s="9">
        <v>93408</v>
      </c>
      <c r="BE171" s="9">
        <v>92970</v>
      </c>
      <c r="BF171" s="9">
        <v>97091</v>
      </c>
      <c r="BG171" s="11">
        <v>6</v>
      </c>
      <c r="BH171" s="13">
        <v>0.2857142857142857</v>
      </c>
      <c r="BI171" s="6">
        <v>4</v>
      </c>
      <c r="BJ171" s="13">
        <v>0.19047619047619047</v>
      </c>
      <c r="BK171" s="6">
        <v>1</v>
      </c>
      <c r="BL171" s="13">
        <v>0.04</v>
      </c>
      <c r="BM171" s="11">
        <v>1</v>
      </c>
      <c r="BN171" s="13">
        <v>3.8461538461538464E-2</v>
      </c>
      <c r="BO171" s="11">
        <v>2</v>
      </c>
      <c r="BP171" s="13">
        <v>0.08</v>
      </c>
      <c r="BQ171" s="6">
        <v>21</v>
      </c>
      <c r="BR171" s="6">
        <v>25</v>
      </c>
      <c r="BS171" s="6">
        <v>23</v>
      </c>
      <c r="BT171" s="6">
        <v>25</v>
      </c>
      <c r="BU171" s="6">
        <v>25</v>
      </c>
      <c r="BV171" s="6">
        <v>26</v>
      </c>
      <c r="BW171" s="6">
        <v>26</v>
      </c>
      <c r="BX171" s="6">
        <v>26</v>
      </c>
      <c r="BY171" s="6">
        <v>27</v>
      </c>
      <c r="BZ171" s="6">
        <v>27</v>
      </c>
      <c r="CA171" s="6">
        <v>26</v>
      </c>
      <c r="CB171" s="6">
        <v>27</v>
      </c>
      <c r="CC171" s="11">
        <v>27</v>
      </c>
      <c r="CD171" s="11">
        <v>28</v>
      </c>
      <c r="CE171" s="11">
        <v>-12</v>
      </c>
      <c r="CF171" s="11">
        <v>16</v>
      </c>
      <c r="CG171" s="11">
        <v>4</v>
      </c>
      <c r="CH171" s="20">
        <v>0.86</v>
      </c>
      <c r="CI171" s="20">
        <v>0.81</v>
      </c>
      <c r="CJ171" s="20">
        <v>0.83</v>
      </c>
      <c r="CK171" s="20">
        <v>0.81</v>
      </c>
      <c r="CL171" s="20">
        <v>0.86</v>
      </c>
      <c r="CM171" s="20">
        <v>0.86</v>
      </c>
      <c r="CN171" s="20">
        <v>0.82</v>
      </c>
      <c r="CO171" s="20">
        <v>0.79</v>
      </c>
      <c r="CP171" s="20">
        <v>0.94</v>
      </c>
      <c r="CQ171" s="20">
        <v>0.95</v>
      </c>
      <c r="CR171" s="20">
        <v>0.96</v>
      </c>
      <c r="CS171" s="20">
        <v>0.98</v>
      </c>
      <c r="CT171" s="20">
        <v>0.97</v>
      </c>
      <c r="CU171" s="20">
        <v>1.02</v>
      </c>
      <c r="CV171" s="20">
        <v>1.03</v>
      </c>
      <c r="CW171" s="20">
        <v>1.01</v>
      </c>
      <c r="CX171" s="20">
        <v>1.02</v>
      </c>
      <c r="CY171" s="6" t="s">
        <v>406</v>
      </c>
      <c r="CZ171" s="6" t="s">
        <v>407</v>
      </c>
      <c r="DA171" s="6" t="s">
        <v>106</v>
      </c>
      <c r="DB171" s="6" t="s">
        <v>345</v>
      </c>
      <c r="DC171" s="6"/>
      <c r="DD171" s="6"/>
      <c r="DE171" s="6"/>
      <c r="DF171" s="6"/>
      <c r="DG171" s="6"/>
      <c r="DH171" s="6" t="s">
        <v>333</v>
      </c>
      <c r="DI171" s="6"/>
      <c r="DJ171" s="6"/>
      <c r="DK171" s="6"/>
      <c r="DL171" s="6">
        <v>10</v>
      </c>
      <c r="DM171" s="6" t="s">
        <v>383</v>
      </c>
      <c r="DN171" s="6">
        <v>7</v>
      </c>
      <c r="DO171" s="6" t="s">
        <v>369</v>
      </c>
      <c r="DP171" s="6"/>
      <c r="DQ171" s="6"/>
    </row>
    <row r="172" spans="1:121" x14ac:dyDescent="0.2">
      <c r="A172" s="6" t="s">
        <v>316</v>
      </c>
      <c r="B172" s="6" t="s">
        <v>316</v>
      </c>
      <c r="C172" s="6" t="s">
        <v>185</v>
      </c>
      <c r="D172" s="6" t="s">
        <v>106</v>
      </c>
      <c r="E172" s="6" t="s">
        <v>247</v>
      </c>
      <c r="F172" s="11">
        <v>-14</v>
      </c>
      <c r="G172" s="13">
        <v>-0.27</v>
      </c>
      <c r="H172" s="11">
        <v>16</v>
      </c>
      <c r="I172" s="13">
        <v>0.30769230769230771</v>
      </c>
      <c r="J172" s="11">
        <v>-27</v>
      </c>
      <c r="K172" s="13">
        <v>-0.39705882352941174</v>
      </c>
      <c r="L172" s="11">
        <v>-3</v>
      </c>
      <c r="M172" s="13">
        <v>-7.3170731707317069E-2</v>
      </c>
      <c r="N172" s="11">
        <v>-30</v>
      </c>
      <c r="O172" s="13">
        <v>-0.44117647058823528</v>
      </c>
      <c r="P172" s="7">
        <v>52</v>
      </c>
      <c r="Q172" s="7">
        <v>58</v>
      </c>
      <c r="R172" s="7">
        <v>65</v>
      </c>
      <c r="S172" s="7">
        <v>80</v>
      </c>
      <c r="T172" s="7">
        <v>80</v>
      </c>
      <c r="U172" s="7">
        <v>83</v>
      </c>
      <c r="V172" s="7">
        <v>68</v>
      </c>
      <c r="W172" s="7">
        <v>59</v>
      </c>
      <c r="X172" s="7">
        <v>48</v>
      </c>
      <c r="Y172" s="7">
        <v>41</v>
      </c>
      <c r="Z172" s="7">
        <v>34</v>
      </c>
      <c r="AA172" s="7">
        <v>32</v>
      </c>
      <c r="AB172" s="7">
        <v>30</v>
      </c>
      <c r="AC172" s="7">
        <v>34</v>
      </c>
      <c r="AD172" s="7">
        <v>38</v>
      </c>
      <c r="AE172" s="7">
        <v>38</v>
      </c>
      <c r="AF172" s="7">
        <v>38</v>
      </c>
      <c r="AG172" s="9">
        <v>15032</v>
      </c>
      <c r="AH172" s="13">
        <v>0.88138375842861327</v>
      </c>
      <c r="AI172" s="9">
        <v>5786</v>
      </c>
      <c r="AJ172" s="13">
        <v>0.33925535033714455</v>
      </c>
      <c r="AK172" s="9">
        <v>419</v>
      </c>
      <c r="AL172" s="13">
        <v>1.8344205595201613E-2</v>
      </c>
      <c r="AM172" s="9">
        <v>8827</v>
      </c>
      <c r="AN172" s="13">
        <v>0.37949269131556318</v>
      </c>
      <c r="AO172" s="9">
        <v>9246</v>
      </c>
      <c r="AP172" s="13">
        <v>0.40479838886213382</v>
      </c>
      <c r="AQ172" s="9">
        <v>17055</v>
      </c>
      <c r="AR172" s="9">
        <v>17724</v>
      </c>
      <c r="AS172" s="9">
        <v>18718</v>
      </c>
      <c r="AT172" s="9">
        <v>18422</v>
      </c>
      <c r="AU172" s="9">
        <v>21284</v>
      </c>
      <c r="AV172" s="9">
        <v>21663</v>
      </c>
      <c r="AW172" s="9">
        <v>22841</v>
      </c>
      <c r="AX172" s="9">
        <v>26081</v>
      </c>
      <c r="AY172" s="9">
        <v>25859</v>
      </c>
      <c r="AZ172" s="9">
        <v>23260</v>
      </c>
      <c r="BA172" s="9">
        <v>21674</v>
      </c>
      <c r="BB172" s="9">
        <v>22857</v>
      </c>
      <c r="BC172" s="9">
        <v>30602</v>
      </c>
      <c r="BD172" s="9">
        <v>30051</v>
      </c>
      <c r="BE172" s="9">
        <v>31466</v>
      </c>
      <c r="BF172" s="9">
        <v>32087</v>
      </c>
      <c r="BG172" s="11">
        <v>-5</v>
      </c>
      <c r="BH172" s="13">
        <v>-0.33333333333333331</v>
      </c>
      <c r="BI172" s="6">
        <v>-1</v>
      </c>
      <c r="BJ172" s="13">
        <v>-6.6666666666666666E-2</v>
      </c>
      <c r="BK172" s="6">
        <v>-2</v>
      </c>
      <c r="BL172" s="13">
        <v>-0.14285714285714285</v>
      </c>
      <c r="BM172" s="11">
        <v>-2</v>
      </c>
      <c r="BN172" s="13">
        <v>-0.16666666666666666</v>
      </c>
      <c r="BO172" s="11">
        <v>-4</v>
      </c>
      <c r="BP172" s="13">
        <v>-0.2857142857142857</v>
      </c>
      <c r="BQ172" s="6">
        <v>15</v>
      </c>
      <c r="BR172" s="6">
        <v>16</v>
      </c>
      <c r="BS172" s="6">
        <v>16</v>
      </c>
      <c r="BT172" s="6">
        <v>14</v>
      </c>
      <c r="BU172" s="6">
        <v>14</v>
      </c>
      <c r="BV172" s="6">
        <v>12</v>
      </c>
      <c r="BW172" s="6">
        <v>12</v>
      </c>
      <c r="BX172" s="6">
        <v>11</v>
      </c>
      <c r="BY172" s="6">
        <v>11</v>
      </c>
      <c r="BZ172" s="6">
        <v>10</v>
      </c>
      <c r="CA172" s="6">
        <v>9</v>
      </c>
      <c r="CB172" s="6">
        <v>11</v>
      </c>
      <c r="CC172" s="11">
        <v>10</v>
      </c>
      <c r="CD172" s="11">
        <v>-17</v>
      </c>
      <c r="CE172" s="11">
        <v>-3</v>
      </c>
      <c r="CF172" s="11">
        <v>6</v>
      </c>
      <c r="CG172" s="11">
        <v>3</v>
      </c>
      <c r="CH172" s="20">
        <v>0.74</v>
      </c>
      <c r="CI172" s="20">
        <v>0.77</v>
      </c>
      <c r="CJ172" s="20">
        <v>0.81</v>
      </c>
      <c r="CK172" s="20">
        <v>0.94</v>
      </c>
      <c r="CL172" s="20">
        <v>0.92</v>
      </c>
      <c r="CM172" s="20">
        <v>0.95</v>
      </c>
      <c r="CN172" s="20">
        <v>0.8</v>
      </c>
      <c r="CO172" s="20">
        <v>0.73</v>
      </c>
      <c r="CP172" s="20">
        <v>0.63</v>
      </c>
      <c r="CQ172" s="20">
        <v>0.56000000000000005</v>
      </c>
      <c r="CR172" s="20">
        <v>0.47</v>
      </c>
      <c r="CS172" s="20">
        <v>0.44</v>
      </c>
      <c r="CT172" s="20">
        <v>0.41</v>
      </c>
      <c r="CU172" s="20">
        <v>0.48</v>
      </c>
      <c r="CV172" s="20">
        <v>0.53</v>
      </c>
      <c r="CW172" s="20">
        <v>0.51</v>
      </c>
      <c r="CX172" s="20">
        <v>0.51</v>
      </c>
      <c r="CY172" s="6" t="s">
        <v>406</v>
      </c>
      <c r="CZ172" s="6" t="s">
        <v>407</v>
      </c>
      <c r="DA172" s="6" t="s">
        <v>106</v>
      </c>
      <c r="DB172" s="6" t="s">
        <v>345</v>
      </c>
      <c r="DC172" s="6"/>
      <c r="DD172" s="6"/>
      <c r="DE172" s="6"/>
      <c r="DF172" s="6"/>
      <c r="DG172" s="6"/>
      <c r="DH172" s="6" t="s">
        <v>333</v>
      </c>
      <c r="DI172" s="6"/>
      <c r="DJ172" s="6"/>
      <c r="DK172" s="6"/>
      <c r="DL172" s="6">
        <v>10</v>
      </c>
      <c r="DM172" s="6" t="s">
        <v>383</v>
      </c>
      <c r="DN172" s="6">
        <v>7</v>
      </c>
      <c r="DO172" s="6" t="s">
        <v>369</v>
      </c>
      <c r="DP172" s="6"/>
      <c r="DQ172" s="6"/>
    </row>
    <row r="173" spans="1:121" x14ac:dyDescent="0.2">
      <c r="A173" s="6" t="s">
        <v>317</v>
      </c>
      <c r="B173" s="6" t="s">
        <v>317</v>
      </c>
      <c r="C173" s="6" t="s">
        <v>186</v>
      </c>
      <c r="D173" s="6" t="s">
        <v>106</v>
      </c>
      <c r="E173" s="6" t="s">
        <v>247</v>
      </c>
      <c r="F173" s="11">
        <v>21</v>
      </c>
      <c r="G173" s="13">
        <v>0.31</v>
      </c>
      <c r="H173" s="11">
        <v>21</v>
      </c>
      <c r="I173" s="13">
        <v>0.30882352941176472</v>
      </c>
      <c r="J173" s="11">
        <v>-21</v>
      </c>
      <c r="K173" s="13">
        <v>-0.23595505617977527</v>
      </c>
      <c r="L173" s="11">
        <v>21</v>
      </c>
      <c r="M173" s="13">
        <v>0.30882352941176472</v>
      </c>
      <c r="N173" s="11">
        <v>0</v>
      </c>
      <c r="O173" s="13">
        <v>0</v>
      </c>
      <c r="P173" s="7">
        <v>68</v>
      </c>
      <c r="Q173" s="7">
        <v>68</v>
      </c>
      <c r="R173" s="7">
        <v>72</v>
      </c>
      <c r="S173" s="7">
        <v>71</v>
      </c>
      <c r="T173" s="7">
        <v>88</v>
      </c>
      <c r="U173" s="7">
        <v>77</v>
      </c>
      <c r="V173" s="7">
        <v>89</v>
      </c>
      <c r="W173" s="7">
        <v>85</v>
      </c>
      <c r="X173" s="7">
        <v>76</v>
      </c>
      <c r="Y173" s="7">
        <v>68</v>
      </c>
      <c r="Z173" s="7">
        <v>72</v>
      </c>
      <c r="AA173" s="7">
        <v>76</v>
      </c>
      <c r="AB173" s="7">
        <v>82</v>
      </c>
      <c r="AC173" s="7">
        <v>83</v>
      </c>
      <c r="AD173" s="7">
        <v>83</v>
      </c>
      <c r="AE173" s="7">
        <v>86</v>
      </c>
      <c r="AF173" s="7">
        <v>89</v>
      </c>
      <c r="AG173" s="9">
        <v>5689</v>
      </c>
      <c r="AH173" s="13">
        <v>0.20578766503888588</v>
      </c>
      <c r="AI173" s="9">
        <v>235</v>
      </c>
      <c r="AJ173" s="13">
        <v>8.5006330258636277E-3</v>
      </c>
      <c r="AK173" s="9">
        <v>2549</v>
      </c>
      <c r="AL173" s="13">
        <v>9.142754662840745E-2</v>
      </c>
      <c r="AM173" s="9">
        <v>2905</v>
      </c>
      <c r="AN173" s="13">
        <v>9.5468138946399814E-2</v>
      </c>
      <c r="AO173" s="9">
        <v>5454</v>
      </c>
      <c r="AP173" s="13">
        <v>0.19562410329985652</v>
      </c>
      <c r="AQ173" s="9">
        <v>27645</v>
      </c>
      <c r="AR173" s="9">
        <v>26846</v>
      </c>
      <c r="AS173" s="9">
        <v>24846</v>
      </c>
      <c r="AT173" s="9">
        <v>23575</v>
      </c>
      <c r="AU173" s="9">
        <v>24918</v>
      </c>
      <c r="AV173" s="9">
        <v>23550</v>
      </c>
      <c r="AW173" s="9">
        <v>27880</v>
      </c>
      <c r="AX173" s="9">
        <v>28149</v>
      </c>
      <c r="AY173" s="9">
        <v>28959</v>
      </c>
      <c r="AZ173" s="9">
        <v>30429</v>
      </c>
      <c r="BA173" s="9">
        <v>29634</v>
      </c>
      <c r="BB173" s="9">
        <v>32391</v>
      </c>
      <c r="BC173" s="9">
        <v>33115</v>
      </c>
      <c r="BD173" s="9">
        <v>34586</v>
      </c>
      <c r="BE173" s="9">
        <v>33739</v>
      </c>
      <c r="BF173" s="9">
        <v>33334</v>
      </c>
      <c r="BG173" s="11">
        <v>-3</v>
      </c>
      <c r="BH173" s="13">
        <v>-0.15789473684210525</v>
      </c>
      <c r="BI173" s="6">
        <v>2</v>
      </c>
      <c r="BJ173" s="13">
        <v>0.10526315789473684</v>
      </c>
      <c r="BK173" s="6">
        <v>-4</v>
      </c>
      <c r="BL173" s="13">
        <v>-0.19047619047619047</v>
      </c>
      <c r="BM173" s="11">
        <v>-1</v>
      </c>
      <c r="BN173" s="13">
        <v>-5.8823529411764705E-2</v>
      </c>
      <c r="BO173" s="11">
        <v>-5</v>
      </c>
      <c r="BP173" s="13">
        <v>-0.23809523809523808</v>
      </c>
      <c r="BQ173" s="6">
        <v>19</v>
      </c>
      <c r="BR173" s="6">
        <v>19</v>
      </c>
      <c r="BS173" s="6">
        <v>18</v>
      </c>
      <c r="BT173" s="6">
        <v>21</v>
      </c>
      <c r="BU173" s="6">
        <v>20</v>
      </c>
      <c r="BV173" s="6">
        <v>18</v>
      </c>
      <c r="BW173" s="6">
        <v>17</v>
      </c>
      <c r="BX173" s="6">
        <v>17</v>
      </c>
      <c r="BY173" s="6">
        <v>18</v>
      </c>
      <c r="BZ173" s="6">
        <v>18</v>
      </c>
      <c r="CA173" s="6">
        <v>19</v>
      </c>
      <c r="CB173" s="6">
        <v>18</v>
      </c>
      <c r="CC173" s="11">
        <v>16</v>
      </c>
      <c r="CD173" s="11">
        <v>0</v>
      </c>
      <c r="CE173" s="11">
        <v>14</v>
      </c>
      <c r="CF173" s="11">
        <v>7</v>
      </c>
      <c r="CG173" s="11">
        <v>21</v>
      </c>
      <c r="CH173" s="20">
        <v>0.3</v>
      </c>
      <c r="CI173" s="20">
        <v>0.28999999999999998</v>
      </c>
      <c r="CJ173" s="20">
        <v>0.28999999999999998</v>
      </c>
      <c r="CK173" s="20">
        <v>0.28000000000000003</v>
      </c>
      <c r="CL173" s="20">
        <v>0.33</v>
      </c>
      <c r="CM173" s="20">
        <v>0.28000000000000003</v>
      </c>
      <c r="CN173" s="20">
        <v>0.32</v>
      </c>
      <c r="CO173" s="20">
        <v>0.31</v>
      </c>
      <c r="CP173" s="20">
        <v>0.28000000000000003</v>
      </c>
      <c r="CQ173" s="20">
        <v>0.26</v>
      </c>
      <c r="CR173" s="20">
        <v>0.27</v>
      </c>
      <c r="CS173" s="20">
        <v>0.28000000000000003</v>
      </c>
      <c r="CT173" s="20">
        <v>0.3</v>
      </c>
      <c r="CU173" s="20">
        <v>0.31</v>
      </c>
      <c r="CV173" s="20">
        <v>0.3</v>
      </c>
      <c r="CW173" s="20">
        <v>0.3</v>
      </c>
      <c r="CX173" s="20">
        <v>0.3</v>
      </c>
      <c r="CY173" s="6" t="s">
        <v>406</v>
      </c>
      <c r="CZ173" s="6" t="s">
        <v>407</v>
      </c>
      <c r="DA173" s="6" t="s">
        <v>106</v>
      </c>
      <c r="DB173" s="6" t="s">
        <v>345</v>
      </c>
      <c r="DC173" s="6"/>
      <c r="DD173" s="6"/>
      <c r="DE173" s="6"/>
      <c r="DF173" s="6"/>
      <c r="DG173" s="6"/>
      <c r="DH173" s="6" t="s">
        <v>333</v>
      </c>
      <c r="DI173" s="6"/>
      <c r="DJ173" s="6"/>
      <c r="DK173" s="6"/>
      <c r="DL173" s="6">
        <v>10</v>
      </c>
      <c r="DM173" s="6" t="s">
        <v>383</v>
      </c>
      <c r="DN173" s="6">
        <v>7</v>
      </c>
      <c r="DO173" s="6" t="s">
        <v>369</v>
      </c>
      <c r="DP173" s="6"/>
      <c r="DQ173" s="6"/>
    </row>
    <row r="174" spans="1:121" x14ac:dyDescent="0.2">
      <c r="A174" s="6" t="s">
        <v>318</v>
      </c>
      <c r="B174" s="6" t="s">
        <v>318</v>
      </c>
      <c r="C174" s="6" t="s">
        <v>187</v>
      </c>
      <c r="D174" s="6" t="s">
        <v>106</v>
      </c>
      <c r="E174" s="6" t="s">
        <v>247</v>
      </c>
      <c r="F174" s="11">
        <v>0</v>
      </c>
      <c r="G174" s="13">
        <v>0</v>
      </c>
      <c r="H174" s="11">
        <v>0</v>
      </c>
      <c r="I174" s="13"/>
      <c r="J174" s="11">
        <v>0</v>
      </c>
      <c r="K174" s="13"/>
      <c r="L174" s="11">
        <v>0</v>
      </c>
      <c r="M174" s="13"/>
      <c r="N174" s="11">
        <v>0</v>
      </c>
      <c r="O174" s="13"/>
      <c r="P174" s="7">
        <v>0</v>
      </c>
      <c r="Q174" s="7">
        <v>0</v>
      </c>
      <c r="R174" s="7">
        <v>0</v>
      </c>
      <c r="S174" s="7">
        <v>0</v>
      </c>
      <c r="T174" s="7">
        <v>0</v>
      </c>
      <c r="U174" s="7">
        <v>0</v>
      </c>
      <c r="V174" s="7">
        <v>0</v>
      </c>
      <c r="W174" s="7">
        <v>0</v>
      </c>
      <c r="X174" s="7">
        <v>0</v>
      </c>
      <c r="Y174" s="7">
        <v>0</v>
      </c>
      <c r="Z174" s="7">
        <v>0</v>
      </c>
      <c r="AA174" s="7">
        <v>0</v>
      </c>
      <c r="AB174" s="7">
        <v>0</v>
      </c>
      <c r="AC174" s="7">
        <v>0</v>
      </c>
      <c r="AD174" s="7">
        <v>0</v>
      </c>
      <c r="AE174" s="7">
        <v>0</v>
      </c>
      <c r="AF174" s="7">
        <v>0</v>
      </c>
      <c r="AG174" s="9">
        <v>0</v>
      </c>
      <c r="AH174" s="13"/>
      <c r="AI174" s="9">
        <v>0</v>
      </c>
      <c r="AJ174" s="13"/>
      <c r="AK174" s="9">
        <v>0</v>
      </c>
      <c r="AL174" s="13"/>
      <c r="AM174" s="9">
        <v>0</v>
      </c>
      <c r="AN174" s="13"/>
      <c r="AO174" s="9">
        <v>0</v>
      </c>
      <c r="AP174" s="13"/>
      <c r="AQ174" s="9">
        <v>0</v>
      </c>
      <c r="AR174" s="9">
        <v>0</v>
      </c>
      <c r="AS174" s="9">
        <v>0</v>
      </c>
      <c r="AT174" s="9">
        <v>0</v>
      </c>
      <c r="AU174" s="9">
        <v>0</v>
      </c>
      <c r="AV174" s="9">
        <v>0</v>
      </c>
      <c r="AW174" s="9">
        <v>0</v>
      </c>
      <c r="AX174" s="9">
        <v>0</v>
      </c>
      <c r="AY174" s="9">
        <v>0</v>
      </c>
      <c r="AZ174" s="9">
        <v>0</v>
      </c>
      <c r="BA174" s="9">
        <v>0</v>
      </c>
      <c r="BB174" s="9">
        <v>0</v>
      </c>
      <c r="BC174" s="9">
        <v>0</v>
      </c>
      <c r="BD174" s="9">
        <v>0</v>
      </c>
      <c r="BE174" s="9">
        <v>0</v>
      </c>
      <c r="BF174" s="9">
        <v>0</v>
      </c>
      <c r="BG174" s="11">
        <v>0</v>
      </c>
      <c r="BH174" s="13" t="e">
        <v>#DIV/0!</v>
      </c>
      <c r="BI174" s="6">
        <v>0</v>
      </c>
      <c r="BJ174" s="13" t="e">
        <v>#DIV/0!</v>
      </c>
      <c r="BK174" s="6">
        <v>0</v>
      </c>
      <c r="BL174" s="13" t="e">
        <v>#DIV/0!</v>
      </c>
      <c r="BM174" s="11">
        <v>0</v>
      </c>
      <c r="BN174" s="13" t="e">
        <v>#DIV/0!</v>
      </c>
      <c r="BO174" s="11">
        <v>0</v>
      </c>
      <c r="BP174" s="13" t="e">
        <v>#DIV/0!</v>
      </c>
      <c r="BQ174" s="6">
        <v>0</v>
      </c>
      <c r="BR174" s="6">
        <v>0</v>
      </c>
      <c r="BS174" s="6">
        <v>0</v>
      </c>
      <c r="BT174" s="6">
        <v>0</v>
      </c>
      <c r="BU174" s="6">
        <v>0</v>
      </c>
      <c r="BV174" s="6">
        <v>0</v>
      </c>
      <c r="BW174" s="6">
        <v>0</v>
      </c>
      <c r="BX174" s="6">
        <v>0</v>
      </c>
      <c r="BY174" s="6">
        <v>0</v>
      </c>
      <c r="BZ174" s="6">
        <v>0</v>
      </c>
      <c r="CA174" s="6">
        <v>0</v>
      </c>
      <c r="CB174" s="6">
        <v>0</v>
      </c>
      <c r="CC174" s="11">
        <v>0</v>
      </c>
      <c r="CD174" s="11">
        <v>0</v>
      </c>
      <c r="CE174" s="11">
        <v>0</v>
      </c>
      <c r="CF174" s="11">
        <v>0</v>
      </c>
      <c r="CG174" s="11">
        <v>0</v>
      </c>
      <c r="CH174" s="20">
        <v>0</v>
      </c>
      <c r="CI174" s="20">
        <v>0</v>
      </c>
      <c r="CJ174" s="20">
        <v>0</v>
      </c>
      <c r="CK174" s="20">
        <v>0</v>
      </c>
      <c r="CL174" s="20">
        <v>0</v>
      </c>
      <c r="CM174" s="20">
        <v>0</v>
      </c>
      <c r="CN174" s="20">
        <v>0</v>
      </c>
      <c r="CO174" s="20">
        <v>0</v>
      </c>
      <c r="CP174" s="20">
        <v>0</v>
      </c>
      <c r="CQ174" s="20">
        <v>0</v>
      </c>
      <c r="CR174" s="20">
        <v>0</v>
      </c>
      <c r="CS174" s="20">
        <v>0</v>
      </c>
      <c r="CT174" s="20">
        <v>0</v>
      </c>
      <c r="CU174" s="20">
        <v>0</v>
      </c>
      <c r="CV174" s="20">
        <v>0</v>
      </c>
      <c r="CW174" s="20">
        <v>0</v>
      </c>
      <c r="CX174" s="20">
        <v>0</v>
      </c>
      <c r="CY174" s="6" t="s">
        <v>406</v>
      </c>
      <c r="CZ174" s="6" t="s">
        <v>407</v>
      </c>
      <c r="DA174" s="6" t="s">
        <v>106</v>
      </c>
      <c r="DB174" s="6" t="s">
        <v>345</v>
      </c>
      <c r="DC174" s="6"/>
      <c r="DD174" s="6"/>
      <c r="DE174" s="6"/>
      <c r="DF174" s="6"/>
      <c r="DG174" s="6"/>
      <c r="DH174" s="6" t="s">
        <v>333</v>
      </c>
      <c r="DI174" s="6"/>
      <c r="DJ174" s="6"/>
      <c r="DK174" s="6"/>
      <c r="DL174" s="6">
        <v>10</v>
      </c>
      <c r="DM174" s="6" t="s">
        <v>383</v>
      </c>
      <c r="DN174" s="6">
        <v>7</v>
      </c>
      <c r="DO174" s="6" t="s">
        <v>369</v>
      </c>
      <c r="DP174" s="6"/>
      <c r="DQ174" s="6"/>
    </row>
    <row r="175" spans="1:121" x14ac:dyDescent="0.2">
      <c r="A175" s="6" t="s">
        <v>319</v>
      </c>
      <c r="B175" s="6" t="s">
        <v>319</v>
      </c>
      <c r="C175" s="6" t="s">
        <v>188</v>
      </c>
      <c r="D175" s="6" t="s">
        <v>106</v>
      </c>
      <c r="E175" s="6" t="s">
        <v>247</v>
      </c>
      <c r="F175" s="11">
        <v>34</v>
      </c>
      <c r="G175" s="13">
        <v>0.48571428571399999</v>
      </c>
      <c r="H175" s="11">
        <v>20.659299965200006</v>
      </c>
      <c r="I175" s="13">
        <v>0.29493035303420323</v>
      </c>
      <c r="J175" s="11">
        <v>14.897234842099991</v>
      </c>
      <c r="K175" s="13">
        <v>0.16423401967185877</v>
      </c>
      <c r="L175" s="11">
        <v>-1.7092380889999959</v>
      </c>
      <c r="M175" s="13">
        <v>-1.6185262040220236E-2</v>
      </c>
      <c r="N175" s="11">
        <v>13.187996753099995</v>
      </c>
      <c r="O175" s="13">
        <v>0.14539058698733082</v>
      </c>
      <c r="P175" s="7">
        <v>70.048063051699998</v>
      </c>
      <c r="Q175" s="7">
        <v>93.773181164199997</v>
      </c>
      <c r="R175" s="7">
        <v>91.488838286999993</v>
      </c>
      <c r="S175" s="7">
        <v>83.871495476899995</v>
      </c>
      <c r="T175" s="7">
        <v>78.4189670361</v>
      </c>
      <c r="U175" s="7">
        <v>78.394090909499994</v>
      </c>
      <c r="V175" s="7">
        <v>90.707363016900004</v>
      </c>
      <c r="W175" s="7">
        <v>102.10617003999999</v>
      </c>
      <c r="X175" s="7">
        <v>112.908710083</v>
      </c>
      <c r="Y175" s="7">
        <v>105.60459785899999</v>
      </c>
      <c r="Z175" s="7">
        <v>116.17238815</v>
      </c>
      <c r="AA175" s="7">
        <v>104.16554135600001</v>
      </c>
      <c r="AB175" s="7">
        <v>93.6934019909</v>
      </c>
      <c r="AC175" s="7">
        <v>96.673798803599993</v>
      </c>
      <c r="AD175" s="7">
        <v>95.675943930100004</v>
      </c>
      <c r="AE175" s="7">
        <v>101.511848962</v>
      </c>
      <c r="AF175" s="7">
        <v>103.89535977</v>
      </c>
      <c r="AG175" s="9">
        <v>9182.0519852000016</v>
      </c>
      <c r="AH175" s="13">
        <v>0.63704379203762196</v>
      </c>
      <c r="AI175" s="9">
        <v>7040.6296388999999</v>
      </c>
      <c r="AJ175" s="13">
        <v>0.48847353627780982</v>
      </c>
      <c r="AK175" s="9">
        <v>96.885306200001651</v>
      </c>
      <c r="AL175" s="13">
        <v>4.5159210332977023E-3</v>
      </c>
      <c r="AM175" s="9">
        <v>2044.5370401</v>
      </c>
      <c r="AN175" s="13">
        <v>9.4869493384376197E-2</v>
      </c>
      <c r="AO175" s="9">
        <v>2141.4223463000017</v>
      </c>
      <c r="AP175" s="13">
        <v>9.9813837558266699E-2</v>
      </c>
      <c r="AQ175" s="9">
        <v>14413.5334179</v>
      </c>
      <c r="AR175" s="9">
        <v>17543.921570999999</v>
      </c>
      <c r="AS175" s="9">
        <v>17440.983613699998</v>
      </c>
      <c r="AT175" s="9">
        <v>17902.708359600001</v>
      </c>
      <c r="AU175" s="9">
        <v>19437.5795316</v>
      </c>
      <c r="AV175" s="9">
        <v>21421.758202699999</v>
      </c>
      <c r="AW175" s="9">
        <v>21454.1630568</v>
      </c>
      <c r="AX175" s="9">
        <v>20825.0353454</v>
      </c>
      <c r="AY175" s="9">
        <v>21445.6149578</v>
      </c>
      <c r="AZ175" s="9">
        <v>21551.048363000002</v>
      </c>
      <c r="BA175" s="9">
        <v>21120.470231800002</v>
      </c>
      <c r="BB175" s="9">
        <v>20843.219192299999</v>
      </c>
      <c r="BC175" s="9">
        <v>21290.4341298</v>
      </c>
      <c r="BD175" s="9">
        <v>21842.1790607</v>
      </c>
      <c r="BE175" s="9">
        <v>23614.2346387</v>
      </c>
      <c r="BF175" s="9">
        <v>23595.585403100002</v>
      </c>
      <c r="BG175" s="11">
        <v>2</v>
      </c>
      <c r="BH175" s="13">
        <v>0.2857142857142857</v>
      </c>
      <c r="BI175" s="6">
        <v>1</v>
      </c>
      <c r="BJ175" s="13">
        <v>0.14285714285714285</v>
      </c>
      <c r="BK175" s="6">
        <v>2</v>
      </c>
      <c r="BL175" s="13">
        <v>0.25</v>
      </c>
      <c r="BM175" s="11">
        <v>-1</v>
      </c>
      <c r="BN175" s="13">
        <v>-0.1</v>
      </c>
      <c r="BO175" s="11">
        <v>1</v>
      </c>
      <c r="BP175" s="13">
        <v>0.125</v>
      </c>
      <c r="BQ175" s="6">
        <v>7</v>
      </c>
      <c r="BR175" s="6">
        <v>6</v>
      </c>
      <c r="BS175" s="6">
        <v>6</v>
      </c>
      <c r="BT175" s="6">
        <v>8</v>
      </c>
      <c r="BU175" s="6">
        <v>9</v>
      </c>
      <c r="BV175" s="6">
        <v>11</v>
      </c>
      <c r="BW175" s="6">
        <v>10</v>
      </c>
      <c r="BX175" s="6">
        <v>7</v>
      </c>
      <c r="BY175" s="6">
        <v>9</v>
      </c>
      <c r="BZ175" s="6">
        <v>8</v>
      </c>
      <c r="CA175" s="6">
        <v>9</v>
      </c>
      <c r="CB175" s="6">
        <v>9</v>
      </c>
      <c r="CC175" s="11">
        <v>9</v>
      </c>
      <c r="CD175" s="11">
        <v>19.887799999999999</v>
      </c>
      <c r="CE175" s="11">
        <v>6.3023999999999996</v>
      </c>
      <c r="CF175" s="11">
        <v>7.6570999999999998</v>
      </c>
      <c r="CG175" s="11">
        <v>14</v>
      </c>
      <c r="CH175" s="20">
        <v>0.29310799999999998</v>
      </c>
      <c r="CI175" s="20">
        <v>0.36952400000000002</v>
      </c>
      <c r="CJ175" s="20">
        <v>0.34486699999999998</v>
      </c>
      <c r="CK175" s="20">
        <v>0.30085699999999999</v>
      </c>
      <c r="CL175" s="20">
        <v>0.273391</v>
      </c>
      <c r="CM175" s="20">
        <v>0.266598</v>
      </c>
      <c r="CN175" s="20">
        <v>0.314411</v>
      </c>
      <c r="CO175" s="20">
        <v>0.38092599999999999</v>
      </c>
      <c r="CP175" s="20">
        <v>0.45594600000000002</v>
      </c>
      <c r="CQ175" s="20">
        <v>0.417381</v>
      </c>
      <c r="CR175" s="20">
        <v>0.44975900000000002</v>
      </c>
      <c r="CS175" s="20">
        <v>0.39263100000000001</v>
      </c>
      <c r="CT175" s="20">
        <v>0.34741699999999998</v>
      </c>
      <c r="CU175" s="20">
        <v>0.36147499999999999</v>
      </c>
      <c r="CV175" s="20">
        <v>0.35242000000000001</v>
      </c>
      <c r="CW175" s="20">
        <v>0.36432300000000001</v>
      </c>
      <c r="CX175" s="20">
        <v>0.36318099999999998</v>
      </c>
      <c r="CY175" s="6" t="s">
        <v>406</v>
      </c>
      <c r="CZ175" s="6" t="s">
        <v>407</v>
      </c>
      <c r="DA175" s="6" t="s">
        <v>106</v>
      </c>
      <c r="DB175" s="6" t="s">
        <v>345</v>
      </c>
      <c r="DC175" s="6"/>
      <c r="DD175" s="6"/>
      <c r="DE175" s="6"/>
      <c r="DF175" s="6"/>
      <c r="DG175" s="6"/>
      <c r="DH175" s="6" t="s">
        <v>333</v>
      </c>
      <c r="DI175" s="6"/>
      <c r="DJ175" s="6"/>
      <c r="DK175" s="6"/>
      <c r="DL175" s="6">
        <v>10</v>
      </c>
      <c r="DM175" s="6" t="s">
        <v>383</v>
      </c>
      <c r="DN175" s="6">
        <v>7</v>
      </c>
      <c r="DO175" s="6" t="s">
        <v>369</v>
      </c>
      <c r="DP175" s="6"/>
      <c r="DQ175" s="6"/>
    </row>
    <row r="176" spans="1:121" x14ac:dyDescent="0.2">
      <c r="A176" s="6" t="s">
        <v>320</v>
      </c>
      <c r="B176" s="6" t="s">
        <v>320</v>
      </c>
      <c r="C176" s="6" t="s">
        <v>189</v>
      </c>
      <c r="D176" s="6" t="s">
        <v>106</v>
      </c>
      <c r="E176" s="6" t="s">
        <v>247</v>
      </c>
      <c r="F176" s="11">
        <v>1</v>
      </c>
      <c r="G176" s="13">
        <v>1</v>
      </c>
      <c r="H176" s="11">
        <v>11.184548779699998</v>
      </c>
      <c r="I176" s="13">
        <v>2.2369097559399997</v>
      </c>
      <c r="J176" s="11">
        <v>-11.184548779699998</v>
      </c>
      <c r="K176" s="13">
        <v>-0.69106336740932717</v>
      </c>
      <c r="L176" s="11">
        <v>26.0736049882</v>
      </c>
      <c r="M176" s="13">
        <v>5.2147209976399997</v>
      </c>
      <c r="N176" s="11">
        <v>14.889056208500001</v>
      </c>
      <c r="O176" s="13">
        <v>0.91995497750144795</v>
      </c>
      <c r="P176" s="7">
        <v>5</v>
      </c>
      <c r="Q176" s="7">
        <v>15.915954126200001</v>
      </c>
      <c r="R176" s="7">
        <v>5</v>
      </c>
      <c r="S176" s="7">
        <v>5</v>
      </c>
      <c r="T176" s="7">
        <v>5</v>
      </c>
      <c r="U176" s="7">
        <v>10.9570857145</v>
      </c>
      <c r="V176" s="7">
        <v>16.184548779699998</v>
      </c>
      <c r="W176" s="7">
        <v>11.270070565399999</v>
      </c>
      <c r="X176" s="7">
        <v>5</v>
      </c>
      <c r="Y176" s="7">
        <v>5</v>
      </c>
      <c r="Z176" s="7">
        <v>17.718486169399998</v>
      </c>
      <c r="AA176" s="7">
        <v>10.2583343491</v>
      </c>
      <c r="AB176" s="7">
        <v>17.964433407200001</v>
      </c>
      <c r="AC176" s="7">
        <v>25.1139124641</v>
      </c>
      <c r="AD176" s="7">
        <v>24.6235220324</v>
      </c>
      <c r="AE176" s="7">
        <v>27.9001279971</v>
      </c>
      <c r="AF176" s="7">
        <v>31.0736049882</v>
      </c>
      <c r="AG176" s="9">
        <v>22244.878701900001</v>
      </c>
      <c r="AH176" s="13">
        <v>22244.878701900001</v>
      </c>
      <c r="AI176" s="9">
        <v>11328.168701500001</v>
      </c>
      <c r="AJ176" s="13">
        <v>11328.168701500001</v>
      </c>
      <c r="AK176" s="9">
        <v>-11328.168701500001</v>
      </c>
      <c r="AL176" s="13">
        <v>-0.99991173227035901</v>
      </c>
      <c r="AM176" s="9">
        <v>22244.878701900001</v>
      </c>
      <c r="AN176" s="13">
        <v>22244.878701900001</v>
      </c>
      <c r="AO176" s="9">
        <v>10916.7100004</v>
      </c>
      <c r="AP176" s="13">
        <v>0.96359320688327377</v>
      </c>
      <c r="AQ176" s="9">
        <v>1</v>
      </c>
      <c r="AR176" s="9">
        <v>12654.420798499999</v>
      </c>
      <c r="AS176" s="9">
        <v>1</v>
      </c>
      <c r="AT176" s="9">
        <v>1</v>
      </c>
      <c r="AU176" s="9">
        <v>1</v>
      </c>
      <c r="AV176" s="9">
        <v>11985.9810992</v>
      </c>
      <c r="AW176" s="9">
        <v>11329.168701500001</v>
      </c>
      <c r="AX176" s="9">
        <v>11770.837455999999</v>
      </c>
      <c r="AY176" s="9">
        <v>1</v>
      </c>
      <c r="AZ176" s="9">
        <v>1</v>
      </c>
      <c r="BA176" s="9">
        <v>14275.760486200001</v>
      </c>
      <c r="BB176" s="9">
        <v>15587.885324999999</v>
      </c>
      <c r="BC176" s="9">
        <v>17505.558936500001</v>
      </c>
      <c r="BD176" s="9">
        <v>16210.6305794</v>
      </c>
      <c r="BE176" s="9">
        <v>17251.809899299999</v>
      </c>
      <c r="BF176" s="9">
        <v>22245.878701900001</v>
      </c>
      <c r="BG176" s="11">
        <v>1</v>
      </c>
      <c r="BH176" s="13" t="e">
        <v>#DIV/0!</v>
      </c>
      <c r="BI176" s="6">
        <v>1</v>
      </c>
      <c r="BJ176" s="13" t="e">
        <v>#DIV/0!</v>
      </c>
      <c r="BK176" s="6">
        <v>-1</v>
      </c>
      <c r="BL176" s="13">
        <v>-1</v>
      </c>
      <c r="BM176" s="11">
        <v>1</v>
      </c>
      <c r="BN176" s="13" t="e">
        <v>#DIV/0!</v>
      </c>
      <c r="BO176" s="11">
        <v>0</v>
      </c>
      <c r="BP176" s="13">
        <v>0</v>
      </c>
      <c r="BQ176" s="6">
        <v>0</v>
      </c>
      <c r="BR176" s="6">
        <v>0</v>
      </c>
      <c r="BS176" s="6">
        <v>1</v>
      </c>
      <c r="BT176" s="6">
        <v>1</v>
      </c>
      <c r="BU176" s="6">
        <v>0</v>
      </c>
      <c r="BV176" s="6">
        <v>0</v>
      </c>
      <c r="BW176" s="6">
        <v>0</v>
      </c>
      <c r="BX176" s="6">
        <v>0</v>
      </c>
      <c r="BY176" s="6">
        <v>0</v>
      </c>
      <c r="BZ176" s="6">
        <v>0</v>
      </c>
      <c r="CA176" s="6">
        <v>0</v>
      </c>
      <c r="CB176" s="6">
        <v>1</v>
      </c>
      <c r="CC176" s="11">
        <v>1</v>
      </c>
      <c r="CD176" s="11">
        <v>19.0337</v>
      </c>
      <c r="CE176" s="11">
        <v>2.9629300000000001</v>
      </c>
      <c r="CF176" s="11">
        <v>0.89444900000000005</v>
      </c>
      <c r="CG176" s="11">
        <v>4</v>
      </c>
      <c r="CH176" s="20">
        <v>0.102626</v>
      </c>
      <c r="CI176" s="20">
        <v>0.179647</v>
      </c>
      <c r="CJ176" s="20">
        <v>9.9213300000000004E-2</v>
      </c>
      <c r="CK176" s="20">
        <v>9.5958000000000002E-2</v>
      </c>
      <c r="CL176" s="20">
        <v>5.1845799999999997E-2</v>
      </c>
      <c r="CM176" s="20">
        <v>0.106085</v>
      </c>
      <c r="CN176" s="20">
        <v>0.157222</v>
      </c>
      <c r="CO176" s="20">
        <v>0.109518</v>
      </c>
      <c r="CP176" s="20">
        <v>8.4915400000000002E-2</v>
      </c>
      <c r="CQ176" s="20">
        <v>7.9995300000000005E-2</v>
      </c>
      <c r="CR176" s="20">
        <v>0.16053899999999999</v>
      </c>
      <c r="CS176" s="20">
        <v>9.1366100000000006E-2</v>
      </c>
      <c r="CT176" s="20">
        <v>0.15945599999999999</v>
      </c>
      <c r="CU176" s="20">
        <v>0.22747999999999999</v>
      </c>
      <c r="CV176" s="20">
        <v>0.22209499999999999</v>
      </c>
      <c r="CW176" s="20">
        <v>0.24551100000000001</v>
      </c>
      <c r="CX176" s="20">
        <v>0.26536500000000002</v>
      </c>
      <c r="CY176" s="6" t="s">
        <v>406</v>
      </c>
      <c r="CZ176" s="6" t="s">
        <v>407</v>
      </c>
      <c r="DA176" s="6" t="s">
        <v>106</v>
      </c>
      <c r="DB176" s="6" t="s">
        <v>345</v>
      </c>
      <c r="DC176" s="6"/>
      <c r="DD176" s="6"/>
      <c r="DE176" s="6"/>
      <c r="DF176" s="6"/>
      <c r="DG176" s="6"/>
      <c r="DH176" s="6" t="s">
        <v>333</v>
      </c>
      <c r="DI176" s="6"/>
      <c r="DJ176" s="6"/>
      <c r="DK176" s="6"/>
      <c r="DL176" s="6">
        <v>10</v>
      </c>
      <c r="DM176" s="6" t="s">
        <v>383</v>
      </c>
      <c r="DN176" s="6">
        <v>7</v>
      </c>
      <c r="DO176" s="6" t="s">
        <v>369</v>
      </c>
      <c r="DP176" s="6"/>
      <c r="DQ176" s="6"/>
    </row>
    <row r="177" spans="1:121" x14ac:dyDescent="0.2">
      <c r="A177" s="6" t="s">
        <v>321</v>
      </c>
      <c r="B177" s="6" t="s">
        <v>321</v>
      </c>
      <c r="C177" s="6" t="s">
        <v>190</v>
      </c>
      <c r="D177" s="6" t="s">
        <v>106</v>
      </c>
      <c r="E177" s="6" t="s">
        <v>247</v>
      </c>
      <c r="F177" s="11">
        <v>264</v>
      </c>
      <c r="G177" s="13">
        <v>0.854368932039</v>
      </c>
      <c r="H177" s="11">
        <v>-8.7809306620000029</v>
      </c>
      <c r="I177" s="13">
        <v>-2.8434670445299837E-2</v>
      </c>
      <c r="J177" s="11">
        <v>89.529091748999974</v>
      </c>
      <c r="K177" s="13">
        <v>0.29840068898371558</v>
      </c>
      <c r="L177" s="11">
        <v>183.18651183400004</v>
      </c>
      <c r="M177" s="13">
        <v>0.47024089860806723</v>
      </c>
      <c r="N177" s="11">
        <v>272.71560358300002</v>
      </c>
      <c r="O177" s="13">
        <v>0.90896179572475166</v>
      </c>
      <c r="P177" s="7">
        <v>308.81070624300003</v>
      </c>
      <c r="Q177" s="7">
        <v>320.705105506</v>
      </c>
      <c r="R177" s="7">
        <v>333.61390683500002</v>
      </c>
      <c r="S177" s="7">
        <v>284.18894071599999</v>
      </c>
      <c r="T177" s="7">
        <v>285.72133992900001</v>
      </c>
      <c r="U177" s="7">
        <v>325.26805682600002</v>
      </c>
      <c r="V177" s="7">
        <v>300.02977558100002</v>
      </c>
      <c r="W177" s="7">
        <v>323.50557126400003</v>
      </c>
      <c r="X177" s="7">
        <v>364.07761392100002</v>
      </c>
      <c r="Y177" s="7">
        <v>389.55886733</v>
      </c>
      <c r="Z177" s="7">
        <v>443.993540236</v>
      </c>
      <c r="AA177" s="7">
        <v>479.09312808599998</v>
      </c>
      <c r="AB177" s="7">
        <v>605.690816337</v>
      </c>
      <c r="AC177" s="7">
        <v>577.23793188399998</v>
      </c>
      <c r="AD177" s="7">
        <v>532.99631490100001</v>
      </c>
      <c r="AE177" s="7">
        <v>540.14766886500001</v>
      </c>
      <c r="AF177" s="7">
        <v>572.74537916400004</v>
      </c>
      <c r="AG177" s="9">
        <v>4168.4378560000005</v>
      </c>
      <c r="AH177" s="13">
        <v>0.19849902601588509</v>
      </c>
      <c r="AI177" s="9">
        <v>957.11118540000098</v>
      </c>
      <c r="AJ177" s="13">
        <v>4.5577178946627765E-2</v>
      </c>
      <c r="AK177" s="9">
        <v>4533.493561700001</v>
      </c>
      <c r="AL177" s="13">
        <v>0.20647237646062172</v>
      </c>
      <c r="AM177" s="9">
        <v>-1322.1668911000015</v>
      </c>
      <c r="AN177" s="13">
        <v>-4.9911181207945791E-2</v>
      </c>
      <c r="AO177" s="9">
        <v>3211.3266705999995</v>
      </c>
      <c r="AP177" s="13">
        <v>0.14625591505671465</v>
      </c>
      <c r="AQ177" s="9">
        <v>20999.789972099999</v>
      </c>
      <c r="AR177" s="9">
        <v>21317.104015100002</v>
      </c>
      <c r="AS177" s="9">
        <v>19694.869066399999</v>
      </c>
      <c r="AT177" s="9">
        <v>19718.640161800002</v>
      </c>
      <c r="AU177" s="9">
        <v>19936.9720237</v>
      </c>
      <c r="AV177" s="9">
        <v>21634.1679497</v>
      </c>
      <c r="AW177" s="9">
        <v>21956.9011575</v>
      </c>
      <c r="AX177" s="9">
        <v>23078.750920900002</v>
      </c>
      <c r="AY177" s="9">
        <v>24155.399657900001</v>
      </c>
      <c r="AZ177" s="9">
        <v>26490.394719200001</v>
      </c>
      <c r="BA177" s="9">
        <v>27205.220845899999</v>
      </c>
      <c r="BB177" s="9">
        <v>26812.662451799999</v>
      </c>
      <c r="BC177" s="9">
        <v>24874.691722700001</v>
      </c>
      <c r="BD177" s="9">
        <v>25050.356107899999</v>
      </c>
      <c r="BE177" s="9">
        <v>25172.862793699998</v>
      </c>
      <c r="BF177" s="9">
        <v>25168.2278281</v>
      </c>
      <c r="BG177" s="11">
        <v>145.25</v>
      </c>
      <c r="BH177" s="13">
        <v>7.2625000000000002</v>
      </c>
      <c r="BI177" s="6">
        <v>6</v>
      </c>
      <c r="BJ177" s="13">
        <v>0.3</v>
      </c>
      <c r="BK177" s="6">
        <v>2</v>
      </c>
      <c r="BL177" s="13">
        <v>7.6923076923076927E-2</v>
      </c>
      <c r="BM177" s="11">
        <v>137.25</v>
      </c>
      <c r="BN177" s="13">
        <v>4.9017857142857144</v>
      </c>
      <c r="BO177" s="11">
        <v>139.25</v>
      </c>
      <c r="BP177" s="13">
        <v>5.3557692307692308</v>
      </c>
      <c r="BQ177" s="6">
        <v>20</v>
      </c>
      <c r="BR177" s="6">
        <v>24</v>
      </c>
      <c r="BS177" s="6">
        <v>27</v>
      </c>
      <c r="BT177" s="6">
        <v>26</v>
      </c>
      <c r="BU177" s="6">
        <v>27</v>
      </c>
      <c r="BV177" s="6">
        <v>27</v>
      </c>
      <c r="BW177" s="6">
        <v>28</v>
      </c>
      <c r="BX177" s="6">
        <v>31</v>
      </c>
      <c r="BY177" s="6">
        <v>32</v>
      </c>
      <c r="BZ177" s="6">
        <v>154</v>
      </c>
      <c r="CA177" s="6">
        <v>168</v>
      </c>
      <c r="CB177" s="6">
        <v>172</v>
      </c>
      <c r="CC177" s="11">
        <v>165.25</v>
      </c>
      <c r="CD177" s="11">
        <v>117.71899999999999</v>
      </c>
      <c r="CE177" s="11">
        <v>112.459</v>
      </c>
      <c r="CF177" s="11">
        <v>33.756700000000002</v>
      </c>
      <c r="CG177" s="11">
        <v>146</v>
      </c>
      <c r="CH177" s="20">
        <v>0.78423600000000004</v>
      </c>
      <c r="CI177" s="20">
        <v>0.73828700000000003</v>
      </c>
      <c r="CJ177" s="20">
        <v>0.71221400000000001</v>
      </c>
      <c r="CK177" s="20">
        <v>0.58448</v>
      </c>
      <c r="CL177" s="20">
        <v>0.57758299999999996</v>
      </c>
      <c r="CM177" s="20">
        <v>0.64249699999999998</v>
      </c>
      <c r="CN177" s="20">
        <v>0.59331699999999998</v>
      </c>
      <c r="CO177" s="20">
        <v>0.64211200000000002</v>
      </c>
      <c r="CP177" s="20">
        <v>0.69781199999999999</v>
      </c>
      <c r="CQ177" s="20">
        <v>0.74088399999999999</v>
      </c>
      <c r="CR177" s="20">
        <v>0.84807200000000005</v>
      </c>
      <c r="CS177" s="20">
        <v>0.88474900000000001</v>
      </c>
      <c r="CT177" s="20">
        <v>1.10887</v>
      </c>
      <c r="CU177" s="20">
        <v>1.0806199999999999</v>
      </c>
      <c r="CV177" s="20">
        <v>0.98367099999999996</v>
      </c>
      <c r="CW177" s="20">
        <v>0.96670900000000004</v>
      </c>
      <c r="CX177" s="20">
        <v>0.98898699999999995</v>
      </c>
      <c r="CY177" s="6" t="s">
        <v>406</v>
      </c>
      <c r="CZ177" s="6" t="s">
        <v>407</v>
      </c>
      <c r="DA177" s="6" t="s">
        <v>106</v>
      </c>
      <c r="DB177" s="6" t="s">
        <v>345</v>
      </c>
      <c r="DC177" s="6"/>
      <c r="DD177" s="6"/>
      <c r="DE177" s="6"/>
      <c r="DF177" s="6"/>
      <c r="DG177" s="6"/>
      <c r="DH177" s="6" t="s">
        <v>333</v>
      </c>
      <c r="DI177" s="6"/>
      <c r="DJ177" s="6"/>
      <c r="DK177" s="6"/>
      <c r="DL177" s="6">
        <v>10</v>
      </c>
      <c r="DM177" s="6" t="s">
        <v>383</v>
      </c>
      <c r="DN177" s="6">
        <v>7</v>
      </c>
      <c r="DO177" s="6" t="s">
        <v>369</v>
      </c>
      <c r="DP177" s="6"/>
      <c r="DQ177" s="6"/>
    </row>
    <row r="178" spans="1:121" x14ac:dyDescent="0.2">
      <c r="A178" s="6" t="s">
        <v>322</v>
      </c>
      <c r="B178" s="6" t="s">
        <v>322</v>
      </c>
      <c r="C178" s="6" t="s">
        <v>191</v>
      </c>
      <c r="D178" s="6" t="s">
        <v>106</v>
      </c>
      <c r="E178" s="6" t="s">
        <v>247</v>
      </c>
      <c r="F178" s="11">
        <v>15</v>
      </c>
      <c r="G178" s="13">
        <v>0.33</v>
      </c>
      <c r="H178" s="11">
        <v>12</v>
      </c>
      <c r="I178" s="13">
        <v>0.26666666666666666</v>
      </c>
      <c r="J178" s="11">
        <v>-9</v>
      </c>
      <c r="K178" s="13">
        <v>-0.15789473684210523</v>
      </c>
      <c r="L178" s="11">
        <v>12</v>
      </c>
      <c r="M178" s="13">
        <v>0.25</v>
      </c>
      <c r="N178" s="11">
        <v>3</v>
      </c>
      <c r="O178" s="13">
        <v>5.2631578947368418E-2</v>
      </c>
      <c r="P178" s="7">
        <v>45</v>
      </c>
      <c r="Q178" s="7">
        <v>51</v>
      </c>
      <c r="R178" s="7">
        <v>39</v>
      </c>
      <c r="S178" s="7">
        <v>38</v>
      </c>
      <c r="T178" s="7">
        <v>46</v>
      </c>
      <c r="U178" s="7">
        <v>41</v>
      </c>
      <c r="V178" s="7">
        <v>57</v>
      </c>
      <c r="W178" s="7">
        <v>52</v>
      </c>
      <c r="X178" s="7">
        <v>47</v>
      </c>
      <c r="Y178" s="7">
        <v>48</v>
      </c>
      <c r="Z178" s="7">
        <v>52</v>
      </c>
      <c r="AA178" s="7">
        <v>58</v>
      </c>
      <c r="AB178" s="7">
        <v>52</v>
      </c>
      <c r="AC178" s="7">
        <v>56</v>
      </c>
      <c r="AD178" s="7">
        <v>56</v>
      </c>
      <c r="AE178" s="7">
        <v>58</v>
      </c>
      <c r="AF178" s="7">
        <v>60</v>
      </c>
      <c r="AG178" s="9">
        <v>1604</v>
      </c>
      <c r="AH178" s="13">
        <v>9.8926853336622669E-2</v>
      </c>
      <c r="AI178" s="9">
        <v>-1548</v>
      </c>
      <c r="AJ178" s="13">
        <v>-9.5473047983224368E-2</v>
      </c>
      <c r="AK178" s="9">
        <v>-3</v>
      </c>
      <c r="AL178" s="13">
        <v>-2.045547524887495E-4</v>
      </c>
      <c r="AM178" s="9">
        <v>3155</v>
      </c>
      <c r="AN178" s="13">
        <v>0.21516742822069151</v>
      </c>
      <c r="AO178" s="9">
        <v>3152</v>
      </c>
      <c r="AP178" s="13">
        <v>0.21491885994817947</v>
      </c>
      <c r="AQ178" s="9">
        <v>16214</v>
      </c>
      <c r="AR178" s="9">
        <v>14960</v>
      </c>
      <c r="AS178" s="9">
        <v>15654</v>
      </c>
      <c r="AT178" s="9">
        <v>15561</v>
      </c>
      <c r="AU178" s="9">
        <v>14981</v>
      </c>
      <c r="AV178" s="9">
        <v>15345</v>
      </c>
      <c r="AW178" s="9">
        <v>14666</v>
      </c>
      <c r="AX178" s="9">
        <v>16047</v>
      </c>
      <c r="AY178" s="9">
        <v>15629</v>
      </c>
      <c r="AZ178" s="9">
        <v>14663</v>
      </c>
      <c r="BA178" s="9">
        <v>15248</v>
      </c>
      <c r="BB178" s="9">
        <v>14549</v>
      </c>
      <c r="BC178" s="9">
        <v>15924</v>
      </c>
      <c r="BD178" s="9">
        <v>17238</v>
      </c>
      <c r="BE178" s="9">
        <v>17678</v>
      </c>
      <c r="BF178" s="9">
        <v>17818</v>
      </c>
      <c r="BG178" s="11">
        <v>1</v>
      </c>
      <c r="BH178" s="13">
        <v>0.125</v>
      </c>
      <c r="BI178" s="6">
        <v>-1</v>
      </c>
      <c r="BJ178" s="13">
        <v>-0.125</v>
      </c>
      <c r="BK178" s="6">
        <v>0</v>
      </c>
      <c r="BL178" s="13">
        <v>0</v>
      </c>
      <c r="BM178" s="11">
        <v>2</v>
      </c>
      <c r="BN178" s="13">
        <v>0.2857142857142857</v>
      </c>
      <c r="BO178" s="11">
        <v>2</v>
      </c>
      <c r="BP178" s="13">
        <v>0.2857142857142857</v>
      </c>
      <c r="BQ178" s="6">
        <v>8</v>
      </c>
      <c r="BR178" s="6">
        <v>7</v>
      </c>
      <c r="BS178" s="6">
        <v>7</v>
      </c>
      <c r="BT178" s="6">
        <v>7</v>
      </c>
      <c r="BU178" s="6">
        <v>7</v>
      </c>
      <c r="BV178" s="6">
        <v>7</v>
      </c>
      <c r="BW178" s="6">
        <v>7</v>
      </c>
      <c r="BX178" s="6">
        <v>7</v>
      </c>
      <c r="BY178" s="6">
        <v>7</v>
      </c>
      <c r="BZ178" s="6">
        <v>7</v>
      </c>
      <c r="CA178" s="6">
        <v>9</v>
      </c>
      <c r="CB178" s="6">
        <v>9</v>
      </c>
      <c r="CC178" s="11">
        <v>9</v>
      </c>
      <c r="CD178" s="11">
        <v>2</v>
      </c>
      <c r="CE178" s="11">
        <v>8</v>
      </c>
      <c r="CF178" s="11">
        <v>5</v>
      </c>
      <c r="CG178" s="11">
        <v>13</v>
      </c>
      <c r="CH178" s="20">
        <v>0.75</v>
      </c>
      <c r="CI178" s="20">
        <v>0.78</v>
      </c>
      <c r="CJ178" s="20">
        <v>0.56999999999999995</v>
      </c>
      <c r="CK178" s="20">
        <v>0.53</v>
      </c>
      <c r="CL178" s="20">
        <v>0.63</v>
      </c>
      <c r="CM178" s="20">
        <v>0.56000000000000005</v>
      </c>
      <c r="CN178" s="20">
        <v>0.77</v>
      </c>
      <c r="CO178" s="20">
        <v>0.73</v>
      </c>
      <c r="CP178" s="20">
        <v>0.66</v>
      </c>
      <c r="CQ178" s="20">
        <v>0.69</v>
      </c>
      <c r="CR178" s="20">
        <v>0.75</v>
      </c>
      <c r="CS178" s="20">
        <v>0.81</v>
      </c>
      <c r="CT178" s="20">
        <v>0.73</v>
      </c>
      <c r="CU178" s="20">
        <v>0.78</v>
      </c>
      <c r="CV178" s="20">
        <v>0.77</v>
      </c>
      <c r="CW178" s="20">
        <v>0.77</v>
      </c>
      <c r="CX178" s="20">
        <v>0.77</v>
      </c>
      <c r="CY178" s="6" t="s">
        <v>406</v>
      </c>
      <c r="CZ178" s="6" t="s">
        <v>407</v>
      </c>
      <c r="DA178" s="6" t="s">
        <v>106</v>
      </c>
      <c r="DB178" s="6" t="s">
        <v>345</v>
      </c>
      <c r="DC178" s="6"/>
      <c r="DD178" s="6"/>
      <c r="DE178" s="6"/>
      <c r="DF178" s="6"/>
      <c r="DG178" s="6"/>
      <c r="DH178" s="6" t="s">
        <v>333</v>
      </c>
      <c r="DI178" s="6"/>
      <c r="DJ178" s="6"/>
      <c r="DK178" s="6"/>
      <c r="DL178" s="6">
        <v>10</v>
      </c>
      <c r="DM178" s="6" t="s">
        <v>383</v>
      </c>
      <c r="DN178" s="6">
        <v>7</v>
      </c>
      <c r="DO178" s="6" t="s">
        <v>369</v>
      </c>
      <c r="DP178" s="6"/>
      <c r="DQ178" s="6"/>
    </row>
    <row r="179" spans="1:121" x14ac:dyDescent="0.2">
      <c r="A179" s="6" t="s">
        <v>323</v>
      </c>
      <c r="B179" s="6" t="s">
        <v>323</v>
      </c>
      <c r="C179" s="6" t="s">
        <v>192</v>
      </c>
      <c r="D179" s="6" t="s">
        <v>106</v>
      </c>
      <c r="E179" s="6" t="s">
        <v>247</v>
      </c>
      <c r="F179" s="11">
        <v>-64</v>
      </c>
      <c r="G179" s="13">
        <v>-0.142538975501</v>
      </c>
      <c r="H179" s="11">
        <v>42.146248586000013</v>
      </c>
      <c r="I179" s="13">
        <v>9.3884240632049754E-2</v>
      </c>
      <c r="J179" s="11">
        <v>-125.49234464800003</v>
      </c>
      <c r="K179" s="13">
        <v>-0.25555221025933428</v>
      </c>
      <c r="L179" s="11">
        <v>19.464932943000008</v>
      </c>
      <c r="M179" s="13">
        <v>5.3245275073344499E-2</v>
      </c>
      <c r="N179" s="11">
        <v>-106.02741170500002</v>
      </c>
      <c r="O179" s="13">
        <v>-0.21591388291684921</v>
      </c>
      <c r="P179" s="7">
        <v>448.91718037300001</v>
      </c>
      <c r="Q179" s="7">
        <v>454.31827038699998</v>
      </c>
      <c r="R179" s="7">
        <v>470.67114647199998</v>
      </c>
      <c r="S179" s="7">
        <v>475.58010498800002</v>
      </c>
      <c r="T179" s="7">
        <v>444.21298662100003</v>
      </c>
      <c r="U179" s="7">
        <v>475.56416173700001</v>
      </c>
      <c r="V179" s="7">
        <v>491.06342895900002</v>
      </c>
      <c r="W179" s="7">
        <v>402.67424438500001</v>
      </c>
      <c r="X179" s="7">
        <v>374.53616915999999</v>
      </c>
      <c r="Y179" s="7">
        <v>365.57108431099999</v>
      </c>
      <c r="Z179" s="7">
        <v>362.61138491700001</v>
      </c>
      <c r="AA179" s="7">
        <v>362.52014951500001</v>
      </c>
      <c r="AB179" s="7">
        <v>359.87707138899998</v>
      </c>
      <c r="AC179" s="7">
        <v>357.20971674100002</v>
      </c>
      <c r="AD179" s="7">
        <v>381.549079226</v>
      </c>
      <c r="AE179" s="7">
        <v>388.08363688499998</v>
      </c>
      <c r="AF179" s="7">
        <v>385.036017254</v>
      </c>
      <c r="AG179" s="9">
        <v>4153.7955946000002</v>
      </c>
      <c r="AH179" s="13">
        <v>0.41226054019487918</v>
      </c>
      <c r="AI179" s="9">
        <v>1876.6597913000005</v>
      </c>
      <c r="AJ179" s="13">
        <v>0.18625682504192895</v>
      </c>
      <c r="AK179" s="9">
        <v>2020.5972162999988</v>
      </c>
      <c r="AL179" s="13">
        <v>0.16905486483008025</v>
      </c>
      <c r="AM179" s="9">
        <v>256.53858700000092</v>
      </c>
      <c r="AN179" s="13">
        <v>1.8359706207497058E-2</v>
      </c>
      <c r="AO179" s="9">
        <v>2277.1358032999997</v>
      </c>
      <c r="AP179" s="13">
        <v>0.19051836868880567</v>
      </c>
      <c r="AQ179" s="9">
        <v>10075.6565075</v>
      </c>
      <c r="AR179" s="9">
        <v>10290.2971591</v>
      </c>
      <c r="AS179" s="9">
        <v>10724.726850200001</v>
      </c>
      <c r="AT179" s="9">
        <v>10995.8303101</v>
      </c>
      <c r="AU179" s="9">
        <v>11347.542176700001</v>
      </c>
      <c r="AV179" s="9">
        <v>11847.136887299999</v>
      </c>
      <c r="AW179" s="9">
        <v>11952.3162988</v>
      </c>
      <c r="AX179" s="9">
        <v>13104.298576699999</v>
      </c>
      <c r="AY179" s="9">
        <v>13553.255204700001</v>
      </c>
      <c r="AZ179" s="9">
        <v>13972.913515099999</v>
      </c>
      <c r="BA179" s="9">
        <v>13555.106381600001</v>
      </c>
      <c r="BB179" s="9">
        <v>13784.769543599999</v>
      </c>
      <c r="BC179" s="9">
        <v>13622.176859900001</v>
      </c>
      <c r="BD179" s="9">
        <v>13736.910435100001</v>
      </c>
      <c r="BE179" s="9">
        <v>14234.0607476</v>
      </c>
      <c r="BF179" s="9">
        <v>14229.4521021</v>
      </c>
      <c r="BG179" s="11">
        <v>-12.25</v>
      </c>
      <c r="BH179" s="13">
        <v>-0.21491228070175439</v>
      </c>
      <c r="BI179" s="6">
        <v>3</v>
      </c>
      <c r="BJ179" s="13">
        <v>5.2631578947368418E-2</v>
      </c>
      <c r="BK179" s="6">
        <v>-12</v>
      </c>
      <c r="BL179" s="13">
        <v>-0.2</v>
      </c>
      <c r="BM179" s="11">
        <v>-3.25</v>
      </c>
      <c r="BN179" s="13">
        <v>-6.7708333333333329E-2</v>
      </c>
      <c r="BO179" s="11">
        <v>-15.25</v>
      </c>
      <c r="BP179" s="13">
        <v>-0.25416666666666665</v>
      </c>
      <c r="BQ179" s="6">
        <v>57</v>
      </c>
      <c r="BR179" s="6">
        <v>58</v>
      </c>
      <c r="BS179" s="6">
        <v>63</v>
      </c>
      <c r="BT179" s="6">
        <v>60</v>
      </c>
      <c r="BU179" s="6">
        <v>52</v>
      </c>
      <c r="BV179" s="6">
        <v>50</v>
      </c>
      <c r="BW179" s="6">
        <v>48</v>
      </c>
      <c r="BX179" s="6">
        <v>47</v>
      </c>
      <c r="BY179" s="6">
        <v>45</v>
      </c>
      <c r="BZ179" s="6">
        <v>47</v>
      </c>
      <c r="CA179" s="6">
        <v>47</v>
      </c>
      <c r="CB179" s="6">
        <v>46</v>
      </c>
      <c r="CC179" s="11">
        <v>44.75</v>
      </c>
      <c r="CD179" s="11">
        <v>-215.03899999999999</v>
      </c>
      <c r="CE179" s="11">
        <v>102.086</v>
      </c>
      <c r="CF179" s="11">
        <v>49.072099999999999</v>
      </c>
      <c r="CG179" s="11">
        <v>151</v>
      </c>
      <c r="CH179" s="20">
        <v>1.5361899999999999</v>
      </c>
      <c r="CI179" s="20">
        <v>1.4451400000000001</v>
      </c>
      <c r="CJ179" s="20">
        <v>1.4054</v>
      </c>
      <c r="CK179" s="20">
        <v>1.3609</v>
      </c>
      <c r="CL179" s="20">
        <v>1.24847</v>
      </c>
      <c r="CM179" s="20">
        <v>1.3111999999999999</v>
      </c>
      <c r="CN179" s="20">
        <v>1.36307</v>
      </c>
      <c r="CO179" s="20">
        <v>1.1475500000000001</v>
      </c>
      <c r="CP179" s="20">
        <v>1.08178</v>
      </c>
      <c r="CQ179" s="20">
        <v>1.0614399999999999</v>
      </c>
      <c r="CR179" s="20">
        <v>1.0458400000000001</v>
      </c>
      <c r="CS179" s="20">
        <v>1.0171399999999999</v>
      </c>
      <c r="CT179" s="20">
        <v>0.99031499999999995</v>
      </c>
      <c r="CU179" s="20">
        <v>0.99456999999999995</v>
      </c>
      <c r="CV179" s="20">
        <v>1.0372600000000001</v>
      </c>
      <c r="CW179" s="20">
        <v>1.0206999999999999</v>
      </c>
      <c r="CX179" s="20">
        <v>0.98755000000000004</v>
      </c>
      <c r="CY179" s="6" t="s">
        <v>406</v>
      </c>
      <c r="CZ179" s="6" t="s">
        <v>407</v>
      </c>
      <c r="DA179" s="6" t="s">
        <v>106</v>
      </c>
      <c r="DB179" s="6" t="s">
        <v>345</v>
      </c>
      <c r="DC179" s="6"/>
      <c r="DD179" s="6"/>
      <c r="DE179" s="6"/>
      <c r="DF179" s="6"/>
      <c r="DG179" s="6"/>
      <c r="DH179" s="6" t="s">
        <v>333</v>
      </c>
      <c r="DI179" s="6"/>
      <c r="DJ179" s="6"/>
      <c r="DK179" s="6"/>
      <c r="DL179" s="6">
        <v>10</v>
      </c>
      <c r="DM179" s="6" t="s">
        <v>383</v>
      </c>
      <c r="DN179" s="6">
        <v>7</v>
      </c>
      <c r="DO179" s="6" t="s">
        <v>369</v>
      </c>
      <c r="DP179" s="6"/>
      <c r="DQ179" s="6"/>
    </row>
    <row r="180" spans="1:121" x14ac:dyDescent="0.2">
      <c r="A180" s="6" t="s">
        <v>325</v>
      </c>
      <c r="B180" s="6" t="s">
        <v>325</v>
      </c>
      <c r="C180" s="6" t="s">
        <v>193</v>
      </c>
      <c r="D180" s="6" t="s">
        <v>106</v>
      </c>
      <c r="E180" s="6" t="s">
        <v>247</v>
      </c>
      <c r="F180" s="11">
        <v>37</v>
      </c>
      <c r="G180" s="13">
        <v>0.15879828326199999</v>
      </c>
      <c r="H180" s="11">
        <v>70.220433780000008</v>
      </c>
      <c r="I180" s="13">
        <v>0.3015116995218185</v>
      </c>
      <c r="J180" s="11">
        <v>63.706027801000005</v>
      </c>
      <c r="K180" s="13">
        <v>0.21017115509413001</v>
      </c>
      <c r="L180" s="11">
        <v>-97.089295278000009</v>
      </c>
      <c r="M180" s="13">
        <v>-0.26467756830011607</v>
      </c>
      <c r="N180" s="11">
        <v>-33.383267477000004</v>
      </c>
      <c r="O180" s="13">
        <v>-0.11013400346312692</v>
      </c>
      <c r="P180" s="7">
        <v>232.89455729700001</v>
      </c>
      <c r="Q180" s="7">
        <v>252.913382885</v>
      </c>
      <c r="R180" s="7">
        <v>278.48973741600003</v>
      </c>
      <c r="S180" s="7">
        <v>287.22962412599998</v>
      </c>
      <c r="T180" s="7">
        <v>271.395513618</v>
      </c>
      <c r="U180" s="7">
        <v>266.864564019</v>
      </c>
      <c r="V180" s="7">
        <v>303.11499107700001</v>
      </c>
      <c r="W180" s="7">
        <v>312.77841833100001</v>
      </c>
      <c r="X180" s="7">
        <v>337.09311695299999</v>
      </c>
      <c r="Y180" s="7">
        <v>366.82101887800002</v>
      </c>
      <c r="Z180" s="7">
        <v>378.85672911500001</v>
      </c>
      <c r="AA180" s="7">
        <v>408.05433956399997</v>
      </c>
      <c r="AB180" s="7">
        <v>267.934621392</v>
      </c>
      <c r="AC180" s="7">
        <v>261.079476984</v>
      </c>
      <c r="AD180" s="7">
        <v>263.960908222</v>
      </c>
      <c r="AE180" s="7">
        <v>264.87262624599998</v>
      </c>
      <c r="AF180" s="7">
        <v>269.73172360000001</v>
      </c>
      <c r="AG180" s="9">
        <v>1913.6864201999997</v>
      </c>
      <c r="AH180" s="13">
        <v>0.12215265036684517</v>
      </c>
      <c r="AI180" s="9">
        <v>-968.57444649999888</v>
      </c>
      <c r="AJ180" s="13">
        <v>-6.1825142546190995E-2</v>
      </c>
      <c r="AK180" s="9">
        <v>-790.40187390000028</v>
      </c>
      <c r="AL180" s="13">
        <v>-5.3776965273944023E-2</v>
      </c>
      <c r="AM180" s="9">
        <v>3672.6627405999989</v>
      </c>
      <c r="AN180" s="13">
        <v>0.26408021335415854</v>
      </c>
      <c r="AO180" s="9">
        <v>2882.2608666999986</v>
      </c>
      <c r="AP180" s="13">
        <v>0.19610181561713219</v>
      </c>
      <c r="AQ180" s="9">
        <v>15666.3520149</v>
      </c>
      <c r="AR180" s="9">
        <v>15633.2484387</v>
      </c>
      <c r="AS180" s="9">
        <v>15602.5380633</v>
      </c>
      <c r="AT180" s="9">
        <v>15788.2678743</v>
      </c>
      <c r="AU180" s="9">
        <v>15207.952608199999</v>
      </c>
      <c r="AV180" s="9">
        <v>16323.6136518</v>
      </c>
      <c r="AW180" s="9">
        <v>14697.777568400001</v>
      </c>
      <c r="AX180" s="9">
        <v>15187.496585999999</v>
      </c>
      <c r="AY180" s="9">
        <v>14087.242276200001</v>
      </c>
      <c r="AZ180" s="9">
        <v>13907.3756945</v>
      </c>
      <c r="BA180" s="9">
        <v>13604.139269699999</v>
      </c>
      <c r="BB180" s="9">
        <v>14226.8919042</v>
      </c>
      <c r="BC180" s="9">
        <v>16539.859835800002</v>
      </c>
      <c r="BD180" s="9">
        <v>17135.4017485</v>
      </c>
      <c r="BE180" s="9">
        <v>17155.9326129</v>
      </c>
      <c r="BF180" s="9">
        <v>17580.038435099999</v>
      </c>
      <c r="BG180" s="11">
        <v>-17.75</v>
      </c>
      <c r="BH180" s="13">
        <v>-0.3858695652173913</v>
      </c>
      <c r="BI180" s="6">
        <v>9</v>
      </c>
      <c r="BJ180" s="13">
        <v>0.19565217391304349</v>
      </c>
      <c r="BK180" s="6">
        <v>37</v>
      </c>
      <c r="BL180" s="13">
        <v>0.67272727272727273</v>
      </c>
      <c r="BM180" s="11">
        <v>-63.75</v>
      </c>
      <c r="BN180" s="13">
        <v>-0.69293478260869568</v>
      </c>
      <c r="BO180" s="11">
        <v>-26.75</v>
      </c>
      <c r="BP180" s="13">
        <v>-0.48636363636363639</v>
      </c>
      <c r="BQ180" s="6">
        <v>46</v>
      </c>
      <c r="BR180" s="6">
        <v>45</v>
      </c>
      <c r="BS180" s="6">
        <v>44</v>
      </c>
      <c r="BT180" s="6">
        <v>55</v>
      </c>
      <c r="BU180" s="6">
        <v>67</v>
      </c>
      <c r="BV180" s="6">
        <v>75</v>
      </c>
      <c r="BW180" s="6">
        <v>92</v>
      </c>
      <c r="BX180" s="6">
        <v>106</v>
      </c>
      <c r="BY180" s="6">
        <v>119</v>
      </c>
      <c r="BZ180" s="6">
        <v>30</v>
      </c>
      <c r="CA180" s="6">
        <v>27</v>
      </c>
      <c r="CB180" s="6">
        <v>27</v>
      </c>
      <c r="CC180" s="11">
        <v>28.25</v>
      </c>
      <c r="CD180" s="11">
        <v>13.5237</v>
      </c>
      <c r="CE180" s="11">
        <v>-2.1447400000000001</v>
      </c>
      <c r="CF180" s="11">
        <v>25.458200000000001</v>
      </c>
      <c r="CG180" s="11">
        <v>23</v>
      </c>
      <c r="CH180" s="20">
        <v>1.1732899999999999</v>
      </c>
      <c r="CI180" s="20">
        <v>1.17946</v>
      </c>
      <c r="CJ180" s="20">
        <v>1.22614</v>
      </c>
      <c r="CK180" s="20">
        <v>1.2338800000000001</v>
      </c>
      <c r="CL180" s="20">
        <v>1.16405</v>
      </c>
      <c r="CM180" s="20">
        <v>1.1333800000000001</v>
      </c>
      <c r="CN180" s="20">
        <v>1.30244</v>
      </c>
      <c r="CO180" s="20">
        <v>1.3785099999999999</v>
      </c>
      <c r="CP180" s="20">
        <v>1.47505</v>
      </c>
      <c r="CQ180" s="20">
        <v>1.62554</v>
      </c>
      <c r="CR180" s="20">
        <v>1.6920299999999999</v>
      </c>
      <c r="CS180" s="20">
        <v>1.7865899999999999</v>
      </c>
      <c r="CT180" s="20">
        <v>1.2550600000000001</v>
      </c>
      <c r="CU180" s="20">
        <v>1.2505500000000001</v>
      </c>
      <c r="CV180" s="20">
        <v>1.2589399999999999</v>
      </c>
      <c r="CW180" s="20">
        <v>1.2351700000000001</v>
      </c>
      <c r="CX180" s="20">
        <v>1.2375499999999999</v>
      </c>
      <c r="CY180" s="6" t="s">
        <v>406</v>
      </c>
      <c r="CZ180" s="6" t="s">
        <v>407</v>
      </c>
      <c r="DA180" s="6" t="s">
        <v>106</v>
      </c>
      <c r="DB180" s="6" t="s">
        <v>345</v>
      </c>
      <c r="DC180" s="6"/>
      <c r="DD180" s="6"/>
      <c r="DE180" s="6"/>
      <c r="DF180" s="6"/>
      <c r="DG180" s="6"/>
      <c r="DH180" s="6" t="s">
        <v>333</v>
      </c>
      <c r="DI180" s="6"/>
      <c r="DJ180" s="6"/>
      <c r="DK180" s="6"/>
      <c r="DL180" s="6">
        <v>10</v>
      </c>
      <c r="DM180" s="6" t="s">
        <v>383</v>
      </c>
      <c r="DN180" s="6">
        <v>7</v>
      </c>
      <c r="DO180" s="6" t="s">
        <v>369</v>
      </c>
      <c r="DP180" s="6"/>
      <c r="DQ180" s="6"/>
    </row>
    <row r="181" spans="1:121" x14ac:dyDescent="0.2">
      <c r="A181" s="6" t="s">
        <v>327</v>
      </c>
      <c r="B181" s="6" t="s">
        <v>327</v>
      </c>
      <c r="C181" s="6" t="s">
        <v>194</v>
      </c>
      <c r="D181" s="6" t="s">
        <v>106</v>
      </c>
      <c r="E181" s="6" t="s">
        <v>247</v>
      </c>
      <c r="F181" s="11">
        <v>112</v>
      </c>
      <c r="G181" s="13">
        <v>0.11233701103300001</v>
      </c>
      <c r="H181" s="11">
        <v>131.42473999999993</v>
      </c>
      <c r="I181" s="13">
        <v>0.131871607646352</v>
      </c>
      <c r="J181" s="11">
        <v>-14.208658999999898</v>
      </c>
      <c r="K181" s="13">
        <v>-1.2595925976243705E-2</v>
      </c>
      <c r="L181" s="11">
        <v>-5.0977923200000532</v>
      </c>
      <c r="M181" s="13">
        <v>-4.5768242100672615E-3</v>
      </c>
      <c r="N181" s="11">
        <v>-19.306451319999951</v>
      </c>
      <c r="O181" s="13">
        <v>-1.7115100847354677E-2</v>
      </c>
      <c r="P181" s="7">
        <v>996.61134300000003</v>
      </c>
      <c r="Q181" s="7">
        <v>984.291381</v>
      </c>
      <c r="R181" s="7">
        <v>992.81416000000002</v>
      </c>
      <c r="S181" s="7">
        <v>1030.2115839999999</v>
      </c>
      <c r="T181" s="7">
        <v>1061.319156</v>
      </c>
      <c r="U181" s="7">
        <v>1082.802179</v>
      </c>
      <c r="V181" s="7">
        <v>1128.036083</v>
      </c>
      <c r="W181" s="7">
        <v>1143.2630529999999</v>
      </c>
      <c r="X181" s="7">
        <v>1129.6913830000001</v>
      </c>
      <c r="Y181" s="7">
        <v>1113.8274240000001</v>
      </c>
      <c r="Z181" s="7">
        <v>1085.1139370000001</v>
      </c>
      <c r="AA181" s="7">
        <v>1102.4698410000001</v>
      </c>
      <c r="AB181" s="7">
        <v>1105.0997420000001</v>
      </c>
      <c r="AC181" s="7">
        <v>1093.7659180000001</v>
      </c>
      <c r="AD181" s="7">
        <v>1113.240088</v>
      </c>
      <c r="AE181" s="7">
        <v>1104.9173794999999</v>
      </c>
      <c r="AF181" s="7">
        <v>1108.72963168</v>
      </c>
      <c r="AG181" s="9">
        <v>13831.148545500004</v>
      </c>
      <c r="AH181" s="13">
        <v>0.43404686916888879</v>
      </c>
      <c r="AI181" s="9">
        <v>9711.8538709000022</v>
      </c>
      <c r="AJ181" s="13">
        <v>0.30477582918169072</v>
      </c>
      <c r="AK181" s="9">
        <v>2167.1487616999948</v>
      </c>
      <c r="AL181" s="13">
        <v>5.2123215962254936E-2</v>
      </c>
      <c r="AM181" s="9">
        <v>1952.1459129000068</v>
      </c>
      <c r="AN181" s="13">
        <v>4.4626019566556464E-2</v>
      </c>
      <c r="AO181" s="9">
        <v>4119.2946746000016</v>
      </c>
      <c r="AP181" s="13">
        <v>9.9075287184214836E-2</v>
      </c>
      <c r="AQ181" s="9">
        <v>31865.5645921</v>
      </c>
      <c r="AR181" s="9">
        <v>33794.648363599998</v>
      </c>
      <c r="AS181" s="9">
        <v>35279.535907400001</v>
      </c>
      <c r="AT181" s="9">
        <v>37073.330170900001</v>
      </c>
      <c r="AU181" s="9">
        <v>38767.817140799998</v>
      </c>
      <c r="AV181" s="9">
        <v>40061.048063800001</v>
      </c>
      <c r="AW181" s="9">
        <v>41577.418463000002</v>
      </c>
      <c r="AX181" s="9">
        <v>41576.852095599999</v>
      </c>
      <c r="AY181" s="9">
        <v>43066.211547400002</v>
      </c>
      <c r="AZ181" s="9">
        <v>43744.567224699997</v>
      </c>
      <c r="BA181" s="9">
        <v>44077.123448999999</v>
      </c>
      <c r="BB181" s="9">
        <v>44428.301925699998</v>
      </c>
      <c r="BC181" s="9">
        <v>44274.355522600003</v>
      </c>
      <c r="BD181" s="9">
        <v>43640.695993699999</v>
      </c>
      <c r="BE181" s="9">
        <v>44666.560039299999</v>
      </c>
      <c r="BF181" s="9">
        <v>45696.713137600003</v>
      </c>
      <c r="BG181" s="11">
        <v>4</v>
      </c>
      <c r="BH181" s="13">
        <v>0.1</v>
      </c>
      <c r="BI181" s="6">
        <v>3</v>
      </c>
      <c r="BJ181" s="13">
        <v>7.4999999999999997E-2</v>
      </c>
      <c r="BK181" s="6">
        <v>-2</v>
      </c>
      <c r="BL181" s="13">
        <v>-4.6511627906976744E-2</v>
      </c>
      <c r="BM181" s="11">
        <v>3</v>
      </c>
      <c r="BN181" s="13">
        <v>7.3170731707317069E-2</v>
      </c>
      <c r="BO181" s="11">
        <v>1</v>
      </c>
      <c r="BP181" s="13">
        <v>2.3255813953488372E-2</v>
      </c>
      <c r="BQ181" s="6">
        <v>40</v>
      </c>
      <c r="BR181" s="6">
        <v>42</v>
      </c>
      <c r="BS181" s="6">
        <v>42</v>
      </c>
      <c r="BT181" s="6">
        <v>43</v>
      </c>
      <c r="BU181" s="6">
        <v>43</v>
      </c>
      <c r="BV181" s="6">
        <v>43</v>
      </c>
      <c r="BW181" s="6">
        <v>41</v>
      </c>
      <c r="BX181" s="6">
        <v>43</v>
      </c>
      <c r="BY181" s="6">
        <v>43</v>
      </c>
      <c r="BZ181" s="6">
        <v>43</v>
      </c>
      <c r="CA181" s="6">
        <v>44</v>
      </c>
      <c r="CB181" s="6">
        <v>44</v>
      </c>
      <c r="CC181" s="11">
        <v>44</v>
      </c>
      <c r="CD181" s="11">
        <v>61.602600000000002</v>
      </c>
      <c r="CE181" s="11">
        <v>-58.426000000000002</v>
      </c>
      <c r="CF181" s="11">
        <v>108.94199999999999</v>
      </c>
      <c r="CG181" s="11">
        <v>51</v>
      </c>
      <c r="CH181" s="20">
        <v>1.5114700000000001</v>
      </c>
      <c r="CI181" s="20">
        <v>1.37913</v>
      </c>
      <c r="CJ181" s="20">
        <v>1.323</v>
      </c>
      <c r="CK181" s="20">
        <v>1.34917</v>
      </c>
      <c r="CL181" s="20">
        <v>1.3909499999999999</v>
      </c>
      <c r="CM181" s="20">
        <v>1.41445</v>
      </c>
      <c r="CN181" s="20">
        <v>1.50152</v>
      </c>
      <c r="CO181" s="20">
        <v>1.5452900000000001</v>
      </c>
      <c r="CP181" s="20">
        <v>1.49908</v>
      </c>
      <c r="CQ181" s="20">
        <v>1.48824</v>
      </c>
      <c r="CR181" s="20">
        <v>1.4955400000000001</v>
      </c>
      <c r="CS181" s="20">
        <v>1.5401</v>
      </c>
      <c r="CT181" s="20">
        <v>1.56877</v>
      </c>
      <c r="CU181" s="20">
        <v>1.61775</v>
      </c>
      <c r="CV181" s="20">
        <v>1.6535899999999999</v>
      </c>
      <c r="CW181" s="20">
        <v>1.6128100000000001</v>
      </c>
      <c r="CX181" s="20">
        <v>1.60341</v>
      </c>
      <c r="CY181" s="6" t="s">
        <v>406</v>
      </c>
      <c r="CZ181" s="6" t="s">
        <v>407</v>
      </c>
      <c r="DA181" s="6" t="s">
        <v>106</v>
      </c>
      <c r="DB181" s="6" t="s">
        <v>345</v>
      </c>
      <c r="DC181" s="6"/>
      <c r="DD181" s="6"/>
      <c r="DE181" s="6"/>
      <c r="DF181" s="6"/>
      <c r="DG181" s="6"/>
      <c r="DH181" s="6" t="s">
        <v>333</v>
      </c>
      <c r="DI181" s="6"/>
      <c r="DJ181" s="6"/>
      <c r="DK181" s="6"/>
      <c r="DL181" s="6">
        <v>10</v>
      </c>
      <c r="DM181" s="6" t="s">
        <v>383</v>
      </c>
      <c r="DN181" s="6">
        <v>7</v>
      </c>
      <c r="DO181" s="6" t="s">
        <v>369</v>
      </c>
      <c r="DP181" s="6"/>
      <c r="DQ181" s="6"/>
    </row>
    <row r="182" spans="1:121" x14ac:dyDescent="0.2">
      <c r="A182" s="6" t="s">
        <v>1</v>
      </c>
      <c r="B182" s="6" t="s">
        <v>1</v>
      </c>
      <c r="C182" s="6" t="s">
        <v>2</v>
      </c>
      <c r="D182" s="6" t="s">
        <v>119</v>
      </c>
      <c r="E182" s="6" t="s">
        <v>260</v>
      </c>
      <c r="F182" s="11">
        <v>-9</v>
      </c>
      <c r="G182" s="13">
        <v>-9.4736842105300006E-2</v>
      </c>
      <c r="H182" s="11">
        <v>-39.141942616999998</v>
      </c>
      <c r="I182" s="13">
        <v>-0.4116269705221498</v>
      </c>
      <c r="J182" s="11">
        <v>68.939600182899994</v>
      </c>
      <c r="K182" s="13">
        <v>1.2321893488585758</v>
      </c>
      <c r="L182" s="11">
        <v>-38.803137687000003</v>
      </c>
      <c r="M182" s="13">
        <v>-0.310702325133563</v>
      </c>
      <c r="N182" s="11">
        <v>30.136462495899991</v>
      </c>
      <c r="O182" s="13">
        <v>0.53864292802984226</v>
      </c>
      <c r="P182" s="7">
        <v>95.090811390100001</v>
      </c>
      <c r="Q182" s="7">
        <v>53.6268528194</v>
      </c>
      <c r="R182" s="7">
        <v>86.368431972500005</v>
      </c>
      <c r="S182" s="7">
        <v>79.533939912600005</v>
      </c>
      <c r="T182" s="7">
        <v>61.063426499099997</v>
      </c>
      <c r="U182" s="7">
        <v>55.809968785599999</v>
      </c>
      <c r="V182" s="7">
        <v>55.948868773100003</v>
      </c>
      <c r="W182" s="7">
        <v>54.621179660899998</v>
      </c>
      <c r="X182" s="7">
        <v>94.275515374999998</v>
      </c>
      <c r="Y182" s="7">
        <v>124.888468956</v>
      </c>
      <c r="Z182" s="7">
        <v>123.465110423</v>
      </c>
      <c r="AA182" s="7">
        <v>104.479343422</v>
      </c>
      <c r="AB182" s="7">
        <v>57.4220406588</v>
      </c>
      <c r="AC182" s="7">
        <v>103.22704144399999</v>
      </c>
      <c r="AD182" s="7">
        <v>84.814166526099996</v>
      </c>
      <c r="AE182" s="7">
        <v>84.782380467199999</v>
      </c>
      <c r="AF182" s="7">
        <v>86.085331268999994</v>
      </c>
      <c r="AG182" s="9">
        <v>3405.1825745999995</v>
      </c>
      <c r="AH182" s="13">
        <v>0.1649779983151862</v>
      </c>
      <c r="AI182" s="9">
        <v>-2555.2321236999996</v>
      </c>
      <c r="AJ182" s="13">
        <v>-0.12379867210151212</v>
      </c>
      <c r="AK182" s="9">
        <v>3578.9981383000013</v>
      </c>
      <c r="AL182" s="13">
        <v>0.1978988147462894</v>
      </c>
      <c r="AM182" s="9">
        <v>2381.4165599999978</v>
      </c>
      <c r="AN182" s="13">
        <v>0.10992512161561648</v>
      </c>
      <c r="AO182" s="9">
        <v>5960.4146982999991</v>
      </c>
      <c r="AP182" s="13">
        <v>0.32957798764047813</v>
      </c>
      <c r="AQ182" s="9">
        <v>20640.222389499999</v>
      </c>
      <c r="AR182" s="9">
        <v>20503.608801099999</v>
      </c>
      <c r="AS182" s="9">
        <v>18866.917792699998</v>
      </c>
      <c r="AT182" s="9">
        <v>21106.608493799999</v>
      </c>
      <c r="AU182" s="9">
        <v>18363.775368899998</v>
      </c>
      <c r="AV182" s="9">
        <v>16604.238447399999</v>
      </c>
      <c r="AW182" s="9">
        <v>18084.990265799999</v>
      </c>
      <c r="AX182" s="9">
        <v>16952.949378500001</v>
      </c>
      <c r="AY182" s="9">
        <v>21800.089217000001</v>
      </c>
      <c r="AZ182" s="9">
        <v>21663.9884041</v>
      </c>
      <c r="BA182" s="9">
        <v>21966.356880399999</v>
      </c>
      <c r="BB182" s="9">
        <v>21283.086973400001</v>
      </c>
      <c r="BC182" s="9">
        <v>22212.829635999999</v>
      </c>
      <c r="BD182" s="9">
        <v>22032.6122956</v>
      </c>
      <c r="BE182" s="9">
        <v>24367.0504162</v>
      </c>
      <c r="BF182" s="9">
        <v>24045.404964099998</v>
      </c>
      <c r="BG182" s="11">
        <v>0</v>
      </c>
      <c r="BH182" s="13">
        <v>0</v>
      </c>
      <c r="BI182" s="6">
        <v>1</v>
      </c>
      <c r="BJ182" s="13">
        <v>0.25</v>
      </c>
      <c r="BK182" s="6">
        <v>1</v>
      </c>
      <c r="BL182" s="13">
        <v>0.2</v>
      </c>
      <c r="BM182" s="11">
        <v>-2</v>
      </c>
      <c r="BN182" s="13">
        <v>-0.33333333333333331</v>
      </c>
      <c r="BO182" s="11">
        <v>-1</v>
      </c>
      <c r="BP182" s="13">
        <v>-0.2</v>
      </c>
      <c r="BQ182" s="6">
        <v>4</v>
      </c>
      <c r="BR182" s="6">
        <v>4</v>
      </c>
      <c r="BS182" s="6">
        <v>4</v>
      </c>
      <c r="BT182" s="6">
        <v>5</v>
      </c>
      <c r="BU182" s="6">
        <v>5</v>
      </c>
      <c r="BV182" s="6">
        <v>5</v>
      </c>
      <c r="BW182" s="6">
        <v>6</v>
      </c>
      <c r="BX182" s="6">
        <v>6</v>
      </c>
      <c r="BY182" s="6">
        <v>5</v>
      </c>
      <c r="BZ182" s="6">
        <v>5</v>
      </c>
      <c r="CA182" s="6">
        <v>5</v>
      </c>
      <c r="CB182" s="6">
        <v>4</v>
      </c>
      <c r="CC182" s="11">
        <v>4</v>
      </c>
      <c r="CD182" s="11">
        <v>-10.7303</v>
      </c>
      <c r="CE182" s="11">
        <v>-8.6697799999999994</v>
      </c>
      <c r="CF182" s="11">
        <v>10.394600000000001</v>
      </c>
      <c r="CG182" s="11">
        <v>1</v>
      </c>
      <c r="CH182" s="20">
        <v>2.97315</v>
      </c>
      <c r="CI182" s="20">
        <v>1.7095</v>
      </c>
      <c r="CJ182" s="20">
        <v>2.6630500000000001</v>
      </c>
      <c r="CK182" s="20">
        <v>2.4706199999999998</v>
      </c>
      <c r="CL182" s="20">
        <v>1.94157</v>
      </c>
      <c r="CM182" s="20">
        <v>1.79514</v>
      </c>
      <c r="CN182" s="20">
        <v>1.85473</v>
      </c>
      <c r="CO182" s="20">
        <v>1.8752599999999999</v>
      </c>
      <c r="CP182" s="20">
        <v>2.66873</v>
      </c>
      <c r="CQ182" s="20">
        <v>4.0394699999999997</v>
      </c>
      <c r="CR182" s="20">
        <v>4.1807699999999999</v>
      </c>
      <c r="CS182" s="20">
        <v>3.4255300000000002</v>
      </c>
      <c r="CT182" s="20">
        <v>1.9516899999999999</v>
      </c>
      <c r="CU182" s="20">
        <v>3.5102799999999998</v>
      </c>
      <c r="CV182" s="20">
        <v>2.9255</v>
      </c>
      <c r="CW182" s="20">
        <v>2.94746</v>
      </c>
      <c r="CX182" s="20">
        <v>2.98169</v>
      </c>
      <c r="CY182" s="6" t="s">
        <v>408</v>
      </c>
      <c r="CZ182" s="6" t="s">
        <v>409</v>
      </c>
      <c r="DA182" s="6" t="s">
        <v>119</v>
      </c>
      <c r="DB182" s="6" t="s">
        <v>345</v>
      </c>
      <c r="DC182" s="6">
        <v>16020</v>
      </c>
      <c r="DD182" s="6">
        <v>164</v>
      </c>
      <c r="DE182" s="6" t="s">
        <v>412</v>
      </c>
      <c r="DF182" s="6" t="s">
        <v>375</v>
      </c>
      <c r="DG182" s="6" t="s">
        <v>376</v>
      </c>
      <c r="DH182" s="6" t="s">
        <v>328</v>
      </c>
      <c r="DI182" s="6" t="s">
        <v>413</v>
      </c>
      <c r="DJ182" s="6">
        <v>29</v>
      </c>
      <c r="DK182" s="6">
        <v>17</v>
      </c>
      <c r="DL182" s="6">
        <v>2</v>
      </c>
      <c r="DM182" s="6" t="s">
        <v>379</v>
      </c>
      <c r="DN182" s="6">
        <v>3</v>
      </c>
      <c r="DO182" s="6" t="s">
        <v>380</v>
      </c>
      <c r="DP182" s="6"/>
      <c r="DQ182" s="6"/>
    </row>
    <row r="183" spans="1:121" x14ac:dyDescent="0.2">
      <c r="A183" s="6" t="s">
        <v>310</v>
      </c>
      <c r="B183" s="6" t="s">
        <v>310</v>
      </c>
      <c r="C183" s="6" t="s">
        <v>173</v>
      </c>
      <c r="D183" s="6" t="s">
        <v>119</v>
      </c>
      <c r="E183" s="6" t="s">
        <v>260</v>
      </c>
      <c r="F183" s="11">
        <v>1</v>
      </c>
      <c r="G183" s="13">
        <v>1</v>
      </c>
      <c r="H183" s="11">
        <v>14.733788000000001</v>
      </c>
      <c r="I183" s="13">
        <v>2.9467576000000002</v>
      </c>
      <c r="J183" s="11">
        <v>-14.733788000000001</v>
      </c>
      <c r="K183" s="13">
        <v>-0.74662745946191378</v>
      </c>
      <c r="L183" s="11">
        <v>0</v>
      </c>
      <c r="M183" s="13">
        <v>0</v>
      </c>
      <c r="N183" s="11">
        <v>-14.733788000000001</v>
      </c>
      <c r="O183" s="13">
        <v>-0.74662745946191378</v>
      </c>
      <c r="P183" s="7">
        <v>5</v>
      </c>
      <c r="Q183" s="7">
        <v>37.481484999999999</v>
      </c>
      <c r="R183" s="7">
        <v>20.210488000000002</v>
      </c>
      <c r="S183" s="7">
        <v>20.758417999999999</v>
      </c>
      <c r="T183" s="7">
        <v>24.270911000000002</v>
      </c>
      <c r="U183" s="7">
        <v>25.605131</v>
      </c>
      <c r="V183" s="7">
        <v>19.733788000000001</v>
      </c>
      <c r="W183" s="7">
        <v>18.479441000000001</v>
      </c>
      <c r="X183" s="7">
        <v>5</v>
      </c>
      <c r="Y183" s="7">
        <v>5</v>
      </c>
      <c r="Z183" s="7">
        <v>5</v>
      </c>
      <c r="AA183" s="7">
        <v>13.314325</v>
      </c>
      <c r="AB183" s="7">
        <v>18.95553</v>
      </c>
      <c r="AC183" s="7">
        <v>5</v>
      </c>
      <c r="AD183" s="7">
        <v>5</v>
      </c>
      <c r="AE183" s="7">
        <v>5</v>
      </c>
      <c r="AF183" s="7">
        <v>5</v>
      </c>
      <c r="AG183" s="9">
        <v>0</v>
      </c>
      <c r="AH183" s="13">
        <v>0</v>
      </c>
      <c r="AI183" s="9">
        <v>36607.562742200003</v>
      </c>
      <c r="AJ183" s="13">
        <v>36607.562742200003</v>
      </c>
      <c r="AK183" s="9">
        <v>-36607.562742200003</v>
      </c>
      <c r="AL183" s="13">
        <v>-0.99997268398633821</v>
      </c>
      <c r="AM183" s="9">
        <v>0</v>
      </c>
      <c r="AN183" s="13">
        <v>0</v>
      </c>
      <c r="AO183" s="9">
        <v>-36607.562742200003</v>
      </c>
      <c r="AP183" s="13">
        <v>-0.99997268398633821</v>
      </c>
      <c r="AQ183" s="9">
        <v>1</v>
      </c>
      <c r="AR183" s="9">
        <v>24225.069699299998</v>
      </c>
      <c r="AS183" s="9">
        <v>46517.702286799999</v>
      </c>
      <c r="AT183" s="9">
        <v>41115.5112696</v>
      </c>
      <c r="AU183" s="9">
        <v>40155.018014599998</v>
      </c>
      <c r="AV183" s="9">
        <v>43478.569016100002</v>
      </c>
      <c r="AW183" s="9">
        <v>36608.562742200003</v>
      </c>
      <c r="AX183" s="9">
        <v>30303.118329500001</v>
      </c>
      <c r="AY183" s="9">
        <v>1</v>
      </c>
      <c r="AZ183" s="9">
        <v>1</v>
      </c>
      <c r="BA183" s="9">
        <v>1</v>
      </c>
      <c r="BB183" s="9">
        <v>43840.153332100002</v>
      </c>
      <c r="BC183" s="9">
        <v>37330.016993500001</v>
      </c>
      <c r="BD183" s="9">
        <v>1</v>
      </c>
      <c r="BE183" s="9">
        <v>1</v>
      </c>
      <c r="BF183" s="9">
        <v>1</v>
      </c>
      <c r="BG183" s="11">
        <v>-1</v>
      </c>
      <c r="BH183" s="13">
        <v>-0.5</v>
      </c>
      <c r="BI183" s="6">
        <v>0</v>
      </c>
      <c r="BJ183" s="13">
        <v>0</v>
      </c>
      <c r="BK183" s="6">
        <v>-1</v>
      </c>
      <c r="BL183" s="13">
        <v>-0.5</v>
      </c>
      <c r="BM183" s="11">
        <v>0</v>
      </c>
      <c r="BN183" s="13">
        <v>0</v>
      </c>
      <c r="BO183" s="11">
        <v>-1</v>
      </c>
      <c r="BP183" s="13">
        <v>-0.5</v>
      </c>
      <c r="BQ183" s="6">
        <v>2</v>
      </c>
      <c r="BR183" s="6">
        <v>2</v>
      </c>
      <c r="BS183" s="6">
        <v>2</v>
      </c>
      <c r="BT183" s="6">
        <v>2</v>
      </c>
      <c r="BU183" s="6">
        <v>2</v>
      </c>
      <c r="BV183" s="6">
        <v>1</v>
      </c>
      <c r="BW183" s="6">
        <v>1</v>
      </c>
      <c r="BX183" s="6">
        <v>1</v>
      </c>
      <c r="BY183" s="6">
        <v>1</v>
      </c>
      <c r="BZ183" s="6">
        <v>1</v>
      </c>
      <c r="CA183" s="6">
        <v>1</v>
      </c>
      <c r="CB183" s="6">
        <v>1</v>
      </c>
      <c r="CC183" s="11">
        <v>1</v>
      </c>
      <c r="CD183" s="11">
        <v>8.4019600000000008</v>
      </c>
      <c r="CE183" s="11">
        <v>2.5937000000000002E-2</v>
      </c>
      <c r="CF183" s="11">
        <v>2.7328000000000002E-2</v>
      </c>
      <c r="CG183" s="11">
        <v>0</v>
      </c>
      <c r="CH183" s="20">
        <v>2.75502E-2</v>
      </c>
      <c r="CI183" s="20">
        <v>4.3989799999999999</v>
      </c>
      <c r="CJ183" s="20">
        <v>2.3268</v>
      </c>
      <c r="CK183" s="20">
        <v>2.3297400000000001</v>
      </c>
      <c r="CL183" s="20">
        <v>2.6013299999999999</v>
      </c>
      <c r="CM183" s="20">
        <v>2.5201199999999999</v>
      </c>
      <c r="CN183" s="20">
        <v>1.85755</v>
      </c>
      <c r="CO183" s="20">
        <v>1.6253599999999999</v>
      </c>
      <c r="CP183" s="20">
        <v>6.7152600000000007E-2</v>
      </c>
      <c r="CQ183" s="20">
        <v>7.59494E-2</v>
      </c>
      <c r="CR183" s="20">
        <v>0.20073099999999999</v>
      </c>
      <c r="CS183" s="20">
        <v>1.0064200000000001</v>
      </c>
      <c r="CT183" s="20">
        <v>1.4741200000000001</v>
      </c>
      <c r="CU183" s="20">
        <v>0.72998200000000002</v>
      </c>
      <c r="CV183" s="20">
        <v>0.66430400000000001</v>
      </c>
      <c r="CW183" s="20">
        <v>0.90995999999999999</v>
      </c>
      <c r="CX183" s="20">
        <v>0.89195999999999998</v>
      </c>
      <c r="CY183" s="6" t="s">
        <v>408</v>
      </c>
      <c r="CZ183" s="6" t="s">
        <v>409</v>
      </c>
      <c r="DA183" s="6" t="s">
        <v>119</v>
      </c>
      <c r="DB183" s="6" t="s">
        <v>345</v>
      </c>
      <c r="DC183" s="6">
        <v>16020</v>
      </c>
      <c r="DD183" s="6">
        <v>164</v>
      </c>
      <c r="DE183" s="6" t="s">
        <v>412</v>
      </c>
      <c r="DF183" s="6" t="s">
        <v>375</v>
      </c>
      <c r="DG183" s="6" t="s">
        <v>376</v>
      </c>
      <c r="DH183" s="6" t="s">
        <v>328</v>
      </c>
      <c r="DI183" s="6" t="s">
        <v>413</v>
      </c>
      <c r="DJ183" s="6">
        <v>29</v>
      </c>
      <c r="DK183" s="6">
        <v>17</v>
      </c>
      <c r="DL183" s="6">
        <v>2</v>
      </c>
      <c r="DM183" s="6" t="s">
        <v>379</v>
      </c>
      <c r="DN183" s="6">
        <v>3</v>
      </c>
      <c r="DO183" s="6" t="s">
        <v>380</v>
      </c>
      <c r="DP183" s="6"/>
      <c r="DQ183" s="6"/>
    </row>
    <row r="184" spans="1:121" x14ac:dyDescent="0.2">
      <c r="A184" s="6" t="s">
        <v>311</v>
      </c>
      <c r="B184" s="6" t="s">
        <v>311</v>
      </c>
      <c r="C184" s="6" t="s">
        <v>174</v>
      </c>
      <c r="D184" s="6" t="s">
        <v>119</v>
      </c>
      <c r="E184" s="6" t="s">
        <v>260</v>
      </c>
      <c r="F184" s="11">
        <v>1</v>
      </c>
      <c r="G184" s="13">
        <v>1</v>
      </c>
      <c r="H184" s="11">
        <v>0</v>
      </c>
      <c r="I184" s="13">
        <v>0</v>
      </c>
      <c r="J184" s="11">
        <v>10.053271000000001</v>
      </c>
      <c r="K184" s="13">
        <v>2.0106542000000003</v>
      </c>
      <c r="L184" s="11">
        <v>3.1292209210999982</v>
      </c>
      <c r="M184" s="13">
        <v>0.2078764755580364</v>
      </c>
      <c r="N184" s="11">
        <v>13.182491921099999</v>
      </c>
      <c r="O184" s="13">
        <v>2.6364983842199998</v>
      </c>
      <c r="P184" s="7">
        <v>5</v>
      </c>
      <c r="Q184" s="7">
        <v>10.295498</v>
      </c>
      <c r="R184" s="7">
        <v>5</v>
      </c>
      <c r="S184" s="7">
        <v>5</v>
      </c>
      <c r="T184" s="7">
        <v>12.423557000000001</v>
      </c>
      <c r="U184" s="7">
        <v>5</v>
      </c>
      <c r="V184" s="7">
        <v>5</v>
      </c>
      <c r="W184" s="7">
        <v>5</v>
      </c>
      <c r="X184" s="7">
        <v>14.833477</v>
      </c>
      <c r="Y184" s="7">
        <v>15.053271000000001</v>
      </c>
      <c r="Z184" s="7">
        <v>12.916515</v>
      </c>
      <c r="AA184" s="7">
        <v>16.261897000000001</v>
      </c>
      <c r="AB184" s="7">
        <v>12.626913</v>
      </c>
      <c r="AC184" s="7">
        <v>18.828679999999999</v>
      </c>
      <c r="AD184" s="7">
        <v>18.253762999999999</v>
      </c>
      <c r="AE184" s="7">
        <v>17.512080749999999</v>
      </c>
      <c r="AF184" s="7">
        <v>18.182491921099999</v>
      </c>
      <c r="AG184" s="9">
        <v>49415.134130099999</v>
      </c>
      <c r="AH184" s="13">
        <v>49415.134130099999</v>
      </c>
      <c r="AI184" s="9">
        <v>0</v>
      </c>
      <c r="AJ184" s="13">
        <v>0</v>
      </c>
      <c r="AK184" s="9">
        <v>51432.7170854</v>
      </c>
      <c r="AL184" s="13">
        <v>51432.7170854</v>
      </c>
      <c r="AM184" s="9">
        <v>-2017.5829553000003</v>
      </c>
      <c r="AN184" s="13">
        <v>-3.9226854865457746E-2</v>
      </c>
      <c r="AO184" s="9">
        <v>49415.134130099999</v>
      </c>
      <c r="AP184" s="13">
        <v>49415.134130099999</v>
      </c>
      <c r="AQ184" s="9">
        <v>1</v>
      </c>
      <c r="AR184" s="9">
        <v>48337.280075499999</v>
      </c>
      <c r="AS184" s="9">
        <v>1</v>
      </c>
      <c r="AT184" s="9">
        <v>1</v>
      </c>
      <c r="AU184" s="9">
        <v>51868.848705099997</v>
      </c>
      <c r="AV184" s="9">
        <v>1</v>
      </c>
      <c r="AW184" s="9">
        <v>1</v>
      </c>
      <c r="AX184" s="9">
        <v>1</v>
      </c>
      <c r="AY184" s="9">
        <v>57809.120251699998</v>
      </c>
      <c r="AZ184" s="9">
        <v>51433.7170854</v>
      </c>
      <c r="BA184" s="9">
        <v>61884.397257600001</v>
      </c>
      <c r="BB184" s="9">
        <v>77610.786758600007</v>
      </c>
      <c r="BC184" s="9">
        <v>48625.525924699999</v>
      </c>
      <c r="BD184" s="9">
        <v>45320.901155899999</v>
      </c>
      <c r="BE184" s="9">
        <v>46655.029562600001</v>
      </c>
      <c r="BF184" s="9">
        <v>49416.134130099999</v>
      </c>
      <c r="BG184" s="11">
        <v>0</v>
      </c>
      <c r="BH184" s="13">
        <v>0</v>
      </c>
      <c r="BI184" s="6">
        <v>0</v>
      </c>
      <c r="BJ184" s="13">
        <v>0</v>
      </c>
      <c r="BK184" s="6">
        <v>0</v>
      </c>
      <c r="BL184" s="13">
        <v>0</v>
      </c>
      <c r="BM184" s="11">
        <v>0</v>
      </c>
      <c r="BN184" s="13">
        <v>0</v>
      </c>
      <c r="BO184" s="11">
        <v>0</v>
      </c>
      <c r="BP184" s="13">
        <v>0</v>
      </c>
      <c r="BQ184" s="6">
        <v>1</v>
      </c>
      <c r="BR184" s="6">
        <v>1</v>
      </c>
      <c r="BS184" s="6">
        <v>1</v>
      </c>
      <c r="BT184" s="6">
        <v>1</v>
      </c>
      <c r="BU184" s="6">
        <v>1</v>
      </c>
      <c r="BV184" s="6">
        <v>1</v>
      </c>
      <c r="BW184" s="6">
        <v>1</v>
      </c>
      <c r="BX184" s="6">
        <v>1</v>
      </c>
      <c r="BY184" s="6">
        <v>1</v>
      </c>
      <c r="BZ184" s="6">
        <v>1</v>
      </c>
      <c r="CA184" s="6">
        <v>1</v>
      </c>
      <c r="CB184" s="6">
        <v>1</v>
      </c>
      <c r="CC184" s="11">
        <v>1</v>
      </c>
      <c r="CD184" s="11">
        <v>10.3979</v>
      </c>
      <c r="CE184" s="11">
        <v>-1.3393699999999999</v>
      </c>
      <c r="CF184" s="11">
        <v>0.89907599999999999</v>
      </c>
      <c r="CG184" s="11">
        <v>0</v>
      </c>
      <c r="CH184" s="20">
        <v>0.82726200000000005</v>
      </c>
      <c r="CI184" s="20">
        <v>1.0592900000000001</v>
      </c>
      <c r="CJ184" s="20">
        <v>0.75972799999999996</v>
      </c>
      <c r="CK184" s="20">
        <v>0.89820199999999994</v>
      </c>
      <c r="CL184" s="20">
        <v>1.3938200000000001</v>
      </c>
      <c r="CM184" s="20">
        <v>0.91544300000000001</v>
      </c>
      <c r="CN184" s="20">
        <v>0.77028700000000005</v>
      </c>
      <c r="CO184" s="20">
        <v>0.89395800000000003</v>
      </c>
      <c r="CP184" s="20">
        <v>1.3877999999999999</v>
      </c>
      <c r="CQ184" s="20">
        <v>1.6261000000000001</v>
      </c>
      <c r="CR184" s="20">
        <v>1.4732700000000001</v>
      </c>
      <c r="CS184" s="20">
        <v>1.81955</v>
      </c>
      <c r="CT184" s="20">
        <v>1.4827600000000001</v>
      </c>
      <c r="CU184" s="20">
        <v>2.2286800000000002</v>
      </c>
      <c r="CV184" s="20">
        <v>2.1948400000000001</v>
      </c>
      <c r="CW184" s="20">
        <v>2.1195599999999999</v>
      </c>
      <c r="CX184" s="20">
        <v>2.1793399999999998</v>
      </c>
      <c r="CY184" s="6" t="s">
        <v>408</v>
      </c>
      <c r="CZ184" s="6" t="s">
        <v>409</v>
      </c>
      <c r="DA184" s="6" t="s">
        <v>119</v>
      </c>
      <c r="DB184" s="6" t="s">
        <v>345</v>
      </c>
      <c r="DC184" s="6">
        <v>16020</v>
      </c>
      <c r="DD184" s="6">
        <v>164</v>
      </c>
      <c r="DE184" s="6" t="s">
        <v>412</v>
      </c>
      <c r="DF184" s="6" t="s">
        <v>375</v>
      </c>
      <c r="DG184" s="6" t="s">
        <v>376</v>
      </c>
      <c r="DH184" s="6" t="s">
        <v>328</v>
      </c>
      <c r="DI184" s="6" t="s">
        <v>413</v>
      </c>
      <c r="DJ184" s="6">
        <v>29</v>
      </c>
      <c r="DK184" s="6">
        <v>17</v>
      </c>
      <c r="DL184" s="6">
        <v>2</v>
      </c>
      <c r="DM184" s="6" t="s">
        <v>379</v>
      </c>
      <c r="DN184" s="6">
        <v>3</v>
      </c>
      <c r="DO184" s="6" t="s">
        <v>380</v>
      </c>
      <c r="DP184" s="6"/>
      <c r="DQ184" s="6"/>
    </row>
    <row r="185" spans="1:121" x14ac:dyDescent="0.2">
      <c r="A185" s="6" t="s">
        <v>312</v>
      </c>
      <c r="B185" s="6" t="s">
        <v>312</v>
      </c>
      <c r="C185" s="6" t="s">
        <v>175</v>
      </c>
      <c r="D185" s="6" t="s">
        <v>119</v>
      </c>
      <c r="E185" s="6" t="s">
        <v>260</v>
      </c>
      <c r="F185" s="11">
        <v>14</v>
      </c>
      <c r="G185" s="13">
        <v>6.19469026549E-2</v>
      </c>
      <c r="H185" s="11">
        <v>29.780886933999994</v>
      </c>
      <c r="I185" s="13">
        <v>0.13166118178109593</v>
      </c>
      <c r="J185" s="11">
        <v>60.253992389999979</v>
      </c>
      <c r="K185" s="13">
        <v>0.23539082471174519</v>
      </c>
      <c r="L185" s="11">
        <v>-76.587494701999987</v>
      </c>
      <c r="M185" s="13">
        <v>-0.2421905503163729</v>
      </c>
      <c r="N185" s="11">
        <v>-16.333502312000007</v>
      </c>
      <c r="O185" s="13">
        <v>-6.3809158980990141E-2</v>
      </c>
      <c r="P185" s="7">
        <v>226.19337401600001</v>
      </c>
      <c r="Q185" s="7">
        <v>205.004462907</v>
      </c>
      <c r="R185" s="7">
        <v>195.355651623</v>
      </c>
      <c r="S185" s="7">
        <v>233.20034894299999</v>
      </c>
      <c r="T185" s="7">
        <v>233.503189316</v>
      </c>
      <c r="U185" s="7">
        <v>257.490036288</v>
      </c>
      <c r="V185" s="7">
        <v>255.97426095</v>
      </c>
      <c r="W185" s="7">
        <v>239.53023499299999</v>
      </c>
      <c r="X185" s="7">
        <v>633.60780584899999</v>
      </c>
      <c r="Y185" s="7">
        <v>316.22825333999998</v>
      </c>
      <c r="Z185" s="7">
        <v>206.08205885500001</v>
      </c>
      <c r="AA185" s="7">
        <v>205.728265042</v>
      </c>
      <c r="AB185" s="7">
        <v>214.49802326400001</v>
      </c>
      <c r="AC185" s="7">
        <v>213.185995496</v>
      </c>
      <c r="AD185" s="7">
        <v>216.83656612999999</v>
      </c>
      <c r="AE185" s="7">
        <v>233.19916960099999</v>
      </c>
      <c r="AF185" s="7">
        <v>239.64075863799999</v>
      </c>
      <c r="AG185" s="9">
        <v>8995.2470893999998</v>
      </c>
      <c r="AH185" s="13">
        <v>0.38230471847856207</v>
      </c>
      <c r="AI185" s="9">
        <v>436.1158396000028</v>
      </c>
      <c r="AJ185" s="13">
        <v>1.8535248851451167E-2</v>
      </c>
      <c r="AK185" s="9">
        <v>22200.588939900001</v>
      </c>
      <c r="AL185" s="13">
        <v>0.92637108950913793</v>
      </c>
      <c r="AM185" s="9">
        <v>-13641.457690100004</v>
      </c>
      <c r="AN185" s="13">
        <v>-0.29548900517151883</v>
      </c>
      <c r="AO185" s="9">
        <v>8559.131249799997</v>
      </c>
      <c r="AP185" s="13">
        <v>0.35714961267890794</v>
      </c>
      <c r="AQ185" s="9">
        <v>23528.998347699999</v>
      </c>
      <c r="AR185" s="9">
        <v>23788.168385500001</v>
      </c>
      <c r="AS185" s="9">
        <v>23478.423368100001</v>
      </c>
      <c r="AT185" s="9">
        <v>23671.227694599998</v>
      </c>
      <c r="AU185" s="9">
        <v>23032.821731</v>
      </c>
      <c r="AV185" s="9">
        <v>23510.425505200001</v>
      </c>
      <c r="AW185" s="9">
        <v>23965.114187300002</v>
      </c>
      <c r="AX185" s="9">
        <v>26013.745396999999</v>
      </c>
      <c r="AY185" s="9">
        <v>77576.336865399993</v>
      </c>
      <c r="AZ185" s="9">
        <v>46165.703127200002</v>
      </c>
      <c r="BA185" s="9">
        <v>24434.339937799999</v>
      </c>
      <c r="BB185" s="9">
        <v>25151.095959400001</v>
      </c>
      <c r="BC185" s="9">
        <v>25436.269078000001</v>
      </c>
      <c r="BD185" s="9">
        <v>27280.391416099999</v>
      </c>
      <c r="BE185" s="9">
        <v>28438.704935199999</v>
      </c>
      <c r="BF185" s="9">
        <v>32524.245437099999</v>
      </c>
      <c r="BG185" s="11">
        <v>-13.75</v>
      </c>
      <c r="BH185" s="13">
        <v>-0.36184210526315791</v>
      </c>
      <c r="BI185" s="6">
        <v>0</v>
      </c>
      <c r="BJ185" s="13">
        <v>0</v>
      </c>
      <c r="BK185" s="6">
        <v>-7</v>
      </c>
      <c r="BL185" s="13">
        <v>-0.18421052631578946</v>
      </c>
      <c r="BM185" s="11">
        <v>-6.75</v>
      </c>
      <c r="BN185" s="13">
        <v>-0.21774193548387097</v>
      </c>
      <c r="BO185" s="11">
        <v>-13.75</v>
      </c>
      <c r="BP185" s="13">
        <v>-0.36184210526315791</v>
      </c>
      <c r="BQ185" s="6">
        <v>38</v>
      </c>
      <c r="BR185" s="6">
        <v>36</v>
      </c>
      <c r="BS185" s="6">
        <v>42</v>
      </c>
      <c r="BT185" s="6">
        <v>38</v>
      </c>
      <c r="BU185" s="6">
        <v>33</v>
      </c>
      <c r="BV185" s="6">
        <v>29</v>
      </c>
      <c r="BW185" s="6">
        <v>31</v>
      </c>
      <c r="BX185" s="6">
        <v>28</v>
      </c>
      <c r="BY185" s="6">
        <v>28</v>
      </c>
      <c r="BZ185" s="6">
        <v>26</v>
      </c>
      <c r="CA185" s="6">
        <v>25</v>
      </c>
      <c r="CB185" s="6">
        <v>25</v>
      </c>
      <c r="CC185" s="11">
        <v>24.25</v>
      </c>
      <c r="CD185" s="11">
        <v>16.119499999999999</v>
      </c>
      <c r="CE185" s="11">
        <v>-27.3978</v>
      </c>
      <c r="CF185" s="11">
        <v>24.7257</v>
      </c>
      <c r="CG185" s="11">
        <v>-2</v>
      </c>
      <c r="CH185" s="20">
        <v>1.56854</v>
      </c>
      <c r="CI185" s="20">
        <v>1.44418</v>
      </c>
      <c r="CJ185" s="20">
        <v>1.31351</v>
      </c>
      <c r="CK185" s="20">
        <v>1.5214000000000001</v>
      </c>
      <c r="CL185" s="20">
        <v>1.4983200000000001</v>
      </c>
      <c r="CM185" s="20">
        <v>1.60016</v>
      </c>
      <c r="CN185" s="20">
        <v>1.63914</v>
      </c>
      <c r="CO185" s="20">
        <v>1.6326799999999999</v>
      </c>
      <c r="CP185" s="20">
        <v>4.0510799999999998</v>
      </c>
      <c r="CQ185" s="20">
        <v>2.49749</v>
      </c>
      <c r="CR185" s="20">
        <v>1.73664</v>
      </c>
      <c r="CS185" s="20">
        <v>1.68465</v>
      </c>
      <c r="CT185" s="20">
        <v>1.79877</v>
      </c>
      <c r="CU185" s="20">
        <v>1.74735</v>
      </c>
      <c r="CV185" s="20">
        <v>1.75542</v>
      </c>
      <c r="CW185" s="20">
        <v>1.86114</v>
      </c>
      <c r="CX185" s="20">
        <v>1.8967099999999999</v>
      </c>
      <c r="CY185" s="6" t="s">
        <v>408</v>
      </c>
      <c r="CZ185" s="6" t="s">
        <v>409</v>
      </c>
      <c r="DA185" s="6" t="s">
        <v>119</v>
      </c>
      <c r="DB185" s="6" t="s">
        <v>345</v>
      </c>
      <c r="DC185" s="6">
        <v>16020</v>
      </c>
      <c r="DD185" s="6">
        <v>164</v>
      </c>
      <c r="DE185" s="6" t="s">
        <v>412</v>
      </c>
      <c r="DF185" s="6" t="s">
        <v>375</v>
      </c>
      <c r="DG185" s="6" t="s">
        <v>376</v>
      </c>
      <c r="DH185" s="6" t="s">
        <v>328</v>
      </c>
      <c r="DI185" s="6" t="s">
        <v>413</v>
      </c>
      <c r="DJ185" s="6">
        <v>29</v>
      </c>
      <c r="DK185" s="6">
        <v>17</v>
      </c>
      <c r="DL185" s="6">
        <v>2</v>
      </c>
      <c r="DM185" s="6" t="s">
        <v>379</v>
      </c>
      <c r="DN185" s="6">
        <v>3</v>
      </c>
      <c r="DO185" s="6" t="s">
        <v>380</v>
      </c>
      <c r="DP185" s="6"/>
      <c r="DQ185" s="6"/>
    </row>
    <row r="186" spans="1:121" x14ac:dyDescent="0.2">
      <c r="A186" s="6" t="s">
        <v>792</v>
      </c>
      <c r="B186" s="6" t="s">
        <v>176</v>
      </c>
      <c r="C186" s="6" t="s">
        <v>177</v>
      </c>
      <c r="D186" s="6" t="s">
        <v>119</v>
      </c>
      <c r="E186" s="6" t="s">
        <v>260</v>
      </c>
      <c r="F186" s="11">
        <v>-129</v>
      </c>
      <c r="G186" s="13">
        <v>-0.40952380952400003</v>
      </c>
      <c r="H186" s="11">
        <v>-95.826826453999985</v>
      </c>
      <c r="I186" s="13">
        <v>-0.3043589111912674</v>
      </c>
      <c r="J186" s="11">
        <v>-33.457448609000011</v>
      </c>
      <c r="K186" s="13">
        <v>-0.15275889547481275</v>
      </c>
      <c r="L186" s="11">
        <v>0.83386942999999292</v>
      </c>
      <c r="M186" s="13">
        <v>4.4937067202462091E-3</v>
      </c>
      <c r="N186" s="11">
        <v>-32.623579179000018</v>
      </c>
      <c r="O186" s="13">
        <v>-0.1489516424297391</v>
      </c>
      <c r="P186" s="7">
        <v>314.848105084</v>
      </c>
      <c r="Q186" s="7">
        <v>229.194876513</v>
      </c>
      <c r="R186" s="7">
        <v>288.14424301100001</v>
      </c>
      <c r="S186" s="7">
        <v>270.02665489600003</v>
      </c>
      <c r="T186" s="7">
        <v>248.28824915199999</v>
      </c>
      <c r="U186" s="7">
        <v>226.59870474900001</v>
      </c>
      <c r="V186" s="7">
        <v>219.02127863000001</v>
      </c>
      <c r="W186" s="7">
        <v>209.20474830800001</v>
      </c>
      <c r="X186" s="7">
        <v>178.27449347000001</v>
      </c>
      <c r="Y186" s="7">
        <v>185.563830021</v>
      </c>
      <c r="Z186" s="7">
        <v>178.32241408799999</v>
      </c>
      <c r="AA186" s="7">
        <v>171.57678178699999</v>
      </c>
      <c r="AB186" s="7">
        <v>177.90343800900001</v>
      </c>
      <c r="AC186" s="7">
        <v>188.19903585500001</v>
      </c>
      <c r="AD186" s="7">
        <v>192.03870439400001</v>
      </c>
      <c r="AE186" s="7">
        <v>183.74940421400001</v>
      </c>
      <c r="AF186" s="7">
        <v>186.39769945099999</v>
      </c>
      <c r="AG186" s="9">
        <v>13291.759321400001</v>
      </c>
      <c r="AH186" s="13">
        <v>0.69684117721079619</v>
      </c>
      <c r="AI186" s="9">
        <v>6365.3220517000009</v>
      </c>
      <c r="AJ186" s="13">
        <v>0.33371191913556797</v>
      </c>
      <c r="AK186" s="9">
        <v>2988.5801882000014</v>
      </c>
      <c r="AL186" s="13">
        <v>0.1174773706594152</v>
      </c>
      <c r="AM186" s="9">
        <v>3937.8570814999985</v>
      </c>
      <c r="AN186" s="13">
        <v>0.1385193730964604</v>
      </c>
      <c r="AO186" s="9">
        <v>6926.4372696999999</v>
      </c>
      <c r="AP186" s="13">
        <v>0.27226963549263833</v>
      </c>
      <c r="AQ186" s="9">
        <v>19074.302374899999</v>
      </c>
      <c r="AR186" s="9">
        <v>19971.114748799999</v>
      </c>
      <c r="AS186" s="9">
        <v>20443.972807400001</v>
      </c>
      <c r="AT186" s="9">
        <v>20851.737004099999</v>
      </c>
      <c r="AU186" s="9">
        <v>24848.788827199998</v>
      </c>
      <c r="AV186" s="9">
        <v>23486.3906494</v>
      </c>
      <c r="AW186" s="9">
        <v>25439.624426599999</v>
      </c>
      <c r="AX186" s="9">
        <v>25572.3087404</v>
      </c>
      <c r="AY186" s="9">
        <v>26766.142330999999</v>
      </c>
      <c r="AZ186" s="9">
        <v>28428.204614800001</v>
      </c>
      <c r="BA186" s="9">
        <v>28478.704589699999</v>
      </c>
      <c r="BB186" s="9">
        <v>28750.555627999998</v>
      </c>
      <c r="BC186" s="9">
        <v>28789.0936057</v>
      </c>
      <c r="BD186" s="9">
        <v>30058.525647099999</v>
      </c>
      <c r="BE186" s="9">
        <v>29723.599423899999</v>
      </c>
      <c r="BF186" s="9">
        <v>32366.061696299999</v>
      </c>
      <c r="BG186" s="11">
        <v>-7</v>
      </c>
      <c r="BH186" s="13">
        <v>-0.36842105263157893</v>
      </c>
      <c r="BI186" s="6">
        <v>0</v>
      </c>
      <c r="BJ186" s="13">
        <v>0</v>
      </c>
      <c r="BK186" s="6">
        <v>-4</v>
      </c>
      <c r="BL186" s="13">
        <v>-0.21052631578947367</v>
      </c>
      <c r="BM186" s="11">
        <v>-3</v>
      </c>
      <c r="BN186" s="13">
        <v>-0.2</v>
      </c>
      <c r="BO186" s="11">
        <v>-7</v>
      </c>
      <c r="BP186" s="13">
        <v>-0.36842105263157893</v>
      </c>
      <c r="BQ186" s="6">
        <v>19</v>
      </c>
      <c r="BR186" s="6">
        <v>21</v>
      </c>
      <c r="BS186" s="6">
        <v>21</v>
      </c>
      <c r="BT186" s="6">
        <v>19</v>
      </c>
      <c r="BU186" s="6">
        <v>16</v>
      </c>
      <c r="BV186" s="6">
        <v>15</v>
      </c>
      <c r="BW186" s="6">
        <v>15</v>
      </c>
      <c r="BX186" s="6">
        <v>15</v>
      </c>
      <c r="BY186" s="6">
        <v>14</v>
      </c>
      <c r="BZ186" s="6">
        <v>12</v>
      </c>
      <c r="CA186" s="6">
        <v>14</v>
      </c>
      <c r="CB186" s="6">
        <v>13</v>
      </c>
      <c r="CC186" s="11">
        <v>12</v>
      </c>
      <c r="CD186" s="11">
        <v>-51.732700000000001</v>
      </c>
      <c r="CE186" s="11">
        <v>-111.134</v>
      </c>
      <c r="CF186" s="11">
        <v>34.416699999999999</v>
      </c>
      <c r="CG186" s="11">
        <v>-77</v>
      </c>
      <c r="CH186" s="20">
        <v>1.1404399999999999</v>
      </c>
      <c r="CI186" s="20">
        <v>0.90126300000000004</v>
      </c>
      <c r="CJ186" s="20">
        <v>1.15602</v>
      </c>
      <c r="CK186" s="20">
        <v>1.1133599999999999</v>
      </c>
      <c r="CL186" s="20">
        <v>1.0602799999999999</v>
      </c>
      <c r="CM186" s="20">
        <v>0.98228199999999999</v>
      </c>
      <c r="CN186" s="20">
        <v>0.99046699999999999</v>
      </c>
      <c r="CO186" s="20">
        <v>0.98527799999999999</v>
      </c>
      <c r="CP186" s="20">
        <v>0.77593999999999996</v>
      </c>
      <c r="CQ186" s="20">
        <v>0.94379400000000002</v>
      </c>
      <c r="CR186" s="20">
        <v>0.93891400000000003</v>
      </c>
      <c r="CS186" s="20">
        <v>0.87156100000000003</v>
      </c>
      <c r="CT186" s="20">
        <v>0.94003700000000001</v>
      </c>
      <c r="CU186" s="20">
        <v>0.99577700000000002</v>
      </c>
      <c r="CV186" s="20">
        <v>1.0317099999999999</v>
      </c>
      <c r="CW186" s="20">
        <v>0.99442699999999995</v>
      </c>
      <c r="CX186" s="20">
        <v>1.00684</v>
      </c>
      <c r="CY186" s="6" t="s">
        <v>408</v>
      </c>
      <c r="CZ186" s="6" t="s">
        <v>409</v>
      </c>
      <c r="DA186" s="6" t="s">
        <v>119</v>
      </c>
      <c r="DB186" s="6" t="s">
        <v>345</v>
      </c>
      <c r="DC186" s="6">
        <v>16020</v>
      </c>
      <c r="DD186" s="6">
        <v>164</v>
      </c>
      <c r="DE186" s="6" t="s">
        <v>412</v>
      </c>
      <c r="DF186" s="6" t="s">
        <v>375</v>
      </c>
      <c r="DG186" s="6" t="s">
        <v>376</v>
      </c>
      <c r="DH186" s="6" t="s">
        <v>328</v>
      </c>
      <c r="DI186" s="6" t="s">
        <v>413</v>
      </c>
      <c r="DJ186" s="6">
        <v>29</v>
      </c>
      <c r="DK186" s="6">
        <v>17</v>
      </c>
      <c r="DL186" s="6">
        <v>2</v>
      </c>
      <c r="DM186" s="6" t="s">
        <v>379</v>
      </c>
      <c r="DN186" s="6">
        <v>3</v>
      </c>
      <c r="DO186" s="6" t="s">
        <v>380</v>
      </c>
      <c r="DP186" s="6"/>
      <c r="DQ186" s="6"/>
    </row>
    <row r="187" spans="1:121" x14ac:dyDescent="0.2">
      <c r="A187" s="6" t="s">
        <v>313</v>
      </c>
      <c r="B187" s="6" t="s">
        <v>313</v>
      </c>
      <c r="C187" s="6" t="s">
        <v>178</v>
      </c>
      <c r="D187" s="6" t="s">
        <v>119</v>
      </c>
      <c r="E187" s="6" t="s">
        <v>260</v>
      </c>
      <c r="F187" s="11">
        <v>6</v>
      </c>
      <c r="G187" s="13">
        <v>5.0420168067199997E-2</v>
      </c>
      <c r="H187" s="11">
        <v>-3.3768444039999963</v>
      </c>
      <c r="I187" s="13">
        <v>-2.8491456483077927E-2</v>
      </c>
      <c r="J187" s="11">
        <v>-2.4896850929999914</v>
      </c>
      <c r="K187" s="13">
        <v>-2.1622275458891085E-2</v>
      </c>
      <c r="L187" s="11">
        <v>12.697985889999998</v>
      </c>
      <c r="M187" s="13">
        <v>0.11271592015023324</v>
      </c>
      <c r="N187" s="11">
        <v>10.208300797000007</v>
      </c>
      <c r="O187" s="13">
        <v>8.8656470017251424E-2</v>
      </c>
      <c r="P187" s="7">
        <v>118.52129798999999</v>
      </c>
      <c r="Q187" s="7">
        <v>108.544513947</v>
      </c>
      <c r="R187" s="7">
        <v>103.146972897</v>
      </c>
      <c r="S187" s="7">
        <v>109.119050813</v>
      </c>
      <c r="T187" s="7">
        <v>113.43713151599999</v>
      </c>
      <c r="U187" s="7">
        <v>125.156122221</v>
      </c>
      <c r="V187" s="7">
        <v>115.144453586</v>
      </c>
      <c r="W187" s="7">
        <v>115.894354881</v>
      </c>
      <c r="X187" s="7">
        <v>108.717717638</v>
      </c>
      <c r="Y187" s="7">
        <v>112.65476849300001</v>
      </c>
      <c r="Z187" s="7">
        <v>113.10389957300001</v>
      </c>
      <c r="AA187" s="7">
        <v>110.787988571</v>
      </c>
      <c r="AB187" s="7">
        <v>109.505777057</v>
      </c>
      <c r="AC187" s="7">
        <v>116.90797697799999</v>
      </c>
      <c r="AD187" s="7">
        <v>116.835965225</v>
      </c>
      <c r="AE187" s="7">
        <v>121.29045879</v>
      </c>
      <c r="AF187" s="7">
        <v>125.352754383</v>
      </c>
      <c r="AG187" s="9">
        <v>35089.694792099996</v>
      </c>
      <c r="AH187" s="13">
        <v>0.89198784796223518</v>
      </c>
      <c r="AI187" s="9">
        <v>15508.079964800003</v>
      </c>
      <c r="AJ187" s="13">
        <v>0.39421884276242097</v>
      </c>
      <c r="AK187" s="9">
        <v>-295.16974800000025</v>
      </c>
      <c r="AL187" s="13">
        <v>-5.3817094059817041E-3</v>
      </c>
      <c r="AM187" s="9">
        <v>19876.784575299993</v>
      </c>
      <c r="AN187" s="13">
        <v>0.36436620433817574</v>
      </c>
      <c r="AO187" s="9">
        <v>19581.614827299993</v>
      </c>
      <c r="AP187" s="13">
        <v>0.35702358190308542</v>
      </c>
      <c r="AQ187" s="9">
        <v>39338.7587872</v>
      </c>
      <c r="AR187" s="9">
        <v>43744.515427999999</v>
      </c>
      <c r="AS187" s="9">
        <v>46640.534608200003</v>
      </c>
      <c r="AT187" s="9">
        <v>50131.436941599997</v>
      </c>
      <c r="AU187" s="9">
        <v>53320.794562000003</v>
      </c>
      <c r="AV187" s="9">
        <v>51875.300494299998</v>
      </c>
      <c r="AW187" s="9">
        <v>54846.838752000003</v>
      </c>
      <c r="AX187" s="9">
        <v>57104.620821700002</v>
      </c>
      <c r="AY187" s="9">
        <v>58740.355126299997</v>
      </c>
      <c r="AZ187" s="9">
        <v>54551.669004000003</v>
      </c>
      <c r="BA187" s="9">
        <v>58452.504598599997</v>
      </c>
      <c r="BB187" s="9">
        <v>61555.392126600003</v>
      </c>
      <c r="BC187" s="9">
        <v>61844.470945200002</v>
      </c>
      <c r="BD187" s="9">
        <v>63799.530006300003</v>
      </c>
      <c r="BE187" s="9">
        <v>68641.2999652</v>
      </c>
      <c r="BF187" s="9">
        <v>74428.453579299996</v>
      </c>
      <c r="BG187" s="11">
        <v>-0.25</v>
      </c>
      <c r="BH187" s="13">
        <v>-1.7857142857142856E-2</v>
      </c>
      <c r="BI187" s="6">
        <v>3</v>
      </c>
      <c r="BJ187" s="13">
        <v>0.21428571428571427</v>
      </c>
      <c r="BK187" s="6">
        <v>-3</v>
      </c>
      <c r="BL187" s="13">
        <v>-0.17647058823529413</v>
      </c>
      <c r="BM187" s="11">
        <v>-0.25</v>
      </c>
      <c r="BN187" s="13">
        <v>-1.7857142857142856E-2</v>
      </c>
      <c r="BO187" s="11">
        <v>-3.25</v>
      </c>
      <c r="BP187" s="13">
        <v>-0.19117647058823528</v>
      </c>
      <c r="BQ187" s="6">
        <v>14</v>
      </c>
      <c r="BR187" s="6">
        <v>14</v>
      </c>
      <c r="BS187" s="6">
        <v>17</v>
      </c>
      <c r="BT187" s="6">
        <v>17</v>
      </c>
      <c r="BU187" s="6">
        <v>16</v>
      </c>
      <c r="BV187" s="6">
        <v>16</v>
      </c>
      <c r="BW187" s="6">
        <v>14</v>
      </c>
      <c r="BX187" s="6">
        <v>13</v>
      </c>
      <c r="BY187" s="6">
        <v>14</v>
      </c>
      <c r="BZ187" s="6">
        <v>15</v>
      </c>
      <c r="CA187" s="6">
        <v>15</v>
      </c>
      <c r="CB187" s="6">
        <v>15</v>
      </c>
      <c r="CC187" s="11">
        <v>13.75</v>
      </c>
      <c r="CD187" s="11">
        <v>3.56684</v>
      </c>
      <c r="CE187" s="11">
        <v>-9.6911900000000006</v>
      </c>
      <c r="CF187" s="11">
        <v>12.9558</v>
      </c>
      <c r="CG187" s="11">
        <v>3</v>
      </c>
      <c r="CH187" s="20">
        <v>1.2056500000000001</v>
      </c>
      <c r="CI187" s="20">
        <v>1.1384700000000001</v>
      </c>
      <c r="CJ187" s="20">
        <v>1.05511</v>
      </c>
      <c r="CK187" s="20">
        <v>1.11999</v>
      </c>
      <c r="CL187" s="20">
        <v>1.17727</v>
      </c>
      <c r="CM187" s="20">
        <v>1.28288</v>
      </c>
      <c r="CN187" s="20">
        <v>1.1876800000000001</v>
      </c>
      <c r="CO187" s="20">
        <v>1.21305</v>
      </c>
      <c r="CP187" s="20">
        <v>0.99410799999999999</v>
      </c>
      <c r="CQ187" s="20">
        <v>1.19173</v>
      </c>
      <c r="CR187" s="20">
        <v>1.24407</v>
      </c>
      <c r="CS187" s="20">
        <v>1.17428</v>
      </c>
      <c r="CT187" s="20">
        <v>1.20051</v>
      </c>
      <c r="CU187" s="20">
        <v>1.2849999999999999</v>
      </c>
      <c r="CV187" s="20">
        <v>1.3048</v>
      </c>
      <c r="CW187" s="20">
        <v>1.3680099999999999</v>
      </c>
      <c r="CX187" s="20">
        <v>1.3996500000000001</v>
      </c>
      <c r="CY187" s="6" t="s">
        <v>408</v>
      </c>
      <c r="CZ187" s="6" t="s">
        <v>409</v>
      </c>
      <c r="DA187" s="6" t="s">
        <v>119</v>
      </c>
      <c r="DB187" s="6" t="s">
        <v>345</v>
      </c>
      <c r="DC187" s="6">
        <v>16020</v>
      </c>
      <c r="DD187" s="6">
        <v>164</v>
      </c>
      <c r="DE187" s="6" t="s">
        <v>412</v>
      </c>
      <c r="DF187" s="6" t="s">
        <v>375</v>
      </c>
      <c r="DG187" s="6" t="s">
        <v>376</v>
      </c>
      <c r="DH187" s="6" t="s">
        <v>328</v>
      </c>
      <c r="DI187" s="6" t="s">
        <v>413</v>
      </c>
      <c r="DJ187" s="6">
        <v>29</v>
      </c>
      <c r="DK187" s="6">
        <v>17</v>
      </c>
      <c r="DL187" s="6">
        <v>2</v>
      </c>
      <c r="DM187" s="6" t="s">
        <v>379</v>
      </c>
      <c r="DN187" s="6">
        <v>3</v>
      </c>
      <c r="DO187" s="6" t="s">
        <v>380</v>
      </c>
      <c r="DP187" s="6"/>
      <c r="DQ187" s="6"/>
    </row>
    <row r="188" spans="1:121" x14ac:dyDescent="0.2">
      <c r="A188" s="6" t="s">
        <v>793</v>
      </c>
      <c r="B188" s="6" t="s">
        <v>179</v>
      </c>
      <c r="C188" s="6" t="s">
        <v>180</v>
      </c>
      <c r="D188" s="6" t="s">
        <v>119</v>
      </c>
      <c r="E188" s="6" t="s">
        <v>260</v>
      </c>
      <c r="F188" s="11">
        <v>-56</v>
      </c>
      <c r="G188" s="13">
        <v>-0.16</v>
      </c>
      <c r="H188" s="11">
        <v>-67</v>
      </c>
      <c r="I188" s="13">
        <v>-0.19252873563218387</v>
      </c>
      <c r="J188" s="11">
        <v>6</v>
      </c>
      <c r="K188" s="13">
        <v>2.1352313167259787E-2</v>
      </c>
      <c r="L188" s="11">
        <v>5</v>
      </c>
      <c r="M188" s="13">
        <v>1.7421602787456445E-2</v>
      </c>
      <c r="N188" s="11">
        <v>11</v>
      </c>
      <c r="O188" s="13">
        <v>3.9145907473309607E-2</v>
      </c>
      <c r="P188" s="7">
        <v>348</v>
      </c>
      <c r="Q188" s="7">
        <v>364</v>
      </c>
      <c r="R188" s="7">
        <v>335</v>
      </c>
      <c r="S188" s="7">
        <v>300</v>
      </c>
      <c r="T188" s="7">
        <v>289</v>
      </c>
      <c r="U188" s="7">
        <v>285</v>
      </c>
      <c r="V188" s="7">
        <v>281</v>
      </c>
      <c r="W188" s="7">
        <v>276</v>
      </c>
      <c r="X188" s="7">
        <v>293</v>
      </c>
      <c r="Y188" s="7">
        <v>287</v>
      </c>
      <c r="Z188" s="7">
        <v>287</v>
      </c>
      <c r="AA188" s="7">
        <v>285</v>
      </c>
      <c r="AB188" s="7">
        <v>279</v>
      </c>
      <c r="AC188" s="7">
        <v>289</v>
      </c>
      <c r="AD188" s="7">
        <v>287</v>
      </c>
      <c r="AE188" s="7">
        <v>290</v>
      </c>
      <c r="AF188" s="7">
        <v>292</v>
      </c>
      <c r="AG188" s="9">
        <v>6174</v>
      </c>
      <c r="AH188" s="13">
        <v>0.35476641958283056</v>
      </c>
      <c r="AI188" s="9">
        <v>3984</v>
      </c>
      <c r="AJ188" s="13">
        <v>0.22892604723323565</v>
      </c>
      <c r="AK188" s="9">
        <v>210</v>
      </c>
      <c r="AL188" s="13">
        <v>9.8190489549726465E-3</v>
      </c>
      <c r="AM188" s="9">
        <v>1980</v>
      </c>
      <c r="AN188" s="13">
        <v>9.1679399916655094E-2</v>
      </c>
      <c r="AO188" s="9">
        <v>2190</v>
      </c>
      <c r="AP188" s="13">
        <v>0.10239865338757188</v>
      </c>
      <c r="AQ188" s="9">
        <v>17403</v>
      </c>
      <c r="AR188" s="9">
        <v>17179</v>
      </c>
      <c r="AS188" s="9">
        <v>17629</v>
      </c>
      <c r="AT188" s="9">
        <v>19975</v>
      </c>
      <c r="AU188" s="9">
        <v>19942</v>
      </c>
      <c r="AV188" s="9">
        <v>20011</v>
      </c>
      <c r="AW188" s="9">
        <v>21387</v>
      </c>
      <c r="AX188" s="9">
        <v>20738</v>
      </c>
      <c r="AY188" s="9">
        <v>20493</v>
      </c>
      <c r="AZ188" s="9">
        <v>21597</v>
      </c>
      <c r="BA188" s="9">
        <v>21988</v>
      </c>
      <c r="BB188" s="9">
        <v>22207</v>
      </c>
      <c r="BC188" s="9">
        <v>23331</v>
      </c>
      <c r="BD188" s="9">
        <v>22740</v>
      </c>
      <c r="BE188" s="9">
        <v>23812</v>
      </c>
      <c r="BF188" s="9">
        <v>23577</v>
      </c>
      <c r="BG188" s="11">
        <v>-7</v>
      </c>
      <c r="BH188" s="13">
        <v>-0.21212121212121213</v>
      </c>
      <c r="BI188" s="6">
        <v>-5</v>
      </c>
      <c r="BJ188" s="13">
        <v>-0.15151515151515152</v>
      </c>
      <c r="BK188" s="6">
        <v>-7</v>
      </c>
      <c r="BL188" s="13">
        <v>-0.25</v>
      </c>
      <c r="BM188" s="11">
        <v>5</v>
      </c>
      <c r="BN188" s="13">
        <v>0.23809523809523808</v>
      </c>
      <c r="BO188" s="11">
        <v>-2</v>
      </c>
      <c r="BP188" s="13">
        <v>-7.1428571428571425E-2</v>
      </c>
      <c r="BQ188" s="6">
        <v>33</v>
      </c>
      <c r="BR188" s="6">
        <v>27</v>
      </c>
      <c r="BS188" s="6">
        <v>27</v>
      </c>
      <c r="BT188" s="6">
        <v>28</v>
      </c>
      <c r="BU188" s="6">
        <v>24</v>
      </c>
      <c r="BV188" s="6">
        <v>22</v>
      </c>
      <c r="BW188" s="6">
        <v>21</v>
      </c>
      <c r="BX188" s="6">
        <v>22</v>
      </c>
      <c r="BY188" s="6">
        <v>25</v>
      </c>
      <c r="BZ188" s="6">
        <v>25</v>
      </c>
      <c r="CA188" s="6">
        <v>24</v>
      </c>
      <c r="CB188" s="6">
        <v>25</v>
      </c>
      <c r="CC188" s="11">
        <v>26</v>
      </c>
      <c r="CD188" s="11">
        <v>-71</v>
      </c>
      <c r="CE188" s="11">
        <v>-22</v>
      </c>
      <c r="CF188" s="11">
        <v>38</v>
      </c>
      <c r="CG188" s="11">
        <v>16</v>
      </c>
      <c r="CH188" s="20">
        <v>1.32</v>
      </c>
      <c r="CI188" s="20">
        <v>1.4</v>
      </c>
      <c r="CJ188" s="20">
        <v>1.26</v>
      </c>
      <c r="CK188" s="20">
        <v>1.1299999999999999</v>
      </c>
      <c r="CL188" s="20">
        <v>1.1100000000000001</v>
      </c>
      <c r="CM188" s="20">
        <v>1.1000000000000001</v>
      </c>
      <c r="CN188" s="20">
        <v>1.1000000000000001</v>
      </c>
      <c r="CO188" s="20">
        <v>1.1100000000000001</v>
      </c>
      <c r="CP188" s="20">
        <v>1.01</v>
      </c>
      <c r="CQ188" s="20">
        <v>1.1299999999999999</v>
      </c>
      <c r="CR188" s="20">
        <v>1.17</v>
      </c>
      <c r="CS188" s="20">
        <v>1.1299999999999999</v>
      </c>
      <c r="CT188" s="20">
        <v>1.1499999999999999</v>
      </c>
      <c r="CU188" s="20">
        <v>1.18</v>
      </c>
      <c r="CV188" s="20">
        <v>1.18</v>
      </c>
      <c r="CW188" s="20">
        <v>1.2</v>
      </c>
      <c r="CX188" s="20">
        <v>1.19</v>
      </c>
      <c r="CY188" s="6" t="s">
        <v>408</v>
      </c>
      <c r="CZ188" s="6" t="s">
        <v>409</v>
      </c>
      <c r="DA188" s="6" t="s">
        <v>119</v>
      </c>
      <c r="DB188" s="6" t="s">
        <v>345</v>
      </c>
      <c r="DC188" s="6">
        <v>16020</v>
      </c>
      <c r="DD188" s="6">
        <v>164</v>
      </c>
      <c r="DE188" s="6" t="s">
        <v>412</v>
      </c>
      <c r="DF188" s="6" t="s">
        <v>375</v>
      </c>
      <c r="DG188" s="6" t="s">
        <v>376</v>
      </c>
      <c r="DH188" s="6" t="s">
        <v>328</v>
      </c>
      <c r="DI188" s="6" t="s">
        <v>413</v>
      </c>
      <c r="DJ188" s="6">
        <v>29</v>
      </c>
      <c r="DK188" s="6">
        <v>17</v>
      </c>
      <c r="DL188" s="6">
        <v>2</v>
      </c>
      <c r="DM188" s="6" t="s">
        <v>379</v>
      </c>
      <c r="DN188" s="6">
        <v>3</v>
      </c>
      <c r="DO188" s="6" t="s">
        <v>380</v>
      </c>
      <c r="DP188" s="6"/>
      <c r="DQ188" s="6"/>
    </row>
    <row r="189" spans="1:121" x14ac:dyDescent="0.2">
      <c r="A189" s="6" t="s">
        <v>794</v>
      </c>
      <c r="B189" s="6" t="s">
        <v>181</v>
      </c>
      <c r="C189" s="6" t="s">
        <v>182</v>
      </c>
      <c r="D189" s="6" t="s">
        <v>119</v>
      </c>
      <c r="E189" s="6" t="s">
        <v>260</v>
      </c>
      <c r="F189" s="11">
        <v>-28</v>
      </c>
      <c r="G189" s="13">
        <v>-0.30107526881699997</v>
      </c>
      <c r="H189" s="11">
        <v>-10.264901092499997</v>
      </c>
      <c r="I189" s="13">
        <v>-0.11078077059302674</v>
      </c>
      <c r="J189" s="11">
        <v>-29.530419750900002</v>
      </c>
      <c r="K189" s="13">
        <v>-0.3584019691227463</v>
      </c>
      <c r="L189" s="11">
        <v>11.677644068400006</v>
      </c>
      <c r="M189" s="13">
        <v>0.22089860765363131</v>
      </c>
      <c r="N189" s="11">
        <v>-17.852775682499995</v>
      </c>
      <c r="O189" s="13">
        <v>-0.21667385742864939</v>
      </c>
      <c r="P189" s="7">
        <v>92.659592793499996</v>
      </c>
      <c r="Q189" s="7">
        <v>89.881332532000002</v>
      </c>
      <c r="R189" s="7">
        <v>91.917233218700005</v>
      </c>
      <c r="S189" s="7">
        <v>92.464870368800007</v>
      </c>
      <c r="T189" s="7">
        <v>86.625259518799993</v>
      </c>
      <c r="U189" s="7">
        <v>87.448186376300001</v>
      </c>
      <c r="V189" s="7">
        <v>82.394691700999999</v>
      </c>
      <c r="W189" s="7">
        <v>73.123726097200006</v>
      </c>
      <c r="X189" s="7">
        <v>71.611500278999998</v>
      </c>
      <c r="Y189" s="7">
        <v>52.864271950099997</v>
      </c>
      <c r="Z189" s="7">
        <v>59.302211670600002</v>
      </c>
      <c r="AA189" s="7">
        <v>56.527778802</v>
      </c>
      <c r="AB189" s="7">
        <v>62.046947638299997</v>
      </c>
      <c r="AC189" s="7">
        <v>56.536291637300003</v>
      </c>
      <c r="AD189" s="7">
        <v>61.633245005900001</v>
      </c>
      <c r="AE189" s="7">
        <v>63.990432080700003</v>
      </c>
      <c r="AF189" s="7">
        <v>64.541916018500004</v>
      </c>
      <c r="AG189" s="9">
        <v>16618.126900700001</v>
      </c>
      <c r="AH189" s="13">
        <v>0.53319094606769768</v>
      </c>
      <c r="AI189" s="9">
        <v>6286.4191464000032</v>
      </c>
      <c r="AJ189" s="13">
        <v>0.20169913204272841</v>
      </c>
      <c r="AK189" s="9">
        <v>4452.6898080999963</v>
      </c>
      <c r="AL189" s="13">
        <v>0.1188850895327144</v>
      </c>
      <c r="AM189" s="9">
        <v>5879.0179462000015</v>
      </c>
      <c r="AN189" s="13">
        <v>0.14028920275094581</v>
      </c>
      <c r="AO189" s="9">
        <v>10331.707754299998</v>
      </c>
      <c r="AP189" s="13">
        <v>0.27585258671317953</v>
      </c>
      <c r="AQ189" s="9">
        <v>31167.3088661</v>
      </c>
      <c r="AR189" s="9">
        <v>32939.275418199999</v>
      </c>
      <c r="AS189" s="9">
        <v>32864.712019999999</v>
      </c>
      <c r="AT189" s="9">
        <v>33879.390937700002</v>
      </c>
      <c r="AU189" s="9">
        <v>32793.725141299998</v>
      </c>
      <c r="AV189" s="9">
        <v>34019.963128800002</v>
      </c>
      <c r="AW189" s="9">
        <v>37453.728012500003</v>
      </c>
      <c r="AX189" s="9">
        <v>37548.5985659</v>
      </c>
      <c r="AY189" s="9">
        <v>38064.996797799999</v>
      </c>
      <c r="AZ189" s="9">
        <v>41906.4178206</v>
      </c>
      <c r="BA189" s="9">
        <v>41213.146677299999</v>
      </c>
      <c r="BB189" s="9">
        <v>48526.946215299999</v>
      </c>
      <c r="BC189" s="9">
        <v>42420.731030499999</v>
      </c>
      <c r="BD189" s="9">
        <v>43921.784535500003</v>
      </c>
      <c r="BE189" s="9">
        <v>47189.1304476</v>
      </c>
      <c r="BF189" s="9">
        <v>47785.435766800001</v>
      </c>
      <c r="BG189" s="11">
        <v>-7</v>
      </c>
      <c r="BH189" s="13">
        <v>-0.46666666666666667</v>
      </c>
      <c r="BI189" s="6">
        <v>1</v>
      </c>
      <c r="BJ189" s="13">
        <v>6.6666666666666666E-2</v>
      </c>
      <c r="BK189" s="6">
        <v>-4</v>
      </c>
      <c r="BL189" s="13">
        <v>-0.25</v>
      </c>
      <c r="BM189" s="11">
        <v>-4</v>
      </c>
      <c r="BN189" s="13">
        <v>-0.33333333333333331</v>
      </c>
      <c r="BO189" s="11">
        <v>-8</v>
      </c>
      <c r="BP189" s="13">
        <v>-0.5</v>
      </c>
      <c r="BQ189" s="6">
        <v>15</v>
      </c>
      <c r="BR189" s="6">
        <v>19</v>
      </c>
      <c r="BS189" s="6">
        <v>15</v>
      </c>
      <c r="BT189" s="6">
        <v>16</v>
      </c>
      <c r="BU189" s="6">
        <v>11</v>
      </c>
      <c r="BV189" s="6">
        <v>11</v>
      </c>
      <c r="BW189" s="6">
        <v>12</v>
      </c>
      <c r="BX189" s="6">
        <v>10</v>
      </c>
      <c r="BY189" s="6">
        <v>12</v>
      </c>
      <c r="BZ189" s="6">
        <v>12</v>
      </c>
      <c r="CA189" s="6">
        <v>10</v>
      </c>
      <c r="CB189" s="6">
        <v>9</v>
      </c>
      <c r="CC189" s="11">
        <v>8</v>
      </c>
      <c r="CD189" s="11">
        <v>-44.0869</v>
      </c>
      <c r="CE189" s="11">
        <v>5.8403700000000001</v>
      </c>
      <c r="CF189" s="11">
        <v>10.1288</v>
      </c>
      <c r="CG189" s="11">
        <v>16</v>
      </c>
      <c r="CH189" s="20">
        <v>1.1907099999999999</v>
      </c>
      <c r="CI189" s="20">
        <v>1.2010000000000001</v>
      </c>
      <c r="CJ189" s="20">
        <v>1.2003600000000001</v>
      </c>
      <c r="CK189" s="20">
        <v>1.19994</v>
      </c>
      <c r="CL189" s="20">
        <v>1.1298699999999999</v>
      </c>
      <c r="CM189" s="20">
        <v>1.1233</v>
      </c>
      <c r="CN189" s="20">
        <v>1.0627500000000001</v>
      </c>
      <c r="CO189" s="20">
        <v>0.95718899999999996</v>
      </c>
      <c r="CP189" s="20">
        <v>0.81652599999999997</v>
      </c>
      <c r="CQ189" s="20">
        <v>0.69313400000000003</v>
      </c>
      <c r="CR189" s="20">
        <v>0.79799200000000003</v>
      </c>
      <c r="CS189" s="20">
        <v>0.73013300000000003</v>
      </c>
      <c r="CT189" s="20">
        <v>0.82394699999999998</v>
      </c>
      <c r="CU189" s="20">
        <v>0.73594599999999999</v>
      </c>
      <c r="CV189" s="20">
        <v>0.78724899999999998</v>
      </c>
      <c r="CW189" s="20">
        <v>0.80437999999999998</v>
      </c>
      <c r="CX189" s="20">
        <v>0.797933</v>
      </c>
      <c r="CY189" s="6" t="s">
        <v>408</v>
      </c>
      <c r="CZ189" s="6" t="s">
        <v>409</v>
      </c>
      <c r="DA189" s="6" t="s">
        <v>119</v>
      </c>
      <c r="DB189" s="6" t="s">
        <v>345</v>
      </c>
      <c r="DC189" s="6">
        <v>16020</v>
      </c>
      <c r="DD189" s="6">
        <v>164</v>
      </c>
      <c r="DE189" s="6" t="s">
        <v>412</v>
      </c>
      <c r="DF189" s="6" t="s">
        <v>375</v>
      </c>
      <c r="DG189" s="6" t="s">
        <v>376</v>
      </c>
      <c r="DH189" s="6" t="s">
        <v>328</v>
      </c>
      <c r="DI189" s="6" t="s">
        <v>413</v>
      </c>
      <c r="DJ189" s="6">
        <v>29</v>
      </c>
      <c r="DK189" s="6">
        <v>17</v>
      </c>
      <c r="DL189" s="6">
        <v>2</v>
      </c>
      <c r="DM189" s="6" t="s">
        <v>379</v>
      </c>
      <c r="DN189" s="6">
        <v>3</v>
      </c>
      <c r="DO189" s="6" t="s">
        <v>380</v>
      </c>
      <c r="DP189" s="6"/>
      <c r="DQ189" s="6"/>
    </row>
    <row r="190" spans="1:121" x14ac:dyDescent="0.2">
      <c r="A190" s="6" t="s">
        <v>314</v>
      </c>
      <c r="B190" s="6" t="s">
        <v>314</v>
      </c>
      <c r="C190" s="6" t="s">
        <v>183</v>
      </c>
      <c r="D190" s="6" t="s">
        <v>119</v>
      </c>
      <c r="E190" s="6" t="s">
        <v>260</v>
      </c>
      <c r="F190" s="11">
        <v>-11</v>
      </c>
      <c r="G190" s="13">
        <v>-0.45833333333300003</v>
      </c>
      <c r="H190" s="11">
        <v>-19.436194878399998</v>
      </c>
      <c r="I190" s="13">
        <v>-0.79538549169045669</v>
      </c>
      <c r="J190" s="11">
        <v>9.2053010000000004</v>
      </c>
      <c r="K190" s="13">
        <v>1.8410602</v>
      </c>
      <c r="L190" s="11">
        <v>-1.6229703367999999</v>
      </c>
      <c r="M190" s="13">
        <v>-0.1142510346524864</v>
      </c>
      <c r="N190" s="11">
        <v>7.5823306632000005</v>
      </c>
      <c r="O190" s="13">
        <v>1.5164661326400002</v>
      </c>
      <c r="P190" s="7">
        <v>24.436194878399998</v>
      </c>
      <c r="Q190" s="7">
        <v>21.203809212900001</v>
      </c>
      <c r="R190" s="7">
        <v>21.380009303800001</v>
      </c>
      <c r="S190" s="7">
        <v>15.228135</v>
      </c>
      <c r="T190" s="7">
        <v>14.400252999999999</v>
      </c>
      <c r="U190" s="7">
        <v>12.852088999999999</v>
      </c>
      <c r="V190" s="7">
        <v>5</v>
      </c>
      <c r="W190" s="7">
        <v>5</v>
      </c>
      <c r="X190" s="7">
        <v>10.787129999999999</v>
      </c>
      <c r="Y190" s="7">
        <v>14.205301</v>
      </c>
      <c r="Z190" s="7">
        <v>15.2224460901</v>
      </c>
      <c r="AA190" s="7">
        <v>15.9221801142</v>
      </c>
      <c r="AB190" s="7">
        <v>16.016732000000001</v>
      </c>
      <c r="AC190" s="7">
        <v>15.4287010612</v>
      </c>
      <c r="AD190" s="7">
        <v>13.3234134446</v>
      </c>
      <c r="AE190" s="7">
        <v>11.9120896643</v>
      </c>
      <c r="AF190" s="7">
        <v>12.5823306632</v>
      </c>
      <c r="AG190" s="9">
        <v>5118.8034814999992</v>
      </c>
      <c r="AH190" s="13">
        <v>0.22719903981062575</v>
      </c>
      <c r="AI190" s="9">
        <v>-22529.040117100001</v>
      </c>
      <c r="AJ190" s="13">
        <v>-0.99995561481494033</v>
      </c>
      <c r="AK190" s="9">
        <v>35600.794412900002</v>
      </c>
      <c r="AL190" s="13">
        <v>35600.794412900002</v>
      </c>
      <c r="AM190" s="9">
        <v>-7952.9508143000021</v>
      </c>
      <c r="AN190" s="13">
        <v>-0.22338623503253305</v>
      </c>
      <c r="AO190" s="9">
        <v>27647.8435986</v>
      </c>
      <c r="AP190" s="13">
        <v>27647.8435986</v>
      </c>
      <c r="AQ190" s="9">
        <v>22530.040117100001</v>
      </c>
      <c r="AR190" s="9">
        <v>26152.627736400002</v>
      </c>
      <c r="AS190" s="9">
        <v>25556.1485527</v>
      </c>
      <c r="AT190" s="9">
        <v>30702.0108157</v>
      </c>
      <c r="AU190" s="9">
        <v>32660.888015600001</v>
      </c>
      <c r="AV190" s="9">
        <v>42028.277295699998</v>
      </c>
      <c r="AW190" s="9">
        <v>1</v>
      </c>
      <c r="AX190" s="9">
        <v>1</v>
      </c>
      <c r="AY190" s="9">
        <v>48604.729798499997</v>
      </c>
      <c r="AZ190" s="9">
        <v>35601.794412900002</v>
      </c>
      <c r="BA190" s="9">
        <v>35500.991991499999</v>
      </c>
      <c r="BB190" s="9">
        <v>37028.716783000003</v>
      </c>
      <c r="BC190" s="9">
        <v>37807.247850200001</v>
      </c>
      <c r="BD190" s="9">
        <v>36113.882667099999</v>
      </c>
      <c r="BE190" s="9">
        <v>31293.773169399999</v>
      </c>
      <c r="BF190" s="9">
        <v>27648.8435986</v>
      </c>
      <c r="BG190" s="11">
        <v>0</v>
      </c>
      <c r="BH190" s="13">
        <v>0</v>
      </c>
      <c r="BI190" s="6">
        <v>1</v>
      </c>
      <c r="BJ190" s="13">
        <v>0.25</v>
      </c>
      <c r="BK190" s="6">
        <v>1</v>
      </c>
      <c r="BL190" s="13">
        <v>0.2</v>
      </c>
      <c r="BM190" s="11">
        <v>-2</v>
      </c>
      <c r="BN190" s="13">
        <v>-0.33333333333333331</v>
      </c>
      <c r="BO190" s="11">
        <v>-1</v>
      </c>
      <c r="BP190" s="13">
        <v>-0.2</v>
      </c>
      <c r="BQ190" s="6">
        <v>4</v>
      </c>
      <c r="BR190" s="6">
        <v>4</v>
      </c>
      <c r="BS190" s="6">
        <v>5</v>
      </c>
      <c r="BT190" s="6">
        <v>5</v>
      </c>
      <c r="BU190" s="6">
        <v>5</v>
      </c>
      <c r="BV190" s="6">
        <v>5</v>
      </c>
      <c r="BW190" s="6">
        <v>6</v>
      </c>
      <c r="BX190" s="6">
        <v>6</v>
      </c>
      <c r="BY190" s="6">
        <v>5</v>
      </c>
      <c r="BZ190" s="6">
        <v>5</v>
      </c>
      <c r="CA190" s="6">
        <v>5</v>
      </c>
      <c r="CB190" s="6">
        <v>4</v>
      </c>
      <c r="CC190" s="11">
        <v>4</v>
      </c>
      <c r="CD190" s="11">
        <v>-7.0404600000000004</v>
      </c>
      <c r="CE190" s="11">
        <v>-7.4845699999999997</v>
      </c>
      <c r="CF190" s="11">
        <v>2.67117</v>
      </c>
      <c r="CG190" s="11">
        <v>-4</v>
      </c>
      <c r="CH190" s="20">
        <v>0.39875899999999997</v>
      </c>
      <c r="CI190" s="20">
        <v>0.36993900000000002</v>
      </c>
      <c r="CJ190" s="20">
        <v>0.38065900000000003</v>
      </c>
      <c r="CK190" s="20">
        <v>0.28082400000000002</v>
      </c>
      <c r="CL190" s="20">
        <v>0.27702500000000002</v>
      </c>
      <c r="CM190" s="20">
        <v>0.250749</v>
      </c>
      <c r="CN190" s="20">
        <v>0.193328</v>
      </c>
      <c r="CO190" s="20">
        <v>0.18926200000000001</v>
      </c>
      <c r="CP190" s="20">
        <v>0.19184200000000001</v>
      </c>
      <c r="CQ190" s="20">
        <v>0.29798200000000002</v>
      </c>
      <c r="CR190" s="20">
        <v>0.33991199999999999</v>
      </c>
      <c r="CS190" s="20">
        <v>0.348163</v>
      </c>
      <c r="CT190" s="20">
        <v>0.363811</v>
      </c>
      <c r="CU190" s="20">
        <v>0.35091</v>
      </c>
      <c r="CV190" s="20">
        <v>0.308203</v>
      </c>
      <c r="CW190" s="20">
        <v>0.27413700000000002</v>
      </c>
      <c r="CX190" s="20">
        <v>0.288385</v>
      </c>
      <c r="CY190" s="6" t="s">
        <v>408</v>
      </c>
      <c r="CZ190" s="6" t="s">
        <v>409</v>
      </c>
      <c r="DA190" s="6" t="s">
        <v>119</v>
      </c>
      <c r="DB190" s="6" t="s">
        <v>345</v>
      </c>
      <c r="DC190" s="6">
        <v>16020</v>
      </c>
      <c r="DD190" s="6">
        <v>164</v>
      </c>
      <c r="DE190" s="6" t="s">
        <v>412</v>
      </c>
      <c r="DF190" s="6" t="s">
        <v>375</v>
      </c>
      <c r="DG190" s="6" t="s">
        <v>376</v>
      </c>
      <c r="DH190" s="6" t="s">
        <v>328</v>
      </c>
      <c r="DI190" s="6" t="s">
        <v>413</v>
      </c>
      <c r="DJ190" s="6">
        <v>29</v>
      </c>
      <c r="DK190" s="6">
        <v>17</v>
      </c>
      <c r="DL190" s="6">
        <v>2</v>
      </c>
      <c r="DM190" s="6" t="s">
        <v>379</v>
      </c>
      <c r="DN190" s="6">
        <v>3</v>
      </c>
      <c r="DO190" s="6" t="s">
        <v>380</v>
      </c>
      <c r="DP190" s="6"/>
      <c r="DQ190" s="6"/>
    </row>
    <row r="191" spans="1:121" x14ac:dyDescent="0.2">
      <c r="A191" s="6" t="s">
        <v>315</v>
      </c>
      <c r="B191" s="6" t="s">
        <v>315</v>
      </c>
      <c r="C191" s="6" t="s">
        <v>184</v>
      </c>
      <c r="D191" s="6" t="s">
        <v>119</v>
      </c>
      <c r="E191" s="6" t="s">
        <v>260</v>
      </c>
      <c r="F191" s="11">
        <v>18</v>
      </c>
      <c r="G191" s="13">
        <v>0.35</v>
      </c>
      <c r="H191" s="11">
        <v>21</v>
      </c>
      <c r="I191" s="13">
        <v>0.40384615384615385</v>
      </c>
      <c r="J191" s="11">
        <v>-20</v>
      </c>
      <c r="K191" s="13">
        <v>-0.27397260273972601</v>
      </c>
      <c r="L191" s="11">
        <v>17</v>
      </c>
      <c r="M191" s="13">
        <v>0.32075471698113206</v>
      </c>
      <c r="N191" s="11">
        <v>-3</v>
      </c>
      <c r="O191" s="13">
        <v>-4.1095890410958902E-2</v>
      </c>
      <c r="P191" s="7">
        <v>52</v>
      </c>
      <c r="Q191" s="7">
        <v>56</v>
      </c>
      <c r="R191" s="7">
        <v>78</v>
      </c>
      <c r="S191" s="7">
        <v>86</v>
      </c>
      <c r="T191" s="7">
        <v>85</v>
      </c>
      <c r="U191" s="7">
        <v>87</v>
      </c>
      <c r="V191" s="7">
        <v>73</v>
      </c>
      <c r="W191" s="7">
        <v>63</v>
      </c>
      <c r="X191" s="7">
        <v>59</v>
      </c>
      <c r="Y191" s="7">
        <v>53</v>
      </c>
      <c r="Z191" s="7">
        <v>55</v>
      </c>
      <c r="AA191" s="7">
        <v>65</v>
      </c>
      <c r="AB191" s="7">
        <v>64</v>
      </c>
      <c r="AC191" s="7">
        <v>59</v>
      </c>
      <c r="AD191" s="7">
        <v>68</v>
      </c>
      <c r="AE191" s="7">
        <v>69</v>
      </c>
      <c r="AF191" s="7">
        <v>70</v>
      </c>
      <c r="AG191" s="9">
        <v>12526</v>
      </c>
      <c r="AH191" s="13">
        <v>0.47750838670326318</v>
      </c>
      <c r="AI191" s="9">
        <v>5128</v>
      </c>
      <c r="AJ191" s="13">
        <v>0.19548642878926503</v>
      </c>
      <c r="AK191" s="9">
        <v>6463</v>
      </c>
      <c r="AL191" s="13">
        <v>0.20609056122448979</v>
      </c>
      <c r="AM191" s="9">
        <v>935</v>
      </c>
      <c r="AN191" s="13">
        <v>2.472040821722233E-2</v>
      </c>
      <c r="AO191" s="9">
        <v>7398</v>
      </c>
      <c r="AP191" s="13">
        <v>0.23590561224489795</v>
      </c>
      <c r="AQ191" s="9">
        <v>26232</v>
      </c>
      <c r="AR191" s="9">
        <v>27081</v>
      </c>
      <c r="AS191" s="9">
        <v>25898</v>
      </c>
      <c r="AT191" s="9">
        <v>27589</v>
      </c>
      <c r="AU191" s="9">
        <v>29183</v>
      </c>
      <c r="AV191" s="9">
        <v>29650</v>
      </c>
      <c r="AW191" s="9">
        <v>31360</v>
      </c>
      <c r="AX191" s="9">
        <v>33963</v>
      </c>
      <c r="AY191" s="9">
        <v>36768</v>
      </c>
      <c r="AZ191" s="9">
        <v>37823</v>
      </c>
      <c r="BA191" s="9">
        <v>40426</v>
      </c>
      <c r="BB191" s="9">
        <v>40694</v>
      </c>
      <c r="BC191" s="9">
        <v>36318</v>
      </c>
      <c r="BD191" s="9">
        <v>41707</v>
      </c>
      <c r="BE191" s="9">
        <v>37072</v>
      </c>
      <c r="BF191" s="9">
        <v>38758</v>
      </c>
      <c r="BG191" s="11">
        <v>-4</v>
      </c>
      <c r="BH191" s="13">
        <v>-0.25</v>
      </c>
      <c r="BI191" s="6">
        <v>1</v>
      </c>
      <c r="BJ191" s="13">
        <v>6.25E-2</v>
      </c>
      <c r="BK191" s="6">
        <v>-4</v>
      </c>
      <c r="BL191" s="13">
        <v>-0.23529411764705882</v>
      </c>
      <c r="BM191" s="11">
        <v>-1</v>
      </c>
      <c r="BN191" s="13">
        <v>-7.6923076923076927E-2</v>
      </c>
      <c r="BO191" s="11">
        <v>-5</v>
      </c>
      <c r="BP191" s="13">
        <v>-0.29411764705882354</v>
      </c>
      <c r="BQ191" s="6">
        <v>16</v>
      </c>
      <c r="BR191" s="6">
        <v>17</v>
      </c>
      <c r="BS191" s="6">
        <v>17</v>
      </c>
      <c r="BT191" s="6">
        <v>17</v>
      </c>
      <c r="BU191" s="6">
        <v>14</v>
      </c>
      <c r="BV191" s="6">
        <v>13</v>
      </c>
      <c r="BW191" s="6">
        <v>13</v>
      </c>
      <c r="BX191" s="6">
        <v>15</v>
      </c>
      <c r="BY191" s="6">
        <v>16</v>
      </c>
      <c r="BZ191" s="6">
        <v>13</v>
      </c>
      <c r="CA191" s="6">
        <v>13</v>
      </c>
      <c r="CB191" s="6">
        <v>12</v>
      </c>
      <c r="CC191" s="11">
        <v>12</v>
      </c>
      <c r="CD191" s="11">
        <v>17</v>
      </c>
      <c r="CE191" s="11">
        <v>-4</v>
      </c>
      <c r="CF191" s="11">
        <v>6</v>
      </c>
      <c r="CG191" s="11">
        <v>2</v>
      </c>
      <c r="CH191" s="20">
        <v>0.52</v>
      </c>
      <c r="CI191" s="20">
        <v>0.56999999999999995</v>
      </c>
      <c r="CJ191" s="20">
        <v>0.76</v>
      </c>
      <c r="CK191" s="20">
        <v>0.83</v>
      </c>
      <c r="CL191" s="20">
        <v>0.83</v>
      </c>
      <c r="CM191" s="20">
        <v>0.85</v>
      </c>
      <c r="CN191" s="20">
        <v>0.73</v>
      </c>
      <c r="CO191" s="20">
        <v>0.65</v>
      </c>
      <c r="CP191" s="20">
        <v>0.52</v>
      </c>
      <c r="CQ191" s="20">
        <v>0.54</v>
      </c>
      <c r="CR191" s="20">
        <v>0.59</v>
      </c>
      <c r="CS191" s="20">
        <v>0.68</v>
      </c>
      <c r="CT191" s="20">
        <v>0.7</v>
      </c>
      <c r="CU191" s="20">
        <v>0.65</v>
      </c>
      <c r="CV191" s="20">
        <v>0.75</v>
      </c>
      <c r="CW191" s="20">
        <v>0.77</v>
      </c>
      <c r="CX191" s="20">
        <v>0.77</v>
      </c>
      <c r="CY191" s="6" t="s">
        <v>408</v>
      </c>
      <c r="CZ191" s="6" t="s">
        <v>409</v>
      </c>
      <c r="DA191" s="6" t="s">
        <v>119</v>
      </c>
      <c r="DB191" s="6" t="s">
        <v>345</v>
      </c>
      <c r="DC191" s="6">
        <v>16020</v>
      </c>
      <c r="DD191" s="6">
        <v>164</v>
      </c>
      <c r="DE191" s="6" t="s">
        <v>412</v>
      </c>
      <c r="DF191" s="6" t="s">
        <v>375</v>
      </c>
      <c r="DG191" s="6" t="s">
        <v>376</v>
      </c>
      <c r="DH191" s="6" t="s">
        <v>328</v>
      </c>
      <c r="DI191" s="6" t="s">
        <v>413</v>
      </c>
      <c r="DJ191" s="6">
        <v>29</v>
      </c>
      <c r="DK191" s="6">
        <v>17</v>
      </c>
      <c r="DL191" s="6">
        <v>2</v>
      </c>
      <c r="DM191" s="6" t="s">
        <v>379</v>
      </c>
      <c r="DN191" s="6">
        <v>3</v>
      </c>
      <c r="DO191" s="6" t="s">
        <v>380</v>
      </c>
      <c r="DP191" s="6"/>
      <c r="DQ191" s="6"/>
    </row>
    <row r="192" spans="1:121" x14ac:dyDescent="0.2">
      <c r="A192" s="6" t="s">
        <v>316</v>
      </c>
      <c r="B192" s="6" t="s">
        <v>316</v>
      </c>
      <c r="C192" s="6" t="s">
        <v>185</v>
      </c>
      <c r="D192" s="6" t="s">
        <v>119</v>
      </c>
      <c r="E192" s="6" t="s">
        <v>260</v>
      </c>
      <c r="F192" s="11">
        <v>1</v>
      </c>
      <c r="G192" s="13">
        <v>1</v>
      </c>
      <c r="H192" s="11">
        <v>1</v>
      </c>
      <c r="I192" s="13">
        <v>7.6923076923076927E-2</v>
      </c>
      <c r="J192" s="11">
        <v>-9</v>
      </c>
      <c r="K192" s="13">
        <v>-0.6428571428571429</v>
      </c>
      <c r="L192" s="11">
        <v>0</v>
      </c>
      <c r="M192" s="13">
        <v>0</v>
      </c>
      <c r="N192" s="11">
        <v>-9</v>
      </c>
      <c r="O192" s="13">
        <v>-0.6428571428571429</v>
      </c>
      <c r="P192" s="7">
        <v>13</v>
      </c>
      <c r="Q192" s="7">
        <v>21</v>
      </c>
      <c r="R192" s="7">
        <v>28</v>
      </c>
      <c r="S192" s="7">
        <v>28</v>
      </c>
      <c r="T192" s="7">
        <v>18</v>
      </c>
      <c r="U192" s="7">
        <v>11</v>
      </c>
      <c r="V192" s="7">
        <v>14</v>
      </c>
      <c r="W192" s="7">
        <v>16</v>
      </c>
      <c r="X192" s="7">
        <v>5</v>
      </c>
      <c r="Y192" s="7">
        <v>5</v>
      </c>
      <c r="Z192" s="7">
        <v>11</v>
      </c>
      <c r="AA192" s="7">
        <v>5</v>
      </c>
      <c r="AB192" s="7">
        <v>5</v>
      </c>
      <c r="AC192" s="7">
        <v>5</v>
      </c>
      <c r="AD192" s="7">
        <v>5</v>
      </c>
      <c r="AE192" s="7">
        <v>5</v>
      </c>
      <c r="AF192" s="7">
        <v>5</v>
      </c>
      <c r="AG192" s="9">
        <v>-19566</v>
      </c>
      <c r="AH192" s="13">
        <v>-0.99994889354525474</v>
      </c>
      <c r="AI192" s="9">
        <v>2243</v>
      </c>
      <c r="AJ192" s="13">
        <v>0.1146317779935606</v>
      </c>
      <c r="AK192" s="9">
        <v>-21809</v>
      </c>
      <c r="AL192" s="13">
        <v>-0.99995414947271899</v>
      </c>
      <c r="AM192" s="9">
        <v>0</v>
      </c>
      <c r="AN192" s="13">
        <v>0</v>
      </c>
      <c r="AO192" s="9">
        <v>-21809</v>
      </c>
      <c r="AP192" s="13">
        <v>-0.99995414947271899</v>
      </c>
      <c r="AQ192" s="9">
        <v>19567</v>
      </c>
      <c r="AR192" s="9">
        <v>17539</v>
      </c>
      <c r="AS192" s="9">
        <v>15486</v>
      </c>
      <c r="AT192" s="9">
        <v>13793</v>
      </c>
      <c r="AU192" s="9">
        <v>19220</v>
      </c>
      <c r="AV192" s="9">
        <v>24627</v>
      </c>
      <c r="AW192" s="9">
        <v>21810</v>
      </c>
      <c r="AX192" s="9">
        <v>18334</v>
      </c>
      <c r="AY192" s="9">
        <v>1</v>
      </c>
      <c r="AZ192" s="9">
        <v>1</v>
      </c>
      <c r="BA192" s="9">
        <v>23908</v>
      </c>
      <c r="BB192" s="9">
        <v>1</v>
      </c>
      <c r="BC192" s="9">
        <v>1</v>
      </c>
      <c r="BD192" s="9">
        <v>1</v>
      </c>
      <c r="BE192" s="9">
        <v>1</v>
      </c>
      <c r="BF192" s="9">
        <v>1</v>
      </c>
      <c r="BG192" s="11">
        <v>-6</v>
      </c>
      <c r="BH192" s="13">
        <v>-1</v>
      </c>
      <c r="BI192" s="6">
        <v>1</v>
      </c>
      <c r="BJ192" s="13">
        <v>0.16666666666666666</v>
      </c>
      <c r="BK192" s="6">
        <v>-4</v>
      </c>
      <c r="BL192" s="13">
        <v>-0.5714285714285714</v>
      </c>
      <c r="BM192" s="11">
        <v>-3</v>
      </c>
      <c r="BN192" s="13">
        <v>-1</v>
      </c>
      <c r="BO192" s="11">
        <v>-7</v>
      </c>
      <c r="BP192" s="13">
        <v>-1</v>
      </c>
      <c r="BQ192" s="6">
        <v>6</v>
      </c>
      <c r="BR192" s="6">
        <v>6</v>
      </c>
      <c r="BS192" s="6">
        <v>6</v>
      </c>
      <c r="BT192" s="6">
        <v>7</v>
      </c>
      <c r="BU192" s="6">
        <v>7</v>
      </c>
      <c r="BV192" s="6">
        <v>5</v>
      </c>
      <c r="BW192" s="6">
        <v>3</v>
      </c>
      <c r="BX192" s="6">
        <v>2</v>
      </c>
      <c r="BY192" s="6">
        <v>1</v>
      </c>
      <c r="BZ192" s="6">
        <v>1</v>
      </c>
      <c r="CA192" s="6">
        <v>0</v>
      </c>
      <c r="CB192" s="6">
        <v>0</v>
      </c>
      <c r="CC192" s="11">
        <v>0</v>
      </c>
      <c r="CD192" s="11">
        <v>-10</v>
      </c>
      <c r="CE192" s="11">
        <v>-1</v>
      </c>
      <c r="CF192" s="11">
        <v>1</v>
      </c>
      <c r="CG192" s="11">
        <v>0</v>
      </c>
      <c r="CH192" s="20">
        <v>0.32</v>
      </c>
      <c r="CI192" s="20">
        <v>0.52</v>
      </c>
      <c r="CJ192" s="20">
        <v>0.64</v>
      </c>
      <c r="CK192" s="20">
        <v>0.64</v>
      </c>
      <c r="CL192" s="20">
        <v>0.42</v>
      </c>
      <c r="CM192" s="20">
        <v>0.25</v>
      </c>
      <c r="CN192" s="20">
        <v>0.33</v>
      </c>
      <c r="CO192" s="20">
        <v>0.39</v>
      </c>
      <c r="CP192" s="20">
        <v>0.2</v>
      </c>
      <c r="CQ192" s="20">
        <v>0.19</v>
      </c>
      <c r="CR192" s="20">
        <v>0.28999999999999998</v>
      </c>
      <c r="CS192" s="20">
        <v>0.09</v>
      </c>
      <c r="CT192" s="20">
        <v>0.14000000000000001</v>
      </c>
      <c r="CU192" s="20">
        <v>0.14000000000000001</v>
      </c>
      <c r="CV192" s="20">
        <v>0.1</v>
      </c>
      <c r="CW192" s="20">
        <v>0.1</v>
      </c>
      <c r="CX192" s="20">
        <v>0.1</v>
      </c>
      <c r="CY192" s="6" t="s">
        <v>408</v>
      </c>
      <c r="CZ192" s="6" t="s">
        <v>409</v>
      </c>
      <c r="DA192" s="6" t="s">
        <v>119</v>
      </c>
      <c r="DB192" s="6" t="s">
        <v>345</v>
      </c>
      <c r="DC192" s="6">
        <v>16020</v>
      </c>
      <c r="DD192" s="6">
        <v>164</v>
      </c>
      <c r="DE192" s="6" t="s">
        <v>412</v>
      </c>
      <c r="DF192" s="6" t="s">
        <v>375</v>
      </c>
      <c r="DG192" s="6" t="s">
        <v>376</v>
      </c>
      <c r="DH192" s="6" t="s">
        <v>328</v>
      </c>
      <c r="DI192" s="6" t="s">
        <v>413</v>
      </c>
      <c r="DJ192" s="6">
        <v>29</v>
      </c>
      <c r="DK192" s="6">
        <v>17</v>
      </c>
      <c r="DL192" s="6">
        <v>2</v>
      </c>
      <c r="DM192" s="6" t="s">
        <v>379</v>
      </c>
      <c r="DN192" s="6">
        <v>3</v>
      </c>
      <c r="DO192" s="6" t="s">
        <v>380</v>
      </c>
      <c r="DP192" s="6"/>
      <c r="DQ192" s="6"/>
    </row>
    <row r="193" spans="1:121" x14ac:dyDescent="0.2">
      <c r="A193" s="6" t="s">
        <v>317</v>
      </c>
      <c r="B193" s="6" t="s">
        <v>317</v>
      </c>
      <c r="C193" s="6" t="s">
        <v>186</v>
      </c>
      <c r="D193" s="6" t="s">
        <v>119</v>
      </c>
      <c r="E193" s="6" t="s">
        <v>260</v>
      </c>
      <c r="F193" s="11">
        <v>22</v>
      </c>
      <c r="G193" s="13">
        <v>0.67</v>
      </c>
      <c r="H193" s="11">
        <v>13</v>
      </c>
      <c r="I193" s="13">
        <v>0.39393939393939392</v>
      </c>
      <c r="J193" s="11">
        <v>1</v>
      </c>
      <c r="K193" s="13">
        <v>2.1739130434782608E-2</v>
      </c>
      <c r="L193" s="11">
        <v>8</v>
      </c>
      <c r="M193" s="13">
        <v>0.1702127659574468</v>
      </c>
      <c r="N193" s="11">
        <v>9</v>
      </c>
      <c r="O193" s="13">
        <v>0.19565217391304349</v>
      </c>
      <c r="P193" s="7">
        <v>33</v>
      </c>
      <c r="Q193" s="7">
        <v>38</v>
      </c>
      <c r="R193" s="7">
        <v>47</v>
      </c>
      <c r="S193" s="7">
        <v>43</v>
      </c>
      <c r="T193" s="7">
        <v>44</v>
      </c>
      <c r="U193" s="7">
        <v>45</v>
      </c>
      <c r="V193" s="7">
        <v>46</v>
      </c>
      <c r="W193" s="7">
        <v>45</v>
      </c>
      <c r="X193" s="7">
        <v>46</v>
      </c>
      <c r="Y193" s="7">
        <v>47</v>
      </c>
      <c r="Z193" s="7">
        <v>50</v>
      </c>
      <c r="AA193" s="7">
        <v>58</v>
      </c>
      <c r="AB193" s="7">
        <v>63</v>
      </c>
      <c r="AC193" s="7">
        <v>58</v>
      </c>
      <c r="AD193" s="7">
        <v>57</v>
      </c>
      <c r="AE193" s="7">
        <v>53</v>
      </c>
      <c r="AF193" s="7">
        <v>55</v>
      </c>
      <c r="AG193" s="9">
        <v>15482</v>
      </c>
      <c r="AH193" s="13">
        <v>0.66292712169221546</v>
      </c>
      <c r="AI193" s="9">
        <v>9232</v>
      </c>
      <c r="AJ193" s="13">
        <v>0.39530701378778799</v>
      </c>
      <c r="AK193" s="9">
        <v>6184</v>
      </c>
      <c r="AL193" s="13">
        <v>0.18977474989259191</v>
      </c>
      <c r="AM193" s="9">
        <v>66</v>
      </c>
      <c r="AN193" s="13">
        <v>1.7023471756512768E-3</v>
      </c>
      <c r="AO193" s="9">
        <v>6250</v>
      </c>
      <c r="AP193" s="13">
        <v>0.1918001595777328</v>
      </c>
      <c r="AQ193" s="9">
        <v>23354</v>
      </c>
      <c r="AR193" s="9">
        <v>20695</v>
      </c>
      <c r="AS193" s="9">
        <v>23853</v>
      </c>
      <c r="AT193" s="9">
        <v>26365</v>
      </c>
      <c r="AU193" s="9">
        <v>28700</v>
      </c>
      <c r="AV193" s="9">
        <v>30134</v>
      </c>
      <c r="AW193" s="9">
        <v>32586</v>
      </c>
      <c r="AX193" s="9">
        <v>36742</v>
      </c>
      <c r="AY193" s="9">
        <v>37279</v>
      </c>
      <c r="AZ193" s="9">
        <v>38770</v>
      </c>
      <c r="BA193" s="9">
        <v>37504</v>
      </c>
      <c r="BB193" s="9">
        <v>31625</v>
      </c>
      <c r="BC193" s="9">
        <v>34728</v>
      </c>
      <c r="BD193" s="9">
        <v>34518</v>
      </c>
      <c r="BE193" s="9">
        <v>37105</v>
      </c>
      <c r="BF193" s="9">
        <v>38836</v>
      </c>
      <c r="BG193" s="11">
        <v>4</v>
      </c>
      <c r="BH193" s="13">
        <v>0.5</v>
      </c>
      <c r="BI193" s="6">
        <v>0</v>
      </c>
      <c r="BJ193" s="13">
        <v>0</v>
      </c>
      <c r="BK193" s="6">
        <v>1</v>
      </c>
      <c r="BL193" s="13">
        <v>0.125</v>
      </c>
      <c r="BM193" s="11">
        <v>3</v>
      </c>
      <c r="BN193" s="13">
        <v>0.33333333333333331</v>
      </c>
      <c r="BO193" s="11">
        <v>4</v>
      </c>
      <c r="BP193" s="13">
        <v>0.5</v>
      </c>
      <c r="BQ193" s="6">
        <v>8</v>
      </c>
      <c r="BR193" s="6">
        <v>9</v>
      </c>
      <c r="BS193" s="6">
        <v>8</v>
      </c>
      <c r="BT193" s="6">
        <v>8</v>
      </c>
      <c r="BU193" s="6">
        <v>10</v>
      </c>
      <c r="BV193" s="6">
        <v>10</v>
      </c>
      <c r="BW193" s="6">
        <v>9</v>
      </c>
      <c r="BX193" s="6">
        <v>9</v>
      </c>
      <c r="BY193" s="6">
        <v>10</v>
      </c>
      <c r="BZ193" s="6">
        <v>11</v>
      </c>
      <c r="CA193" s="6">
        <v>11</v>
      </c>
      <c r="CB193" s="6">
        <v>12</v>
      </c>
      <c r="CC193" s="11">
        <v>12</v>
      </c>
      <c r="CD193" s="11">
        <v>12</v>
      </c>
      <c r="CE193" s="11">
        <v>7</v>
      </c>
      <c r="CF193" s="11">
        <v>4</v>
      </c>
      <c r="CG193" s="11">
        <v>11</v>
      </c>
      <c r="CH193" s="20">
        <v>0.25</v>
      </c>
      <c r="CI193" s="20">
        <v>0.3</v>
      </c>
      <c r="CJ193" s="20">
        <v>0.36</v>
      </c>
      <c r="CK193" s="20">
        <v>0.33</v>
      </c>
      <c r="CL193" s="20">
        <v>0.33</v>
      </c>
      <c r="CM193" s="20">
        <v>0.32</v>
      </c>
      <c r="CN193" s="20">
        <v>0.33</v>
      </c>
      <c r="CO193" s="20">
        <v>0.32</v>
      </c>
      <c r="CP193" s="20">
        <v>0.28000000000000003</v>
      </c>
      <c r="CQ193" s="20">
        <v>0.32</v>
      </c>
      <c r="CR193" s="20">
        <v>0.36</v>
      </c>
      <c r="CS193" s="20">
        <v>0.39</v>
      </c>
      <c r="CT193" s="20">
        <v>0.44</v>
      </c>
      <c r="CU193" s="20">
        <v>0.4</v>
      </c>
      <c r="CV193" s="20">
        <v>0.39</v>
      </c>
      <c r="CW193" s="20">
        <v>0.36</v>
      </c>
      <c r="CX193" s="20">
        <v>0.36</v>
      </c>
      <c r="CY193" s="6" t="s">
        <v>408</v>
      </c>
      <c r="CZ193" s="6" t="s">
        <v>409</v>
      </c>
      <c r="DA193" s="6" t="s">
        <v>119</v>
      </c>
      <c r="DB193" s="6" t="s">
        <v>345</v>
      </c>
      <c r="DC193" s="6">
        <v>16020</v>
      </c>
      <c r="DD193" s="6">
        <v>164</v>
      </c>
      <c r="DE193" s="6" t="s">
        <v>412</v>
      </c>
      <c r="DF193" s="6" t="s">
        <v>375</v>
      </c>
      <c r="DG193" s="6" t="s">
        <v>376</v>
      </c>
      <c r="DH193" s="6" t="s">
        <v>328</v>
      </c>
      <c r="DI193" s="6" t="s">
        <v>413</v>
      </c>
      <c r="DJ193" s="6">
        <v>29</v>
      </c>
      <c r="DK193" s="6">
        <v>17</v>
      </c>
      <c r="DL193" s="6">
        <v>2</v>
      </c>
      <c r="DM193" s="6" t="s">
        <v>379</v>
      </c>
      <c r="DN193" s="6">
        <v>3</v>
      </c>
      <c r="DO193" s="6" t="s">
        <v>380</v>
      </c>
      <c r="DP193" s="6"/>
      <c r="DQ193" s="6"/>
    </row>
    <row r="194" spans="1:121" x14ac:dyDescent="0.2">
      <c r="A194" s="6" t="s">
        <v>318</v>
      </c>
      <c r="B194" s="6" t="s">
        <v>318</v>
      </c>
      <c r="C194" s="6" t="s">
        <v>187</v>
      </c>
      <c r="D194" s="6" t="s">
        <v>119</v>
      </c>
      <c r="E194" s="6" t="s">
        <v>260</v>
      </c>
      <c r="F194" s="11">
        <v>0</v>
      </c>
      <c r="G194" s="13">
        <v>0</v>
      </c>
      <c r="H194" s="11">
        <v>0</v>
      </c>
      <c r="I194" s="13"/>
      <c r="J194" s="11">
        <v>5</v>
      </c>
      <c r="K194" s="13"/>
      <c r="L194" s="11">
        <v>-5</v>
      </c>
      <c r="M194" s="13">
        <v>-1</v>
      </c>
      <c r="N194" s="11">
        <v>0</v>
      </c>
      <c r="O194" s="13"/>
      <c r="P194" s="7">
        <v>0</v>
      </c>
      <c r="Q194" s="7">
        <v>0</v>
      </c>
      <c r="R194" s="7">
        <v>0</v>
      </c>
      <c r="S194" s="7">
        <v>0</v>
      </c>
      <c r="T194" s="7">
        <v>0</v>
      </c>
      <c r="U194" s="7">
        <v>0</v>
      </c>
      <c r="V194" s="7">
        <v>0</v>
      </c>
      <c r="W194" s="7">
        <v>0</v>
      </c>
      <c r="X194" s="7">
        <v>5</v>
      </c>
      <c r="Y194" s="7">
        <v>5</v>
      </c>
      <c r="Z194" s="7">
        <v>5</v>
      </c>
      <c r="AA194" s="7">
        <v>5</v>
      </c>
      <c r="AB194" s="7">
        <v>0</v>
      </c>
      <c r="AC194" s="7">
        <v>0</v>
      </c>
      <c r="AD194" s="7">
        <v>0</v>
      </c>
      <c r="AE194" s="7">
        <v>0</v>
      </c>
      <c r="AF194" s="7">
        <v>0</v>
      </c>
      <c r="AG194" s="9">
        <v>0</v>
      </c>
      <c r="AH194" s="13"/>
      <c r="AI194" s="9">
        <v>0</v>
      </c>
      <c r="AJ194" s="13"/>
      <c r="AK194" s="9">
        <v>1</v>
      </c>
      <c r="AL194" s="13"/>
      <c r="AM194" s="9">
        <v>-1</v>
      </c>
      <c r="AN194" s="13">
        <v>-1</v>
      </c>
      <c r="AO194" s="9">
        <v>0</v>
      </c>
      <c r="AP194" s="13"/>
      <c r="AQ194" s="9">
        <v>0</v>
      </c>
      <c r="AR194" s="9">
        <v>0</v>
      </c>
      <c r="AS194" s="9">
        <v>0</v>
      </c>
      <c r="AT194" s="9">
        <v>0</v>
      </c>
      <c r="AU194" s="9">
        <v>0</v>
      </c>
      <c r="AV194" s="9">
        <v>0</v>
      </c>
      <c r="AW194" s="9">
        <v>0</v>
      </c>
      <c r="AX194" s="9">
        <v>0</v>
      </c>
      <c r="AY194" s="9">
        <v>1</v>
      </c>
      <c r="AZ194" s="9">
        <v>1</v>
      </c>
      <c r="BA194" s="9">
        <v>1</v>
      </c>
      <c r="BB194" s="9">
        <v>1</v>
      </c>
      <c r="BC194" s="9">
        <v>0</v>
      </c>
      <c r="BD194" s="9">
        <v>0</v>
      </c>
      <c r="BE194" s="9">
        <v>0</v>
      </c>
      <c r="BF194" s="9">
        <v>0</v>
      </c>
      <c r="BG194" s="11">
        <v>0</v>
      </c>
      <c r="BH194" s="13" t="e">
        <v>#DIV/0!</v>
      </c>
      <c r="BI194" s="6">
        <v>0</v>
      </c>
      <c r="BJ194" s="13" t="e">
        <v>#DIV/0!</v>
      </c>
      <c r="BK194" s="6">
        <v>1</v>
      </c>
      <c r="BL194" s="13" t="e">
        <v>#DIV/0!</v>
      </c>
      <c r="BM194" s="11">
        <v>-1</v>
      </c>
      <c r="BN194" s="13">
        <v>-1</v>
      </c>
      <c r="BO194" s="11">
        <v>0</v>
      </c>
      <c r="BP194" s="13" t="e">
        <v>#DIV/0!</v>
      </c>
      <c r="BQ194" s="6">
        <v>0</v>
      </c>
      <c r="BR194" s="6">
        <v>0</v>
      </c>
      <c r="BS194" s="6">
        <v>0</v>
      </c>
      <c r="BT194" s="6">
        <v>0</v>
      </c>
      <c r="BU194" s="6">
        <v>0</v>
      </c>
      <c r="BV194" s="6">
        <v>0</v>
      </c>
      <c r="BW194" s="6">
        <v>1</v>
      </c>
      <c r="BX194" s="6">
        <v>1</v>
      </c>
      <c r="BY194" s="6">
        <v>0</v>
      </c>
      <c r="BZ194" s="6">
        <v>0</v>
      </c>
      <c r="CA194" s="6">
        <v>0</v>
      </c>
      <c r="CB194" s="6">
        <v>0</v>
      </c>
      <c r="CC194" s="11">
        <v>0</v>
      </c>
      <c r="CD194" s="11">
        <v>0</v>
      </c>
      <c r="CE194" s="11">
        <v>0</v>
      </c>
      <c r="CF194" s="11">
        <v>0</v>
      </c>
      <c r="CG194" s="11">
        <v>0</v>
      </c>
      <c r="CH194" s="20">
        <v>0</v>
      </c>
      <c r="CI194" s="20">
        <v>0</v>
      </c>
      <c r="CJ194" s="20">
        <v>0</v>
      </c>
      <c r="CK194" s="20">
        <v>0</v>
      </c>
      <c r="CL194" s="20">
        <v>0</v>
      </c>
      <c r="CM194" s="20">
        <v>0</v>
      </c>
      <c r="CN194" s="20">
        <v>0</v>
      </c>
      <c r="CO194" s="20">
        <v>0</v>
      </c>
      <c r="CP194" s="20">
        <v>1.8166100000000001E-2</v>
      </c>
      <c r="CQ194" s="20">
        <v>3.15543E-2</v>
      </c>
      <c r="CR194" s="20">
        <v>9.4081999999999999E-2</v>
      </c>
      <c r="CS194" s="20">
        <v>0.103798</v>
      </c>
      <c r="CT194" s="20">
        <v>0</v>
      </c>
      <c r="CU194" s="20">
        <v>0</v>
      </c>
      <c r="CV194" s="20">
        <v>0</v>
      </c>
      <c r="CW194" s="20">
        <v>0</v>
      </c>
      <c r="CX194" s="20">
        <v>0</v>
      </c>
      <c r="CY194" s="6" t="s">
        <v>408</v>
      </c>
      <c r="CZ194" s="6" t="s">
        <v>409</v>
      </c>
      <c r="DA194" s="6" t="s">
        <v>119</v>
      </c>
      <c r="DB194" s="6" t="s">
        <v>345</v>
      </c>
      <c r="DC194" s="6">
        <v>16020</v>
      </c>
      <c r="DD194" s="6">
        <v>164</v>
      </c>
      <c r="DE194" s="6" t="s">
        <v>412</v>
      </c>
      <c r="DF194" s="6" t="s">
        <v>375</v>
      </c>
      <c r="DG194" s="6" t="s">
        <v>376</v>
      </c>
      <c r="DH194" s="6" t="s">
        <v>328</v>
      </c>
      <c r="DI194" s="6" t="s">
        <v>413</v>
      </c>
      <c r="DJ194" s="6">
        <v>29</v>
      </c>
      <c r="DK194" s="6">
        <v>17</v>
      </c>
      <c r="DL194" s="6">
        <v>2</v>
      </c>
      <c r="DM194" s="6" t="s">
        <v>379</v>
      </c>
      <c r="DN194" s="6">
        <v>3</v>
      </c>
      <c r="DO194" s="6" t="s">
        <v>380</v>
      </c>
      <c r="DP194" s="6"/>
      <c r="DQ194" s="6"/>
    </row>
    <row r="195" spans="1:121" x14ac:dyDescent="0.2">
      <c r="A195" s="6" t="s">
        <v>319</v>
      </c>
      <c r="B195" s="6" t="s">
        <v>319</v>
      </c>
      <c r="C195" s="6" t="s">
        <v>188</v>
      </c>
      <c r="D195" s="6" t="s">
        <v>119</v>
      </c>
      <c r="E195" s="6" t="s">
        <v>260</v>
      </c>
      <c r="F195" s="11">
        <v>19</v>
      </c>
      <c r="G195" s="13">
        <v>0.79166666666700003</v>
      </c>
      <c r="H195" s="11">
        <v>25.026495756800003</v>
      </c>
      <c r="I195" s="13">
        <v>1.0215806293821073</v>
      </c>
      <c r="J195" s="11">
        <v>-6.9884422728000004</v>
      </c>
      <c r="K195" s="13">
        <v>-0.14111134152050753</v>
      </c>
      <c r="L195" s="11">
        <v>0.43545191420000151</v>
      </c>
      <c r="M195" s="13">
        <v>1.0237286900708109E-2</v>
      </c>
      <c r="N195" s="11">
        <v>-6.5529903585999989</v>
      </c>
      <c r="O195" s="13">
        <v>-0.13231865190788866</v>
      </c>
      <c r="P195" s="7">
        <v>24.497817437999998</v>
      </c>
      <c r="Q195" s="7">
        <v>35.124047623599999</v>
      </c>
      <c r="R195" s="7">
        <v>44.148647167500002</v>
      </c>
      <c r="S195" s="7">
        <v>49.986542641</v>
      </c>
      <c r="T195" s="7">
        <v>51.696573497599999</v>
      </c>
      <c r="U195" s="7">
        <v>48.873358901499998</v>
      </c>
      <c r="V195" s="7">
        <v>49.524313194800001</v>
      </c>
      <c r="W195" s="7">
        <v>58.755811709299998</v>
      </c>
      <c r="X195" s="7">
        <v>54.553245787599998</v>
      </c>
      <c r="Y195" s="7">
        <v>42.535870922000001</v>
      </c>
      <c r="Z195" s="7">
        <v>41.189348498299999</v>
      </c>
      <c r="AA195" s="7">
        <v>42.273984117399998</v>
      </c>
      <c r="AB195" s="7">
        <v>48.123692384000002</v>
      </c>
      <c r="AC195" s="7">
        <v>49.348080127999999</v>
      </c>
      <c r="AD195" s="7">
        <v>51.215438733600003</v>
      </c>
      <c r="AE195" s="7">
        <v>41.564697541699999</v>
      </c>
      <c r="AF195" s="7">
        <v>42.971322836200002</v>
      </c>
      <c r="AG195" s="9">
        <v>24623.1894292</v>
      </c>
      <c r="AH195" s="13">
        <v>1.7393984977173047</v>
      </c>
      <c r="AI195" s="9">
        <v>7405.5953346000006</v>
      </c>
      <c r="AJ195" s="13">
        <v>0.52313618577900167</v>
      </c>
      <c r="AK195" s="9">
        <v>-6276.7910736000013</v>
      </c>
      <c r="AL195" s="13">
        <v>-0.29110771922931944</v>
      </c>
      <c r="AM195" s="9">
        <v>23494.385168200002</v>
      </c>
      <c r="AN195" s="13">
        <v>1.5370920825191381</v>
      </c>
      <c r="AO195" s="9">
        <v>17217.594094600001</v>
      </c>
      <c r="AP195" s="13">
        <v>0.79852499290222756</v>
      </c>
      <c r="AQ195" s="9">
        <v>14156.1519465</v>
      </c>
      <c r="AR195" s="9">
        <v>18131.922244699999</v>
      </c>
      <c r="AS195" s="9">
        <v>19278.235459200001</v>
      </c>
      <c r="AT195" s="9">
        <v>19128.979952900001</v>
      </c>
      <c r="AU195" s="9">
        <v>18196.2451282</v>
      </c>
      <c r="AV195" s="9">
        <v>19561.126658900001</v>
      </c>
      <c r="AW195" s="9">
        <v>21561.747281100001</v>
      </c>
      <c r="AX195" s="9">
        <v>20192.058984800002</v>
      </c>
      <c r="AY195" s="9">
        <v>19703.6118398</v>
      </c>
      <c r="AZ195" s="9">
        <v>15284.956207499999</v>
      </c>
      <c r="BA195" s="9">
        <v>17598.8656615</v>
      </c>
      <c r="BB195" s="9">
        <v>18426.576038800002</v>
      </c>
      <c r="BC195" s="9">
        <v>31886.629756599999</v>
      </c>
      <c r="BD195" s="9">
        <v>42563.873265200004</v>
      </c>
      <c r="BE195" s="9">
        <v>44150.3053736</v>
      </c>
      <c r="BF195" s="9">
        <v>38779.341375700002</v>
      </c>
      <c r="BG195" s="11">
        <v>-1.75</v>
      </c>
      <c r="BH195" s="13">
        <v>-0.29166666666666669</v>
      </c>
      <c r="BI195" s="6">
        <v>-2</v>
      </c>
      <c r="BJ195" s="13">
        <v>-0.33333333333333331</v>
      </c>
      <c r="BK195" s="6">
        <v>-1</v>
      </c>
      <c r="BL195" s="13">
        <v>-0.25</v>
      </c>
      <c r="BM195" s="11">
        <v>1.25</v>
      </c>
      <c r="BN195" s="13">
        <v>0.41666666666666669</v>
      </c>
      <c r="BO195" s="11">
        <v>0.25</v>
      </c>
      <c r="BP195" s="13">
        <v>6.25E-2</v>
      </c>
      <c r="BQ195" s="6">
        <v>6</v>
      </c>
      <c r="BR195" s="6">
        <v>7</v>
      </c>
      <c r="BS195" s="6">
        <v>5</v>
      </c>
      <c r="BT195" s="6">
        <v>4</v>
      </c>
      <c r="BU195" s="6">
        <v>4</v>
      </c>
      <c r="BV195" s="6">
        <v>4</v>
      </c>
      <c r="BW195" s="6">
        <v>3</v>
      </c>
      <c r="BX195" s="6">
        <v>3</v>
      </c>
      <c r="BY195" s="6">
        <v>5</v>
      </c>
      <c r="BZ195" s="6">
        <v>5</v>
      </c>
      <c r="CA195" s="6">
        <v>5</v>
      </c>
      <c r="CB195" s="6">
        <v>5</v>
      </c>
      <c r="CC195" s="11">
        <v>4.25</v>
      </c>
      <c r="CD195" s="11">
        <v>13.5915</v>
      </c>
      <c r="CE195" s="11">
        <v>2.2041300000000001</v>
      </c>
      <c r="CF195" s="11">
        <v>2.6779099999999998</v>
      </c>
      <c r="CG195" s="11">
        <v>5</v>
      </c>
      <c r="CH195" s="20">
        <v>0.175595</v>
      </c>
      <c r="CI195" s="20">
        <v>0.25478699999999999</v>
      </c>
      <c r="CJ195" s="20">
        <v>0.31205699999999997</v>
      </c>
      <c r="CK195" s="20">
        <v>0.346279</v>
      </c>
      <c r="CL195" s="20">
        <v>0.35646600000000001</v>
      </c>
      <c r="CM195" s="20">
        <v>0.33063999999999999</v>
      </c>
      <c r="CN195" s="20">
        <v>0.33939000000000002</v>
      </c>
      <c r="CO195" s="20">
        <v>0.42407899999999998</v>
      </c>
      <c r="CP195" s="20">
        <v>0.353904</v>
      </c>
      <c r="CQ195" s="20">
        <v>0.30465100000000001</v>
      </c>
      <c r="CR195" s="20">
        <v>0.29948200000000003</v>
      </c>
      <c r="CS195" s="20">
        <v>0.29198499999999999</v>
      </c>
      <c r="CT195" s="20">
        <v>0.33806000000000003</v>
      </c>
      <c r="CU195" s="20">
        <v>0.340478</v>
      </c>
      <c r="CV195" s="20">
        <v>0.35447000000000001</v>
      </c>
      <c r="CW195" s="20">
        <v>0.28560400000000002</v>
      </c>
      <c r="CX195" s="20">
        <v>0.28966900000000001</v>
      </c>
      <c r="CY195" s="6" t="s">
        <v>408</v>
      </c>
      <c r="CZ195" s="6" t="s">
        <v>409</v>
      </c>
      <c r="DA195" s="6" t="s">
        <v>119</v>
      </c>
      <c r="DB195" s="6" t="s">
        <v>345</v>
      </c>
      <c r="DC195" s="6">
        <v>16020</v>
      </c>
      <c r="DD195" s="6">
        <v>164</v>
      </c>
      <c r="DE195" s="6" t="s">
        <v>412</v>
      </c>
      <c r="DF195" s="6" t="s">
        <v>375</v>
      </c>
      <c r="DG195" s="6" t="s">
        <v>376</v>
      </c>
      <c r="DH195" s="6" t="s">
        <v>328</v>
      </c>
      <c r="DI195" s="6" t="s">
        <v>413</v>
      </c>
      <c r="DJ195" s="6">
        <v>29</v>
      </c>
      <c r="DK195" s="6">
        <v>17</v>
      </c>
      <c r="DL195" s="6">
        <v>2</v>
      </c>
      <c r="DM195" s="6" t="s">
        <v>379</v>
      </c>
      <c r="DN195" s="6">
        <v>3</v>
      </c>
      <c r="DO195" s="6" t="s">
        <v>380</v>
      </c>
      <c r="DP195" s="6"/>
      <c r="DQ195" s="6"/>
    </row>
    <row r="196" spans="1:121" x14ac:dyDescent="0.2">
      <c r="A196" s="6" t="s">
        <v>320</v>
      </c>
      <c r="B196" s="6" t="s">
        <v>320</v>
      </c>
      <c r="C196" s="6" t="s">
        <v>189</v>
      </c>
      <c r="D196" s="6" t="s">
        <v>119</v>
      </c>
      <c r="E196" s="6" t="s">
        <v>260</v>
      </c>
      <c r="F196" s="11">
        <v>0</v>
      </c>
      <c r="G196" s="13">
        <v>0</v>
      </c>
      <c r="H196" s="11">
        <v>5</v>
      </c>
      <c r="I196" s="13"/>
      <c r="J196" s="11">
        <v>0</v>
      </c>
      <c r="K196" s="13">
        <v>0</v>
      </c>
      <c r="L196" s="11">
        <v>-5</v>
      </c>
      <c r="M196" s="13">
        <v>-1</v>
      </c>
      <c r="N196" s="11">
        <v>-5</v>
      </c>
      <c r="O196" s="13">
        <v>-1</v>
      </c>
      <c r="P196" s="7">
        <v>0</v>
      </c>
      <c r="Q196" s="7">
        <v>0</v>
      </c>
      <c r="R196" s="7">
        <v>0</v>
      </c>
      <c r="S196" s="7">
        <v>0</v>
      </c>
      <c r="T196" s="7">
        <v>5</v>
      </c>
      <c r="U196" s="7">
        <v>5</v>
      </c>
      <c r="V196" s="7">
        <v>5</v>
      </c>
      <c r="W196" s="7">
        <v>5</v>
      </c>
      <c r="X196" s="7">
        <v>5</v>
      </c>
      <c r="Y196" s="7">
        <v>5</v>
      </c>
      <c r="Z196" s="7">
        <v>5</v>
      </c>
      <c r="AA196" s="7">
        <v>0</v>
      </c>
      <c r="AB196" s="7">
        <v>5</v>
      </c>
      <c r="AC196" s="7">
        <v>5</v>
      </c>
      <c r="AD196" s="7">
        <v>0</v>
      </c>
      <c r="AE196" s="7">
        <v>0</v>
      </c>
      <c r="AF196" s="7">
        <v>0</v>
      </c>
      <c r="AG196" s="9">
        <v>0</v>
      </c>
      <c r="AH196" s="13"/>
      <c r="AI196" s="9">
        <v>1</v>
      </c>
      <c r="AJ196" s="13"/>
      <c r="AK196" s="9">
        <v>0</v>
      </c>
      <c r="AL196" s="13">
        <v>0</v>
      </c>
      <c r="AM196" s="9">
        <v>-1</v>
      </c>
      <c r="AN196" s="13">
        <v>-1</v>
      </c>
      <c r="AO196" s="9">
        <v>-1</v>
      </c>
      <c r="AP196" s="13">
        <v>-1</v>
      </c>
      <c r="AQ196" s="9">
        <v>0</v>
      </c>
      <c r="AR196" s="9">
        <v>0</v>
      </c>
      <c r="AS196" s="9">
        <v>0</v>
      </c>
      <c r="AT196" s="9">
        <v>0</v>
      </c>
      <c r="AU196" s="9">
        <v>1</v>
      </c>
      <c r="AV196" s="9">
        <v>1</v>
      </c>
      <c r="AW196" s="9">
        <v>1</v>
      </c>
      <c r="AX196" s="9">
        <v>1</v>
      </c>
      <c r="AY196" s="9">
        <v>1</v>
      </c>
      <c r="AZ196" s="9">
        <v>1</v>
      </c>
      <c r="BA196" s="9">
        <v>1</v>
      </c>
      <c r="BB196" s="9">
        <v>0</v>
      </c>
      <c r="BC196" s="9">
        <v>1</v>
      </c>
      <c r="BD196" s="9">
        <v>1</v>
      </c>
      <c r="BE196" s="9">
        <v>0</v>
      </c>
      <c r="BF196" s="9">
        <v>0</v>
      </c>
      <c r="BG196" s="11">
        <v>0</v>
      </c>
      <c r="BH196" s="13" t="e">
        <v>#DIV/0!</v>
      </c>
      <c r="BI196" s="6">
        <v>0</v>
      </c>
      <c r="BJ196" s="13" t="e">
        <v>#DIV/0!</v>
      </c>
      <c r="BK196" s="6">
        <v>0</v>
      </c>
      <c r="BL196" s="13" t="e">
        <v>#DIV/0!</v>
      </c>
      <c r="BM196" s="11">
        <v>0</v>
      </c>
      <c r="BN196" s="13" t="e">
        <v>#DIV/0!</v>
      </c>
      <c r="BO196" s="11">
        <v>0</v>
      </c>
      <c r="BP196" s="13" t="e">
        <v>#DIV/0!</v>
      </c>
      <c r="BQ196" s="6">
        <v>0</v>
      </c>
      <c r="BR196" s="6">
        <v>0</v>
      </c>
      <c r="BS196" s="6">
        <v>0</v>
      </c>
      <c r="BT196" s="6">
        <v>0</v>
      </c>
      <c r="BU196" s="6">
        <v>0</v>
      </c>
      <c r="BV196" s="6">
        <v>0</v>
      </c>
      <c r="BW196" s="6">
        <v>0</v>
      </c>
      <c r="BX196" s="6">
        <v>0</v>
      </c>
      <c r="BY196" s="6">
        <v>0</v>
      </c>
      <c r="BZ196" s="6">
        <v>0</v>
      </c>
      <c r="CA196" s="6">
        <v>0</v>
      </c>
      <c r="CB196" s="6">
        <v>0</v>
      </c>
      <c r="CC196" s="11">
        <v>0</v>
      </c>
      <c r="CD196" s="11">
        <v>0</v>
      </c>
      <c r="CE196" s="11">
        <v>0</v>
      </c>
      <c r="CF196" s="11">
        <v>0</v>
      </c>
      <c r="CG196" s="11">
        <v>0</v>
      </c>
      <c r="CH196" s="20">
        <v>0</v>
      </c>
      <c r="CI196" s="20">
        <v>0</v>
      </c>
      <c r="CJ196" s="20">
        <v>0</v>
      </c>
      <c r="CK196" s="20">
        <v>0</v>
      </c>
      <c r="CL196" s="20">
        <v>3.0116299999999999E-2</v>
      </c>
      <c r="CM196" s="20">
        <v>3.5900799999999997E-2</v>
      </c>
      <c r="CN196" s="20">
        <v>3.2078299999999997E-2</v>
      </c>
      <c r="CO196" s="20">
        <v>2.2122300000000001E-2</v>
      </c>
      <c r="CP196" s="20">
        <v>4.8898299999999999E-2</v>
      </c>
      <c r="CQ196" s="20">
        <v>3.6922999999999997E-2</v>
      </c>
      <c r="CR196" s="20">
        <v>1.9330799999999999E-2</v>
      </c>
      <c r="CS196" s="20">
        <v>0</v>
      </c>
      <c r="CT196" s="20">
        <v>1.96794E-2</v>
      </c>
      <c r="CU196" s="20">
        <v>1.0079299999999999E-2</v>
      </c>
      <c r="CV196" s="20">
        <v>0</v>
      </c>
      <c r="CW196" s="20">
        <v>0</v>
      </c>
      <c r="CX196" s="20">
        <v>0</v>
      </c>
      <c r="CY196" s="6" t="s">
        <v>408</v>
      </c>
      <c r="CZ196" s="6" t="s">
        <v>409</v>
      </c>
      <c r="DA196" s="6" t="s">
        <v>119</v>
      </c>
      <c r="DB196" s="6" t="s">
        <v>345</v>
      </c>
      <c r="DC196" s="6">
        <v>16020</v>
      </c>
      <c r="DD196" s="6">
        <v>164</v>
      </c>
      <c r="DE196" s="6" t="s">
        <v>412</v>
      </c>
      <c r="DF196" s="6" t="s">
        <v>375</v>
      </c>
      <c r="DG196" s="6" t="s">
        <v>376</v>
      </c>
      <c r="DH196" s="6" t="s">
        <v>328</v>
      </c>
      <c r="DI196" s="6" t="s">
        <v>413</v>
      </c>
      <c r="DJ196" s="6">
        <v>29</v>
      </c>
      <c r="DK196" s="6">
        <v>17</v>
      </c>
      <c r="DL196" s="6">
        <v>2</v>
      </c>
      <c r="DM196" s="6" t="s">
        <v>379</v>
      </c>
      <c r="DN196" s="6">
        <v>3</v>
      </c>
      <c r="DO196" s="6" t="s">
        <v>380</v>
      </c>
      <c r="DP196" s="6"/>
      <c r="DQ196" s="6"/>
    </row>
    <row r="197" spans="1:121" x14ac:dyDescent="0.2">
      <c r="A197" s="6" t="s">
        <v>321</v>
      </c>
      <c r="B197" s="6" t="s">
        <v>321</v>
      </c>
      <c r="C197" s="6" t="s">
        <v>190</v>
      </c>
      <c r="D197" s="6" t="s">
        <v>119</v>
      </c>
      <c r="E197" s="6" t="s">
        <v>260</v>
      </c>
      <c r="F197" s="11">
        <v>153</v>
      </c>
      <c r="G197" s="13">
        <v>0.61693548387099995</v>
      </c>
      <c r="H197" s="11">
        <v>-6.0910286339999971</v>
      </c>
      <c r="I197" s="13">
        <v>-2.460837201372737E-2</v>
      </c>
      <c r="J197" s="11">
        <v>26.545394970000018</v>
      </c>
      <c r="K197" s="13">
        <v>0.10995181694014532</v>
      </c>
      <c r="L197" s="11">
        <v>132.98686199799999</v>
      </c>
      <c r="M197" s="13">
        <v>0.49626978090826096</v>
      </c>
      <c r="N197" s="11">
        <v>159.53225696800001</v>
      </c>
      <c r="O197" s="13">
        <v>0.66078736195175747</v>
      </c>
      <c r="P197" s="7">
        <v>247.51855305999999</v>
      </c>
      <c r="Q197" s="7">
        <v>251.79950908999999</v>
      </c>
      <c r="R197" s="7">
        <v>216.67594938600001</v>
      </c>
      <c r="S197" s="7">
        <v>235.269488118</v>
      </c>
      <c r="T197" s="7">
        <v>246.43890472999999</v>
      </c>
      <c r="U197" s="7">
        <v>240.962113155</v>
      </c>
      <c r="V197" s="7">
        <v>241.42752442599999</v>
      </c>
      <c r="W197" s="7">
        <v>237.72749080599999</v>
      </c>
      <c r="X197" s="7">
        <v>260.31106437400001</v>
      </c>
      <c r="Y197" s="7">
        <v>267.97291939600001</v>
      </c>
      <c r="Z197" s="7">
        <v>270.75531432000002</v>
      </c>
      <c r="AA197" s="7">
        <v>329.24398136600001</v>
      </c>
      <c r="AB197" s="7">
        <v>401.72266191099999</v>
      </c>
      <c r="AC197" s="7">
        <v>390.78872367700001</v>
      </c>
      <c r="AD197" s="7">
        <v>383.37499099399997</v>
      </c>
      <c r="AE197" s="7">
        <v>382.07822622499998</v>
      </c>
      <c r="AF197" s="7">
        <v>400.959781394</v>
      </c>
      <c r="AG197" s="9">
        <v>5138.6647369999991</v>
      </c>
      <c r="AH197" s="13">
        <v>0.30159161892815423</v>
      </c>
      <c r="AI197" s="9">
        <v>6560.7296738000005</v>
      </c>
      <c r="AJ197" s="13">
        <v>0.3850535469699633</v>
      </c>
      <c r="AK197" s="9">
        <v>2458.4770188000002</v>
      </c>
      <c r="AL197" s="13">
        <v>0.10417621489859212</v>
      </c>
      <c r="AM197" s="9">
        <v>-3880.5419556000015</v>
      </c>
      <c r="AN197" s="13">
        <v>-0.14892116206474371</v>
      </c>
      <c r="AO197" s="9">
        <v>-1422.0649368000013</v>
      </c>
      <c r="AP197" s="13">
        <v>-6.0258990148356381E-2</v>
      </c>
      <c r="AQ197" s="9">
        <v>17038.486531099999</v>
      </c>
      <c r="AR197" s="9">
        <v>17787.749005599999</v>
      </c>
      <c r="AS197" s="9">
        <v>19142.140538</v>
      </c>
      <c r="AT197" s="9">
        <v>19693.661017900002</v>
      </c>
      <c r="AU197" s="9">
        <v>21077.033235899999</v>
      </c>
      <c r="AV197" s="9">
        <v>24366.968850599998</v>
      </c>
      <c r="AW197" s="9">
        <v>23599.2162049</v>
      </c>
      <c r="AX197" s="9">
        <v>24833.9922678</v>
      </c>
      <c r="AY197" s="9">
        <v>24804.154131300002</v>
      </c>
      <c r="AZ197" s="9">
        <v>26057.6932237</v>
      </c>
      <c r="BA197" s="9">
        <v>24744.547859800001</v>
      </c>
      <c r="BB197" s="9">
        <v>24320.971885899999</v>
      </c>
      <c r="BC197" s="9">
        <v>20554.967196199999</v>
      </c>
      <c r="BD197" s="9">
        <v>20817.9964387</v>
      </c>
      <c r="BE197" s="9">
        <v>21398.371107499999</v>
      </c>
      <c r="BF197" s="9">
        <v>22177.151268099999</v>
      </c>
      <c r="BG197" s="11">
        <v>95.75</v>
      </c>
      <c r="BH197" s="13">
        <v>6.3833333333333337</v>
      </c>
      <c r="BI197" s="6">
        <v>2</v>
      </c>
      <c r="BJ197" s="13">
        <v>0.13333333333333333</v>
      </c>
      <c r="BK197" s="6">
        <v>0</v>
      </c>
      <c r="BL197" s="13">
        <v>0</v>
      </c>
      <c r="BM197" s="11">
        <v>93.75</v>
      </c>
      <c r="BN197" s="13">
        <v>5.5147058823529411</v>
      </c>
      <c r="BO197" s="11">
        <v>93.75</v>
      </c>
      <c r="BP197" s="13">
        <v>5.5147058823529411</v>
      </c>
      <c r="BQ197" s="6">
        <v>15</v>
      </c>
      <c r="BR197" s="6">
        <v>16</v>
      </c>
      <c r="BS197" s="6">
        <v>16</v>
      </c>
      <c r="BT197" s="6">
        <v>17</v>
      </c>
      <c r="BU197" s="6">
        <v>17</v>
      </c>
      <c r="BV197" s="6">
        <v>17</v>
      </c>
      <c r="BW197" s="6">
        <v>17</v>
      </c>
      <c r="BX197" s="6">
        <v>19</v>
      </c>
      <c r="BY197" s="6">
        <v>22</v>
      </c>
      <c r="BZ197" s="6">
        <v>127</v>
      </c>
      <c r="CA197" s="6">
        <v>122</v>
      </c>
      <c r="CB197" s="6">
        <v>114</v>
      </c>
      <c r="CC197" s="11">
        <v>110.75</v>
      </c>
      <c r="CD197" s="11">
        <v>36.246499999999997</v>
      </c>
      <c r="CE197" s="11">
        <v>90.138000000000005</v>
      </c>
      <c r="CF197" s="11">
        <v>27.056799999999999</v>
      </c>
      <c r="CG197" s="11">
        <v>117</v>
      </c>
      <c r="CH197" s="20">
        <v>1.0767500000000001</v>
      </c>
      <c r="CI197" s="20">
        <v>1.0670500000000001</v>
      </c>
      <c r="CJ197" s="20">
        <v>0.86738099999999996</v>
      </c>
      <c r="CK197" s="20">
        <v>0.93444799999999995</v>
      </c>
      <c r="CL197" s="20">
        <v>0.98531500000000005</v>
      </c>
      <c r="CM197" s="20">
        <v>0.94686499999999996</v>
      </c>
      <c r="CN197" s="20">
        <v>0.94391800000000003</v>
      </c>
      <c r="CO197" s="20">
        <v>0.91288400000000003</v>
      </c>
      <c r="CP197" s="20">
        <v>0.80152199999999996</v>
      </c>
      <c r="CQ197" s="20">
        <v>0.92356099999999997</v>
      </c>
      <c r="CR197" s="20">
        <v>0.97127300000000005</v>
      </c>
      <c r="CS197" s="20">
        <v>1.11415</v>
      </c>
      <c r="CT197" s="20">
        <v>1.39331</v>
      </c>
      <c r="CU197" s="20">
        <v>1.34992</v>
      </c>
      <c r="CV197" s="20">
        <v>1.32944</v>
      </c>
      <c r="CW197" s="20">
        <v>1.3091999999999999</v>
      </c>
      <c r="CX197" s="20">
        <v>1.33514</v>
      </c>
      <c r="CY197" s="6" t="s">
        <v>408</v>
      </c>
      <c r="CZ197" s="6" t="s">
        <v>409</v>
      </c>
      <c r="DA197" s="6" t="s">
        <v>119</v>
      </c>
      <c r="DB197" s="6" t="s">
        <v>345</v>
      </c>
      <c r="DC197" s="6">
        <v>16020</v>
      </c>
      <c r="DD197" s="6">
        <v>164</v>
      </c>
      <c r="DE197" s="6" t="s">
        <v>412</v>
      </c>
      <c r="DF197" s="6" t="s">
        <v>375</v>
      </c>
      <c r="DG197" s="6" t="s">
        <v>376</v>
      </c>
      <c r="DH197" s="6" t="s">
        <v>328</v>
      </c>
      <c r="DI197" s="6" t="s">
        <v>413</v>
      </c>
      <c r="DJ197" s="6">
        <v>29</v>
      </c>
      <c r="DK197" s="6">
        <v>17</v>
      </c>
      <c r="DL197" s="6">
        <v>2</v>
      </c>
      <c r="DM197" s="6" t="s">
        <v>379</v>
      </c>
      <c r="DN197" s="6">
        <v>3</v>
      </c>
      <c r="DO197" s="6" t="s">
        <v>380</v>
      </c>
      <c r="DP197" s="6"/>
      <c r="DQ197" s="6"/>
    </row>
    <row r="198" spans="1:121" x14ac:dyDescent="0.2">
      <c r="A198" s="6" t="s">
        <v>322</v>
      </c>
      <c r="B198" s="6" t="s">
        <v>322</v>
      </c>
      <c r="C198" s="6" t="s">
        <v>191</v>
      </c>
      <c r="D198" s="6" t="s">
        <v>119</v>
      </c>
      <c r="E198" s="6" t="s">
        <v>260</v>
      </c>
      <c r="F198" s="11">
        <v>1</v>
      </c>
      <c r="G198" s="13">
        <v>1</v>
      </c>
      <c r="H198" s="11">
        <v>7</v>
      </c>
      <c r="I198" s="13">
        <v>1.4</v>
      </c>
      <c r="J198" s="11">
        <v>-7</v>
      </c>
      <c r="K198" s="13">
        <v>-0.58333333333333337</v>
      </c>
      <c r="L198" s="11">
        <v>0</v>
      </c>
      <c r="M198" s="13">
        <v>0</v>
      </c>
      <c r="N198" s="11">
        <v>-7</v>
      </c>
      <c r="O198" s="13">
        <v>-0.58333333333333337</v>
      </c>
      <c r="P198" s="7">
        <v>5</v>
      </c>
      <c r="Q198" s="7">
        <v>5</v>
      </c>
      <c r="R198" s="7">
        <v>5</v>
      </c>
      <c r="S198" s="7">
        <v>5</v>
      </c>
      <c r="T198" s="7">
        <v>5</v>
      </c>
      <c r="U198" s="7">
        <v>5</v>
      </c>
      <c r="V198" s="7">
        <v>12</v>
      </c>
      <c r="W198" s="7">
        <v>12</v>
      </c>
      <c r="X198" s="7">
        <v>15</v>
      </c>
      <c r="Y198" s="7">
        <v>5</v>
      </c>
      <c r="Z198" s="7">
        <v>5</v>
      </c>
      <c r="AA198" s="7">
        <v>5</v>
      </c>
      <c r="AB198" s="7">
        <v>5</v>
      </c>
      <c r="AC198" s="7">
        <v>5</v>
      </c>
      <c r="AD198" s="7">
        <v>5</v>
      </c>
      <c r="AE198" s="7">
        <v>5</v>
      </c>
      <c r="AF198" s="7">
        <v>5</v>
      </c>
      <c r="AG198" s="9">
        <v>0</v>
      </c>
      <c r="AH198" s="13">
        <v>0</v>
      </c>
      <c r="AI198" s="9">
        <v>16519</v>
      </c>
      <c r="AJ198" s="13">
        <v>16519</v>
      </c>
      <c r="AK198" s="9">
        <v>-16519</v>
      </c>
      <c r="AL198" s="13">
        <v>-0.99993946731234862</v>
      </c>
      <c r="AM198" s="9">
        <v>0</v>
      </c>
      <c r="AN198" s="13">
        <v>0</v>
      </c>
      <c r="AO198" s="9">
        <v>-16519</v>
      </c>
      <c r="AP198" s="13">
        <v>-0.99993946731234862</v>
      </c>
      <c r="AQ198" s="9">
        <v>1</v>
      </c>
      <c r="AR198" s="9">
        <v>1</v>
      </c>
      <c r="AS198" s="9">
        <v>1</v>
      </c>
      <c r="AT198" s="9">
        <v>1</v>
      </c>
      <c r="AU198" s="9">
        <v>1</v>
      </c>
      <c r="AV198" s="9">
        <v>1</v>
      </c>
      <c r="AW198" s="9">
        <v>16520</v>
      </c>
      <c r="AX198" s="9">
        <v>20989</v>
      </c>
      <c r="AY198" s="9">
        <v>17445</v>
      </c>
      <c r="AZ198" s="9">
        <v>1</v>
      </c>
      <c r="BA198" s="9">
        <v>1</v>
      </c>
      <c r="BB198" s="9">
        <v>1</v>
      </c>
      <c r="BC198" s="9">
        <v>1</v>
      </c>
      <c r="BD198" s="9">
        <v>1</v>
      </c>
      <c r="BE198" s="9">
        <v>1</v>
      </c>
      <c r="BF198" s="9">
        <v>1</v>
      </c>
      <c r="BG198" s="11">
        <v>-1</v>
      </c>
      <c r="BH198" s="13">
        <v>-0.5</v>
      </c>
      <c r="BI198" s="6">
        <v>1</v>
      </c>
      <c r="BJ198" s="13">
        <v>0.5</v>
      </c>
      <c r="BK198" s="6">
        <v>-1</v>
      </c>
      <c r="BL198" s="13">
        <v>-0.33333333333333331</v>
      </c>
      <c r="BM198" s="11">
        <v>-1</v>
      </c>
      <c r="BN198" s="13">
        <v>-0.5</v>
      </c>
      <c r="BO198" s="11">
        <v>-2</v>
      </c>
      <c r="BP198" s="13">
        <v>-0.66666666666666663</v>
      </c>
      <c r="BQ198" s="6">
        <v>2</v>
      </c>
      <c r="BR198" s="6">
        <v>3</v>
      </c>
      <c r="BS198" s="6">
        <v>3</v>
      </c>
      <c r="BT198" s="6">
        <v>3</v>
      </c>
      <c r="BU198" s="6">
        <v>4</v>
      </c>
      <c r="BV198" s="6">
        <v>4</v>
      </c>
      <c r="BW198" s="6">
        <v>2</v>
      </c>
      <c r="BX198" s="6">
        <v>2</v>
      </c>
      <c r="BY198" s="6">
        <v>1</v>
      </c>
      <c r="BZ198" s="6">
        <v>1</v>
      </c>
      <c r="CA198" s="6">
        <v>1</v>
      </c>
      <c r="CB198" s="6">
        <v>1</v>
      </c>
      <c r="CC198" s="11">
        <v>1</v>
      </c>
      <c r="CD198" s="11">
        <v>-5</v>
      </c>
      <c r="CE198" s="11">
        <v>1</v>
      </c>
      <c r="CF198" s="11">
        <v>1</v>
      </c>
      <c r="CG198" s="11">
        <v>2</v>
      </c>
      <c r="CH198" s="20">
        <v>0.18</v>
      </c>
      <c r="CI198" s="20">
        <v>0.15</v>
      </c>
      <c r="CJ198" s="20">
        <v>0.16</v>
      </c>
      <c r="CK198" s="20">
        <v>0.16</v>
      </c>
      <c r="CL198" s="20">
        <v>0.21</v>
      </c>
      <c r="CM198" s="20">
        <v>0.23</v>
      </c>
      <c r="CN198" s="20">
        <v>0.32</v>
      </c>
      <c r="CO198" s="20">
        <v>0.33</v>
      </c>
      <c r="CP198" s="20">
        <v>0.34</v>
      </c>
      <c r="CQ198" s="20">
        <v>0.15</v>
      </c>
      <c r="CR198" s="20">
        <v>0.15</v>
      </c>
      <c r="CS198" s="20">
        <v>0.17</v>
      </c>
      <c r="CT198" s="20">
        <v>0.16</v>
      </c>
      <c r="CU198" s="20">
        <v>0.1</v>
      </c>
      <c r="CV198" s="20">
        <v>0.08</v>
      </c>
      <c r="CW198" s="20">
        <v>0.08</v>
      </c>
      <c r="CX198" s="20">
        <v>0.08</v>
      </c>
      <c r="CY198" s="6" t="s">
        <v>408</v>
      </c>
      <c r="CZ198" s="6" t="s">
        <v>409</v>
      </c>
      <c r="DA198" s="6" t="s">
        <v>119</v>
      </c>
      <c r="DB198" s="6" t="s">
        <v>345</v>
      </c>
      <c r="DC198" s="6">
        <v>16020</v>
      </c>
      <c r="DD198" s="6">
        <v>164</v>
      </c>
      <c r="DE198" s="6" t="s">
        <v>412</v>
      </c>
      <c r="DF198" s="6" t="s">
        <v>375</v>
      </c>
      <c r="DG198" s="6" t="s">
        <v>376</v>
      </c>
      <c r="DH198" s="6" t="s">
        <v>328</v>
      </c>
      <c r="DI198" s="6" t="s">
        <v>413</v>
      </c>
      <c r="DJ198" s="6">
        <v>29</v>
      </c>
      <c r="DK198" s="6">
        <v>17</v>
      </c>
      <c r="DL198" s="6">
        <v>2</v>
      </c>
      <c r="DM198" s="6" t="s">
        <v>379</v>
      </c>
      <c r="DN198" s="6">
        <v>3</v>
      </c>
      <c r="DO198" s="6" t="s">
        <v>380</v>
      </c>
      <c r="DP198" s="6"/>
      <c r="DQ198" s="6"/>
    </row>
    <row r="199" spans="1:121" x14ac:dyDescent="0.2">
      <c r="A199" s="6" t="s">
        <v>323</v>
      </c>
      <c r="B199" s="6" t="s">
        <v>323</v>
      </c>
      <c r="C199" s="6" t="s">
        <v>192</v>
      </c>
      <c r="D199" s="6" t="s">
        <v>119</v>
      </c>
      <c r="E199" s="6" t="s">
        <v>260</v>
      </c>
      <c r="F199" s="11">
        <v>55</v>
      </c>
      <c r="G199" s="13">
        <v>1.2222222222200001</v>
      </c>
      <c r="H199" s="11">
        <v>86.29298437380001</v>
      </c>
      <c r="I199" s="13">
        <v>1.9209692494718529</v>
      </c>
      <c r="J199" s="11">
        <v>-14.149815654999998</v>
      </c>
      <c r="K199" s="13">
        <v>-0.10783722927359876</v>
      </c>
      <c r="L199" s="11">
        <v>-17.177039861600008</v>
      </c>
      <c r="M199" s="13">
        <v>-0.14673109747618443</v>
      </c>
      <c r="N199" s="11">
        <v>-31.326855516600006</v>
      </c>
      <c r="O199" s="13">
        <v>-0.23874525174967717</v>
      </c>
      <c r="P199" s="7">
        <v>44.921585495199999</v>
      </c>
      <c r="Q199" s="7">
        <v>69.505277610700006</v>
      </c>
      <c r="R199" s="7">
        <v>87.406348521300004</v>
      </c>
      <c r="S199" s="7">
        <v>100.442166958</v>
      </c>
      <c r="T199" s="7">
        <v>118.835683496</v>
      </c>
      <c r="U199" s="7">
        <v>144.37116881399999</v>
      </c>
      <c r="V199" s="7">
        <v>131.214569869</v>
      </c>
      <c r="W199" s="7">
        <v>122.02182443</v>
      </c>
      <c r="X199" s="7">
        <v>120.25666956400001</v>
      </c>
      <c r="Y199" s="7">
        <v>117.064754214</v>
      </c>
      <c r="Z199" s="7">
        <v>113.283916765</v>
      </c>
      <c r="AA199" s="7">
        <v>124.695975706</v>
      </c>
      <c r="AB199" s="7">
        <v>120.707697212</v>
      </c>
      <c r="AC199" s="7">
        <v>98.686467468499998</v>
      </c>
      <c r="AD199" s="7">
        <v>96.902898931300001</v>
      </c>
      <c r="AE199" s="7">
        <v>101.603663619</v>
      </c>
      <c r="AF199" s="7">
        <v>99.887714352399996</v>
      </c>
      <c r="AG199" s="9">
        <v>1038.3052575999991</v>
      </c>
      <c r="AH199" s="13">
        <v>8.7725193741403626E-2</v>
      </c>
      <c r="AI199" s="9">
        <v>-1512.2672576000004</v>
      </c>
      <c r="AJ199" s="13">
        <v>-0.12776968737343058</v>
      </c>
      <c r="AK199" s="9">
        <v>965.19247089999953</v>
      </c>
      <c r="AL199" s="13">
        <v>9.3493632291386436E-2</v>
      </c>
      <c r="AM199" s="9">
        <v>1585.3800443</v>
      </c>
      <c r="AN199" s="13">
        <v>0.14043819408670455</v>
      </c>
      <c r="AO199" s="9">
        <v>2550.5725151999995</v>
      </c>
      <c r="AP199" s="13">
        <v>0.24706190325569971</v>
      </c>
      <c r="AQ199" s="9">
        <v>11835.884462800001</v>
      </c>
      <c r="AR199" s="9">
        <v>10108.633862799999</v>
      </c>
      <c r="AS199" s="9">
        <v>10740.0770254</v>
      </c>
      <c r="AT199" s="9">
        <v>10636.0974788</v>
      </c>
      <c r="AU199" s="9">
        <v>8889.59370657</v>
      </c>
      <c r="AV199" s="9">
        <v>10614.2240537</v>
      </c>
      <c r="AW199" s="9">
        <v>10323.6172052</v>
      </c>
      <c r="AX199" s="9">
        <v>10390.690519600001</v>
      </c>
      <c r="AY199" s="9">
        <v>11479.6659805</v>
      </c>
      <c r="AZ199" s="9">
        <v>11288.8096761</v>
      </c>
      <c r="BA199" s="9">
        <v>11144.7753675</v>
      </c>
      <c r="BB199" s="9">
        <v>12875.440154399999</v>
      </c>
      <c r="BC199" s="9">
        <v>11227.497616500001</v>
      </c>
      <c r="BD199" s="9">
        <v>12233.6982271</v>
      </c>
      <c r="BE199" s="9">
        <v>12582.704968100001</v>
      </c>
      <c r="BF199" s="9">
        <v>12874.1897204</v>
      </c>
      <c r="BG199" s="11">
        <v>4.75</v>
      </c>
      <c r="BH199" s="13">
        <v>0.43181818181818182</v>
      </c>
      <c r="BI199" s="6">
        <v>3</v>
      </c>
      <c r="BJ199" s="13">
        <v>0.27272727272727271</v>
      </c>
      <c r="BK199" s="6">
        <v>-3</v>
      </c>
      <c r="BL199" s="13">
        <v>-0.21428571428571427</v>
      </c>
      <c r="BM199" s="11">
        <v>4.75</v>
      </c>
      <c r="BN199" s="13">
        <v>0.43181818181818182</v>
      </c>
      <c r="BO199" s="11">
        <v>1.75</v>
      </c>
      <c r="BP199" s="13">
        <v>0.125</v>
      </c>
      <c r="BQ199" s="6">
        <v>11</v>
      </c>
      <c r="BR199" s="6">
        <v>14</v>
      </c>
      <c r="BS199" s="6">
        <v>13</v>
      </c>
      <c r="BT199" s="6">
        <v>14</v>
      </c>
      <c r="BU199" s="6">
        <v>14</v>
      </c>
      <c r="BV199" s="6">
        <v>13</v>
      </c>
      <c r="BW199" s="6">
        <v>11</v>
      </c>
      <c r="BX199" s="6">
        <v>12</v>
      </c>
      <c r="BY199" s="6">
        <v>11</v>
      </c>
      <c r="BZ199" s="6">
        <v>14</v>
      </c>
      <c r="CA199" s="6">
        <v>16</v>
      </c>
      <c r="CB199" s="6">
        <v>16</v>
      </c>
      <c r="CC199" s="11">
        <v>15.75</v>
      </c>
      <c r="CD199" s="11">
        <v>39.840200000000003</v>
      </c>
      <c r="CE199" s="11">
        <v>10.215400000000001</v>
      </c>
      <c r="CF199" s="11">
        <v>4.9104700000000001</v>
      </c>
      <c r="CG199" s="11">
        <v>15</v>
      </c>
      <c r="CH199" s="20">
        <v>0.26332100000000003</v>
      </c>
      <c r="CI199" s="20">
        <v>0.40698299999999998</v>
      </c>
      <c r="CJ199" s="20">
        <v>0.48939199999999999</v>
      </c>
      <c r="CK199" s="20">
        <v>0.55506800000000001</v>
      </c>
      <c r="CL199" s="20">
        <v>0.660582</v>
      </c>
      <c r="CM199" s="20">
        <v>0.79186000000000001</v>
      </c>
      <c r="CN199" s="20">
        <v>0.72009000000000001</v>
      </c>
      <c r="CO199" s="20">
        <v>0.67276499999999995</v>
      </c>
      <c r="CP199" s="20">
        <v>0.55799900000000002</v>
      </c>
      <c r="CQ199" s="20">
        <v>0.61595299999999997</v>
      </c>
      <c r="CR199" s="20">
        <v>0.61361900000000003</v>
      </c>
      <c r="CS199" s="20">
        <v>0.64110400000000001</v>
      </c>
      <c r="CT199" s="20">
        <v>0.62928399999999995</v>
      </c>
      <c r="CU199" s="20">
        <v>0.50701200000000002</v>
      </c>
      <c r="CV199" s="20">
        <v>0.49498900000000001</v>
      </c>
      <c r="CW199" s="20">
        <v>0.51162700000000005</v>
      </c>
      <c r="CX199" s="20">
        <v>0.49404399999999998</v>
      </c>
      <c r="CY199" s="6" t="s">
        <v>408</v>
      </c>
      <c r="CZ199" s="6" t="s">
        <v>409</v>
      </c>
      <c r="DA199" s="6" t="s">
        <v>119</v>
      </c>
      <c r="DB199" s="6" t="s">
        <v>345</v>
      </c>
      <c r="DC199" s="6">
        <v>16020</v>
      </c>
      <c r="DD199" s="6">
        <v>164</v>
      </c>
      <c r="DE199" s="6" t="s">
        <v>412</v>
      </c>
      <c r="DF199" s="6" t="s">
        <v>375</v>
      </c>
      <c r="DG199" s="6" t="s">
        <v>376</v>
      </c>
      <c r="DH199" s="6" t="s">
        <v>328</v>
      </c>
      <c r="DI199" s="6" t="s">
        <v>413</v>
      </c>
      <c r="DJ199" s="6">
        <v>29</v>
      </c>
      <c r="DK199" s="6">
        <v>17</v>
      </c>
      <c r="DL199" s="6">
        <v>2</v>
      </c>
      <c r="DM199" s="6" t="s">
        <v>379</v>
      </c>
      <c r="DN199" s="6">
        <v>3</v>
      </c>
      <c r="DO199" s="6" t="s">
        <v>380</v>
      </c>
      <c r="DP199" s="6"/>
      <c r="DQ199" s="6"/>
    </row>
    <row r="200" spans="1:121" x14ac:dyDescent="0.2">
      <c r="A200" s="6" t="s">
        <v>325</v>
      </c>
      <c r="B200" s="6" t="s">
        <v>325</v>
      </c>
      <c r="C200" s="6" t="s">
        <v>193</v>
      </c>
      <c r="D200" s="6" t="s">
        <v>119</v>
      </c>
      <c r="E200" s="6" t="s">
        <v>260</v>
      </c>
      <c r="F200" s="11">
        <v>-57</v>
      </c>
      <c r="G200" s="13">
        <v>-0.27669902912599997</v>
      </c>
      <c r="H200" s="11">
        <v>39.849229664000006</v>
      </c>
      <c r="I200" s="13">
        <v>0.19366338765120555</v>
      </c>
      <c r="J200" s="11">
        <v>0.80373923299998751</v>
      </c>
      <c r="K200" s="13">
        <v>3.2723585951789599E-3</v>
      </c>
      <c r="L200" s="11">
        <v>-97.896959654</v>
      </c>
      <c r="M200" s="13">
        <v>-0.39727942906931274</v>
      </c>
      <c r="N200" s="11">
        <v>-97.093220421000012</v>
      </c>
      <c r="O200" s="13">
        <v>-0.39530711122853646</v>
      </c>
      <c r="P200" s="7">
        <v>205.76542705</v>
      </c>
      <c r="Q200" s="7">
        <v>212.67934876999999</v>
      </c>
      <c r="R200" s="7">
        <v>214.30276677200001</v>
      </c>
      <c r="S200" s="7">
        <v>206.84406926599999</v>
      </c>
      <c r="T200" s="7">
        <v>209.23224188699999</v>
      </c>
      <c r="U200" s="7">
        <v>226.18977168000001</v>
      </c>
      <c r="V200" s="7">
        <v>245.61465671400001</v>
      </c>
      <c r="W200" s="7">
        <v>262.39406476699997</v>
      </c>
      <c r="X200" s="7">
        <v>252.19477365099999</v>
      </c>
      <c r="Y200" s="7">
        <v>246.41839594699999</v>
      </c>
      <c r="Z200" s="7">
        <v>263.988185762</v>
      </c>
      <c r="AA200" s="7">
        <v>286.70988043300002</v>
      </c>
      <c r="AB200" s="7">
        <v>158.8330023</v>
      </c>
      <c r="AC200" s="7">
        <v>150.48223971900001</v>
      </c>
      <c r="AD200" s="7">
        <v>156.02544412200001</v>
      </c>
      <c r="AE200" s="7">
        <v>155.17731565599999</v>
      </c>
      <c r="AF200" s="7">
        <v>148.52143629299999</v>
      </c>
      <c r="AG200" s="9">
        <v>3793.2401594000003</v>
      </c>
      <c r="AH200" s="13">
        <v>0.22079770759600831</v>
      </c>
      <c r="AI200" s="9">
        <v>1451.8052583999997</v>
      </c>
      <c r="AJ200" s="13">
        <v>8.4506980697276662E-2</v>
      </c>
      <c r="AK200" s="9">
        <v>-1807.3035492999988</v>
      </c>
      <c r="AL200" s="13">
        <v>-9.7002509526707276E-2</v>
      </c>
      <c r="AM200" s="9">
        <v>4148.7384502999994</v>
      </c>
      <c r="AN200" s="13">
        <v>0.24659336184898217</v>
      </c>
      <c r="AO200" s="9">
        <v>2341.4349010000005</v>
      </c>
      <c r="AP200" s="13">
        <v>0.12567067739029622</v>
      </c>
      <c r="AQ200" s="9">
        <v>17179.708071699999</v>
      </c>
      <c r="AR200" s="9">
        <v>17347.704853300002</v>
      </c>
      <c r="AS200" s="9">
        <v>16876.6458293</v>
      </c>
      <c r="AT200" s="9">
        <v>19231.6560852</v>
      </c>
      <c r="AU200" s="9">
        <v>18964.631448200002</v>
      </c>
      <c r="AV200" s="9">
        <v>19498.471920299999</v>
      </c>
      <c r="AW200" s="9">
        <v>18631.513330099999</v>
      </c>
      <c r="AX200" s="9">
        <v>18710.324485599998</v>
      </c>
      <c r="AY200" s="9">
        <v>17965.597979099999</v>
      </c>
      <c r="AZ200" s="9">
        <v>16824.2097808</v>
      </c>
      <c r="BA200" s="9">
        <v>16582.598311199999</v>
      </c>
      <c r="BB200" s="9">
        <v>14146.893174299999</v>
      </c>
      <c r="BC200" s="9">
        <v>18430.294542600001</v>
      </c>
      <c r="BD200" s="9">
        <v>21258.0798865</v>
      </c>
      <c r="BE200" s="9">
        <v>20537.444799100002</v>
      </c>
      <c r="BF200" s="9">
        <v>20972.948231099999</v>
      </c>
      <c r="BG200" s="11">
        <v>-16.75</v>
      </c>
      <c r="BH200" s="13">
        <v>-0.46527777777777779</v>
      </c>
      <c r="BI200" s="6">
        <v>21</v>
      </c>
      <c r="BJ200" s="13">
        <v>0.58333333333333337</v>
      </c>
      <c r="BK200" s="6">
        <v>30</v>
      </c>
      <c r="BL200" s="13">
        <v>0.52631578947368418</v>
      </c>
      <c r="BM200" s="11">
        <v>-67.75</v>
      </c>
      <c r="BN200" s="13">
        <v>-0.77873563218390807</v>
      </c>
      <c r="BO200" s="11">
        <v>-37.75</v>
      </c>
      <c r="BP200" s="13">
        <v>-0.66228070175438591</v>
      </c>
      <c r="BQ200" s="6">
        <v>36</v>
      </c>
      <c r="BR200" s="6">
        <v>33</v>
      </c>
      <c r="BS200" s="6">
        <v>41</v>
      </c>
      <c r="BT200" s="6">
        <v>57</v>
      </c>
      <c r="BU200" s="6">
        <v>64</v>
      </c>
      <c r="BV200" s="6">
        <v>74</v>
      </c>
      <c r="BW200" s="6">
        <v>87</v>
      </c>
      <c r="BX200" s="6">
        <v>99</v>
      </c>
      <c r="BY200" s="6">
        <v>113</v>
      </c>
      <c r="BZ200" s="6">
        <v>19</v>
      </c>
      <c r="CA200" s="6">
        <v>19</v>
      </c>
      <c r="CB200" s="6">
        <v>19</v>
      </c>
      <c r="CC200" s="11">
        <v>19.25</v>
      </c>
      <c r="CD200" s="11">
        <v>-77.841700000000003</v>
      </c>
      <c r="CE200" s="11">
        <v>-1.8949</v>
      </c>
      <c r="CF200" s="11">
        <v>22.492599999999999</v>
      </c>
      <c r="CG200" s="11">
        <v>20</v>
      </c>
      <c r="CH200" s="20">
        <v>1.7757000000000001</v>
      </c>
      <c r="CI200" s="20">
        <v>1.8257699999999999</v>
      </c>
      <c r="CJ200" s="20">
        <v>1.76925</v>
      </c>
      <c r="CK200" s="20">
        <v>1.7159899999999999</v>
      </c>
      <c r="CL200" s="20">
        <v>1.7749699999999999</v>
      </c>
      <c r="CM200" s="20">
        <v>1.91103</v>
      </c>
      <c r="CN200" s="20">
        <v>2.0865499999999999</v>
      </c>
      <c r="CO200" s="20">
        <v>2.2373599999999998</v>
      </c>
      <c r="CP200" s="20">
        <v>1.77285</v>
      </c>
      <c r="CQ200" s="20">
        <v>1.97885</v>
      </c>
      <c r="CR200" s="20">
        <v>2.2142499999999998</v>
      </c>
      <c r="CS200" s="20">
        <v>2.3002500000000001</v>
      </c>
      <c r="CT200" s="20">
        <v>1.4095200000000001</v>
      </c>
      <c r="CU200" s="20">
        <v>1.33003</v>
      </c>
      <c r="CV200" s="20">
        <v>1.3982399999999999</v>
      </c>
      <c r="CW200" s="20">
        <v>1.38544</v>
      </c>
      <c r="CX200" s="20">
        <v>1.31406</v>
      </c>
      <c r="CY200" s="6" t="s">
        <v>408</v>
      </c>
      <c r="CZ200" s="6" t="s">
        <v>409</v>
      </c>
      <c r="DA200" s="6" t="s">
        <v>119</v>
      </c>
      <c r="DB200" s="6" t="s">
        <v>345</v>
      </c>
      <c r="DC200" s="6">
        <v>16020</v>
      </c>
      <c r="DD200" s="6">
        <v>164</v>
      </c>
      <c r="DE200" s="6" t="s">
        <v>412</v>
      </c>
      <c r="DF200" s="6" t="s">
        <v>375</v>
      </c>
      <c r="DG200" s="6" t="s">
        <v>376</v>
      </c>
      <c r="DH200" s="6" t="s">
        <v>328</v>
      </c>
      <c r="DI200" s="6" t="s">
        <v>413</v>
      </c>
      <c r="DJ200" s="6">
        <v>29</v>
      </c>
      <c r="DK200" s="6">
        <v>17</v>
      </c>
      <c r="DL200" s="6">
        <v>2</v>
      </c>
      <c r="DM200" s="6" t="s">
        <v>379</v>
      </c>
      <c r="DN200" s="6">
        <v>3</v>
      </c>
      <c r="DO200" s="6" t="s">
        <v>380</v>
      </c>
      <c r="DP200" s="6"/>
      <c r="DQ200" s="6"/>
    </row>
    <row r="201" spans="1:121" x14ac:dyDescent="0.2">
      <c r="A201" s="6" t="s">
        <v>327</v>
      </c>
      <c r="B201" s="6" t="s">
        <v>327</v>
      </c>
      <c r="C201" s="6" t="s">
        <v>194</v>
      </c>
      <c r="D201" s="6" t="s">
        <v>119</v>
      </c>
      <c r="E201" s="6" t="s">
        <v>260</v>
      </c>
      <c r="F201" s="11">
        <v>-43</v>
      </c>
      <c r="G201" s="13">
        <v>-7.8899082568800002E-2</v>
      </c>
      <c r="H201" s="11">
        <v>-12.170232000000055</v>
      </c>
      <c r="I201" s="13">
        <v>-2.2350143861203573E-2</v>
      </c>
      <c r="J201" s="11">
        <v>-12.121449999999982</v>
      </c>
      <c r="K201" s="13">
        <v>-2.2769458340631599E-2</v>
      </c>
      <c r="L201" s="11">
        <v>-18.07688976899999</v>
      </c>
      <c r="M201" s="13">
        <v>-3.4747599170280613E-2</v>
      </c>
      <c r="N201" s="11">
        <v>-30.198339768999972</v>
      </c>
      <c r="O201" s="13">
        <v>-5.6725873499167544E-2</v>
      </c>
      <c r="P201" s="7">
        <v>544.525891</v>
      </c>
      <c r="Q201" s="7">
        <v>553.83790099999999</v>
      </c>
      <c r="R201" s="7">
        <v>562.47329400000001</v>
      </c>
      <c r="S201" s="7">
        <v>548.66646200000002</v>
      </c>
      <c r="T201" s="7">
        <v>536.62986999999998</v>
      </c>
      <c r="U201" s="7">
        <v>524.234824</v>
      </c>
      <c r="V201" s="7">
        <v>532.35565899999995</v>
      </c>
      <c r="W201" s="7">
        <v>537.90829900000006</v>
      </c>
      <c r="X201" s="7">
        <v>544.79441999999995</v>
      </c>
      <c r="Y201" s="7">
        <v>520.23420899999996</v>
      </c>
      <c r="Z201" s="7">
        <v>508.23224099999999</v>
      </c>
      <c r="AA201" s="7">
        <v>510.95630599999998</v>
      </c>
      <c r="AB201" s="7">
        <v>509.52607399999999</v>
      </c>
      <c r="AC201" s="7">
        <v>510.17131699999999</v>
      </c>
      <c r="AD201" s="7">
        <v>502.509658</v>
      </c>
      <c r="AE201" s="7">
        <v>505.14405225000002</v>
      </c>
      <c r="AF201" s="7">
        <v>502.15731923099997</v>
      </c>
      <c r="AG201" s="9">
        <v>11158.188722699997</v>
      </c>
      <c r="AH201" s="13">
        <v>0.38438084347490176</v>
      </c>
      <c r="AI201" s="9">
        <v>6690.1961321999988</v>
      </c>
      <c r="AJ201" s="13">
        <v>0.23046600987093749</v>
      </c>
      <c r="AK201" s="9">
        <v>2976.1616515999995</v>
      </c>
      <c r="AL201" s="13">
        <v>8.332108717526289E-2</v>
      </c>
      <c r="AM201" s="9">
        <v>1491.8309388999987</v>
      </c>
      <c r="AN201" s="13">
        <v>3.8553234895050602E-2</v>
      </c>
      <c r="AO201" s="9">
        <v>4467.9925904999982</v>
      </c>
      <c r="AP201" s="13">
        <v>0.12508661951589239</v>
      </c>
      <c r="AQ201" s="9">
        <v>29028.992761000001</v>
      </c>
      <c r="AR201" s="9">
        <v>30326.098191199999</v>
      </c>
      <c r="AS201" s="9">
        <v>30795.678968600001</v>
      </c>
      <c r="AT201" s="9">
        <v>32162.387351199999</v>
      </c>
      <c r="AU201" s="9">
        <v>32948.897391899998</v>
      </c>
      <c r="AV201" s="9">
        <v>34871.158435899997</v>
      </c>
      <c r="AW201" s="9">
        <v>35719.1888932</v>
      </c>
      <c r="AX201" s="9">
        <v>36608.435952599997</v>
      </c>
      <c r="AY201" s="9">
        <v>37758.342252100003</v>
      </c>
      <c r="AZ201" s="9">
        <v>38695.3505448</v>
      </c>
      <c r="BA201" s="9">
        <v>38314.885895799998</v>
      </c>
      <c r="BB201" s="9">
        <v>38101.045158300003</v>
      </c>
      <c r="BC201" s="9">
        <v>38836.654169300004</v>
      </c>
      <c r="BD201" s="9">
        <v>39249.321434899997</v>
      </c>
      <c r="BE201" s="9">
        <v>39614.9462986</v>
      </c>
      <c r="BF201" s="9">
        <v>40187.181483699998</v>
      </c>
      <c r="BG201" s="11">
        <v>4.5</v>
      </c>
      <c r="BH201" s="13">
        <v>0.1875</v>
      </c>
      <c r="BI201" s="6">
        <v>5</v>
      </c>
      <c r="BJ201" s="13">
        <v>0.20833333333333334</v>
      </c>
      <c r="BK201" s="6">
        <v>1</v>
      </c>
      <c r="BL201" s="13">
        <v>3.4482758620689655E-2</v>
      </c>
      <c r="BM201" s="11">
        <v>-1.5</v>
      </c>
      <c r="BN201" s="13">
        <v>-0.05</v>
      </c>
      <c r="BO201" s="11">
        <v>-0.5</v>
      </c>
      <c r="BP201" s="13">
        <v>-1.7241379310344827E-2</v>
      </c>
      <c r="BQ201" s="6">
        <v>24</v>
      </c>
      <c r="BR201" s="6">
        <v>23</v>
      </c>
      <c r="BS201" s="6">
        <v>24</v>
      </c>
      <c r="BT201" s="6">
        <v>29</v>
      </c>
      <c r="BU201" s="6">
        <v>29</v>
      </c>
      <c r="BV201" s="6">
        <v>30</v>
      </c>
      <c r="BW201" s="6">
        <v>30</v>
      </c>
      <c r="BX201" s="6">
        <v>30</v>
      </c>
      <c r="BY201" s="6">
        <v>29</v>
      </c>
      <c r="BZ201" s="6">
        <v>29</v>
      </c>
      <c r="CA201" s="6">
        <v>29</v>
      </c>
      <c r="CB201" s="6">
        <v>29</v>
      </c>
      <c r="CC201" s="11">
        <v>28.5</v>
      </c>
      <c r="CD201" s="11">
        <v>-69.969200000000001</v>
      </c>
      <c r="CE201" s="11">
        <v>-31.922599999999999</v>
      </c>
      <c r="CF201" s="11">
        <v>59.523200000000003</v>
      </c>
      <c r="CG201" s="11">
        <v>28</v>
      </c>
      <c r="CH201" s="20">
        <v>1.4146300000000001</v>
      </c>
      <c r="CI201" s="20">
        <v>1.42848</v>
      </c>
      <c r="CJ201" s="20">
        <v>1.4054800000000001</v>
      </c>
      <c r="CK201" s="20">
        <v>1.38764</v>
      </c>
      <c r="CL201" s="20">
        <v>1.3910199999999999</v>
      </c>
      <c r="CM201" s="20">
        <v>1.3623000000000001</v>
      </c>
      <c r="CN201" s="20">
        <v>1.40099</v>
      </c>
      <c r="CO201" s="20">
        <v>1.40663</v>
      </c>
      <c r="CP201" s="20">
        <v>1.1613800000000001</v>
      </c>
      <c r="CQ201" s="20">
        <v>1.2596499999999999</v>
      </c>
      <c r="CR201" s="20">
        <v>1.31551</v>
      </c>
      <c r="CS201" s="20">
        <v>1.3079499999999999</v>
      </c>
      <c r="CT201" s="20">
        <v>1.3703099999999999</v>
      </c>
      <c r="CU201" s="20">
        <v>1.39236</v>
      </c>
      <c r="CV201" s="20">
        <v>1.4025000000000001</v>
      </c>
      <c r="CW201" s="20">
        <v>1.4116899999999999</v>
      </c>
      <c r="CX201" s="20">
        <v>1.4004099999999999</v>
      </c>
      <c r="CY201" s="6" t="s">
        <v>408</v>
      </c>
      <c r="CZ201" s="6" t="s">
        <v>409</v>
      </c>
      <c r="DA201" s="6" t="s">
        <v>119</v>
      </c>
      <c r="DB201" s="6" t="s">
        <v>345</v>
      </c>
      <c r="DC201" s="6">
        <v>16020</v>
      </c>
      <c r="DD201" s="6">
        <v>164</v>
      </c>
      <c r="DE201" s="6" t="s">
        <v>412</v>
      </c>
      <c r="DF201" s="6" t="s">
        <v>375</v>
      </c>
      <c r="DG201" s="6" t="s">
        <v>376</v>
      </c>
      <c r="DH201" s="6" t="s">
        <v>328</v>
      </c>
      <c r="DI201" s="6" t="s">
        <v>413</v>
      </c>
      <c r="DJ201" s="6">
        <v>29</v>
      </c>
      <c r="DK201" s="6">
        <v>17</v>
      </c>
      <c r="DL201" s="6">
        <v>2</v>
      </c>
      <c r="DM201" s="6" t="s">
        <v>379</v>
      </c>
      <c r="DN201" s="6">
        <v>3</v>
      </c>
      <c r="DO201" s="6" t="s">
        <v>380</v>
      </c>
      <c r="DP201" s="6"/>
      <c r="DQ201" s="6"/>
    </row>
    <row r="202" spans="1:121" x14ac:dyDescent="0.2">
      <c r="A202" s="6" t="s">
        <v>1</v>
      </c>
      <c r="B202" s="6" t="s">
        <v>1</v>
      </c>
      <c r="C202" s="6" t="s">
        <v>2</v>
      </c>
      <c r="D202" s="6" t="s">
        <v>127</v>
      </c>
      <c r="E202" s="6" t="s">
        <v>268</v>
      </c>
      <c r="F202" s="11">
        <v>-30</v>
      </c>
      <c r="G202" s="13">
        <v>-5.7361376673000002E-2</v>
      </c>
      <c r="H202" s="11">
        <v>-15.229574812999999</v>
      </c>
      <c r="I202" s="13">
        <v>-2.9142374706998833E-2</v>
      </c>
      <c r="J202" s="11">
        <v>-50.893257269999992</v>
      </c>
      <c r="K202" s="13">
        <v>-0.1003094526868603</v>
      </c>
      <c r="L202" s="11">
        <v>36.174744142000009</v>
      </c>
      <c r="M202" s="13">
        <v>7.9249024285654557E-2</v>
      </c>
      <c r="N202" s="11">
        <v>-14.718513127999984</v>
      </c>
      <c r="O202" s="13">
        <v>-2.9009854653267445E-2</v>
      </c>
      <c r="P202" s="7">
        <v>522.59210054499999</v>
      </c>
      <c r="Q202" s="7">
        <v>540.23561463999999</v>
      </c>
      <c r="R202" s="7">
        <v>512.10349716500002</v>
      </c>
      <c r="S202" s="7">
        <v>519.13455241500003</v>
      </c>
      <c r="T202" s="7">
        <v>575.20051796500002</v>
      </c>
      <c r="U202" s="7">
        <v>529.16165739600001</v>
      </c>
      <c r="V202" s="7">
        <v>507.36252573199999</v>
      </c>
      <c r="W202" s="7">
        <v>502.45755593799998</v>
      </c>
      <c r="X202" s="7">
        <v>542.16608655599998</v>
      </c>
      <c r="Y202" s="7">
        <v>456.469268462</v>
      </c>
      <c r="Z202" s="7">
        <v>472.14563705900002</v>
      </c>
      <c r="AA202" s="7">
        <v>478.532476024</v>
      </c>
      <c r="AB202" s="7">
        <v>466.14889268399997</v>
      </c>
      <c r="AC202" s="7">
        <v>471.753294471</v>
      </c>
      <c r="AD202" s="7">
        <v>486.249163495</v>
      </c>
      <c r="AE202" s="7">
        <v>490.90617775800001</v>
      </c>
      <c r="AF202" s="7">
        <v>492.64401260400001</v>
      </c>
      <c r="AG202" s="9">
        <v>8984.0723029000001</v>
      </c>
      <c r="AH202" s="13">
        <v>0.47969899947458949</v>
      </c>
      <c r="AI202" s="9">
        <v>2586.7098405000033</v>
      </c>
      <c r="AJ202" s="13">
        <v>0.13811577651911716</v>
      </c>
      <c r="AK202" s="9">
        <v>2189.0978264999976</v>
      </c>
      <c r="AL202" s="13">
        <v>0.1027009120510359</v>
      </c>
      <c r="AM202" s="9">
        <v>4208.2646358999991</v>
      </c>
      <c r="AN202" s="13">
        <v>0.17904180165403705</v>
      </c>
      <c r="AO202" s="9">
        <v>6397.3624623999967</v>
      </c>
      <c r="AP202" s="13">
        <v>0.30013047003020321</v>
      </c>
      <c r="AQ202" s="9">
        <v>18728.561687099998</v>
      </c>
      <c r="AR202" s="9">
        <v>19154.378188499999</v>
      </c>
      <c r="AS202" s="9">
        <v>19759.739865299998</v>
      </c>
      <c r="AT202" s="9">
        <v>20564.4936313</v>
      </c>
      <c r="AU202" s="9">
        <v>19939.4279121</v>
      </c>
      <c r="AV202" s="9">
        <v>20772.227848800001</v>
      </c>
      <c r="AW202" s="9">
        <v>21315.271527600002</v>
      </c>
      <c r="AX202" s="9">
        <v>22262.133344499998</v>
      </c>
      <c r="AY202" s="9">
        <v>23008.5479404</v>
      </c>
      <c r="AZ202" s="9">
        <v>23504.369354099999</v>
      </c>
      <c r="BA202" s="9">
        <v>24921.032129499999</v>
      </c>
      <c r="BB202" s="9">
        <v>26105.229613899999</v>
      </c>
      <c r="BC202" s="9">
        <v>26408.188738600002</v>
      </c>
      <c r="BD202" s="9">
        <v>26665.513863799999</v>
      </c>
      <c r="BE202" s="9">
        <v>27502.552766000001</v>
      </c>
      <c r="BF202" s="9">
        <v>27712.633989999998</v>
      </c>
      <c r="BG202" s="11">
        <v>-0.25</v>
      </c>
      <c r="BH202" s="13">
        <v>-9.6153846153846159E-3</v>
      </c>
      <c r="BI202" s="6">
        <v>-6</v>
      </c>
      <c r="BJ202" s="13">
        <v>-0.23076923076923078</v>
      </c>
      <c r="BK202" s="6">
        <v>-2</v>
      </c>
      <c r="BL202" s="13">
        <v>-0.1</v>
      </c>
      <c r="BM202" s="11">
        <v>7.75</v>
      </c>
      <c r="BN202" s="13">
        <v>0.43055555555555558</v>
      </c>
      <c r="BO202" s="11">
        <v>5.75</v>
      </c>
      <c r="BP202" s="13">
        <v>0.28749999999999998</v>
      </c>
      <c r="BQ202" s="6">
        <v>26</v>
      </c>
      <c r="BR202" s="6">
        <v>24</v>
      </c>
      <c r="BS202" s="6">
        <v>21</v>
      </c>
      <c r="BT202" s="6">
        <v>20</v>
      </c>
      <c r="BU202" s="6">
        <v>22</v>
      </c>
      <c r="BV202" s="6">
        <v>22</v>
      </c>
      <c r="BW202" s="6">
        <v>18</v>
      </c>
      <c r="BX202" s="6">
        <v>22</v>
      </c>
      <c r="BY202" s="6">
        <v>22</v>
      </c>
      <c r="BZ202" s="6">
        <v>20</v>
      </c>
      <c r="CA202" s="6">
        <v>18</v>
      </c>
      <c r="CB202" s="6">
        <v>24</v>
      </c>
      <c r="CC202" s="11">
        <v>25.75</v>
      </c>
      <c r="CD202" s="11">
        <v>-39.427</v>
      </c>
      <c r="CE202" s="11">
        <v>-47.646700000000003</v>
      </c>
      <c r="CF202" s="11">
        <v>57.125599999999999</v>
      </c>
      <c r="CG202" s="11">
        <v>9</v>
      </c>
      <c r="CH202" s="20">
        <v>0.46210200000000001</v>
      </c>
      <c r="CI202" s="20">
        <v>0.46968599999999999</v>
      </c>
      <c r="CJ202" s="20">
        <v>0.44640200000000002</v>
      </c>
      <c r="CK202" s="20">
        <v>0.44727699999999998</v>
      </c>
      <c r="CL202" s="20">
        <v>0.48491099999999998</v>
      </c>
      <c r="CM202" s="20">
        <v>0.44876700000000003</v>
      </c>
      <c r="CN202" s="20">
        <v>0.43554999999999999</v>
      </c>
      <c r="CO202" s="20">
        <v>0.440637</v>
      </c>
      <c r="CP202" s="20">
        <v>0.46908499999999997</v>
      </c>
      <c r="CQ202" s="20">
        <v>0.39009700000000003</v>
      </c>
      <c r="CR202" s="20">
        <v>0.39804200000000001</v>
      </c>
      <c r="CS202" s="20">
        <v>0.39100800000000002</v>
      </c>
      <c r="CT202" s="20">
        <v>0.373803</v>
      </c>
      <c r="CU202" s="20">
        <v>0.37655499999999997</v>
      </c>
      <c r="CV202" s="20">
        <v>0.38424700000000001</v>
      </c>
      <c r="CW202" s="20">
        <v>0.38838699999999998</v>
      </c>
      <c r="CX202" s="20">
        <v>0.38664500000000002</v>
      </c>
      <c r="CY202" s="6" t="s">
        <v>415</v>
      </c>
      <c r="CZ202" s="6" t="s">
        <v>416</v>
      </c>
      <c r="DA202" s="6" t="s">
        <v>127</v>
      </c>
      <c r="DB202" s="6"/>
      <c r="DC202" s="6">
        <v>17860</v>
      </c>
      <c r="DD202" s="6">
        <v>190</v>
      </c>
      <c r="DE202" s="6" t="s">
        <v>418</v>
      </c>
      <c r="DF202" s="6" t="s">
        <v>375</v>
      </c>
      <c r="DG202" s="6" t="s">
        <v>364</v>
      </c>
      <c r="DH202" s="6" t="s">
        <v>419</v>
      </c>
      <c r="DI202" s="6" t="s">
        <v>390</v>
      </c>
      <c r="DJ202" s="6">
        <v>29</v>
      </c>
      <c r="DK202" s="6">
        <v>19</v>
      </c>
      <c r="DL202" s="6">
        <v>2</v>
      </c>
      <c r="DM202" s="6" t="s">
        <v>379</v>
      </c>
      <c r="DN202" s="6">
        <v>3</v>
      </c>
      <c r="DO202" s="6" t="s">
        <v>380</v>
      </c>
      <c r="DP202" s="6"/>
      <c r="DQ202" s="6"/>
    </row>
    <row r="203" spans="1:121" x14ac:dyDescent="0.2">
      <c r="A203" s="6" t="s">
        <v>310</v>
      </c>
      <c r="B203" s="6" t="s">
        <v>310</v>
      </c>
      <c r="C203" s="6" t="s">
        <v>173</v>
      </c>
      <c r="D203" s="6" t="s">
        <v>127</v>
      </c>
      <c r="E203" s="6" t="s">
        <v>268</v>
      </c>
      <c r="F203" s="11">
        <v>-90</v>
      </c>
      <c r="G203" s="13">
        <v>-0.65217391304299999</v>
      </c>
      <c r="H203" s="11">
        <v>-69.597755852000006</v>
      </c>
      <c r="I203" s="13">
        <v>-0.504349498330667</v>
      </c>
      <c r="J203" s="11">
        <v>-6.0383959999999917</v>
      </c>
      <c r="K203" s="13">
        <v>-8.8284080416756464E-2</v>
      </c>
      <c r="L203" s="11">
        <v>-14.667610432700002</v>
      </c>
      <c r="M203" s="13">
        <v>-0.23521262865416528</v>
      </c>
      <c r="N203" s="11">
        <v>-20.706006432699994</v>
      </c>
      <c r="O203" s="13">
        <v>-0.30273117844778075</v>
      </c>
      <c r="P203" s="7">
        <v>137.995092852</v>
      </c>
      <c r="Q203" s="7">
        <v>44.236865999999999</v>
      </c>
      <c r="R203" s="7">
        <v>55.000919000000003</v>
      </c>
      <c r="S203" s="7">
        <v>65.907073999999994</v>
      </c>
      <c r="T203" s="7">
        <v>82.995707999999993</v>
      </c>
      <c r="U203" s="7">
        <v>78.6049136516</v>
      </c>
      <c r="V203" s="7">
        <v>68.397336999999993</v>
      </c>
      <c r="W203" s="7">
        <v>62.157536196499997</v>
      </c>
      <c r="X203" s="7">
        <v>72.0876053386</v>
      </c>
      <c r="Y203" s="7">
        <v>62.358941000000002</v>
      </c>
      <c r="Z203" s="7">
        <v>43.485655000000001</v>
      </c>
      <c r="AA203" s="7">
        <v>44.071238000000001</v>
      </c>
      <c r="AB203" s="7">
        <v>42.897570999999999</v>
      </c>
      <c r="AC203" s="7">
        <v>41.976368999999998</v>
      </c>
      <c r="AD203" s="7">
        <v>46.049275999999999</v>
      </c>
      <c r="AE203" s="7">
        <v>49.207220999999997</v>
      </c>
      <c r="AF203" s="7">
        <v>47.6913305673</v>
      </c>
      <c r="AG203" s="9">
        <v>6211.8552538000004</v>
      </c>
      <c r="AH203" s="13">
        <v>0.1236661872956925</v>
      </c>
      <c r="AI203" s="9">
        <v>3868.3682514000029</v>
      </c>
      <c r="AJ203" s="13">
        <v>7.7011831918282106E-2</v>
      </c>
      <c r="AK203" s="9">
        <v>-1255.4566558000006</v>
      </c>
      <c r="AL203" s="13">
        <v>-2.3206566678667735E-2</v>
      </c>
      <c r="AM203" s="9">
        <v>3598.943658199998</v>
      </c>
      <c r="AN203" s="13">
        <v>6.8105390285839618E-2</v>
      </c>
      <c r="AO203" s="9">
        <v>2343.4870023999974</v>
      </c>
      <c r="AP203" s="13">
        <v>4.3318331326326856E-2</v>
      </c>
      <c r="AQ203" s="9">
        <v>50230.830185999999</v>
      </c>
      <c r="AR203" s="9">
        <v>55917.716489999999</v>
      </c>
      <c r="AS203" s="9">
        <v>50193.137679899999</v>
      </c>
      <c r="AT203" s="9">
        <v>53201.2071708</v>
      </c>
      <c r="AU203" s="9">
        <v>52326.688467599997</v>
      </c>
      <c r="AV203" s="9">
        <v>55556.063857100002</v>
      </c>
      <c r="AW203" s="9">
        <v>54099.198437400002</v>
      </c>
      <c r="AX203" s="9">
        <v>53351.370132600001</v>
      </c>
      <c r="AY203" s="9">
        <v>49432.427555100003</v>
      </c>
      <c r="AZ203" s="9">
        <v>52843.741781600002</v>
      </c>
      <c r="BA203" s="9">
        <v>51383.493147699999</v>
      </c>
      <c r="BB203" s="9">
        <v>45709.657891399998</v>
      </c>
      <c r="BC203" s="9">
        <v>51539.376724399997</v>
      </c>
      <c r="BD203" s="9">
        <v>54690.3303352</v>
      </c>
      <c r="BE203" s="9">
        <v>52329.2574417</v>
      </c>
      <c r="BF203" s="9">
        <v>56442.6854398</v>
      </c>
      <c r="BG203" s="11">
        <v>-2</v>
      </c>
      <c r="BH203" s="13">
        <v>-0.4</v>
      </c>
      <c r="BI203" s="6">
        <v>0</v>
      </c>
      <c r="BJ203" s="13">
        <v>0</v>
      </c>
      <c r="BK203" s="6">
        <v>2</v>
      </c>
      <c r="BL203" s="13">
        <v>0.4</v>
      </c>
      <c r="BM203" s="11">
        <v>-4</v>
      </c>
      <c r="BN203" s="13">
        <v>-0.5714285714285714</v>
      </c>
      <c r="BO203" s="11">
        <v>-2</v>
      </c>
      <c r="BP203" s="13">
        <v>-0.4</v>
      </c>
      <c r="BQ203" s="6">
        <v>5</v>
      </c>
      <c r="BR203" s="6">
        <v>5</v>
      </c>
      <c r="BS203" s="6">
        <v>5</v>
      </c>
      <c r="BT203" s="6">
        <v>5</v>
      </c>
      <c r="BU203" s="6">
        <v>5</v>
      </c>
      <c r="BV203" s="6">
        <v>6</v>
      </c>
      <c r="BW203" s="6">
        <v>7</v>
      </c>
      <c r="BX203" s="6">
        <v>3</v>
      </c>
      <c r="BY203" s="6">
        <v>4</v>
      </c>
      <c r="BZ203" s="6">
        <v>3</v>
      </c>
      <c r="CA203" s="6">
        <v>3</v>
      </c>
      <c r="CB203" s="6">
        <v>3</v>
      </c>
      <c r="CC203" s="11">
        <v>3</v>
      </c>
      <c r="CD203" s="11">
        <v>-119.705</v>
      </c>
      <c r="CE203" s="11">
        <v>14.316700000000001</v>
      </c>
      <c r="CF203" s="11">
        <v>15.0845</v>
      </c>
      <c r="CG203" s="11">
        <v>29</v>
      </c>
      <c r="CH203" s="20">
        <v>0.43007699999999999</v>
      </c>
      <c r="CI203" s="20">
        <v>0.141598</v>
      </c>
      <c r="CJ203" s="20">
        <v>0.17901800000000001</v>
      </c>
      <c r="CK203" s="20">
        <v>0.20515800000000001</v>
      </c>
      <c r="CL203" s="20">
        <v>0.235849</v>
      </c>
      <c r="CM203" s="20">
        <v>0.203981</v>
      </c>
      <c r="CN203" s="20">
        <v>0.16672400000000001</v>
      </c>
      <c r="CO203" s="20">
        <v>0.13964799999999999</v>
      </c>
      <c r="CP203" s="20">
        <v>0.17552799999999999</v>
      </c>
      <c r="CQ203" s="20">
        <v>0.14707300000000001</v>
      </c>
      <c r="CR203" s="20">
        <v>9.1078300000000001E-2</v>
      </c>
      <c r="CS203" s="20">
        <v>8.3021600000000001E-2</v>
      </c>
      <c r="CT203" s="20">
        <v>7.87075E-2</v>
      </c>
      <c r="CU203" s="20">
        <v>7.5233599999999998E-2</v>
      </c>
      <c r="CV203" s="20">
        <v>9.2356199999999999E-2</v>
      </c>
      <c r="CW203" s="20">
        <v>0.116304</v>
      </c>
      <c r="CX203" s="20">
        <v>0.110726</v>
      </c>
      <c r="CY203" s="6" t="s">
        <v>415</v>
      </c>
      <c r="CZ203" s="6" t="s">
        <v>416</v>
      </c>
      <c r="DA203" s="6" t="s">
        <v>127</v>
      </c>
      <c r="DB203" s="6"/>
      <c r="DC203" s="6">
        <v>17860</v>
      </c>
      <c r="DD203" s="6">
        <v>190</v>
      </c>
      <c r="DE203" s="6" t="s">
        <v>418</v>
      </c>
      <c r="DF203" s="6" t="s">
        <v>375</v>
      </c>
      <c r="DG203" s="6" t="s">
        <v>364</v>
      </c>
      <c r="DH203" s="6" t="s">
        <v>419</v>
      </c>
      <c r="DI203" s="6" t="s">
        <v>390</v>
      </c>
      <c r="DJ203" s="6">
        <v>29</v>
      </c>
      <c r="DK203" s="6">
        <v>19</v>
      </c>
      <c r="DL203" s="6">
        <v>2</v>
      </c>
      <c r="DM203" s="6" t="s">
        <v>379</v>
      </c>
      <c r="DN203" s="6">
        <v>3</v>
      </c>
      <c r="DO203" s="6" t="s">
        <v>380</v>
      </c>
      <c r="DP203" s="6"/>
      <c r="DQ203" s="6"/>
    </row>
    <row r="204" spans="1:121" x14ac:dyDescent="0.2">
      <c r="A204" s="6" t="s">
        <v>311</v>
      </c>
      <c r="B204" s="6" t="s">
        <v>311</v>
      </c>
      <c r="C204" s="6" t="s">
        <v>174</v>
      </c>
      <c r="D204" s="6" t="s">
        <v>127</v>
      </c>
      <c r="E204" s="6" t="s">
        <v>268</v>
      </c>
      <c r="F204" s="11">
        <v>-12</v>
      </c>
      <c r="G204" s="13">
        <v>-8.2758620689699997E-2</v>
      </c>
      <c r="H204" s="11">
        <v>-7.9065239999999903</v>
      </c>
      <c r="I204" s="13">
        <v>-5.4578291975311034E-2</v>
      </c>
      <c r="J204" s="11">
        <v>17.084867000000003</v>
      </c>
      <c r="K204" s="13">
        <v>0.12474420485095696</v>
      </c>
      <c r="L204" s="11">
        <v>-20.574957315000006</v>
      </c>
      <c r="M204" s="13">
        <v>-0.13356539580806073</v>
      </c>
      <c r="N204" s="11">
        <v>-3.4900903150000033</v>
      </c>
      <c r="O204" s="13">
        <v>-2.5482700052783625E-2</v>
      </c>
      <c r="P204" s="7">
        <v>144.86572799999999</v>
      </c>
      <c r="Q204" s="7">
        <v>151.263971</v>
      </c>
      <c r="R204" s="7">
        <v>145.04415</v>
      </c>
      <c r="S204" s="7">
        <v>150.996317</v>
      </c>
      <c r="T204" s="7">
        <v>129.500203</v>
      </c>
      <c r="U204" s="7">
        <v>140.54656299999999</v>
      </c>
      <c r="V204" s="7">
        <v>136.959204</v>
      </c>
      <c r="W204" s="7">
        <v>140.25811400000001</v>
      </c>
      <c r="X204" s="7">
        <v>133.978735</v>
      </c>
      <c r="Y204" s="7">
        <v>154.044071</v>
      </c>
      <c r="Z204" s="7">
        <v>156.980459</v>
      </c>
      <c r="AA204" s="7">
        <v>139.31290799999999</v>
      </c>
      <c r="AB204" s="7">
        <v>122.031255</v>
      </c>
      <c r="AC204" s="7">
        <v>126.655243739</v>
      </c>
      <c r="AD204" s="7">
        <v>131.751831821</v>
      </c>
      <c r="AE204" s="7">
        <v>133.76559902700001</v>
      </c>
      <c r="AF204" s="7">
        <v>133.469113685</v>
      </c>
      <c r="AG204" s="9">
        <v>61608.221438400004</v>
      </c>
      <c r="AH204" s="13">
        <v>1.179409298115631</v>
      </c>
      <c r="AI204" s="9">
        <v>39548.412654000007</v>
      </c>
      <c r="AJ204" s="13">
        <v>0.75710294049762539</v>
      </c>
      <c r="AK204" s="9">
        <v>-25375.021901900007</v>
      </c>
      <c r="AL204" s="13">
        <v>-0.27646177762678592</v>
      </c>
      <c r="AM204" s="9">
        <v>47434.830686300003</v>
      </c>
      <c r="AN204" s="13">
        <v>0.71427351443806519</v>
      </c>
      <c r="AO204" s="9">
        <v>22059.808784399997</v>
      </c>
      <c r="AP204" s="13">
        <v>0.24034241129800005</v>
      </c>
      <c r="AQ204" s="9">
        <v>52236.506475599999</v>
      </c>
      <c r="AR204" s="9">
        <v>49141.837526000003</v>
      </c>
      <c r="AS204" s="9">
        <v>59207.062953000001</v>
      </c>
      <c r="AT204" s="9">
        <v>54260.775515100002</v>
      </c>
      <c r="AU204" s="9">
        <v>65320.661627900001</v>
      </c>
      <c r="AV204" s="9">
        <v>79922.463264299993</v>
      </c>
      <c r="AW204" s="9">
        <v>91784.919129600006</v>
      </c>
      <c r="AX204" s="9">
        <v>85290.631531399995</v>
      </c>
      <c r="AY204" s="9">
        <v>56088.814265300003</v>
      </c>
      <c r="AZ204" s="9">
        <v>66409.897227699999</v>
      </c>
      <c r="BA204" s="9">
        <v>80507.7776935</v>
      </c>
      <c r="BB204" s="9">
        <v>71719.558876199997</v>
      </c>
      <c r="BC204" s="9">
        <v>108311.684148</v>
      </c>
      <c r="BD204" s="9">
        <v>100631.336902</v>
      </c>
      <c r="BE204" s="9">
        <v>106983.464098</v>
      </c>
      <c r="BF204" s="9">
        <v>113844.727914</v>
      </c>
      <c r="BG204" s="11">
        <v>-0.25</v>
      </c>
      <c r="BH204" s="13">
        <v>-6.25E-2</v>
      </c>
      <c r="BI204" s="6">
        <v>-1</v>
      </c>
      <c r="BJ204" s="13">
        <v>-0.25</v>
      </c>
      <c r="BK204" s="6">
        <v>0</v>
      </c>
      <c r="BL204" s="13">
        <v>0</v>
      </c>
      <c r="BM204" s="11">
        <v>0.75</v>
      </c>
      <c r="BN204" s="13">
        <v>0.25</v>
      </c>
      <c r="BO204" s="11">
        <v>0.75</v>
      </c>
      <c r="BP204" s="13">
        <v>0.25</v>
      </c>
      <c r="BQ204" s="6">
        <v>4</v>
      </c>
      <c r="BR204" s="6">
        <v>3</v>
      </c>
      <c r="BS204" s="6">
        <v>3</v>
      </c>
      <c r="BT204" s="6">
        <v>3</v>
      </c>
      <c r="BU204" s="6">
        <v>3</v>
      </c>
      <c r="BV204" s="6">
        <v>3</v>
      </c>
      <c r="BW204" s="6">
        <v>3</v>
      </c>
      <c r="BX204" s="6">
        <v>2</v>
      </c>
      <c r="BY204" s="6">
        <v>2</v>
      </c>
      <c r="BZ204" s="6">
        <v>2</v>
      </c>
      <c r="CA204" s="6">
        <v>3</v>
      </c>
      <c r="CB204" s="6">
        <v>4</v>
      </c>
      <c r="CC204" s="11">
        <v>3.75</v>
      </c>
      <c r="CD204" s="11">
        <v>-3.6417000000000002</v>
      </c>
      <c r="CE204" s="11">
        <v>-23.590499999999999</v>
      </c>
      <c r="CF204" s="11">
        <v>15.835599999999999</v>
      </c>
      <c r="CG204" s="11">
        <v>-8</v>
      </c>
      <c r="CH204" s="20">
        <v>0.412076</v>
      </c>
      <c r="CI204" s="20">
        <v>0.42446499999999998</v>
      </c>
      <c r="CJ204" s="20">
        <v>0.42138500000000001</v>
      </c>
      <c r="CK204" s="20">
        <v>0.44538100000000003</v>
      </c>
      <c r="CL204" s="20">
        <v>0.38521300000000003</v>
      </c>
      <c r="CM204" s="20">
        <v>0.42277599999999999</v>
      </c>
      <c r="CN204" s="20">
        <v>0.41140900000000002</v>
      </c>
      <c r="CO204" s="20">
        <v>0.412188</v>
      </c>
      <c r="CP204" s="20">
        <v>0.38311899999999999</v>
      </c>
      <c r="CQ204" s="20">
        <v>0.43966499999999997</v>
      </c>
      <c r="CR204" s="20">
        <v>0.44578400000000001</v>
      </c>
      <c r="CS204" s="20">
        <v>0.38847399999999999</v>
      </c>
      <c r="CT204" s="20">
        <v>0.33808899999999997</v>
      </c>
      <c r="CU204" s="20">
        <v>0.35189700000000002</v>
      </c>
      <c r="CV204" s="20">
        <v>0.36293300000000001</v>
      </c>
      <c r="CW204" s="20">
        <v>0.36844700000000002</v>
      </c>
      <c r="CX204" s="20">
        <v>0.36249100000000001</v>
      </c>
      <c r="CY204" s="6" t="s">
        <v>415</v>
      </c>
      <c r="CZ204" s="6" t="s">
        <v>416</v>
      </c>
      <c r="DA204" s="6" t="s">
        <v>127</v>
      </c>
      <c r="DB204" s="6"/>
      <c r="DC204" s="6">
        <v>17860</v>
      </c>
      <c r="DD204" s="6">
        <v>190</v>
      </c>
      <c r="DE204" s="6" t="s">
        <v>418</v>
      </c>
      <c r="DF204" s="6" t="s">
        <v>375</v>
      </c>
      <c r="DG204" s="6" t="s">
        <v>364</v>
      </c>
      <c r="DH204" s="6" t="s">
        <v>419</v>
      </c>
      <c r="DI204" s="6" t="s">
        <v>390</v>
      </c>
      <c r="DJ204" s="6">
        <v>29</v>
      </c>
      <c r="DK204" s="6">
        <v>19</v>
      </c>
      <c r="DL204" s="6">
        <v>2</v>
      </c>
      <c r="DM204" s="6" t="s">
        <v>379</v>
      </c>
      <c r="DN204" s="6">
        <v>3</v>
      </c>
      <c r="DO204" s="6" t="s">
        <v>380</v>
      </c>
      <c r="DP204" s="6"/>
      <c r="DQ204" s="6"/>
    </row>
    <row r="205" spans="1:121" x14ac:dyDescent="0.2">
      <c r="A205" s="6" t="s">
        <v>312</v>
      </c>
      <c r="B205" s="6" t="s">
        <v>312</v>
      </c>
      <c r="C205" s="6" t="s">
        <v>175</v>
      </c>
      <c r="D205" s="6" t="s">
        <v>127</v>
      </c>
      <c r="E205" s="6" t="s">
        <v>268</v>
      </c>
      <c r="F205" s="11">
        <v>-72</v>
      </c>
      <c r="G205" s="13">
        <v>-1.6612828795599999E-2</v>
      </c>
      <c r="H205" s="11">
        <v>799.69230083000002</v>
      </c>
      <c r="I205" s="13">
        <v>0.18451681404814596</v>
      </c>
      <c r="J205" s="11">
        <v>-1162.2676641000003</v>
      </c>
      <c r="K205" s="13">
        <v>-0.22640080041723795</v>
      </c>
      <c r="L205" s="11">
        <v>290.23744443999976</v>
      </c>
      <c r="M205" s="13">
        <v>7.3081799469866246E-2</v>
      </c>
      <c r="N205" s="11">
        <v>-872.03021966000051</v>
      </c>
      <c r="O205" s="13">
        <v>-0.16986477884328152</v>
      </c>
      <c r="P205" s="7">
        <v>4333.9806453700003</v>
      </c>
      <c r="Q205" s="7">
        <v>4642.9078279799996</v>
      </c>
      <c r="R205" s="7">
        <v>4859.1660671700001</v>
      </c>
      <c r="S205" s="7">
        <v>5175.7188114800001</v>
      </c>
      <c r="T205" s="7">
        <v>5360.32218061</v>
      </c>
      <c r="U205" s="7">
        <v>5353.7002171399999</v>
      </c>
      <c r="V205" s="7">
        <v>5133.6729462000003</v>
      </c>
      <c r="W205" s="7">
        <v>4896.6561066599998</v>
      </c>
      <c r="X205" s="7">
        <v>4217.9165021299996</v>
      </c>
      <c r="Y205" s="7">
        <v>3971.4052821</v>
      </c>
      <c r="Z205" s="7">
        <v>3814.95734047</v>
      </c>
      <c r="AA205" s="7">
        <v>3996.42455273</v>
      </c>
      <c r="AB205" s="7">
        <v>4148.5442590499997</v>
      </c>
      <c r="AC205" s="7">
        <v>4252.0078027700001</v>
      </c>
      <c r="AD205" s="7">
        <v>4279.52896108</v>
      </c>
      <c r="AE205" s="7">
        <v>4270.8941522599998</v>
      </c>
      <c r="AF205" s="7">
        <v>4261.6427265399998</v>
      </c>
      <c r="AG205" s="9">
        <v>16590.445839200002</v>
      </c>
      <c r="AH205" s="13">
        <v>0.48927289549545017</v>
      </c>
      <c r="AI205" s="9">
        <v>6985.2114654000034</v>
      </c>
      <c r="AJ205" s="13">
        <v>0.20600257958402629</v>
      </c>
      <c r="AK205" s="9">
        <v>3886.812809899995</v>
      </c>
      <c r="AL205" s="13">
        <v>9.5047016524604622E-2</v>
      </c>
      <c r="AM205" s="9">
        <v>5718.4215639000031</v>
      </c>
      <c r="AN205" s="13">
        <v>0.12769922630997005</v>
      </c>
      <c r="AO205" s="9">
        <v>9605.2343737999981</v>
      </c>
      <c r="AP205" s="13">
        <v>0.23488367330783763</v>
      </c>
      <c r="AQ205" s="9">
        <v>33908.3689122</v>
      </c>
      <c r="AR205" s="9">
        <v>35707.838950400001</v>
      </c>
      <c r="AS205" s="9">
        <v>36930.910606600002</v>
      </c>
      <c r="AT205" s="9">
        <v>37414.8734491</v>
      </c>
      <c r="AU205" s="9">
        <v>38950.766472700001</v>
      </c>
      <c r="AV205" s="9">
        <v>39457.335002300002</v>
      </c>
      <c r="AW205" s="9">
        <v>40893.580377600003</v>
      </c>
      <c r="AX205" s="9">
        <v>41505.285248400003</v>
      </c>
      <c r="AY205" s="9">
        <v>42113.126276299998</v>
      </c>
      <c r="AZ205" s="9">
        <v>44780.393187499998</v>
      </c>
      <c r="BA205" s="9">
        <v>45392.479447600002</v>
      </c>
      <c r="BB205" s="9">
        <v>46234.668099399998</v>
      </c>
      <c r="BC205" s="9">
        <v>47702.955631800003</v>
      </c>
      <c r="BD205" s="9">
        <v>48487.614069399999</v>
      </c>
      <c r="BE205" s="9">
        <v>48414.640024599998</v>
      </c>
      <c r="BF205" s="9">
        <v>50498.814751400001</v>
      </c>
      <c r="BG205" s="11">
        <v>-58</v>
      </c>
      <c r="BH205" s="13">
        <v>-9.9656357388316158E-2</v>
      </c>
      <c r="BI205" s="6">
        <v>47</v>
      </c>
      <c r="BJ205" s="13">
        <v>8.0756013745704472E-2</v>
      </c>
      <c r="BK205" s="6">
        <v>-91</v>
      </c>
      <c r="BL205" s="13">
        <v>-0.14467408585055644</v>
      </c>
      <c r="BM205" s="11">
        <v>-14</v>
      </c>
      <c r="BN205" s="13">
        <v>-2.6022304832713755E-2</v>
      </c>
      <c r="BO205" s="11">
        <v>-105</v>
      </c>
      <c r="BP205" s="13">
        <v>-0.16693163751987281</v>
      </c>
      <c r="BQ205" s="6">
        <v>582</v>
      </c>
      <c r="BR205" s="6">
        <v>620</v>
      </c>
      <c r="BS205" s="6">
        <v>640</v>
      </c>
      <c r="BT205" s="6">
        <v>629</v>
      </c>
      <c r="BU205" s="6">
        <v>615</v>
      </c>
      <c r="BV205" s="6">
        <v>563</v>
      </c>
      <c r="BW205" s="6">
        <v>538</v>
      </c>
      <c r="BX205" s="6">
        <v>505</v>
      </c>
      <c r="BY205" s="6">
        <v>498</v>
      </c>
      <c r="BZ205" s="6">
        <v>496</v>
      </c>
      <c r="CA205" s="6">
        <v>502</v>
      </c>
      <c r="CB205" s="6">
        <v>523</v>
      </c>
      <c r="CC205" s="11">
        <v>524</v>
      </c>
      <c r="CD205" s="11">
        <v>-21.1389</v>
      </c>
      <c r="CE205" s="11">
        <v>-524.95500000000004</v>
      </c>
      <c r="CF205" s="11">
        <v>473.75599999999997</v>
      </c>
      <c r="CG205" s="11">
        <v>-51</v>
      </c>
      <c r="CH205" s="20">
        <v>0.84996400000000005</v>
      </c>
      <c r="CI205" s="20">
        <v>0.89204300000000003</v>
      </c>
      <c r="CJ205" s="20">
        <v>0.92366700000000002</v>
      </c>
      <c r="CK205" s="20">
        <v>0.93654599999999999</v>
      </c>
      <c r="CL205" s="20">
        <v>0.91195400000000004</v>
      </c>
      <c r="CM205" s="20">
        <v>0.87720799999999999</v>
      </c>
      <c r="CN205" s="20">
        <v>0.85129200000000005</v>
      </c>
      <c r="CO205" s="20">
        <v>0.85255199999999998</v>
      </c>
      <c r="CP205" s="20">
        <v>0.82425599999999999</v>
      </c>
      <c r="CQ205" s="20">
        <v>0.82871899999999998</v>
      </c>
      <c r="CR205" s="20">
        <v>0.80038799999999999</v>
      </c>
      <c r="CS205" s="20">
        <v>0.81557800000000003</v>
      </c>
      <c r="CT205" s="20">
        <v>0.82079400000000002</v>
      </c>
      <c r="CU205" s="20">
        <v>0.81805000000000005</v>
      </c>
      <c r="CV205" s="20">
        <v>0.793713</v>
      </c>
      <c r="CW205" s="20">
        <v>0.77570099999999997</v>
      </c>
      <c r="CX205" s="20">
        <v>0.76429800000000003</v>
      </c>
      <c r="CY205" s="6" t="s">
        <v>415</v>
      </c>
      <c r="CZ205" s="6" t="s">
        <v>416</v>
      </c>
      <c r="DA205" s="6" t="s">
        <v>127</v>
      </c>
      <c r="DB205" s="6"/>
      <c r="DC205" s="6">
        <v>17860</v>
      </c>
      <c r="DD205" s="6">
        <v>190</v>
      </c>
      <c r="DE205" s="6" t="s">
        <v>418</v>
      </c>
      <c r="DF205" s="6" t="s">
        <v>375</v>
      </c>
      <c r="DG205" s="6" t="s">
        <v>364</v>
      </c>
      <c r="DH205" s="6" t="s">
        <v>419</v>
      </c>
      <c r="DI205" s="6" t="s">
        <v>390</v>
      </c>
      <c r="DJ205" s="6">
        <v>29</v>
      </c>
      <c r="DK205" s="6">
        <v>19</v>
      </c>
      <c r="DL205" s="6">
        <v>2</v>
      </c>
      <c r="DM205" s="6" t="s">
        <v>379</v>
      </c>
      <c r="DN205" s="6">
        <v>3</v>
      </c>
      <c r="DO205" s="6" t="s">
        <v>380</v>
      </c>
      <c r="DP205" s="6"/>
      <c r="DQ205" s="6"/>
    </row>
    <row r="206" spans="1:121" x14ac:dyDescent="0.2">
      <c r="A206" s="6" t="s">
        <v>792</v>
      </c>
      <c r="B206" s="6" t="s">
        <v>176</v>
      </c>
      <c r="C206" s="6" t="s">
        <v>177</v>
      </c>
      <c r="D206" s="6" t="s">
        <v>127</v>
      </c>
      <c r="E206" s="6" t="s">
        <v>268</v>
      </c>
      <c r="F206" s="11">
        <v>-1454</v>
      </c>
      <c r="G206" s="13">
        <v>-0.26090077157699998</v>
      </c>
      <c r="H206" s="11">
        <v>-1128.3621693100004</v>
      </c>
      <c r="I206" s="13">
        <v>-0.20245637402550004</v>
      </c>
      <c r="J206" s="11">
        <v>-1156.9616078599997</v>
      </c>
      <c r="K206" s="13">
        <v>-0.26028397860465036</v>
      </c>
      <c r="L206" s="11">
        <v>831.14172078000001</v>
      </c>
      <c r="M206" s="13">
        <v>0.25277757713511695</v>
      </c>
      <c r="N206" s="11">
        <v>-325.81988707999972</v>
      </c>
      <c r="O206" s="13">
        <v>-7.3300354948305516E-2</v>
      </c>
      <c r="P206" s="7">
        <v>5573.35956816</v>
      </c>
      <c r="Q206" s="7">
        <v>5042.6343673499996</v>
      </c>
      <c r="R206" s="7">
        <v>5163.7634685800003</v>
      </c>
      <c r="S206" s="7">
        <v>5235.1041619600001</v>
      </c>
      <c r="T206" s="7">
        <v>5033.8104511299998</v>
      </c>
      <c r="U206" s="7">
        <v>4758.0427343900001</v>
      </c>
      <c r="V206" s="7">
        <v>4444.9973988499996</v>
      </c>
      <c r="W206" s="7">
        <v>4013.6540253399999</v>
      </c>
      <c r="X206" s="7">
        <v>3524.0430887000002</v>
      </c>
      <c r="Y206" s="7">
        <v>3288.0357909899999</v>
      </c>
      <c r="Z206" s="7">
        <v>3615.1076661100001</v>
      </c>
      <c r="AA206" s="7">
        <v>3612.2650073899999</v>
      </c>
      <c r="AB206" s="7">
        <v>3907.4356170199999</v>
      </c>
      <c r="AC206" s="7">
        <v>3986.9658617300001</v>
      </c>
      <c r="AD206" s="7">
        <v>4121.34731663</v>
      </c>
      <c r="AE206" s="7">
        <v>4016.9837690999998</v>
      </c>
      <c r="AF206" s="7">
        <v>4119.1775117699999</v>
      </c>
      <c r="AG206" s="9">
        <v>18019.7082171</v>
      </c>
      <c r="AH206" s="13">
        <v>0.42197082100015809</v>
      </c>
      <c r="AI206" s="9">
        <v>8557.1849048000004</v>
      </c>
      <c r="AJ206" s="13">
        <v>0.20038517251361648</v>
      </c>
      <c r="AK206" s="9">
        <v>3546.9630496999962</v>
      </c>
      <c r="AL206" s="13">
        <v>6.9194361855581893E-2</v>
      </c>
      <c r="AM206" s="9">
        <v>5915.5602626000036</v>
      </c>
      <c r="AN206" s="13">
        <v>0.10793275612027074</v>
      </c>
      <c r="AO206" s="9">
        <v>9462.5233122999998</v>
      </c>
      <c r="AP206" s="13">
        <v>0.18459545615890893</v>
      </c>
      <c r="AQ206" s="9">
        <v>42703.683099200003</v>
      </c>
      <c r="AR206" s="9">
        <v>45344.9739586</v>
      </c>
      <c r="AS206" s="9">
        <v>47149.244690799998</v>
      </c>
      <c r="AT206" s="9">
        <v>48306.1974969</v>
      </c>
      <c r="AU206" s="9">
        <v>49132.491514100002</v>
      </c>
      <c r="AV206" s="9">
        <v>50463.623914999996</v>
      </c>
      <c r="AW206" s="9">
        <v>51260.868004000004</v>
      </c>
      <c r="AX206" s="9">
        <v>51985.242495899998</v>
      </c>
      <c r="AY206" s="9">
        <v>53761.410917000001</v>
      </c>
      <c r="AZ206" s="9">
        <v>54807.8310537</v>
      </c>
      <c r="BA206" s="9">
        <v>52673.941081299999</v>
      </c>
      <c r="BB206" s="9">
        <v>53068.984260700003</v>
      </c>
      <c r="BC206" s="9">
        <v>57047.190162600004</v>
      </c>
      <c r="BD206" s="9">
        <v>57710.955867899997</v>
      </c>
      <c r="BE206" s="9">
        <v>58316.817815900002</v>
      </c>
      <c r="BF206" s="9">
        <v>60723.391316300003</v>
      </c>
      <c r="BG206" s="11">
        <v>-12.5</v>
      </c>
      <c r="BH206" s="13">
        <v>-0.125</v>
      </c>
      <c r="BI206" s="6">
        <v>-5</v>
      </c>
      <c r="BJ206" s="13">
        <v>-0.05</v>
      </c>
      <c r="BK206" s="6">
        <v>0</v>
      </c>
      <c r="BL206" s="13">
        <v>0</v>
      </c>
      <c r="BM206" s="11">
        <v>-7.5</v>
      </c>
      <c r="BN206" s="13">
        <v>-7.8947368421052627E-2</v>
      </c>
      <c r="BO206" s="11">
        <v>-7.5</v>
      </c>
      <c r="BP206" s="13">
        <v>-7.8947368421052627E-2</v>
      </c>
      <c r="BQ206" s="6">
        <v>100</v>
      </c>
      <c r="BR206" s="6">
        <v>98</v>
      </c>
      <c r="BS206" s="6">
        <v>95</v>
      </c>
      <c r="BT206" s="6">
        <v>95</v>
      </c>
      <c r="BU206" s="6">
        <v>95</v>
      </c>
      <c r="BV206" s="6">
        <v>99</v>
      </c>
      <c r="BW206" s="6">
        <v>95</v>
      </c>
      <c r="BX206" s="6">
        <v>92</v>
      </c>
      <c r="BY206" s="6">
        <v>95</v>
      </c>
      <c r="BZ206" s="6">
        <v>94</v>
      </c>
      <c r="CA206" s="6">
        <v>97</v>
      </c>
      <c r="CB206" s="6">
        <v>93</v>
      </c>
      <c r="CC206" s="11">
        <v>87.5</v>
      </c>
      <c r="CD206" s="11">
        <v>-96.145700000000005</v>
      </c>
      <c r="CE206" s="11">
        <v>-1967.27</v>
      </c>
      <c r="CF206" s="11">
        <v>609.23500000000001</v>
      </c>
      <c r="CG206" s="11">
        <v>-1358</v>
      </c>
      <c r="CH206" s="20">
        <v>0.57093400000000005</v>
      </c>
      <c r="CI206" s="20">
        <v>0.54080600000000001</v>
      </c>
      <c r="CJ206" s="20">
        <v>0.58569099999999996</v>
      </c>
      <c r="CK206" s="20">
        <v>0.59868399999999999</v>
      </c>
      <c r="CL206" s="20">
        <v>0.56994</v>
      </c>
      <c r="CM206" s="20">
        <v>0.54381699999999999</v>
      </c>
      <c r="CN206" s="20">
        <v>0.52054100000000003</v>
      </c>
      <c r="CO206" s="20">
        <v>0.48284500000000002</v>
      </c>
      <c r="CP206" s="20">
        <v>0.46880699999999997</v>
      </c>
      <c r="CQ206" s="20">
        <v>0.441855</v>
      </c>
      <c r="CR206" s="20">
        <v>0.47389500000000001</v>
      </c>
      <c r="CS206" s="20">
        <v>0.45729399999999998</v>
      </c>
      <c r="CT206" s="20">
        <v>0.487122</v>
      </c>
      <c r="CU206" s="20">
        <v>0.495168</v>
      </c>
      <c r="CV206" s="20">
        <v>0.50725900000000002</v>
      </c>
      <c r="CW206" s="20">
        <v>0.49473299999999998</v>
      </c>
      <c r="CX206" s="20">
        <v>0.50416899999999998</v>
      </c>
      <c r="CY206" s="6" t="s">
        <v>415</v>
      </c>
      <c r="CZ206" s="6" t="s">
        <v>416</v>
      </c>
      <c r="DA206" s="6" t="s">
        <v>127</v>
      </c>
      <c r="DB206" s="6"/>
      <c r="DC206" s="6">
        <v>17860</v>
      </c>
      <c r="DD206" s="6">
        <v>190</v>
      </c>
      <c r="DE206" s="6" t="s">
        <v>418</v>
      </c>
      <c r="DF206" s="6" t="s">
        <v>375</v>
      </c>
      <c r="DG206" s="6" t="s">
        <v>364</v>
      </c>
      <c r="DH206" s="6" t="s">
        <v>419</v>
      </c>
      <c r="DI206" s="6" t="s">
        <v>390</v>
      </c>
      <c r="DJ206" s="6">
        <v>29</v>
      </c>
      <c r="DK206" s="6">
        <v>19</v>
      </c>
      <c r="DL206" s="6">
        <v>2</v>
      </c>
      <c r="DM206" s="6" t="s">
        <v>379</v>
      </c>
      <c r="DN206" s="6">
        <v>3</v>
      </c>
      <c r="DO206" s="6" t="s">
        <v>380</v>
      </c>
      <c r="DP206" s="6"/>
      <c r="DQ206" s="6"/>
    </row>
    <row r="207" spans="1:121" x14ac:dyDescent="0.2">
      <c r="A207" s="6" t="s">
        <v>313</v>
      </c>
      <c r="B207" s="6" t="s">
        <v>313</v>
      </c>
      <c r="C207" s="6" t="s">
        <v>178</v>
      </c>
      <c r="D207" s="6" t="s">
        <v>127</v>
      </c>
      <c r="E207" s="6" t="s">
        <v>268</v>
      </c>
      <c r="F207" s="11">
        <v>189</v>
      </c>
      <c r="G207" s="13">
        <v>7.6240419524E-2</v>
      </c>
      <c r="H207" s="11">
        <v>225.78637939999999</v>
      </c>
      <c r="I207" s="13">
        <v>9.1083777357169882E-2</v>
      </c>
      <c r="J207" s="11">
        <v>-437.3706771799998</v>
      </c>
      <c r="K207" s="13">
        <v>-0.16170924821229107</v>
      </c>
      <c r="L207" s="11">
        <v>400.92060220999974</v>
      </c>
      <c r="M207" s="13">
        <v>0.1768271283341239</v>
      </c>
      <c r="N207" s="11">
        <v>-36.45007497000006</v>
      </c>
      <c r="O207" s="13">
        <v>-1.3476701864616669E-2</v>
      </c>
      <c r="P207" s="7">
        <v>2478.8868660399999</v>
      </c>
      <c r="Q207" s="7">
        <v>2678.9620403399999</v>
      </c>
      <c r="R207" s="7">
        <v>2646.9730973800001</v>
      </c>
      <c r="S207" s="7">
        <v>2651.6513444699999</v>
      </c>
      <c r="T207" s="7">
        <v>2699.2450794299998</v>
      </c>
      <c r="U207" s="7">
        <v>2800.1393812199999</v>
      </c>
      <c r="V207" s="7">
        <v>2704.6732454399998</v>
      </c>
      <c r="W207" s="7">
        <v>2713.9299960500002</v>
      </c>
      <c r="X207" s="7">
        <v>2293.59634194</v>
      </c>
      <c r="Y207" s="7">
        <v>2267.30256826</v>
      </c>
      <c r="Z207" s="7">
        <v>2212.8512045000002</v>
      </c>
      <c r="AA207" s="7">
        <v>2369.12345744</v>
      </c>
      <c r="AB207" s="7">
        <v>2422.6995271300002</v>
      </c>
      <c r="AC207" s="7">
        <v>2433.4623433500001</v>
      </c>
      <c r="AD207" s="7">
        <v>2653.0041270900001</v>
      </c>
      <c r="AE207" s="7">
        <v>2632.4598440999998</v>
      </c>
      <c r="AF207" s="7">
        <v>2668.2231704699998</v>
      </c>
      <c r="AG207" s="9">
        <v>23360.976738999998</v>
      </c>
      <c r="AH207" s="13">
        <v>0.7019417609008517</v>
      </c>
      <c r="AI207" s="9">
        <v>7376.2049004</v>
      </c>
      <c r="AJ207" s="13">
        <v>0.22163740473695215</v>
      </c>
      <c r="AK207" s="9">
        <v>5729.9462975999995</v>
      </c>
      <c r="AL207" s="13">
        <v>0.14093482281661046</v>
      </c>
      <c r="AM207" s="9">
        <v>10254.825540999998</v>
      </c>
      <c r="AN207" s="13">
        <v>0.2210727445782959</v>
      </c>
      <c r="AO207" s="9">
        <v>15984.771838599998</v>
      </c>
      <c r="AP207" s="13">
        <v>0.39316441548163023</v>
      </c>
      <c r="AQ207" s="9">
        <v>33280.5056491</v>
      </c>
      <c r="AR207" s="9">
        <v>34117.789664399999</v>
      </c>
      <c r="AS207" s="9">
        <v>35541.134816999998</v>
      </c>
      <c r="AT207" s="9">
        <v>36411.517599300001</v>
      </c>
      <c r="AU207" s="9">
        <v>38809.894362599996</v>
      </c>
      <c r="AV207" s="9">
        <v>40780.143834000002</v>
      </c>
      <c r="AW207" s="9">
        <v>40656.7105495</v>
      </c>
      <c r="AX207" s="9">
        <v>42270.4189148</v>
      </c>
      <c r="AY207" s="9">
        <v>46084.019180800002</v>
      </c>
      <c r="AZ207" s="9">
        <v>46386.656847099999</v>
      </c>
      <c r="BA207" s="9">
        <v>47315.953863900002</v>
      </c>
      <c r="BB207" s="9">
        <v>49375.401505200003</v>
      </c>
      <c r="BC207" s="9">
        <v>49322.6470787</v>
      </c>
      <c r="BD207" s="9">
        <v>51910.048798999997</v>
      </c>
      <c r="BE207" s="9">
        <v>54649.6626359</v>
      </c>
      <c r="BF207" s="9">
        <v>56641.482388099997</v>
      </c>
      <c r="BG207" s="11">
        <v>22.75</v>
      </c>
      <c r="BH207" s="13">
        <v>0.13541666666666666</v>
      </c>
      <c r="BI207" s="6">
        <v>-2</v>
      </c>
      <c r="BJ207" s="13">
        <v>-1.1904761904761904E-2</v>
      </c>
      <c r="BK207" s="6">
        <v>1</v>
      </c>
      <c r="BL207" s="13">
        <v>6.024096385542169E-3</v>
      </c>
      <c r="BM207" s="11">
        <v>23.75</v>
      </c>
      <c r="BN207" s="13">
        <v>0.14221556886227546</v>
      </c>
      <c r="BO207" s="11">
        <v>24.75</v>
      </c>
      <c r="BP207" s="13">
        <v>0.14909638554216867</v>
      </c>
      <c r="BQ207" s="6">
        <v>168</v>
      </c>
      <c r="BR207" s="6">
        <v>165</v>
      </c>
      <c r="BS207" s="6">
        <v>162</v>
      </c>
      <c r="BT207" s="6">
        <v>166</v>
      </c>
      <c r="BU207" s="6">
        <v>171</v>
      </c>
      <c r="BV207" s="6">
        <v>162</v>
      </c>
      <c r="BW207" s="6">
        <v>167</v>
      </c>
      <c r="BX207" s="6">
        <v>161</v>
      </c>
      <c r="BY207" s="6">
        <v>174</v>
      </c>
      <c r="BZ207" s="6">
        <v>186</v>
      </c>
      <c r="CA207" s="6">
        <v>190</v>
      </c>
      <c r="CB207" s="6">
        <v>200</v>
      </c>
      <c r="CC207" s="11">
        <v>190.75</v>
      </c>
      <c r="CD207" s="11">
        <v>121.057</v>
      </c>
      <c r="CE207" s="11">
        <v>-202.69200000000001</v>
      </c>
      <c r="CF207" s="11">
        <v>270.97199999999998</v>
      </c>
      <c r="CG207" s="11">
        <v>68</v>
      </c>
      <c r="CH207" s="20">
        <v>0.71314699999999998</v>
      </c>
      <c r="CI207" s="20">
        <v>0.76632999999999996</v>
      </c>
      <c r="CJ207" s="20">
        <v>0.76548499999999997</v>
      </c>
      <c r="CK207" s="20">
        <v>0.75487000000000004</v>
      </c>
      <c r="CL207" s="20">
        <v>0.74273400000000001</v>
      </c>
      <c r="CM207" s="20">
        <v>0.75676299999999996</v>
      </c>
      <c r="CN207" s="20">
        <v>0.722437</v>
      </c>
      <c r="CO207" s="20">
        <v>0.72559899999999999</v>
      </c>
      <c r="CP207" s="20">
        <v>0.64100900000000005</v>
      </c>
      <c r="CQ207" s="20">
        <v>0.63372300000000004</v>
      </c>
      <c r="CR207" s="20">
        <v>0.60598399999999997</v>
      </c>
      <c r="CS207" s="20">
        <v>0.62581100000000001</v>
      </c>
      <c r="CT207" s="20">
        <v>0.62663599999999997</v>
      </c>
      <c r="CU207" s="20">
        <v>0.62783800000000001</v>
      </c>
      <c r="CV207" s="20">
        <v>0.67877100000000001</v>
      </c>
      <c r="CW207" s="20">
        <v>0.67569000000000001</v>
      </c>
      <c r="CX207" s="20">
        <v>0.67507899999999998</v>
      </c>
      <c r="CY207" s="6" t="s">
        <v>415</v>
      </c>
      <c r="CZ207" s="6" t="s">
        <v>416</v>
      </c>
      <c r="DA207" s="6" t="s">
        <v>127</v>
      </c>
      <c r="DB207" s="6"/>
      <c r="DC207" s="6">
        <v>17860</v>
      </c>
      <c r="DD207" s="6">
        <v>190</v>
      </c>
      <c r="DE207" s="6" t="s">
        <v>418</v>
      </c>
      <c r="DF207" s="6" t="s">
        <v>375</v>
      </c>
      <c r="DG207" s="6" t="s">
        <v>364</v>
      </c>
      <c r="DH207" s="6" t="s">
        <v>419</v>
      </c>
      <c r="DI207" s="6" t="s">
        <v>390</v>
      </c>
      <c r="DJ207" s="6">
        <v>29</v>
      </c>
      <c r="DK207" s="6">
        <v>19</v>
      </c>
      <c r="DL207" s="6">
        <v>2</v>
      </c>
      <c r="DM207" s="6" t="s">
        <v>379</v>
      </c>
      <c r="DN207" s="6">
        <v>3</v>
      </c>
      <c r="DO207" s="6" t="s">
        <v>380</v>
      </c>
      <c r="DP207" s="6"/>
      <c r="DQ207" s="6"/>
    </row>
    <row r="208" spans="1:121" x14ac:dyDescent="0.2">
      <c r="A208" s="6" t="s">
        <v>793</v>
      </c>
      <c r="B208" s="6" t="s">
        <v>179</v>
      </c>
      <c r="C208" s="6" t="s">
        <v>180</v>
      </c>
      <c r="D208" s="6" t="s">
        <v>127</v>
      </c>
      <c r="E208" s="6" t="s">
        <v>268</v>
      </c>
      <c r="F208" s="11">
        <v>2184</v>
      </c>
      <c r="G208" s="13">
        <v>0.23</v>
      </c>
      <c r="H208" s="11">
        <v>1015</v>
      </c>
      <c r="I208" s="13">
        <v>0.10498551923872568</v>
      </c>
      <c r="J208" s="11">
        <v>1031</v>
      </c>
      <c r="K208" s="13">
        <v>9.6508471403163903E-2</v>
      </c>
      <c r="L208" s="11">
        <v>138</v>
      </c>
      <c r="M208" s="13">
        <v>1.1780775140857094E-2</v>
      </c>
      <c r="N208" s="11">
        <v>1169</v>
      </c>
      <c r="O208" s="13">
        <v>0.1094261911448095</v>
      </c>
      <c r="P208" s="7">
        <v>9668</v>
      </c>
      <c r="Q208" s="7">
        <v>10050</v>
      </c>
      <c r="R208" s="7">
        <v>10028</v>
      </c>
      <c r="S208" s="7">
        <v>10086</v>
      </c>
      <c r="T208" s="7">
        <v>10312</v>
      </c>
      <c r="U208" s="7">
        <v>10652</v>
      </c>
      <c r="V208" s="7">
        <v>10683</v>
      </c>
      <c r="W208" s="7">
        <v>10441</v>
      </c>
      <c r="X208" s="7">
        <v>11135</v>
      </c>
      <c r="Y208" s="7">
        <v>11714</v>
      </c>
      <c r="Z208" s="7">
        <v>11255</v>
      </c>
      <c r="AA208" s="7">
        <v>11225</v>
      </c>
      <c r="AB208" s="7">
        <v>11573</v>
      </c>
      <c r="AC208" s="7">
        <v>11773</v>
      </c>
      <c r="AD208" s="7">
        <v>11746</v>
      </c>
      <c r="AE208" s="7">
        <v>11640</v>
      </c>
      <c r="AF208" s="7">
        <v>11852</v>
      </c>
      <c r="AG208" s="9">
        <v>9430</v>
      </c>
      <c r="AH208" s="13">
        <v>0.42085062703619402</v>
      </c>
      <c r="AI208" s="9">
        <v>3885</v>
      </c>
      <c r="AJ208" s="13">
        <v>0.17338331771321461</v>
      </c>
      <c r="AK208" s="9">
        <v>1573</v>
      </c>
      <c r="AL208" s="13">
        <v>5.9828084588467965E-2</v>
      </c>
      <c r="AM208" s="9">
        <v>3972</v>
      </c>
      <c r="AN208" s="13">
        <v>0.14254441055087028</v>
      </c>
      <c r="AO208" s="9">
        <v>5545</v>
      </c>
      <c r="AP208" s="13">
        <v>0.21090065419138901</v>
      </c>
      <c r="AQ208" s="9">
        <v>22407</v>
      </c>
      <c r="AR208" s="9">
        <v>22993</v>
      </c>
      <c r="AS208" s="9">
        <v>23862</v>
      </c>
      <c r="AT208" s="9">
        <v>24444</v>
      </c>
      <c r="AU208" s="9">
        <v>25327</v>
      </c>
      <c r="AV208" s="9">
        <v>26166</v>
      </c>
      <c r="AW208" s="9">
        <v>26292</v>
      </c>
      <c r="AX208" s="9">
        <v>27265</v>
      </c>
      <c r="AY208" s="9">
        <v>28397</v>
      </c>
      <c r="AZ208" s="9">
        <v>27865</v>
      </c>
      <c r="BA208" s="9">
        <v>28945</v>
      </c>
      <c r="BB208" s="9">
        <v>29838</v>
      </c>
      <c r="BC208" s="9">
        <v>30358</v>
      </c>
      <c r="BD208" s="9">
        <v>31029</v>
      </c>
      <c r="BE208" s="9">
        <v>31283</v>
      </c>
      <c r="BF208" s="9">
        <v>31837</v>
      </c>
      <c r="BG208" s="11">
        <v>-19</v>
      </c>
      <c r="BH208" s="13">
        <v>-3.281519861830743E-2</v>
      </c>
      <c r="BI208" s="6">
        <v>-7</v>
      </c>
      <c r="BJ208" s="13">
        <v>-1.2089810017271158E-2</v>
      </c>
      <c r="BK208" s="6">
        <v>-4</v>
      </c>
      <c r="BL208" s="13">
        <v>-6.993006993006993E-3</v>
      </c>
      <c r="BM208" s="11">
        <v>-8</v>
      </c>
      <c r="BN208" s="13">
        <v>-1.4084507042253521E-2</v>
      </c>
      <c r="BO208" s="11">
        <v>-12</v>
      </c>
      <c r="BP208" s="13">
        <v>-2.097902097902098E-2</v>
      </c>
      <c r="BQ208" s="6">
        <v>579</v>
      </c>
      <c r="BR208" s="6">
        <v>573</v>
      </c>
      <c r="BS208" s="6">
        <v>570</v>
      </c>
      <c r="BT208" s="6">
        <v>572</v>
      </c>
      <c r="BU208" s="6">
        <v>568</v>
      </c>
      <c r="BV208" s="6">
        <v>566</v>
      </c>
      <c r="BW208" s="6">
        <v>568</v>
      </c>
      <c r="BX208" s="6">
        <v>570</v>
      </c>
      <c r="BY208" s="6">
        <v>571</v>
      </c>
      <c r="BZ208" s="6">
        <v>568</v>
      </c>
      <c r="CA208" s="6">
        <v>580</v>
      </c>
      <c r="CB208" s="6">
        <v>573</v>
      </c>
      <c r="CC208" s="11">
        <v>560</v>
      </c>
      <c r="CD208" s="11">
        <v>1747</v>
      </c>
      <c r="CE208" s="11">
        <v>-620</v>
      </c>
      <c r="CF208" s="11">
        <v>1057</v>
      </c>
      <c r="CG208" s="11">
        <v>437</v>
      </c>
      <c r="CH208" s="20">
        <v>1.04</v>
      </c>
      <c r="CI208" s="20">
        <v>1.05</v>
      </c>
      <c r="CJ208" s="20">
        <v>1.07</v>
      </c>
      <c r="CK208" s="20">
        <v>1.06</v>
      </c>
      <c r="CL208" s="20">
        <v>1.05</v>
      </c>
      <c r="CM208" s="20">
        <v>1.08</v>
      </c>
      <c r="CN208" s="20">
        <v>1.08</v>
      </c>
      <c r="CO208" s="20">
        <v>1.07</v>
      </c>
      <c r="CP208" s="20">
        <v>1.17</v>
      </c>
      <c r="CQ208" s="20">
        <v>1.22</v>
      </c>
      <c r="CR208" s="20">
        <v>1.1499999999999999</v>
      </c>
      <c r="CS208" s="20">
        <v>1.1100000000000001</v>
      </c>
      <c r="CT208" s="20">
        <v>1.1200000000000001</v>
      </c>
      <c r="CU208" s="20">
        <v>1.1299999999999999</v>
      </c>
      <c r="CV208" s="20">
        <v>1.1100000000000001</v>
      </c>
      <c r="CW208" s="20">
        <v>1.0900000000000001</v>
      </c>
      <c r="CX208" s="20">
        <v>1.1000000000000001</v>
      </c>
      <c r="CY208" s="6" t="s">
        <v>415</v>
      </c>
      <c r="CZ208" s="6" t="s">
        <v>416</v>
      </c>
      <c r="DA208" s="6" t="s">
        <v>127</v>
      </c>
      <c r="DB208" s="6"/>
      <c r="DC208" s="6">
        <v>17860</v>
      </c>
      <c r="DD208" s="6">
        <v>190</v>
      </c>
      <c r="DE208" s="6" t="s">
        <v>418</v>
      </c>
      <c r="DF208" s="6" t="s">
        <v>375</v>
      </c>
      <c r="DG208" s="6" t="s">
        <v>364</v>
      </c>
      <c r="DH208" s="6" t="s">
        <v>419</v>
      </c>
      <c r="DI208" s="6" t="s">
        <v>390</v>
      </c>
      <c r="DJ208" s="6">
        <v>29</v>
      </c>
      <c r="DK208" s="6">
        <v>19</v>
      </c>
      <c r="DL208" s="6">
        <v>2</v>
      </c>
      <c r="DM208" s="6" t="s">
        <v>379</v>
      </c>
      <c r="DN208" s="6">
        <v>3</v>
      </c>
      <c r="DO208" s="6" t="s">
        <v>380</v>
      </c>
      <c r="DP208" s="6"/>
      <c r="DQ208" s="6"/>
    </row>
    <row r="209" spans="1:121" x14ac:dyDescent="0.2">
      <c r="A209" s="6" t="s">
        <v>794</v>
      </c>
      <c r="B209" s="6" t="s">
        <v>181</v>
      </c>
      <c r="C209" s="6" t="s">
        <v>182</v>
      </c>
      <c r="D209" s="6" t="s">
        <v>127</v>
      </c>
      <c r="E209" s="6" t="s">
        <v>268</v>
      </c>
      <c r="F209" s="11">
        <v>174</v>
      </c>
      <c r="G209" s="13">
        <v>0.11500330469300001</v>
      </c>
      <c r="H209" s="11">
        <v>145.76956265000013</v>
      </c>
      <c r="I209" s="13">
        <v>9.6317938852686635E-2</v>
      </c>
      <c r="J209" s="11">
        <v>-165.2330196800001</v>
      </c>
      <c r="K209" s="13">
        <v>-9.9586541208356041E-2</v>
      </c>
      <c r="L209" s="11">
        <v>192.58308626000007</v>
      </c>
      <c r="M209" s="13">
        <v>0.12890803059223624</v>
      </c>
      <c r="N209" s="11">
        <v>27.350066579999975</v>
      </c>
      <c r="O209" s="13">
        <v>1.6483984483218441E-2</v>
      </c>
      <c r="P209" s="7">
        <v>1513.4207021699999</v>
      </c>
      <c r="Q209" s="7">
        <v>1425.7860382900001</v>
      </c>
      <c r="R209" s="7">
        <v>1400.9259632599999</v>
      </c>
      <c r="S209" s="7">
        <v>1503.33030695</v>
      </c>
      <c r="T209" s="7">
        <v>1456.07725521</v>
      </c>
      <c r="U209" s="7">
        <v>1444.1646593400001</v>
      </c>
      <c r="V209" s="7">
        <v>1659.19026482</v>
      </c>
      <c r="W209" s="7">
        <v>1593.2193399099999</v>
      </c>
      <c r="X209" s="7">
        <v>1489.96925526</v>
      </c>
      <c r="Y209" s="7">
        <v>1493.9572451399999</v>
      </c>
      <c r="Z209" s="7">
        <v>1542.6559912600001</v>
      </c>
      <c r="AA209" s="7">
        <v>1597.8049992599999</v>
      </c>
      <c r="AB209" s="7">
        <v>1554.17658099</v>
      </c>
      <c r="AC209" s="7">
        <v>1577.9343234400001</v>
      </c>
      <c r="AD209" s="7">
        <v>1604.5941330999999</v>
      </c>
      <c r="AE209" s="7">
        <v>1654.2350076600001</v>
      </c>
      <c r="AF209" s="7">
        <v>1686.5403314</v>
      </c>
      <c r="AG209" s="9">
        <v>7843.1707801000011</v>
      </c>
      <c r="AH209" s="13">
        <v>0.2068464802690434</v>
      </c>
      <c r="AI209" s="9">
        <v>4648.4342025000005</v>
      </c>
      <c r="AJ209" s="13">
        <v>0.12259228831137392</v>
      </c>
      <c r="AK209" s="9">
        <v>1070.0942060000016</v>
      </c>
      <c r="AL209" s="13">
        <v>2.5139487613747052E-2</v>
      </c>
      <c r="AM209" s="9">
        <v>2124.642371599999</v>
      </c>
      <c r="AN209" s="13">
        <v>4.8689720887475037E-2</v>
      </c>
      <c r="AO209" s="9">
        <v>3194.7365776000006</v>
      </c>
      <c r="AP209" s="13">
        <v>7.5053243136389558E-2</v>
      </c>
      <c r="AQ209" s="9">
        <v>37917.835342899998</v>
      </c>
      <c r="AR209" s="9">
        <v>39110.566732500003</v>
      </c>
      <c r="AS209" s="9">
        <v>38178.218249099999</v>
      </c>
      <c r="AT209" s="9">
        <v>40869.741563000003</v>
      </c>
      <c r="AU209" s="9">
        <v>44235.198432600002</v>
      </c>
      <c r="AV209" s="9">
        <v>43238.514119200001</v>
      </c>
      <c r="AW209" s="9">
        <v>42566.269545399999</v>
      </c>
      <c r="AX209" s="9">
        <v>43278.128183100001</v>
      </c>
      <c r="AY209" s="9">
        <v>46274.255935000001</v>
      </c>
      <c r="AZ209" s="9">
        <v>43636.3637514</v>
      </c>
      <c r="BA209" s="9">
        <v>42734.015683899997</v>
      </c>
      <c r="BB209" s="9">
        <v>44028.694322399999</v>
      </c>
      <c r="BC209" s="9">
        <v>43716.721902800004</v>
      </c>
      <c r="BD209" s="9">
        <v>44581.768006500002</v>
      </c>
      <c r="BE209" s="9">
        <v>45042.486755099999</v>
      </c>
      <c r="BF209" s="9">
        <v>45761.006122999999</v>
      </c>
      <c r="BG209" s="11">
        <v>-27</v>
      </c>
      <c r="BH209" s="13">
        <v>-0.2125984251968504</v>
      </c>
      <c r="BI209" s="6">
        <v>-19</v>
      </c>
      <c r="BJ209" s="13">
        <v>-0.14960629921259844</v>
      </c>
      <c r="BK209" s="6">
        <v>-1</v>
      </c>
      <c r="BL209" s="13">
        <v>-9.2592592592592587E-3</v>
      </c>
      <c r="BM209" s="11">
        <v>-7</v>
      </c>
      <c r="BN209" s="13">
        <v>-6.5420560747663545E-2</v>
      </c>
      <c r="BO209" s="11">
        <v>-8</v>
      </c>
      <c r="BP209" s="13">
        <v>-7.407407407407407E-2</v>
      </c>
      <c r="BQ209" s="6">
        <v>127</v>
      </c>
      <c r="BR209" s="6">
        <v>109</v>
      </c>
      <c r="BS209" s="6">
        <v>105</v>
      </c>
      <c r="BT209" s="6">
        <v>108</v>
      </c>
      <c r="BU209" s="6">
        <v>106</v>
      </c>
      <c r="BV209" s="6">
        <v>105</v>
      </c>
      <c r="BW209" s="6">
        <v>107</v>
      </c>
      <c r="BX209" s="6">
        <v>106</v>
      </c>
      <c r="BY209" s="6">
        <v>108</v>
      </c>
      <c r="BZ209" s="6">
        <v>99</v>
      </c>
      <c r="CA209" s="6">
        <v>98</v>
      </c>
      <c r="CB209" s="6">
        <v>100</v>
      </c>
      <c r="CC209" s="11">
        <v>100</v>
      </c>
      <c r="CD209" s="11">
        <v>-87.706999999999994</v>
      </c>
      <c r="CE209" s="11">
        <v>95.391499999999994</v>
      </c>
      <c r="CF209" s="11">
        <v>165.435</v>
      </c>
      <c r="CG209" s="11">
        <v>260</v>
      </c>
      <c r="CH209" s="20">
        <v>0.550014</v>
      </c>
      <c r="CI209" s="20">
        <v>0.51959500000000003</v>
      </c>
      <c r="CJ209" s="20">
        <v>0.51722100000000004</v>
      </c>
      <c r="CK209" s="20">
        <v>0.54110400000000003</v>
      </c>
      <c r="CL209" s="20">
        <v>0.50354399999999999</v>
      </c>
      <c r="CM209" s="20">
        <v>0.48911199999999999</v>
      </c>
      <c r="CN209" s="20">
        <v>0.55418800000000001</v>
      </c>
      <c r="CO209" s="20">
        <v>0.53271599999999997</v>
      </c>
      <c r="CP209" s="20">
        <v>0.51925200000000005</v>
      </c>
      <c r="CQ209" s="20">
        <v>0.51755099999999998</v>
      </c>
      <c r="CR209" s="20">
        <v>0.51681900000000003</v>
      </c>
      <c r="CS209" s="20">
        <v>0.51432900000000004</v>
      </c>
      <c r="CT209" s="20">
        <v>0.48692800000000003</v>
      </c>
      <c r="CU209" s="20">
        <v>0.48213899999999998</v>
      </c>
      <c r="CV209" s="20">
        <v>0.46955000000000002</v>
      </c>
      <c r="CW209" s="20">
        <v>0.47322399999999998</v>
      </c>
      <c r="CX209" s="20">
        <v>0.47246199999999999</v>
      </c>
      <c r="CY209" s="6" t="s">
        <v>415</v>
      </c>
      <c r="CZ209" s="6" t="s">
        <v>416</v>
      </c>
      <c r="DA209" s="6" t="s">
        <v>127</v>
      </c>
      <c r="DB209" s="6"/>
      <c r="DC209" s="6">
        <v>17860</v>
      </c>
      <c r="DD209" s="6">
        <v>190</v>
      </c>
      <c r="DE209" s="6" t="s">
        <v>418</v>
      </c>
      <c r="DF209" s="6" t="s">
        <v>375</v>
      </c>
      <c r="DG209" s="6" t="s">
        <v>364</v>
      </c>
      <c r="DH209" s="6" t="s">
        <v>419</v>
      </c>
      <c r="DI209" s="6" t="s">
        <v>390</v>
      </c>
      <c r="DJ209" s="6">
        <v>29</v>
      </c>
      <c r="DK209" s="6">
        <v>19</v>
      </c>
      <c r="DL209" s="6">
        <v>2</v>
      </c>
      <c r="DM209" s="6" t="s">
        <v>379</v>
      </c>
      <c r="DN209" s="6">
        <v>3</v>
      </c>
      <c r="DO209" s="6" t="s">
        <v>380</v>
      </c>
      <c r="DP209" s="6"/>
      <c r="DQ209" s="6"/>
    </row>
    <row r="210" spans="1:121" x14ac:dyDescent="0.2">
      <c r="A210" s="6" t="s">
        <v>314</v>
      </c>
      <c r="B210" s="6" t="s">
        <v>314</v>
      </c>
      <c r="C210" s="6" t="s">
        <v>183</v>
      </c>
      <c r="D210" s="6" t="s">
        <v>127</v>
      </c>
      <c r="E210" s="6" t="s">
        <v>268</v>
      </c>
      <c r="F210" s="11">
        <v>-123</v>
      </c>
      <c r="G210" s="13">
        <v>-8.0708661417300001E-2</v>
      </c>
      <c r="H210" s="11">
        <v>-137.1009486800001</v>
      </c>
      <c r="I210" s="13">
        <v>-8.9990497296809593E-2</v>
      </c>
      <c r="J210" s="11">
        <v>-161.89361115999986</v>
      </c>
      <c r="K210" s="13">
        <v>-0.11677233777851161</v>
      </c>
      <c r="L210" s="11">
        <v>176.83488380999984</v>
      </c>
      <c r="M210" s="13">
        <v>0.14441275171753784</v>
      </c>
      <c r="N210" s="11">
        <v>14.941272649999974</v>
      </c>
      <c r="O210" s="13">
        <v>1.07769993159416E-2</v>
      </c>
      <c r="P210" s="7">
        <v>1523.5047343700001</v>
      </c>
      <c r="Q210" s="7">
        <v>1647.1409564600001</v>
      </c>
      <c r="R210" s="7">
        <v>1415.5479202399999</v>
      </c>
      <c r="S210" s="7">
        <v>1363.892902</v>
      </c>
      <c r="T210" s="7">
        <v>1336.18799913</v>
      </c>
      <c r="U210" s="7">
        <v>1313.00197082</v>
      </c>
      <c r="V210" s="7">
        <v>1386.4037856899999</v>
      </c>
      <c r="W210" s="7">
        <v>1444.4168359400001</v>
      </c>
      <c r="X210" s="7">
        <v>1257.48464328</v>
      </c>
      <c r="Y210" s="7">
        <v>1224.5101745300001</v>
      </c>
      <c r="Z210" s="7">
        <v>1262.70047518</v>
      </c>
      <c r="AA210" s="7">
        <v>1321.2070837799999</v>
      </c>
      <c r="AB210" s="7">
        <v>1377.0614279399999</v>
      </c>
      <c r="AC210" s="7">
        <v>1448.5910876299999</v>
      </c>
      <c r="AD210" s="7">
        <v>1353.79190268</v>
      </c>
      <c r="AE210" s="7">
        <v>1387.3677692700001</v>
      </c>
      <c r="AF210" s="7">
        <v>1401.3450583399999</v>
      </c>
      <c r="AG210" s="9">
        <v>18328.608406400002</v>
      </c>
      <c r="AH210" s="13">
        <v>0.53807042638602554</v>
      </c>
      <c r="AI210" s="9">
        <v>13458.3827246</v>
      </c>
      <c r="AJ210" s="13">
        <v>0.39509588346943064</v>
      </c>
      <c r="AK210" s="9">
        <v>-1110.1355168999944</v>
      </c>
      <c r="AL210" s="13">
        <v>-2.3360469686148175E-2</v>
      </c>
      <c r="AM210" s="9">
        <v>5980.3611986999967</v>
      </c>
      <c r="AN210" s="13">
        <v>0.12885423277439545</v>
      </c>
      <c r="AO210" s="9">
        <v>4870.2256818000023</v>
      </c>
      <c r="AP210" s="13">
        <v>0.10248366768958914</v>
      </c>
      <c r="AQ210" s="9">
        <v>34063.586303199998</v>
      </c>
      <c r="AR210" s="9">
        <v>38531.939593199997</v>
      </c>
      <c r="AS210" s="9">
        <v>42944.412962199996</v>
      </c>
      <c r="AT210" s="9">
        <v>43875.288612999997</v>
      </c>
      <c r="AU210" s="9">
        <v>44984.701322000001</v>
      </c>
      <c r="AV210" s="9">
        <v>48116.252248700002</v>
      </c>
      <c r="AW210" s="9">
        <v>47521.969027799998</v>
      </c>
      <c r="AX210" s="9">
        <v>47779.523742799996</v>
      </c>
      <c r="AY210" s="9">
        <v>47146.596547300003</v>
      </c>
      <c r="AZ210" s="9">
        <v>46411.833510900004</v>
      </c>
      <c r="BA210" s="9">
        <v>45453.6816989</v>
      </c>
      <c r="BB210" s="9">
        <v>47081.975274600001</v>
      </c>
      <c r="BC210" s="9">
        <v>49230.717585999999</v>
      </c>
      <c r="BD210" s="9">
        <v>51152.997850699998</v>
      </c>
      <c r="BE210" s="9">
        <v>52783.697974399998</v>
      </c>
      <c r="BF210" s="9">
        <v>52392.1947096</v>
      </c>
      <c r="BG210" s="11">
        <v>-12.5</v>
      </c>
      <c r="BH210" s="13">
        <v>-0.14204545454545456</v>
      </c>
      <c r="BI210" s="6">
        <v>-20</v>
      </c>
      <c r="BJ210" s="13">
        <v>-0.22727272727272727</v>
      </c>
      <c r="BK210" s="6">
        <v>-7</v>
      </c>
      <c r="BL210" s="13">
        <v>-0.10294117647058823</v>
      </c>
      <c r="BM210" s="11">
        <v>14.5</v>
      </c>
      <c r="BN210" s="13">
        <v>0.23770491803278687</v>
      </c>
      <c r="BO210" s="11">
        <v>7.5</v>
      </c>
      <c r="BP210" s="13">
        <v>0.11029411764705882</v>
      </c>
      <c r="BQ210" s="6">
        <v>88</v>
      </c>
      <c r="BR210" s="6">
        <v>74</v>
      </c>
      <c r="BS210" s="6">
        <v>70</v>
      </c>
      <c r="BT210" s="6">
        <v>68</v>
      </c>
      <c r="BU210" s="6">
        <v>67</v>
      </c>
      <c r="BV210" s="6">
        <v>61</v>
      </c>
      <c r="BW210" s="6">
        <v>61</v>
      </c>
      <c r="BX210" s="6">
        <v>64</v>
      </c>
      <c r="BY210" s="6">
        <v>72</v>
      </c>
      <c r="BZ210" s="6">
        <v>78</v>
      </c>
      <c r="CA210" s="6">
        <v>77</v>
      </c>
      <c r="CB210" s="6">
        <v>74</v>
      </c>
      <c r="CC210" s="11">
        <v>75.5</v>
      </c>
      <c r="CD210" s="11">
        <v>177.93799999999999</v>
      </c>
      <c r="CE210" s="11">
        <v>-466.63499999999999</v>
      </c>
      <c r="CF210" s="11">
        <v>166.53700000000001</v>
      </c>
      <c r="CG210" s="11">
        <v>-300</v>
      </c>
      <c r="CH210" s="20">
        <v>0.70310099999999998</v>
      </c>
      <c r="CI210" s="20">
        <v>0.78376100000000004</v>
      </c>
      <c r="CJ210" s="20">
        <v>0.71252099999999996</v>
      </c>
      <c r="CK210" s="20">
        <v>0.69760800000000001</v>
      </c>
      <c r="CL210" s="20">
        <v>0.68153300000000006</v>
      </c>
      <c r="CM210" s="20">
        <v>0.67542400000000002</v>
      </c>
      <c r="CN210" s="20">
        <v>0.71945300000000001</v>
      </c>
      <c r="CO210" s="20">
        <v>0.75687700000000002</v>
      </c>
      <c r="CP210" s="20">
        <v>0.68352400000000002</v>
      </c>
      <c r="CQ210" s="20">
        <v>0.678674</v>
      </c>
      <c r="CR210" s="20">
        <v>0.70197799999999999</v>
      </c>
      <c r="CS210" s="20">
        <v>0.71999199999999997</v>
      </c>
      <c r="CT210" s="20">
        <v>0.73797400000000002</v>
      </c>
      <c r="CU210" s="20">
        <v>0.77335100000000001</v>
      </c>
      <c r="CV210" s="20">
        <v>0.71745300000000001</v>
      </c>
      <c r="CW210" s="20">
        <v>0.72659899999999999</v>
      </c>
      <c r="CX210" s="20">
        <v>0.72778399999999999</v>
      </c>
      <c r="CY210" s="6" t="s">
        <v>415</v>
      </c>
      <c r="CZ210" s="6" t="s">
        <v>416</v>
      </c>
      <c r="DA210" s="6" t="s">
        <v>127</v>
      </c>
      <c r="DB210" s="6"/>
      <c r="DC210" s="6">
        <v>17860</v>
      </c>
      <c r="DD210" s="6">
        <v>190</v>
      </c>
      <c r="DE210" s="6" t="s">
        <v>418</v>
      </c>
      <c r="DF210" s="6" t="s">
        <v>375</v>
      </c>
      <c r="DG210" s="6" t="s">
        <v>364</v>
      </c>
      <c r="DH210" s="6" t="s">
        <v>419</v>
      </c>
      <c r="DI210" s="6" t="s">
        <v>390</v>
      </c>
      <c r="DJ210" s="6">
        <v>29</v>
      </c>
      <c r="DK210" s="6">
        <v>19</v>
      </c>
      <c r="DL210" s="6">
        <v>2</v>
      </c>
      <c r="DM210" s="6" t="s">
        <v>379</v>
      </c>
      <c r="DN210" s="6">
        <v>3</v>
      </c>
      <c r="DO210" s="6" t="s">
        <v>380</v>
      </c>
      <c r="DP210" s="6"/>
      <c r="DQ210" s="6"/>
    </row>
    <row r="211" spans="1:121" x14ac:dyDescent="0.2">
      <c r="A211" s="6" t="s">
        <v>315</v>
      </c>
      <c r="B211" s="6" t="s">
        <v>315</v>
      </c>
      <c r="C211" s="6" t="s">
        <v>184</v>
      </c>
      <c r="D211" s="6" t="s">
        <v>127</v>
      </c>
      <c r="E211" s="6" t="s">
        <v>268</v>
      </c>
      <c r="F211" s="11">
        <v>1130</v>
      </c>
      <c r="G211" s="13">
        <v>0.38</v>
      </c>
      <c r="H211" s="11">
        <v>567</v>
      </c>
      <c r="I211" s="13">
        <v>0.19001340482573725</v>
      </c>
      <c r="J211" s="11">
        <v>133</v>
      </c>
      <c r="K211" s="13">
        <v>3.7454238242748517E-2</v>
      </c>
      <c r="L211" s="11">
        <v>430</v>
      </c>
      <c r="M211" s="13">
        <v>0.11672095548317046</v>
      </c>
      <c r="N211" s="11">
        <v>563</v>
      </c>
      <c r="O211" s="13">
        <v>0.15854688820050689</v>
      </c>
      <c r="P211" s="7">
        <v>2984</v>
      </c>
      <c r="Q211" s="7">
        <v>3095</v>
      </c>
      <c r="R211" s="7">
        <v>3041</v>
      </c>
      <c r="S211" s="7">
        <v>3080</v>
      </c>
      <c r="T211" s="7">
        <v>3288</v>
      </c>
      <c r="U211" s="7">
        <v>3536</v>
      </c>
      <c r="V211" s="7">
        <v>3551</v>
      </c>
      <c r="W211" s="7">
        <v>3588</v>
      </c>
      <c r="X211" s="7">
        <v>3602</v>
      </c>
      <c r="Y211" s="7">
        <v>3684</v>
      </c>
      <c r="Z211" s="7">
        <v>3868</v>
      </c>
      <c r="AA211" s="7">
        <v>3822</v>
      </c>
      <c r="AB211" s="7">
        <v>3905</v>
      </c>
      <c r="AC211" s="7">
        <v>3787</v>
      </c>
      <c r="AD211" s="7">
        <v>3827</v>
      </c>
      <c r="AE211" s="7">
        <v>3999</v>
      </c>
      <c r="AF211" s="7">
        <v>4114</v>
      </c>
      <c r="AG211" s="9">
        <v>33301</v>
      </c>
      <c r="AH211" s="13">
        <v>0.69478406008762783</v>
      </c>
      <c r="AI211" s="9">
        <v>7181</v>
      </c>
      <c r="AJ211" s="13">
        <v>0.14982265804297934</v>
      </c>
      <c r="AK211" s="9">
        <v>5623</v>
      </c>
      <c r="AL211" s="13">
        <v>0.10203044764203154</v>
      </c>
      <c r="AM211" s="9">
        <v>20497</v>
      </c>
      <c r="AN211" s="13">
        <v>0.33748806269964104</v>
      </c>
      <c r="AO211" s="9">
        <v>26120</v>
      </c>
      <c r="AP211" s="13">
        <v>0.47395256845275896</v>
      </c>
      <c r="AQ211" s="9">
        <v>47930</v>
      </c>
      <c r="AR211" s="9">
        <v>47521</v>
      </c>
      <c r="AS211" s="9">
        <v>47811</v>
      </c>
      <c r="AT211" s="9">
        <v>50353</v>
      </c>
      <c r="AU211" s="9">
        <v>53170</v>
      </c>
      <c r="AV211" s="9">
        <v>55003</v>
      </c>
      <c r="AW211" s="9">
        <v>55111</v>
      </c>
      <c r="AX211" s="9">
        <v>55880</v>
      </c>
      <c r="AY211" s="9">
        <v>56396</v>
      </c>
      <c r="AZ211" s="9">
        <v>60734</v>
      </c>
      <c r="BA211" s="9">
        <v>64288</v>
      </c>
      <c r="BB211" s="9">
        <v>65546</v>
      </c>
      <c r="BC211" s="9">
        <v>67817</v>
      </c>
      <c r="BD211" s="9">
        <v>69149</v>
      </c>
      <c r="BE211" s="9">
        <v>76366</v>
      </c>
      <c r="BF211" s="9">
        <v>81231</v>
      </c>
      <c r="BG211" s="11">
        <v>50</v>
      </c>
      <c r="BH211" s="13">
        <v>0.17985611510791366</v>
      </c>
      <c r="BI211" s="6">
        <v>20</v>
      </c>
      <c r="BJ211" s="13">
        <v>7.1942446043165464E-2</v>
      </c>
      <c r="BK211" s="6">
        <v>2</v>
      </c>
      <c r="BL211" s="13">
        <v>6.7114093959731542E-3</v>
      </c>
      <c r="BM211" s="11">
        <v>28</v>
      </c>
      <c r="BN211" s="13">
        <v>9.3333333333333338E-2</v>
      </c>
      <c r="BO211" s="11">
        <v>30</v>
      </c>
      <c r="BP211" s="13">
        <v>0.10067114093959731</v>
      </c>
      <c r="BQ211" s="6">
        <v>278</v>
      </c>
      <c r="BR211" s="6">
        <v>273</v>
      </c>
      <c r="BS211" s="6">
        <v>285</v>
      </c>
      <c r="BT211" s="6">
        <v>298</v>
      </c>
      <c r="BU211" s="6">
        <v>302</v>
      </c>
      <c r="BV211" s="6">
        <v>296</v>
      </c>
      <c r="BW211" s="6">
        <v>300</v>
      </c>
      <c r="BX211" s="6">
        <v>301</v>
      </c>
      <c r="BY211" s="6">
        <v>306</v>
      </c>
      <c r="BZ211" s="6">
        <v>313</v>
      </c>
      <c r="CA211" s="6">
        <v>327</v>
      </c>
      <c r="CB211" s="6">
        <v>337</v>
      </c>
      <c r="CC211" s="11">
        <v>328</v>
      </c>
      <c r="CD211" s="11">
        <v>1041</v>
      </c>
      <c r="CE211" s="11">
        <v>-237</v>
      </c>
      <c r="CF211" s="11">
        <v>326</v>
      </c>
      <c r="CG211" s="11">
        <v>89</v>
      </c>
      <c r="CH211" s="20">
        <v>0.84</v>
      </c>
      <c r="CI211" s="20">
        <v>0.86</v>
      </c>
      <c r="CJ211" s="20">
        <v>0.83</v>
      </c>
      <c r="CK211" s="20">
        <v>0.83</v>
      </c>
      <c r="CL211" s="20">
        <v>0.86</v>
      </c>
      <c r="CM211" s="20">
        <v>0.91</v>
      </c>
      <c r="CN211" s="20">
        <v>0.92</v>
      </c>
      <c r="CO211" s="20">
        <v>0.95</v>
      </c>
      <c r="CP211" s="20">
        <v>0.97</v>
      </c>
      <c r="CQ211" s="20">
        <v>1</v>
      </c>
      <c r="CR211" s="20">
        <v>1.03</v>
      </c>
      <c r="CS211" s="20">
        <v>0.99</v>
      </c>
      <c r="CT211" s="20">
        <v>1</v>
      </c>
      <c r="CU211" s="20">
        <v>0.98</v>
      </c>
      <c r="CV211" s="20">
        <v>0.97</v>
      </c>
      <c r="CW211" s="20">
        <v>1.01</v>
      </c>
      <c r="CX211" s="20">
        <v>1.02</v>
      </c>
      <c r="CY211" s="6" t="s">
        <v>415</v>
      </c>
      <c r="CZ211" s="6" t="s">
        <v>416</v>
      </c>
      <c r="DA211" s="6" t="s">
        <v>127</v>
      </c>
      <c r="DB211" s="6"/>
      <c r="DC211" s="6">
        <v>17860</v>
      </c>
      <c r="DD211" s="6">
        <v>190</v>
      </c>
      <c r="DE211" s="6" t="s">
        <v>418</v>
      </c>
      <c r="DF211" s="6" t="s">
        <v>375</v>
      </c>
      <c r="DG211" s="6" t="s">
        <v>364</v>
      </c>
      <c r="DH211" s="6" t="s">
        <v>419</v>
      </c>
      <c r="DI211" s="6" t="s">
        <v>390</v>
      </c>
      <c r="DJ211" s="6">
        <v>29</v>
      </c>
      <c r="DK211" s="6">
        <v>19</v>
      </c>
      <c r="DL211" s="6">
        <v>2</v>
      </c>
      <c r="DM211" s="6" t="s">
        <v>379</v>
      </c>
      <c r="DN211" s="6">
        <v>3</v>
      </c>
      <c r="DO211" s="6" t="s">
        <v>380</v>
      </c>
      <c r="DP211" s="6"/>
      <c r="DQ211" s="6"/>
    </row>
    <row r="212" spans="1:121" x14ac:dyDescent="0.2">
      <c r="A212" s="6" t="s">
        <v>316</v>
      </c>
      <c r="B212" s="6" t="s">
        <v>316</v>
      </c>
      <c r="C212" s="6" t="s">
        <v>185</v>
      </c>
      <c r="D212" s="6" t="s">
        <v>127</v>
      </c>
      <c r="E212" s="6" t="s">
        <v>268</v>
      </c>
      <c r="F212" s="11">
        <v>556</v>
      </c>
      <c r="G212" s="13">
        <v>0.49</v>
      </c>
      <c r="H212" s="11">
        <v>445</v>
      </c>
      <c r="I212" s="13">
        <v>0.38830715532286214</v>
      </c>
      <c r="J212" s="11">
        <v>-131</v>
      </c>
      <c r="K212" s="13">
        <v>-8.2338152105593962E-2</v>
      </c>
      <c r="L212" s="11">
        <v>242</v>
      </c>
      <c r="M212" s="13">
        <v>0.16575342465753426</v>
      </c>
      <c r="N212" s="11">
        <v>111</v>
      </c>
      <c r="O212" s="13">
        <v>6.9767441860465115E-2</v>
      </c>
      <c r="P212" s="7">
        <v>1146</v>
      </c>
      <c r="Q212" s="7">
        <v>1265</v>
      </c>
      <c r="R212" s="7">
        <v>1382</v>
      </c>
      <c r="S212" s="7">
        <v>1383</v>
      </c>
      <c r="T212" s="7">
        <v>1509</v>
      </c>
      <c r="U212" s="7">
        <v>1570</v>
      </c>
      <c r="V212" s="7">
        <v>1591</v>
      </c>
      <c r="W212" s="7">
        <v>1575</v>
      </c>
      <c r="X212" s="7">
        <v>1513</v>
      </c>
      <c r="Y212" s="7">
        <v>1460</v>
      </c>
      <c r="Z212" s="7">
        <v>1394</v>
      </c>
      <c r="AA212" s="7">
        <v>1430</v>
      </c>
      <c r="AB212" s="7">
        <v>1492</v>
      </c>
      <c r="AC212" s="7">
        <v>1582</v>
      </c>
      <c r="AD212" s="7">
        <v>1636</v>
      </c>
      <c r="AE212" s="7">
        <v>1662</v>
      </c>
      <c r="AF212" s="7">
        <v>1702</v>
      </c>
      <c r="AG212" s="9">
        <v>15068</v>
      </c>
      <c r="AH212" s="13">
        <v>0.60545666412183063</v>
      </c>
      <c r="AI212" s="9">
        <v>4962</v>
      </c>
      <c r="AJ212" s="13">
        <v>0.19938120303773055</v>
      </c>
      <c r="AK212" s="9">
        <v>2379</v>
      </c>
      <c r="AL212" s="13">
        <v>7.970116251800731E-2</v>
      </c>
      <c r="AM212" s="9">
        <v>7727</v>
      </c>
      <c r="AN212" s="13">
        <v>0.23976045674568697</v>
      </c>
      <c r="AO212" s="9">
        <v>10106</v>
      </c>
      <c r="AP212" s="13">
        <v>0.33857080639217396</v>
      </c>
      <c r="AQ212" s="9">
        <v>24887</v>
      </c>
      <c r="AR212" s="9">
        <v>26601</v>
      </c>
      <c r="AS212" s="9">
        <v>26708</v>
      </c>
      <c r="AT212" s="9">
        <v>26765</v>
      </c>
      <c r="AU212" s="9">
        <v>28406</v>
      </c>
      <c r="AV212" s="9">
        <v>28424</v>
      </c>
      <c r="AW212" s="9">
        <v>29849</v>
      </c>
      <c r="AX212" s="9">
        <v>30703</v>
      </c>
      <c r="AY212" s="9">
        <v>31230</v>
      </c>
      <c r="AZ212" s="9">
        <v>32228</v>
      </c>
      <c r="BA212" s="9">
        <v>32808</v>
      </c>
      <c r="BB212" s="9">
        <v>34894</v>
      </c>
      <c r="BC212" s="9">
        <v>35794</v>
      </c>
      <c r="BD212" s="9">
        <v>37094</v>
      </c>
      <c r="BE212" s="9">
        <v>38709</v>
      </c>
      <c r="BF212" s="9">
        <v>39955</v>
      </c>
      <c r="BG212" s="11">
        <v>29</v>
      </c>
      <c r="BH212" s="13">
        <v>0.14427860696517414</v>
      </c>
      <c r="BI212" s="6">
        <v>40</v>
      </c>
      <c r="BJ212" s="13">
        <v>0.19900497512437812</v>
      </c>
      <c r="BK212" s="6">
        <v>-15</v>
      </c>
      <c r="BL212" s="13">
        <v>-6.2240663900414939E-2</v>
      </c>
      <c r="BM212" s="11">
        <v>4</v>
      </c>
      <c r="BN212" s="13">
        <v>1.7699115044247787E-2</v>
      </c>
      <c r="BO212" s="11">
        <v>-11</v>
      </c>
      <c r="BP212" s="13">
        <v>-4.5643153526970952E-2</v>
      </c>
      <c r="BQ212" s="6">
        <v>201</v>
      </c>
      <c r="BR212" s="6">
        <v>213</v>
      </c>
      <c r="BS212" s="6">
        <v>229</v>
      </c>
      <c r="BT212" s="6">
        <v>241</v>
      </c>
      <c r="BU212" s="6">
        <v>240</v>
      </c>
      <c r="BV212" s="6">
        <v>234</v>
      </c>
      <c r="BW212" s="6">
        <v>226</v>
      </c>
      <c r="BX212" s="6">
        <v>207</v>
      </c>
      <c r="BY212" s="6">
        <v>209</v>
      </c>
      <c r="BZ212" s="6">
        <v>222</v>
      </c>
      <c r="CA212" s="6">
        <v>226</v>
      </c>
      <c r="CB212" s="6">
        <v>229</v>
      </c>
      <c r="CC212" s="11">
        <v>230</v>
      </c>
      <c r="CD212" s="11">
        <v>489</v>
      </c>
      <c r="CE212" s="11">
        <v>-58</v>
      </c>
      <c r="CF212" s="11">
        <v>125</v>
      </c>
      <c r="CG212" s="11">
        <v>67</v>
      </c>
      <c r="CH212" s="20">
        <v>0.79</v>
      </c>
      <c r="CI212" s="20">
        <v>0.84</v>
      </c>
      <c r="CJ212" s="20">
        <v>0.91</v>
      </c>
      <c r="CK212" s="20">
        <v>0.88</v>
      </c>
      <c r="CL212" s="20">
        <v>0.91</v>
      </c>
      <c r="CM212" s="20">
        <v>0.94</v>
      </c>
      <c r="CN212" s="20">
        <v>0.96</v>
      </c>
      <c r="CO212" s="20">
        <v>0.97</v>
      </c>
      <c r="CP212" s="20">
        <v>0.97</v>
      </c>
      <c r="CQ212" s="20">
        <v>0.96</v>
      </c>
      <c r="CR212" s="20">
        <v>0.91</v>
      </c>
      <c r="CS212" s="20">
        <v>0.91</v>
      </c>
      <c r="CT212" s="20">
        <v>0.93</v>
      </c>
      <c r="CU212" s="20">
        <v>0.97</v>
      </c>
      <c r="CV212" s="20">
        <v>0.98</v>
      </c>
      <c r="CW212" s="20">
        <v>0.99</v>
      </c>
      <c r="CX212" s="20">
        <v>1</v>
      </c>
      <c r="CY212" s="6" t="s">
        <v>415</v>
      </c>
      <c r="CZ212" s="6" t="s">
        <v>416</v>
      </c>
      <c r="DA212" s="6" t="s">
        <v>127</v>
      </c>
      <c r="DB212" s="6"/>
      <c r="DC212" s="6">
        <v>17860</v>
      </c>
      <c r="DD212" s="6">
        <v>190</v>
      </c>
      <c r="DE212" s="6" t="s">
        <v>418</v>
      </c>
      <c r="DF212" s="6" t="s">
        <v>375</v>
      </c>
      <c r="DG212" s="6" t="s">
        <v>364</v>
      </c>
      <c r="DH212" s="6" t="s">
        <v>419</v>
      </c>
      <c r="DI212" s="6" t="s">
        <v>390</v>
      </c>
      <c r="DJ212" s="6">
        <v>29</v>
      </c>
      <c r="DK212" s="6">
        <v>19</v>
      </c>
      <c r="DL212" s="6">
        <v>2</v>
      </c>
      <c r="DM212" s="6" t="s">
        <v>379</v>
      </c>
      <c r="DN212" s="6">
        <v>3</v>
      </c>
      <c r="DO212" s="6" t="s">
        <v>380</v>
      </c>
      <c r="DP212" s="6"/>
      <c r="DQ212" s="6"/>
    </row>
    <row r="213" spans="1:121" x14ac:dyDescent="0.2">
      <c r="A213" s="6" t="s">
        <v>317</v>
      </c>
      <c r="B213" s="6" t="s">
        <v>317</v>
      </c>
      <c r="C213" s="6" t="s">
        <v>186</v>
      </c>
      <c r="D213" s="6" t="s">
        <v>127</v>
      </c>
      <c r="E213" s="6" t="s">
        <v>268</v>
      </c>
      <c r="F213" s="11">
        <v>2869</v>
      </c>
      <c r="G213" s="13">
        <v>1.26</v>
      </c>
      <c r="H213" s="11">
        <v>789</v>
      </c>
      <c r="I213" s="13">
        <v>0.3477302776553548</v>
      </c>
      <c r="J213" s="11">
        <v>458</v>
      </c>
      <c r="K213" s="13">
        <v>0.14977109221713539</v>
      </c>
      <c r="L213" s="11">
        <v>1622</v>
      </c>
      <c r="M213" s="13">
        <v>0.46131968145620023</v>
      </c>
      <c r="N213" s="11">
        <v>2080</v>
      </c>
      <c r="O213" s="13">
        <v>0.68018312622629173</v>
      </c>
      <c r="P213" s="7">
        <v>2269</v>
      </c>
      <c r="Q213" s="7">
        <v>2354</v>
      </c>
      <c r="R213" s="7">
        <v>2377</v>
      </c>
      <c r="S213" s="7">
        <v>2673</v>
      </c>
      <c r="T213" s="7">
        <v>2814</v>
      </c>
      <c r="U213" s="7">
        <v>3030</v>
      </c>
      <c r="V213" s="7">
        <v>3058</v>
      </c>
      <c r="W213" s="7">
        <v>3243</v>
      </c>
      <c r="X213" s="7">
        <v>3507</v>
      </c>
      <c r="Y213" s="7">
        <v>3516</v>
      </c>
      <c r="Z213" s="7">
        <v>3930</v>
      </c>
      <c r="AA213" s="7">
        <v>4584</v>
      </c>
      <c r="AB213" s="7">
        <v>4656</v>
      </c>
      <c r="AC213" s="7">
        <v>4833</v>
      </c>
      <c r="AD213" s="7">
        <v>4849</v>
      </c>
      <c r="AE213" s="7">
        <v>4933</v>
      </c>
      <c r="AF213" s="7">
        <v>5138</v>
      </c>
      <c r="AG213" s="9">
        <v>27410</v>
      </c>
      <c r="AH213" s="13">
        <v>0.78798332614632749</v>
      </c>
      <c r="AI213" s="9">
        <v>6633</v>
      </c>
      <c r="AJ213" s="13">
        <v>0.1906856403622251</v>
      </c>
      <c r="AK213" s="9">
        <v>8256</v>
      </c>
      <c r="AL213" s="13">
        <v>0.19933362306243663</v>
      </c>
      <c r="AM213" s="9">
        <v>12521</v>
      </c>
      <c r="AN213" s="13">
        <v>0.25206345371824296</v>
      </c>
      <c r="AO213" s="9">
        <v>20777</v>
      </c>
      <c r="AP213" s="13">
        <v>0.50164179825196775</v>
      </c>
      <c r="AQ213" s="9">
        <v>34785</v>
      </c>
      <c r="AR213" s="9">
        <v>36602</v>
      </c>
      <c r="AS213" s="9">
        <v>37579</v>
      </c>
      <c r="AT213" s="9">
        <v>38615</v>
      </c>
      <c r="AU213" s="9">
        <v>39418</v>
      </c>
      <c r="AV213" s="9">
        <v>40292</v>
      </c>
      <c r="AW213" s="9">
        <v>41418</v>
      </c>
      <c r="AX213" s="9">
        <v>44468</v>
      </c>
      <c r="AY213" s="9">
        <v>48589</v>
      </c>
      <c r="AZ213" s="9">
        <v>49674</v>
      </c>
      <c r="BA213" s="9">
        <v>52004</v>
      </c>
      <c r="BB213" s="9">
        <v>56662</v>
      </c>
      <c r="BC213" s="9">
        <v>56646</v>
      </c>
      <c r="BD213" s="9">
        <v>57237</v>
      </c>
      <c r="BE213" s="9">
        <v>61672</v>
      </c>
      <c r="BF213" s="9">
        <v>62195</v>
      </c>
      <c r="BG213" s="11">
        <v>129</v>
      </c>
      <c r="BH213" s="13">
        <v>0.35734072022160662</v>
      </c>
      <c r="BI213" s="6">
        <v>45</v>
      </c>
      <c r="BJ213" s="13">
        <v>0.12465373961218837</v>
      </c>
      <c r="BK213" s="6">
        <v>23</v>
      </c>
      <c r="BL213" s="13">
        <v>5.6650246305418719E-2</v>
      </c>
      <c r="BM213" s="11">
        <v>61</v>
      </c>
      <c r="BN213" s="13">
        <v>0.14219114219114218</v>
      </c>
      <c r="BO213" s="11">
        <v>84</v>
      </c>
      <c r="BP213" s="13">
        <v>0.20689655172413793</v>
      </c>
      <c r="BQ213" s="6">
        <v>361</v>
      </c>
      <c r="BR213" s="6">
        <v>374</v>
      </c>
      <c r="BS213" s="6">
        <v>389</v>
      </c>
      <c r="BT213" s="6">
        <v>406</v>
      </c>
      <c r="BU213" s="6">
        <v>423</v>
      </c>
      <c r="BV213" s="6">
        <v>431</v>
      </c>
      <c r="BW213" s="6">
        <v>429</v>
      </c>
      <c r="BX213" s="6">
        <v>437</v>
      </c>
      <c r="BY213" s="6">
        <v>443</v>
      </c>
      <c r="BZ213" s="6">
        <v>459</v>
      </c>
      <c r="CA213" s="6">
        <v>458</v>
      </c>
      <c r="CB213" s="6">
        <v>490</v>
      </c>
      <c r="CC213" s="11">
        <v>490</v>
      </c>
      <c r="CD213" s="11">
        <v>2167</v>
      </c>
      <c r="CE213" s="11">
        <v>454</v>
      </c>
      <c r="CF213" s="11">
        <v>248</v>
      </c>
      <c r="CG213" s="11">
        <v>702</v>
      </c>
      <c r="CH213" s="20">
        <v>0.49</v>
      </c>
      <c r="CI213" s="20">
        <v>0.51</v>
      </c>
      <c r="CJ213" s="20">
        <v>0.51</v>
      </c>
      <c r="CK213" s="20">
        <v>0.56000000000000005</v>
      </c>
      <c r="CL213" s="20">
        <v>0.56000000000000005</v>
      </c>
      <c r="CM213" s="20">
        <v>0.57999999999999996</v>
      </c>
      <c r="CN213" s="20">
        <v>0.56999999999999995</v>
      </c>
      <c r="CO213" s="20">
        <v>0.59</v>
      </c>
      <c r="CP213" s="20">
        <v>0.65</v>
      </c>
      <c r="CQ213" s="20">
        <v>0.64</v>
      </c>
      <c r="CR213" s="20">
        <v>0.69</v>
      </c>
      <c r="CS213" s="20">
        <v>0.77</v>
      </c>
      <c r="CT213" s="20">
        <v>0.76</v>
      </c>
      <c r="CU213" s="20">
        <v>0.77</v>
      </c>
      <c r="CV213" s="20">
        <v>0.75</v>
      </c>
      <c r="CW213" s="20">
        <v>0.75</v>
      </c>
      <c r="CX213" s="20">
        <v>0.77</v>
      </c>
      <c r="CY213" s="6" t="s">
        <v>415</v>
      </c>
      <c r="CZ213" s="6" t="s">
        <v>416</v>
      </c>
      <c r="DA213" s="6" t="s">
        <v>127</v>
      </c>
      <c r="DB213" s="6"/>
      <c r="DC213" s="6">
        <v>17860</v>
      </c>
      <c r="DD213" s="6">
        <v>190</v>
      </c>
      <c r="DE213" s="6" t="s">
        <v>418</v>
      </c>
      <c r="DF213" s="6" t="s">
        <v>375</v>
      </c>
      <c r="DG213" s="6" t="s">
        <v>364</v>
      </c>
      <c r="DH213" s="6" t="s">
        <v>419</v>
      </c>
      <c r="DI213" s="6" t="s">
        <v>390</v>
      </c>
      <c r="DJ213" s="6">
        <v>29</v>
      </c>
      <c r="DK213" s="6">
        <v>19</v>
      </c>
      <c r="DL213" s="6">
        <v>2</v>
      </c>
      <c r="DM213" s="6" t="s">
        <v>379</v>
      </c>
      <c r="DN213" s="6">
        <v>3</v>
      </c>
      <c r="DO213" s="6" t="s">
        <v>380</v>
      </c>
      <c r="DP213" s="6"/>
      <c r="DQ213" s="6"/>
    </row>
    <row r="214" spans="1:121" x14ac:dyDescent="0.2">
      <c r="A214" s="6" t="s">
        <v>318</v>
      </c>
      <c r="B214" s="6" t="s">
        <v>318</v>
      </c>
      <c r="C214" s="6" t="s">
        <v>187</v>
      </c>
      <c r="D214" s="6" t="s">
        <v>127</v>
      </c>
      <c r="E214" s="6" t="s">
        <v>268</v>
      </c>
      <c r="F214" s="11">
        <v>754</v>
      </c>
      <c r="G214" s="13">
        <v>0.32030586236199998</v>
      </c>
      <c r="H214" s="11">
        <v>-133.57878099999971</v>
      </c>
      <c r="I214" s="13">
        <v>-5.6750059501756718E-2</v>
      </c>
      <c r="J214" s="11">
        <v>-61.329475000000002</v>
      </c>
      <c r="K214" s="13">
        <v>-2.7623029411814912E-2</v>
      </c>
      <c r="L214" s="11">
        <v>949.45491237999977</v>
      </c>
      <c r="M214" s="13">
        <v>0.43978634427921337</v>
      </c>
      <c r="N214" s="11">
        <v>888.12543737999977</v>
      </c>
      <c r="O214" s="13">
        <v>0.4000150837444591</v>
      </c>
      <c r="P214" s="7">
        <v>2353.8086509999998</v>
      </c>
      <c r="Q214" s="7">
        <v>2292.5495139999998</v>
      </c>
      <c r="R214" s="7">
        <v>2235.5100000000002</v>
      </c>
      <c r="S214" s="7">
        <v>2188.7619049999998</v>
      </c>
      <c r="T214" s="7">
        <v>2262.6326210000002</v>
      </c>
      <c r="U214" s="7">
        <v>2276.892656</v>
      </c>
      <c r="V214" s="7">
        <v>2220.2298700000001</v>
      </c>
      <c r="W214" s="7">
        <v>2274.4716939999998</v>
      </c>
      <c r="X214" s="7">
        <v>2215.6181590000001</v>
      </c>
      <c r="Y214" s="7">
        <v>2158.9003950000001</v>
      </c>
      <c r="Z214" s="7">
        <v>2099.1066179999998</v>
      </c>
      <c r="AA214" s="7">
        <v>2538.669472</v>
      </c>
      <c r="AB214" s="7">
        <v>2712.9787689999998</v>
      </c>
      <c r="AC214" s="7">
        <v>2697.8757059999998</v>
      </c>
      <c r="AD214" s="7">
        <v>2865.9974360000001</v>
      </c>
      <c r="AE214" s="7">
        <v>3031.6927850000002</v>
      </c>
      <c r="AF214" s="7">
        <v>3108.3553073799999</v>
      </c>
      <c r="AG214" s="9">
        <v>30258.509758799999</v>
      </c>
      <c r="AH214" s="13">
        <v>0.61075822818633219</v>
      </c>
      <c r="AI214" s="9">
        <v>12910.810157399996</v>
      </c>
      <c r="AJ214" s="13">
        <v>0.26060052524200861</v>
      </c>
      <c r="AK214" s="9">
        <v>5281.4196107000025</v>
      </c>
      <c r="AL214" s="13">
        <v>8.4565842788887194E-2</v>
      </c>
      <c r="AM214" s="9">
        <v>12066.279990700001</v>
      </c>
      <c r="AN214" s="13">
        <v>0.17814013769490944</v>
      </c>
      <c r="AO214" s="9">
        <v>17347.699601400003</v>
      </c>
      <c r="AP214" s="13">
        <v>0.27777055136249507</v>
      </c>
      <c r="AQ214" s="9">
        <v>49542.533137300001</v>
      </c>
      <c r="AR214" s="9">
        <v>50370.798870899998</v>
      </c>
      <c r="AS214" s="9">
        <v>53126.644013800003</v>
      </c>
      <c r="AT214" s="9">
        <v>55739.208161800001</v>
      </c>
      <c r="AU214" s="9">
        <v>55043.194062199997</v>
      </c>
      <c r="AV214" s="9">
        <v>58692.6721731</v>
      </c>
      <c r="AW214" s="9">
        <v>62453.343294699996</v>
      </c>
      <c r="AX214" s="9">
        <v>65470.620016200002</v>
      </c>
      <c r="AY214" s="9">
        <v>66492.796363899994</v>
      </c>
      <c r="AZ214" s="9">
        <v>67734.762905399999</v>
      </c>
      <c r="BA214" s="9">
        <v>68548.768089699995</v>
      </c>
      <c r="BB214" s="9">
        <v>70444.883504600002</v>
      </c>
      <c r="BC214" s="9">
        <v>69914.763845599999</v>
      </c>
      <c r="BD214" s="9">
        <v>73450.061138599995</v>
      </c>
      <c r="BE214" s="9">
        <v>77353.919544599994</v>
      </c>
      <c r="BF214" s="9">
        <v>79801.0428961</v>
      </c>
      <c r="BG214" s="11">
        <v>3.5</v>
      </c>
      <c r="BH214" s="13">
        <v>9.45945945945946E-2</v>
      </c>
      <c r="BI214" s="6">
        <v>-2</v>
      </c>
      <c r="BJ214" s="13">
        <v>-5.4054054054054057E-2</v>
      </c>
      <c r="BK214" s="6">
        <v>0</v>
      </c>
      <c r="BL214" s="13">
        <v>0</v>
      </c>
      <c r="BM214" s="11">
        <v>5.5</v>
      </c>
      <c r="BN214" s="13">
        <v>0.15714285714285714</v>
      </c>
      <c r="BO214" s="11">
        <v>5.5</v>
      </c>
      <c r="BP214" s="13">
        <v>0.15714285714285714</v>
      </c>
      <c r="BQ214" s="6">
        <v>37</v>
      </c>
      <c r="BR214" s="6">
        <v>37</v>
      </c>
      <c r="BS214" s="6">
        <v>35</v>
      </c>
      <c r="BT214" s="6">
        <v>35</v>
      </c>
      <c r="BU214" s="6">
        <v>38</v>
      </c>
      <c r="BV214" s="6">
        <v>36</v>
      </c>
      <c r="BW214" s="6">
        <v>35</v>
      </c>
      <c r="BX214" s="6">
        <v>31</v>
      </c>
      <c r="BY214" s="6">
        <v>36</v>
      </c>
      <c r="BZ214" s="6">
        <v>38</v>
      </c>
      <c r="CA214" s="6">
        <v>38</v>
      </c>
      <c r="CB214" s="6">
        <v>41</v>
      </c>
      <c r="CC214" s="11">
        <v>40.5</v>
      </c>
      <c r="CD214" s="11">
        <v>-6.72234</v>
      </c>
      <c r="CE214" s="11">
        <v>503.96899999999999</v>
      </c>
      <c r="CF214" s="11">
        <v>257.3</v>
      </c>
      <c r="CG214" s="11">
        <v>761</v>
      </c>
      <c r="CH214" s="20">
        <v>2.3405200000000002</v>
      </c>
      <c r="CI214" s="20">
        <v>2.2467100000000002</v>
      </c>
      <c r="CJ214" s="20">
        <v>2.2528999999999999</v>
      </c>
      <c r="CK214" s="20">
        <v>2.1459800000000002</v>
      </c>
      <c r="CL214" s="20">
        <v>2.12581</v>
      </c>
      <c r="CM214" s="20">
        <v>2.0967199999999999</v>
      </c>
      <c r="CN214" s="20">
        <v>1.9922899999999999</v>
      </c>
      <c r="CO214" s="20">
        <v>1.96773</v>
      </c>
      <c r="CP214" s="20">
        <v>1.9149499999999999</v>
      </c>
      <c r="CQ214" s="20">
        <v>1.83209</v>
      </c>
      <c r="CR214" s="20">
        <v>1.71336</v>
      </c>
      <c r="CS214" s="20">
        <v>1.9454100000000001</v>
      </c>
      <c r="CT214" s="20">
        <v>1.9791799999999999</v>
      </c>
      <c r="CU214" s="20">
        <v>1.92564</v>
      </c>
      <c r="CV214" s="20">
        <v>2.0083000000000002</v>
      </c>
      <c r="CW214" s="20">
        <v>2.1045699999999998</v>
      </c>
      <c r="CX214" s="20">
        <v>2.1105</v>
      </c>
      <c r="CY214" s="6" t="s">
        <v>415</v>
      </c>
      <c r="CZ214" s="6" t="s">
        <v>416</v>
      </c>
      <c r="DA214" s="6" t="s">
        <v>127</v>
      </c>
      <c r="DB214" s="6"/>
      <c r="DC214" s="6">
        <v>17860</v>
      </c>
      <c r="DD214" s="6">
        <v>190</v>
      </c>
      <c r="DE214" s="6" t="s">
        <v>418</v>
      </c>
      <c r="DF214" s="6" t="s">
        <v>375</v>
      </c>
      <c r="DG214" s="6" t="s">
        <v>364</v>
      </c>
      <c r="DH214" s="6" t="s">
        <v>419</v>
      </c>
      <c r="DI214" s="6" t="s">
        <v>390</v>
      </c>
      <c r="DJ214" s="6">
        <v>29</v>
      </c>
      <c r="DK214" s="6">
        <v>19</v>
      </c>
      <c r="DL214" s="6">
        <v>2</v>
      </c>
      <c r="DM214" s="6" t="s">
        <v>379</v>
      </c>
      <c r="DN214" s="6">
        <v>3</v>
      </c>
      <c r="DO214" s="6" t="s">
        <v>380</v>
      </c>
      <c r="DP214" s="6"/>
      <c r="DQ214" s="6"/>
    </row>
    <row r="215" spans="1:121" x14ac:dyDescent="0.2">
      <c r="A215" s="6" t="s">
        <v>319</v>
      </c>
      <c r="B215" s="6" t="s">
        <v>319</v>
      </c>
      <c r="C215" s="6" t="s">
        <v>188</v>
      </c>
      <c r="D215" s="6" t="s">
        <v>127</v>
      </c>
      <c r="E215" s="6" t="s">
        <v>268</v>
      </c>
      <c r="F215" s="11">
        <v>1260</v>
      </c>
      <c r="G215" s="13">
        <v>0.43047488896500002</v>
      </c>
      <c r="H215" s="11">
        <v>372.34996107999996</v>
      </c>
      <c r="I215" s="13">
        <v>0.12722332424604307</v>
      </c>
      <c r="J215" s="11">
        <v>-499.66068910000013</v>
      </c>
      <c r="K215" s="13">
        <v>-0.15145396325202601</v>
      </c>
      <c r="L215" s="11">
        <v>1387.8727376800002</v>
      </c>
      <c r="M215" s="13">
        <v>0.49576937461487058</v>
      </c>
      <c r="N215" s="11">
        <v>888.2120485800001</v>
      </c>
      <c r="O215" s="13">
        <v>0.26922917471844399</v>
      </c>
      <c r="P215" s="7">
        <v>2926.74290101</v>
      </c>
      <c r="Q215" s="7">
        <v>2672.7908034500001</v>
      </c>
      <c r="R215" s="7">
        <v>2428.60225515</v>
      </c>
      <c r="S215" s="7">
        <v>2790.0620202</v>
      </c>
      <c r="T215" s="7">
        <v>3601.1978049999998</v>
      </c>
      <c r="U215" s="7">
        <v>2891.39188573</v>
      </c>
      <c r="V215" s="7">
        <v>3299.0928620899999</v>
      </c>
      <c r="W215" s="7">
        <v>3131.4204346699998</v>
      </c>
      <c r="X215" s="7">
        <v>2533.7096445900002</v>
      </c>
      <c r="Y215" s="7">
        <v>2799.4321729899998</v>
      </c>
      <c r="Z215" s="7">
        <v>3162.0203679900001</v>
      </c>
      <c r="AA215" s="7">
        <v>3603.1161398899999</v>
      </c>
      <c r="AB215" s="7">
        <v>4030.16990347</v>
      </c>
      <c r="AC215" s="7">
        <v>4162.7298901800004</v>
      </c>
      <c r="AD215" s="7">
        <v>4308.8934724199999</v>
      </c>
      <c r="AE215" s="7">
        <v>4035.97236909</v>
      </c>
      <c r="AF215" s="7">
        <v>4187.30491067</v>
      </c>
      <c r="AG215" s="9">
        <v>9217.8628787000016</v>
      </c>
      <c r="AH215" s="13">
        <v>0.48440453430926744</v>
      </c>
      <c r="AI215" s="9">
        <v>4982.7482698999993</v>
      </c>
      <c r="AJ215" s="13">
        <v>0.26184657843398268</v>
      </c>
      <c r="AK215" s="9">
        <v>1101.2132268999994</v>
      </c>
      <c r="AL215" s="13">
        <v>4.5860926156181599E-2</v>
      </c>
      <c r="AM215" s="9">
        <v>3133.9013819000029</v>
      </c>
      <c r="AN215" s="13">
        <v>0.1247908635110276</v>
      </c>
      <c r="AO215" s="9">
        <v>4235.1146088000023</v>
      </c>
      <c r="AP215" s="13">
        <v>0.17637481424365456</v>
      </c>
      <c r="AQ215" s="9">
        <v>19029.2662967</v>
      </c>
      <c r="AR215" s="9">
        <v>20269.2607073</v>
      </c>
      <c r="AS215" s="9">
        <v>21252.6692788</v>
      </c>
      <c r="AT215" s="9">
        <v>21918.920372100001</v>
      </c>
      <c r="AU215" s="9">
        <v>21774.935504900001</v>
      </c>
      <c r="AV215" s="9">
        <v>22305.704127699999</v>
      </c>
      <c r="AW215" s="9">
        <v>24012.014566599999</v>
      </c>
      <c r="AX215" s="9">
        <v>25415.276373799999</v>
      </c>
      <c r="AY215" s="9">
        <v>26265.450522800002</v>
      </c>
      <c r="AZ215" s="9">
        <v>25113.227793499998</v>
      </c>
      <c r="BA215" s="9">
        <v>25404.0126313</v>
      </c>
      <c r="BB215" s="9">
        <v>25492.2568694</v>
      </c>
      <c r="BC215" s="9">
        <v>25377.8443855</v>
      </c>
      <c r="BD215" s="9">
        <v>25368.037786600002</v>
      </c>
      <c r="BE215" s="9">
        <v>27402.732889700001</v>
      </c>
      <c r="BF215" s="9">
        <v>28247.129175400001</v>
      </c>
      <c r="BG215" s="11">
        <v>71.75</v>
      </c>
      <c r="BH215" s="13">
        <v>0.33064516129032256</v>
      </c>
      <c r="BI215" s="6">
        <v>27</v>
      </c>
      <c r="BJ215" s="13">
        <v>0.12442396313364056</v>
      </c>
      <c r="BK215" s="6">
        <v>9</v>
      </c>
      <c r="BL215" s="13">
        <v>3.6885245901639344E-2</v>
      </c>
      <c r="BM215" s="11">
        <v>35.75</v>
      </c>
      <c r="BN215" s="13">
        <v>0.14130434782608695</v>
      </c>
      <c r="BO215" s="11">
        <v>44.75</v>
      </c>
      <c r="BP215" s="13">
        <v>0.18340163934426229</v>
      </c>
      <c r="BQ215" s="6">
        <v>217</v>
      </c>
      <c r="BR215" s="6">
        <v>227</v>
      </c>
      <c r="BS215" s="6">
        <v>232</v>
      </c>
      <c r="BT215" s="6">
        <v>244</v>
      </c>
      <c r="BU215" s="6">
        <v>243</v>
      </c>
      <c r="BV215" s="6">
        <v>247</v>
      </c>
      <c r="BW215" s="6">
        <v>253</v>
      </c>
      <c r="BX215" s="6">
        <v>265</v>
      </c>
      <c r="BY215" s="6">
        <v>280</v>
      </c>
      <c r="BZ215" s="6">
        <v>290</v>
      </c>
      <c r="CA215" s="6">
        <v>302</v>
      </c>
      <c r="CB215" s="6">
        <v>301</v>
      </c>
      <c r="CC215" s="11">
        <v>288.75</v>
      </c>
      <c r="CD215" s="11">
        <v>677.30700000000002</v>
      </c>
      <c r="CE215" s="11">
        <v>263.327</v>
      </c>
      <c r="CF215" s="11">
        <v>319.928</v>
      </c>
      <c r="CG215" s="11">
        <v>583</v>
      </c>
      <c r="CH215" s="20">
        <v>0.59328800000000004</v>
      </c>
      <c r="CI215" s="20">
        <v>0.52878000000000003</v>
      </c>
      <c r="CJ215" s="20">
        <v>0.48530899999999999</v>
      </c>
      <c r="CK215" s="20">
        <v>0.53608100000000003</v>
      </c>
      <c r="CL215" s="20">
        <v>0.65837500000000004</v>
      </c>
      <c r="CM215" s="20">
        <v>0.51574600000000004</v>
      </c>
      <c r="CN215" s="20">
        <v>0.58547000000000005</v>
      </c>
      <c r="CO215" s="20">
        <v>0.577322</v>
      </c>
      <c r="CP215" s="20">
        <v>0.50238400000000005</v>
      </c>
      <c r="CQ215" s="20">
        <v>0.52975700000000003</v>
      </c>
      <c r="CR215" s="20">
        <v>0.57238900000000004</v>
      </c>
      <c r="CS215" s="20">
        <v>0.62021499999999996</v>
      </c>
      <c r="CT215" s="20">
        <v>0.66795000000000004</v>
      </c>
      <c r="CU215" s="20">
        <v>0.67415700000000001</v>
      </c>
      <c r="CV215" s="20">
        <v>0.68322400000000005</v>
      </c>
      <c r="CW215" s="20">
        <v>0.63111899999999999</v>
      </c>
      <c r="CX215" s="20">
        <v>0.639594</v>
      </c>
      <c r="CY215" s="6" t="s">
        <v>415</v>
      </c>
      <c r="CZ215" s="6" t="s">
        <v>416</v>
      </c>
      <c r="DA215" s="6" t="s">
        <v>127</v>
      </c>
      <c r="DB215" s="6"/>
      <c r="DC215" s="6">
        <v>17860</v>
      </c>
      <c r="DD215" s="6">
        <v>190</v>
      </c>
      <c r="DE215" s="6" t="s">
        <v>418</v>
      </c>
      <c r="DF215" s="6" t="s">
        <v>375</v>
      </c>
      <c r="DG215" s="6" t="s">
        <v>364</v>
      </c>
      <c r="DH215" s="6" t="s">
        <v>419</v>
      </c>
      <c r="DI215" s="6" t="s">
        <v>390</v>
      </c>
      <c r="DJ215" s="6">
        <v>29</v>
      </c>
      <c r="DK215" s="6">
        <v>19</v>
      </c>
      <c r="DL215" s="6">
        <v>2</v>
      </c>
      <c r="DM215" s="6" t="s">
        <v>379</v>
      </c>
      <c r="DN215" s="6">
        <v>3</v>
      </c>
      <c r="DO215" s="6" t="s">
        <v>380</v>
      </c>
      <c r="DP215" s="6"/>
      <c r="DQ215" s="6"/>
    </row>
    <row r="216" spans="1:121" x14ac:dyDescent="0.2">
      <c r="A216" s="6" t="s">
        <v>320</v>
      </c>
      <c r="B216" s="6" t="s">
        <v>320</v>
      </c>
      <c r="C216" s="6" t="s">
        <v>189</v>
      </c>
      <c r="D216" s="6" t="s">
        <v>127</v>
      </c>
      <c r="E216" s="6" t="s">
        <v>268</v>
      </c>
      <c r="F216" s="11">
        <v>405</v>
      </c>
      <c r="G216" s="13">
        <v>0.21821120689699999</v>
      </c>
      <c r="H216" s="11">
        <v>-164.73128887000007</v>
      </c>
      <c r="I216" s="13">
        <v>-8.8779975681411327E-2</v>
      </c>
      <c r="J216" s="11">
        <v>247.64338537999993</v>
      </c>
      <c r="K216" s="13">
        <v>0.14646788243157249</v>
      </c>
      <c r="L216" s="11">
        <v>322.43635758000005</v>
      </c>
      <c r="M216" s="13">
        <v>0.16634041633038796</v>
      </c>
      <c r="N216" s="11">
        <v>570.07974295999998</v>
      </c>
      <c r="O216" s="13">
        <v>0.3371718273046585</v>
      </c>
      <c r="P216" s="7">
        <v>1855.5004955300001</v>
      </c>
      <c r="Q216" s="7">
        <v>1949.40824234</v>
      </c>
      <c r="R216" s="7">
        <v>2059.1877795599999</v>
      </c>
      <c r="S216" s="7">
        <v>2192.6923294899998</v>
      </c>
      <c r="T216" s="7">
        <v>2159.1947565199998</v>
      </c>
      <c r="U216" s="7">
        <v>1794.16684508</v>
      </c>
      <c r="V216" s="7">
        <v>1690.76920666</v>
      </c>
      <c r="W216" s="7">
        <v>1700.15291396</v>
      </c>
      <c r="X216" s="7">
        <v>1862.6040612500001</v>
      </c>
      <c r="Y216" s="7">
        <v>1938.4125920399999</v>
      </c>
      <c r="Z216" s="7">
        <v>2029.87982812</v>
      </c>
      <c r="AA216" s="7">
        <v>2097.6724722499998</v>
      </c>
      <c r="AB216" s="7">
        <v>2145.1131290200001</v>
      </c>
      <c r="AC216" s="7">
        <v>2095.6062083000002</v>
      </c>
      <c r="AD216" s="7">
        <v>2193.3941186400002</v>
      </c>
      <c r="AE216" s="7">
        <v>2210.4718580799999</v>
      </c>
      <c r="AF216" s="7">
        <v>2260.84894962</v>
      </c>
      <c r="AG216" s="9">
        <v>18664.632028500004</v>
      </c>
      <c r="AH216" s="13">
        <v>1.1652752719449813</v>
      </c>
      <c r="AI216" s="9">
        <v>9510.7056544999996</v>
      </c>
      <c r="AJ216" s="13">
        <v>0.59377490544756362</v>
      </c>
      <c r="AK216" s="9">
        <v>3028.8329569000016</v>
      </c>
      <c r="AL216" s="13">
        <v>0.11864718426995746</v>
      </c>
      <c r="AM216" s="9">
        <v>6125.0934171000008</v>
      </c>
      <c r="AN216" s="13">
        <v>0.2144873565156811</v>
      </c>
      <c r="AO216" s="9">
        <v>9153.9263740000024</v>
      </c>
      <c r="AP216" s="13">
        <v>0.35858286169773068</v>
      </c>
      <c r="AQ216" s="9">
        <v>16017.3587116</v>
      </c>
      <c r="AR216" s="9">
        <v>15705.335254199999</v>
      </c>
      <c r="AS216" s="9">
        <v>18107.885432499999</v>
      </c>
      <c r="AT216" s="9">
        <v>18493.887620699999</v>
      </c>
      <c r="AU216" s="9">
        <v>19076.611721500001</v>
      </c>
      <c r="AV216" s="9">
        <v>22377.151705</v>
      </c>
      <c r="AW216" s="9">
        <v>25528.064366099999</v>
      </c>
      <c r="AX216" s="9">
        <v>26923.364617300002</v>
      </c>
      <c r="AY216" s="9">
        <v>27893.776085099998</v>
      </c>
      <c r="AZ216" s="9">
        <v>28556.897323000001</v>
      </c>
      <c r="BA216" s="9">
        <v>28440.569646100001</v>
      </c>
      <c r="BB216" s="9">
        <v>28473.421823500001</v>
      </c>
      <c r="BC216" s="9">
        <v>27458.820776100001</v>
      </c>
      <c r="BD216" s="9">
        <v>34796.075594000002</v>
      </c>
      <c r="BE216" s="9">
        <v>36024.594718</v>
      </c>
      <c r="BF216" s="9">
        <v>34681.990740100002</v>
      </c>
      <c r="BG216" s="11">
        <v>9.5</v>
      </c>
      <c r="BH216" s="13">
        <v>0.23749999999999999</v>
      </c>
      <c r="BI216" s="6">
        <v>9</v>
      </c>
      <c r="BJ216" s="13">
        <v>0.22500000000000001</v>
      </c>
      <c r="BK216" s="6">
        <v>-4</v>
      </c>
      <c r="BL216" s="13">
        <v>-8.1632653061224483E-2</v>
      </c>
      <c r="BM216" s="11">
        <v>4.5</v>
      </c>
      <c r="BN216" s="13">
        <v>0.1</v>
      </c>
      <c r="BO216" s="11">
        <v>0.5</v>
      </c>
      <c r="BP216" s="13">
        <v>1.020408163265306E-2</v>
      </c>
      <c r="BQ216" s="6">
        <v>40</v>
      </c>
      <c r="BR216" s="6">
        <v>46</v>
      </c>
      <c r="BS216" s="6">
        <v>50</v>
      </c>
      <c r="BT216" s="6">
        <v>49</v>
      </c>
      <c r="BU216" s="6">
        <v>48</v>
      </c>
      <c r="BV216" s="6">
        <v>48</v>
      </c>
      <c r="BW216" s="6">
        <v>45</v>
      </c>
      <c r="BX216" s="6">
        <v>46</v>
      </c>
      <c r="BY216" s="6">
        <v>47</v>
      </c>
      <c r="BZ216" s="6">
        <v>48</v>
      </c>
      <c r="CA216" s="6">
        <v>53</v>
      </c>
      <c r="CB216" s="6">
        <v>49</v>
      </c>
      <c r="CC216" s="11">
        <v>49.5</v>
      </c>
      <c r="CD216" s="11">
        <v>-469.36599999999999</v>
      </c>
      <c r="CE216" s="11">
        <v>671.88599999999997</v>
      </c>
      <c r="CF216" s="11">
        <v>202.82900000000001</v>
      </c>
      <c r="CG216" s="11">
        <v>875</v>
      </c>
      <c r="CH216" s="20">
        <v>1.1274</v>
      </c>
      <c r="CI216" s="20">
        <v>1.1046800000000001</v>
      </c>
      <c r="CJ216" s="20">
        <v>1.14462</v>
      </c>
      <c r="CK216" s="20">
        <v>1.1674500000000001</v>
      </c>
      <c r="CL216" s="20">
        <v>1.11835</v>
      </c>
      <c r="CM216" s="20">
        <v>0.91112300000000002</v>
      </c>
      <c r="CN216" s="20">
        <v>0.84091300000000002</v>
      </c>
      <c r="CO216" s="20">
        <v>0.81645999999999996</v>
      </c>
      <c r="CP216" s="20">
        <v>0.85165299999999999</v>
      </c>
      <c r="CQ216" s="20">
        <v>0.85224100000000003</v>
      </c>
      <c r="CR216" s="20">
        <v>0.859954</v>
      </c>
      <c r="CS216" s="20">
        <v>0.85319699999999998</v>
      </c>
      <c r="CT216" s="20">
        <v>0.85105200000000003</v>
      </c>
      <c r="CU216" s="20">
        <v>0.82215199999999999</v>
      </c>
      <c r="CV216" s="20">
        <v>0.85161600000000004</v>
      </c>
      <c r="CW216" s="20">
        <v>0.84750599999999998</v>
      </c>
      <c r="CX216" s="20">
        <v>0.84365500000000004</v>
      </c>
      <c r="CY216" s="6" t="s">
        <v>415</v>
      </c>
      <c r="CZ216" s="6" t="s">
        <v>416</v>
      </c>
      <c r="DA216" s="6" t="s">
        <v>127</v>
      </c>
      <c r="DB216" s="6"/>
      <c r="DC216" s="6">
        <v>17860</v>
      </c>
      <c r="DD216" s="6">
        <v>190</v>
      </c>
      <c r="DE216" s="6" t="s">
        <v>418</v>
      </c>
      <c r="DF216" s="6" t="s">
        <v>375</v>
      </c>
      <c r="DG216" s="6" t="s">
        <v>364</v>
      </c>
      <c r="DH216" s="6" t="s">
        <v>419</v>
      </c>
      <c r="DI216" s="6" t="s">
        <v>390</v>
      </c>
      <c r="DJ216" s="6">
        <v>29</v>
      </c>
      <c r="DK216" s="6">
        <v>19</v>
      </c>
      <c r="DL216" s="6">
        <v>2</v>
      </c>
      <c r="DM216" s="6" t="s">
        <v>379</v>
      </c>
      <c r="DN216" s="6">
        <v>3</v>
      </c>
      <c r="DO216" s="6" t="s">
        <v>380</v>
      </c>
      <c r="DP216" s="6"/>
      <c r="DQ216" s="6"/>
    </row>
    <row r="217" spans="1:121" x14ac:dyDescent="0.2">
      <c r="A217" s="6" t="s">
        <v>321</v>
      </c>
      <c r="B217" s="6" t="s">
        <v>321</v>
      </c>
      <c r="C217" s="6" t="s">
        <v>190</v>
      </c>
      <c r="D217" s="6" t="s">
        <v>127</v>
      </c>
      <c r="E217" s="6" t="s">
        <v>268</v>
      </c>
      <c r="F217" s="11">
        <v>3770</v>
      </c>
      <c r="G217" s="13">
        <v>0.50239872068199998</v>
      </c>
      <c r="H217" s="11">
        <v>1316.8216847600006</v>
      </c>
      <c r="I217" s="13">
        <v>0.17548546752338667</v>
      </c>
      <c r="J217" s="11">
        <v>582.17078204999962</v>
      </c>
      <c r="K217" s="13">
        <v>6.6000515612259128E-2</v>
      </c>
      <c r="L217" s="11">
        <v>1870.7606578699997</v>
      </c>
      <c r="M217" s="13">
        <v>0.19895631863651053</v>
      </c>
      <c r="N217" s="11">
        <v>2452.9314399199993</v>
      </c>
      <c r="O217" s="13">
        <v>0.27808805386309626</v>
      </c>
      <c r="P217" s="7">
        <v>7503.8788302200001</v>
      </c>
      <c r="Q217" s="7">
        <v>7860.5206659200003</v>
      </c>
      <c r="R217" s="7">
        <v>8015.0204715299997</v>
      </c>
      <c r="S217" s="7">
        <v>7990.7410000999998</v>
      </c>
      <c r="T217" s="7">
        <v>8166.3836724800003</v>
      </c>
      <c r="U217" s="7">
        <v>8625.6436438100009</v>
      </c>
      <c r="V217" s="7">
        <v>8820.7005149800007</v>
      </c>
      <c r="W217" s="7">
        <v>9081.7182306100003</v>
      </c>
      <c r="X217" s="7">
        <v>9138.8155017499994</v>
      </c>
      <c r="Y217" s="7">
        <v>9402.8712970300003</v>
      </c>
      <c r="Z217" s="7">
        <v>9812.4389345399995</v>
      </c>
      <c r="AA217" s="7">
        <v>10675.2479097</v>
      </c>
      <c r="AB217" s="7">
        <v>10602.214226800001</v>
      </c>
      <c r="AC217" s="7">
        <v>10681.341513199999</v>
      </c>
      <c r="AD217" s="7">
        <v>10936.189141700001</v>
      </c>
      <c r="AE217" s="7">
        <v>10967.2459261</v>
      </c>
      <c r="AF217" s="7">
        <v>11273.6319549</v>
      </c>
      <c r="AG217" s="9">
        <v>9994.9715250000008</v>
      </c>
      <c r="AH217" s="13">
        <v>0.25734566757329397</v>
      </c>
      <c r="AI217" s="9">
        <v>5845.2837355000011</v>
      </c>
      <c r="AJ217" s="13">
        <v>0.15050152382175647</v>
      </c>
      <c r="AK217" s="9">
        <v>1838.2735709999979</v>
      </c>
      <c r="AL217" s="13">
        <v>4.1139427643654462E-2</v>
      </c>
      <c r="AM217" s="9">
        <v>2311.4142185000019</v>
      </c>
      <c r="AN217" s="13">
        <v>4.9684049862551045E-2</v>
      </c>
      <c r="AO217" s="9">
        <v>4149.6877894999998</v>
      </c>
      <c r="AP217" s="13">
        <v>9.2867450880569649E-2</v>
      </c>
      <c r="AQ217" s="9">
        <v>38838.701343799999</v>
      </c>
      <c r="AR217" s="9">
        <v>38610.1170384</v>
      </c>
      <c r="AS217" s="9">
        <v>40472.465132700003</v>
      </c>
      <c r="AT217" s="9">
        <v>42597.830746400003</v>
      </c>
      <c r="AU217" s="9">
        <v>43536.041189000003</v>
      </c>
      <c r="AV217" s="9">
        <v>43855.172919999997</v>
      </c>
      <c r="AW217" s="9">
        <v>44683.985079300001</v>
      </c>
      <c r="AX217" s="9">
        <v>45038.972326299998</v>
      </c>
      <c r="AY217" s="9">
        <v>45853.221575800002</v>
      </c>
      <c r="AZ217" s="9">
        <v>46522.258650299998</v>
      </c>
      <c r="BA217" s="9">
        <v>46195.529049199999</v>
      </c>
      <c r="BB217" s="9">
        <v>45471.413904200002</v>
      </c>
      <c r="BC217" s="9">
        <v>46407.608873099998</v>
      </c>
      <c r="BD217" s="9">
        <v>46422.900374199999</v>
      </c>
      <c r="BE217" s="9">
        <v>47581.240842899999</v>
      </c>
      <c r="BF217" s="9">
        <v>48833.6728688</v>
      </c>
      <c r="BG217" s="11">
        <v>351.5</v>
      </c>
      <c r="BH217" s="13">
        <v>0.81365740740740744</v>
      </c>
      <c r="BI217" s="6">
        <v>58</v>
      </c>
      <c r="BJ217" s="13">
        <v>0.13425925925925927</v>
      </c>
      <c r="BK217" s="6">
        <v>8</v>
      </c>
      <c r="BL217" s="13">
        <v>1.6326530612244899E-2</v>
      </c>
      <c r="BM217" s="11">
        <v>285.5</v>
      </c>
      <c r="BN217" s="13">
        <v>0.57329317269076308</v>
      </c>
      <c r="BO217" s="11">
        <v>293.5</v>
      </c>
      <c r="BP217" s="13">
        <v>0.59897959183673466</v>
      </c>
      <c r="BQ217" s="6">
        <v>432</v>
      </c>
      <c r="BR217" s="6">
        <v>438</v>
      </c>
      <c r="BS217" s="6">
        <v>464</v>
      </c>
      <c r="BT217" s="6">
        <v>490</v>
      </c>
      <c r="BU217" s="6">
        <v>495</v>
      </c>
      <c r="BV217" s="6">
        <v>495</v>
      </c>
      <c r="BW217" s="6">
        <v>498</v>
      </c>
      <c r="BX217" s="6">
        <v>513</v>
      </c>
      <c r="BY217" s="6">
        <v>538</v>
      </c>
      <c r="BZ217" s="6">
        <v>699</v>
      </c>
      <c r="CA217" s="6">
        <v>715</v>
      </c>
      <c r="CB217" s="6">
        <v>763</v>
      </c>
      <c r="CC217" s="11">
        <v>783.5</v>
      </c>
      <c r="CD217" s="11">
        <v>216.827</v>
      </c>
      <c r="CE217" s="11">
        <v>2732.66</v>
      </c>
      <c r="CF217" s="11">
        <v>820.26400000000001</v>
      </c>
      <c r="CG217" s="11">
        <v>3553</v>
      </c>
      <c r="CH217" s="20">
        <v>0.92318699999999998</v>
      </c>
      <c r="CI217" s="20">
        <v>0.90848300000000004</v>
      </c>
      <c r="CJ217" s="20">
        <v>0.90708699999999998</v>
      </c>
      <c r="CK217" s="20">
        <v>0.88027900000000003</v>
      </c>
      <c r="CL217" s="20">
        <v>0.86569499999999999</v>
      </c>
      <c r="CM217" s="20">
        <v>0.89366800000000002</v>
      </c>
      <c r="CN217" s="20">
        <v>0.89305900000000005</v>
      </c>
      <c r="CO217" s="20">
        <v>0.89081100000000002</v>
      </c>
      <c r="CP217" s="20">
        <v>0.86005500000000001</v>
      </c>
      <c r="CQ217" s="20">
        <v>0.85623899999999997</v>
      </c>
      <c r="CR217" s="20">
        <v>0.87636000000000003</v>
      </c>
      <c r="CS217" s="20">
        <v>0.90028699999999995</v>
      </c>
      <c r="CT217" s="20">
        <v>0.86756599999999995</v>
      </c>
      <c r="CU217" s="20">
        <v>0.86607999999999996</v>
      </c>
      <c r="CV217" s="20">
        <v>0.86882199999999998</v>
      </c>
      <c r="CW217" s="20">
        <v>0.85521400000000003</v>
      </c>
      <c r="CX217" s="20">
        <v>0.85061900000000001</v>
      </c>
      <c r="CY217" s="6" t="s">
        <v>415</v>
      </c>
      <c r="CZ217" s="6" t="s">
        <v>416</v>
      </c>
      <c r="DA217" s="6" t="s">
        <v>127</v>
      </c>
      <c r="DB217" s="6"/>
      <c r="DC217" s="6">
        <v>17860</v>
      </c>
      <c r="DD217" s="6">
        <v>190</v>
      </c>
      <c r="DE217" s="6" t="s">
        <v>418</v>
      </c>
      <c r="DF217" s="6" t="s">
        <v>375</v>
      </c>
      <c r="DG217" s="6" t="s">
        <v>364</v>
      </c>
      <c r="DH217" s="6" t="s">
        <v>419</v>
      </c>
      <c r="DI217" s="6" t="s">
        <v>390</v>
      </c>
      <c r="DJ217" s="6">
        <v>29</v>
      </c>
      <c r="DK217" s="6">
        <v>19</v>
      </c>
      <c r="DL217" s="6">
        <v>2</v>
      </c>
      <c r="DM217" s="6" t="s">
        <v>379</v>
      </c>
      <c r="DN217" s="6">
        <v>3</v>
      </c>
      <c r="DO217" s="6" t="s">
        <v>380</v>
      </c>
      <c r="DP217" s="6"/>
      <c r="DQ217" s="6"/>
    </row>
    <row r="218" spans="1:121" x14ac:dyDescent="0.2">
      <c r="A218" s="6" t="s">
        <v>322</v>
      </c>
      <c r="B218" s="6" t="s">
        <v>322</v>
      </c>
      <c r="C218" s="6" t="s">
        <v>191</v>
      </c>
      <c r="D218" s="6" t="s">
        <v>127</v>
      </c>
      <c r="E218" s="6" t="s">
        <v>268</v>
      </c>
      <c r="F218" s="11">
        <v>283</v>
      </c>
      <c r="G218" s="13">
        <v>0.33</v>
      </c>
      <c r="H218" s="11">
        <v>27</v>
      </c>
      <c r="I218" s="13">
        <v>3.161592505854801E-2</v>
      </c>
      <c r="J218" s="11">
        <v>55</v>
      </c>
      <c r="K218" s="13">
        <v>6.2429057888762768E-2</v>
      </c>
      <c r="L218" s="11">
        <v>201</v>
      </c>
      <c r="M218" s="13">
        <v>0.21474358974358973</v>
      </c>
      <c r="N218" s="11">
        <v>256</v>
      </c>
      <c r="O218" s="13">
        <v>0.29057888762769579</v>
      </c>
      <c r="P218" s="7">
        <v>854</v>
      </c>
      <c r="Q218" s="7">
        <v>879</v>
      </c>
      <c r="R218" s="7">
        <v>829</v>
      </c>
      <c r="S218" s="7">
        <v>787</v>
      </c>
      <c r="T218" s="7">
        <v>786</v>
      </c>
      <c r="U218" s="7">
        <v>859</v>
      </c>
      <c r="V218" s="7">
        <v>881</v>
      </c>
      <c r="W218" s="7">
        <v>844</v>
      </c>
      <c r="X218" s="7">
        <v>895</v>
      </c>
      <c r="Y218" s="7">
        <v>936</v>
      </c>
      <c r="Z218" s="7">
        <v>978</v>
      </c>
      <c r="AA218" s="7">
        <v>1002</v>
      </c>
      <c r="AB218" s="7">
        <v>1017</v>
      </c>
      <c r="AC218" s="7">
        <v>1079</v>
      </c>
      <c r="AD218" s="7">
        <v>1114</v>
      </c>
      <c r="AE218" s="7">
        <v>1100</v>
      </c>
      <c r="AF218" s="7">
        <v>1137</v>
      </c>
      <c r="AG218" s="9">
        <v>10472</v>
      </c>
      <c r="AH218" s="13">
        <v>0.84766067670390155</v>
      </c>
      <c r="AI218" s="9">
        <v>2937</v>
      </c>
      <c r="AJ218" s="13">
        <v>0.23773676542010683</v>
      </c>
      <c r="AK218" s="9">
        <v>9312</v>
      </c>
      <c r="AL218" s="13">
        <v>0.60898567784971547</v>
      </c>
      <c r="AM218" s="9">
        <v>-1777</v>
      </c>
      <c r="AN218" s="13">
        <v>-7.2226964191358781E-2</v>
      </c>
      <c r="AO218" s="9">
        <v>7535</v>
      </c>
      <c r="AP218" s="13">
        <v>0.49277352691125498</v>
      </c>
      <c r="AQ218" s="9">
        <v>12354</v>
      </c>
      <c r="AR218" s="9">
        <v>12706</v>
      </c>
      <c r="AS218" s="9">
        <v>13069</v>
      </c>
      <c r="AT218" s="9">
        <v>14072</v>
      </c>
      <c r="AU218" s="9">
        <v>14279</v>
      </c>
      <c r="AV218" s="9">
        <v>14392</v>
      </c>
      <c r="AW218" s="9">
        <v>15291</v>
      </c>
      <c r="AX218" s="9">
        <v>15563</v>
      </c>
      <c r="AY218" s="9">
        <v>25182</v>
      </c>
      <c r="AZ218" s="9">
        <v>24603</v>
      </c>
      <c r="BA218" s="9">
        <v>23629</v>
      </c>
      <c r="BB218" s="9">
        <v>22883</v>
      </c>
      <c r="BC218" s="9">
        <v>22968</v>
      </c>
      <c r="BD218" s="9">
        <v>22258</v>
      </c>
      <c r="BE218" s="9">
        <v>21974</v>
      </c>
      <c r="BF218" s="9">
        <v>22826</v>
      </c>
      <c r="BG218" s="11">
        <v>22</v>
      </c>
      <c r="BH218" s="13">
        <v>0.48888888888888887</v>
      </c>
      <c r="BI218" s="6">
        <v>8</v>
      </c>
      <c r="BJ218" s="13">
        <v>0.17777777777777778</v>
      </c>
      <c r="BK218" s="6">
        <v>-4</v>
      </c>
      <c r="BL218" s="13">
        <v>-7.5471698113207544E-2</v>
      </c>
      <c r="BM218" s="11">
        <v>18</v>
      </c>
      <c r="BN218" s="13">
        <v>0.36734693877551022</v>
      </c>
      <c r="BO218" s="11">
        <v>14</v>
      </c>
      <c r="BP218" s="13">
        <v>0.26415094339622641</v>
      </c>
      <c r="BQ218" s="6">
        <v>45</v>
      </c>
      <c r="BR218" s="6">
        <v>53</v>
      </c>
      <c r="BS218" s="6">
        <v>54</v>
      </c>
      <c r="BT218" s="6">
        <v>53</v>
      </c>
      <c r="BU218" s="6">
        <v>50</v>
      </c>
      <c r="BV218" s="6">
        <v>49</v>
      </c>
      <c r="BW218" s="6">
        <v>49</v>
      </c>
      <c r="BX218" s="6">
        <v>49</v>
      </c>
      <c r="BY218" s="6">
        <v>53</v>
      </c>
      <c r="BZ218" s="6">
        <v>59</v>
      </c>
      <c r="CA218" s="6">
        <v>63</v>
      </c>
      <c r="CB218" s="6">
        <v>66</v>
      </c>
      <c r="CC218" s="11">
        <v>67</v>
      </c>
      <c r="CD218" s="11">
        <v>34</v>
      </c>
      <c r="CE218" s="11">
        <v>155</v>
      </c>
      <c r="CF218" s="11">
        <v>93</v>
      </c>
      <c r="CG218" s="11">
        <v>248</v>
      </c>
      <c r="CH218" s="20">
        <v>0.69</v>
      </c>
      <c r="CI218" s="20">
        <v>0.68</v>
      </c>
      <c r="CJ218" s="20">
        <v>0.63</v>
      </c>
      <c r="CK218" s="20">
        <v>0.57999999999999996</v>
      </c>
      <c r="CL218" s="20">
        <v>0.56000000000000005</v>
      </c>
      <c r="CM218" s="20">
        <v>0.61</v>
      </c>
      <c r="CN218" s="20">
        <v>0.61</v>
      </c>
      <c r="CO218" s="20">
        <v>0.57999999999999996</v>
      </c>
      <c r="CP218" s="20">
        <v>0.61</v>
      </c>
      <c r="CQ218" s="20">
        <v>0.64</v>
      </c>
      <c r="CR218" s="20">
        <v>0.65</v>
      </c>
      <c r="CS218" s="20">
        <v>0.64</v>
      </c>
      <c r="CT218" s="20">
        <v>0.63</v>
      </c>
      <c r="CU218" s="20">
        <v>0.65</v>
      </c>
      <c r="CV218" s="20">
        <v>0.66</v>
      </c>
      <c r="CW218" s="20">
        <v>0.63</v>
      </c>
      <c r="CX218" s="20">
        <v>0.64</v>
      </c>
      <c r="CY218" s="6" t="s">
        <v>415</v>
      </c>
      <c r="CZ218" s="6" t="s">
        <v>416</v>
      </c>
      <c r="DA218" s="6" t="s">
        <v>127</v>
      </c>
      <c r="DB218" s="6"/>
      <c r="DC218" s="6">
        <v>17860</v>
      </c>
      <c r="DD218" s="6">
        <v>190</v>
      </c>
      <c r="DE218" s="6" t="s">
        <v>418</v>
      </c>
      <c r="DF218" s="6" t="s">
        <v>375</v>
      </c>
      <c r="DG218" s="6" t="s">
        <v>364</v>
      </c>
      <c r="DH218" s="6" t="s">
        <v>419</v>
      </c>
      <c r="DI218" s="6" t="s">
        <v>390</v>
      </c>
      <c r="DJ218" s="6">
        <v>29</v>
      </c>
      <c r="DK218" s="6">
        <v>19</v>
      </c>
      <c r="DL218" s="6">
        <v>2</v>
      </c>
      <c r="DM218" s="6" t="s">
        <v>379</v>
      </c>
      <c r="DN218" s="6">
        <v>3</v>
      </c>
      <c r="DO218" s="6" t="s">
        <v>380</v>
      </c>
      <c r="DP218" s="6"/>
      <c r="DQ218" s="6"/>
    </row>
    <row r="219" spans="1:121" x14ac:dyDescent="0.2">
      <c r="A219" s="6" t="s">
        <v>323</v>
      </c>
      <c r="B219" s="6" t="s">
        <v>323</v>
      </c>
      <c r="C219" s="6" t="s">
        <v>192</v>
      </c>
      <c r="D219" s="6" t="s">
        <v>127</v>
      </c>
      <c r="E219" s="6" t="s">
        <v>268</v>
      </c>
      <c r="F219" s="11">
        <v>4047</v>
      </c>
      <c r="G219" s="13">
        <v>0.61013116236999998</v>
      </c>
      <c r="H219" s="11">
        <v>1848.2414995300005</v>
      </c>
      <c r="I219" s="13">
        <v>0.27864437193077729</v>
      </c>
      <c r="J219" s="11">
        <v>-103.54449883000052</v>
      </c>
      <c r="K219" s="13">
        <v>-1.2208682993604196E-2</v>
      </c>
      <c r="L219" s="11">
        <v>2302.4151223400004</v>
      </c>
      <c r="M219" s="13">
        <v>0.27482751536144945</v>
      </c>
      <c r="N219" s="11">
        <v>2198.8706235099999</v>
      </c>
      <c r="O219" s="13">
        <v>0.25926355035487747</v>
      </c>
      <c r="P219" s="7">
        <v>6632.9762439599999</v>
      </c>
      <c r="Q219" s="7">
        <v>6946.9947743000002</v>
      </c>
      <c r="R219" s="7">
        <v>6866.1370098999996</v>
      </c>
      <c r="S219" s="7">
        <v>7093.7309101999999</v>
      </c>
      <c r="T219" s="7">
        <v>7762.6367390400001</v>
      </c>
      <c r="U219" s="7">
        <v>8293.7616846399997</v>
      </c>
      <c r="V219" s="7">
        <v>8481.2177434900004</v>
      </c>
      <c r="W219" s="7">
        <v>8437.3433020199991</v>
      </c>
      <c r="X219" s="7">
        <v>8216.6321752700005</v>
      </c>
      <c r="Y219" s="7">
        <v>8377.6732446599999</v>
      </c>
      <c r="Z219" s="7">
        <v>8635.5531573900007</v>
      </c>
      <c r="AA219" s="7">
        <v>9142.6118398500003</v>
      </c>
      <c r="AB219" s="7">
        <v>9482.5717144099999</v>
      </c>
      <c r="AC219" s="7">
        <v>9727.7418726399992</v>
      </c>
      <c r="AD219" s="7">
        <v>9969.10119304</v>
      </c>
      <c r="AE219" s="7">
        <v>10423.8311956</v>
      </c>
      <c r="AF219" s="7">
        <v>10680.088367</v>
      </c>
      <c r="AG219" s="9">
        <v>5413.3164667000001</v>
      </c>
      <c r="AH219" s="13">
        <v>0.45113631948834254</v>
      </c>
      <c r="AI219" s="9">
        <v>1926.4159387</v>
      </c>
      <c r="AJ219" s="13">
        <v>0.1605441325543995</v>
      </c>
      <c r="AK219" s="9">
        <v>1172.0769903</v>
      </c>
      <c r="AL219" s="13">
        <v>8.4166420011853038E-2</v>
      </c>
      <c r="AM219" s="9">
        <v>2314.8235377000001</v>
      </c>
      <c r="AN219" s="13">
        <v>0.15332206253372926</v>
      </c>
      <c r="AO219" s="9">
        <v>3486.9005280000001</v>
      </c>
      <c r="AP219" s="13">
        <v>0.25039305165787973</v>
      </c>
      <c r="AQ219" s="9">
        <v>11999.292082800001</v>
      </c>
      <c r="AR219" s="9">
        <v>11976.582003899999</v>
      </c>
      <c r="AS219" s="9">
        <v>12639.832901</v>
      </c>
      <c r="AT219" s="9">
        <v>12949.235975600001</v>
      </c>
      <c r="AU219" s="9">
        <v>13480.156277</v>
      </c>
      <c r="AV219" s="9">
        <v>13213.096025700001</v>
      </c>
      <c r="AW219" s="9">
        <v>13925.708021500001</v>
      </c>
      <c r="AX219" s="9">
        <v>14469.240531900001</v>
      </c>
      <c r="AY219" s="9">
        <v>14753.8109475</v>
      </c>
      <c r="AZ219" s="9">
        <v>15097.785011800001</v>
      </c>
      <c r="BA219" s="9">
        <v>15139.692391299999</v>
      </c>
      <c r="BB219" s="9">
        <v>15647.391472699999</v>
      </c>
      <c r="BC219" s="9">
        <v>15627.654183799999</v>
      </c>
      <c r="BD219" s="9">
        <v>16083.9549833</v>
      </c>
      <c r="BE219" s="9">
        <v>16834.097397599999</v>
      </c>
      <c r="BF219" s="9">
        <v>17412.608549500001</v>
      </c>
      <c r="BG219" s="11">
        <v>80</v>
      </c>
      <c r="BH219" s="13">
        <v>0.22988505747126436</v>
      </c>
      <c r="BI219" s="6">
        <v>51</v>
      </c>
      <c r="BJ219" s="13">
        <v>0.14655172413793102</v>
      </c>
      <c r="BK219" s="6">
        <v>2</v>
      </c>
      <c r="BL219" s="13">
        <v>5.0125313283208017E-3</v>
      </c>
      <c r="BM219" s="11">
        <v>27</v>
      </c>
      <c r="BN219" s="13">
        <v>6.7331670822942641E-2</v>
      </c>
      <c r="BO219" s="11">
        <v>29</v>
      </c>
      <c r="BP219" s="13">
        <v>7.2681704260651625E-2</v>
      </c>
      <c r="BQ219" s="6">
        <v>348</v>
      </c>
      <c r="BR219" s="6">
        <v>372</v>
      </c>
      <c r="BS219" s="6">
        <v>387</v>
      </c>
      <c r="BT219" s="6">
        <v>399</v>
      </c>
      <c r="BU219" s="6">
        <v>401</v>
      </c>
      <c r="BV219" s="6">
        <v>400</v>
      </c>
      <c r="BW219" s="6">
        <v>401</v>
      </c>
      <c r="BX219" s="6">
        <v>411</v>
      </c>
      <c r="BY219" s="6">
        <v>405</v>
      </c>
      <c r="BZ219" s="6">
        <v>415</v>
      </c>
      <c r="CA219" s="6">
        <v>422</v>
      </c>
      <c r="CB219" s="6">
        <v>430</v>
      </c>
      <c r="CC219" s="11">
        <v>428</v>
      </c>
      <c r="CD219" s="11">
        <v>1813.67</v>
      </c>
      <c r="CE219" s="11">
        <v>1508.38</v>
      </c>
      <c r="CF219" s="11">
        <v>725.06399999999996</v>
      </c>
      <c r="CG219" s="11">
        <v>2233</v>
      </c>
      <c r="CH219" s="20">
        <v>1.0995999999999999</v>
      </c>
      <c r="CI219" s="20">
        <v>1.10941</v>
      </c>
      <c r="CJ219" s="20">
        <v>1.0868500000000001</v>
      </c>
      <c r="CK219" s="20">
        <v>1.0872999999999999</v>
      </c>
      <c r="CL219" s="20">
        <v>1.1440900000000001</v>
      </c>
      <c r="CM219" s="20">
        <v>1.1994</v>
      </c>
      <c r="CN219" s="20">
        <v>1.20529</v>
      </c>
      <c r="CO219" s="20">
        <v>1.1882600000000001</v>
      </c>
      <c r="CP219" s="20">
        <v>1.1652800000000001</v>
      </c>
      <c r="CQ219" s="20">
        <v>1.1646700000000001</v>
      </c>
      <c r="CR219" s="20">
        <v>1.16456</v>
      </c>
      <c r="CS219" s="20">
        <v>1.1714500000000001</v>
      </c>
      <c r="CT219" s="20">
        <v>1.1663399999999999</v>
      </c>
      <c r="CU219" s="20">
        <v>1.1731100000000001</v>
      </c>
      <c r="CV219" s="20">
        <v>1.1666300000000001</v>
      </c>
      <c r="CW219" s="20">
        <v>1.19452</v>
      </c>
      <c r="CX219" s="20">
        <v>1.19695</v>
      </c>
      <c r="CY219" s="6" t="s">
        <v>415</v>
      </c>
      <c r="CZ219" s="6" t="s">
        <v>416</v>
      </c>
      <c r="DA219" s="6" t="s">
        <v>127</v>
      </c>
      <c r="DB219" s="6"/>
      <c r="DC219" s="6">
        <v>17860</v>
      </c>
      <c r="DD219" s="6">
        <v>190</v>
      </c>
      <c r="DE219" s="6" t="s">
        <v>418</v>
      </c>
      <c r="DF219" s="6" t="s">
        <v>375</v>
      </c>
      <c r="DG219" s="6" t="s">
        <v>364</v>
      </c>
      <c r="DH219" s="6" t="s">
        <v>419</v>
      </c>
      <c r="DI219" s="6" t="s">
        <v>390</v>
      </c>
      <c r="DJ219" s="6">
        <v>29</v>
      </c>
      <c r="DK219" s="6">
        <v>19</v>
      </c>
      <c r="DL219" s="6">
        <v>2</v>
      </c>
      <c r="DM219" s="6" t="s">
        <v>379</v>
      </c>
      <c r="DN219" s="6">
        <v>3</v>
      </c>
      <c r="DO219" s="6" t="s">
        <v>380</v>
      </c>
      <c r="DP219" s="6"/>
      <c r="DQ219" s="6"/>
    </row>
    <row r="220" spans="1:121" x14ac:dyDescent="0.2">
      <c r="A220" s="6" t="s">
        <v>325</v>
      </c>
      <c r="B220" s="6" t="s">
        <v>325</v>
      </c>
      <c r="C220" s="6" t="s">
        <v>193</v>
      </c>
      <c r="D220" s="6" t="s">
        <v>127</v>
      </c>
      <c r="E220" s="6" t="s">
        <v>268</v>
      </c>
      <c r="F220" s="11">
        <v>1067</v>
      </c>
      <c r="G220" s="13">
        <v>0.33157240522100001</v>
      </c>
      <c r="H220" s="11">
        <v>634.77041371999985</v>
      </c>
      <c r="I220" s="13">
        <v>0.19726749260314425</v>
      </c>
      <c r="J220" s="11">
        <v>-82.152802079999674</v>
      </c>
      <c r="K220" s="13">
        <v>-2.1324066986046084E-2</v>
      </c>
      <c r="L220" s="11">
        <v>514.99853149</v>
      </c>
      <c r="M220" s="13">
        <v>0.13658868981838485</v>
      </c>
      <c r="N220" s="11">
        <v>432.84572941000033</v>
      </c>
      <c r="O220" s="13">
        <v>0.11235199646111524</v>
      </c>
      <c r="P220" s="7">
        <v>3217.81559315</v>
      </c>
      <c r="Q220" s="7">
        <v>3344.85231527</v>
      </c>
      <c r="R220" s="7">
        <v>3416.5400556999998</v>
      </c>
      <c r="S220" s="7">
        <v>3682.4133757099999</v>
      </c>
      <c r="T220" s="7">
        <v>3686.8200927799999</v>
      </c>
      <c r="U220" s="7">
        <v>3873.6191760800002</v>
      </c>
      <c r="V220" s="7">
        <v>3852.5860068699999</v>
      </c>
      <c r="W220" s="7">
        <v>3842.3423148100001</v>
      </c>
      <c r="X220" s="7">
        <v>3708.5059665600002</v>
      </c>
      <c r="Y220" s="7">
        <v>3770.4332047900002</v>
      </c>
      <c r="Z220" s="7">
        <v>3885.3096015000001</v>
      </c>
      <c r="AA220" s="7">
        <v>4026.8751917099999</v>
      </c>
      <c r="AB220" s="7">
        <v>3786.3115736899999</v>
      </c>
      <c r="AC220" s="7">
        <v>3862.8526081700002</v>
      </c>
      <c r="AD220" s="7">
        <v>3979.2925047399999</v>
      </c>
      <c r="AE220" s="7">
        <v>4210.2301386500003</v>
      </c>
      <c r="AF220" s="7">
        <v>4285.4317362800002</v>
      </c>
      <c r="AG220" s="9">
        <v>6879.5080926999981</v>
      </c>
      <c r="AH220" s="13">
        <v>0.35809164241758046</v>
      </c>
      <c r="AI220" s="9">
        <v>3302.0004473999979</v>
      </c>
      <c r="AJ220" s="13">
        <v>0.17187548114490075</v>
      </c>
      <c r="AK220" s="9">
        <v>1393.731400800003</v>
      </c>
      <c r="AL220" s="13">
        <v>6.1906238459516406E-2</v>
      </c>
      <c r="AM220" s="9">
        <v>2183.7762444999971</v>
      </c>
      <c r="AN220" s="13">
        <v>9.1343426005354417E-2</v>
      </c>
      <c r="AO220" s="9">
        <v>3577.5076453000001</v>
      </c>
      <c r="AP220" s="13">
        <v>0.15890439237686749</v>
      </c>
      <c r="AQ220" s="9">
        <v>19211.585186</v>
      </c>
      <c r="AR220" s="9">
        <v>19600.7223915</v>
      </c>
      <c r="AS220" s="9">
        <v>19905.701703899998</v>
      </c>
      <c r="AT220" s="9">
        <v>19778.6179926</v>
      </c>
      <c r="AU220" s="9">
        <v>20060.029053900002</v>
      </c>
      <c r="AV220" s="9">
        <v>21089.413427399999</v>
      </c>
      <c r="AW220" s="9">
        <v>22513.585633399998</v>
      </c>
      <c r="AX220" s="9">
        <v>23462.8281111</v>
      </c>
      <c r="AY220" s="9">
        <v>23921.636489199998</v>
      </c>
      <c r="AZ220" s="9">
        <v>23907.317034200001</v>
      </c>
      <c r="BA220" s="9">
        <v>24024.009707199999</v>
      </c>
      <c r="BB220" s="9">
        <v>24569.209991299998</v>
      </c>
      <c r="BC220" s="9">
        <v>24965.741288699999</v>
      </c>
      <c r="BD220" s="9">
        <v>25547.5421346</v>
      </c>
      <c r="BE220" s="9">
        <v>25893.707630100002</v>
      </c>
      <c r="BF220" s="9">
        <v>26091.093278699998</v>
      </c>
      <c r="BG220" s="11">
        <v>-84.25</v>
      </c>
      <c r="BH220" s="13">
        <v>-0.16683168316831684</v>
      </c>
      <c r="BI220" s="6">
        <v>54</v>
      </c>
      <c r="BJ220" s="13">
        <v>0.10693069306930693</v>
      </c>
      <c r="BK220" s="6">
        <v>-54</v>
      </c>
      <c r="BL220" s="13">
        <v>-9.6601073345259386E-2</v>
      </c>
      <c r="BM220" s="11">
        <v>-84.25</v>
      </c>
      <c r="BN220" s="13">
        <v>-0.16683168316831684</v>
      </c>
      <c r="BO220" s="11">
        <v>-138.25</v>
      </c>
      <c r="BP220" s="13">
        <v>-0.24731663685152058</v>
      </c>
      <c r="BQ220" s="6">
        <v>505</v>
      </c>
      <c r="BR220" s="6">
        <v>524</v>
      </c>
      <c r="BS220" s="6">
        <v>540</v>
      </c>
      <c r="BT220" s="6">
        <v>559</v>
      </c>
      <c r="BU220" s="6">
        <v>529</v>
      </c>
      <c r="BV220" s="6">
        <v>497</v>
      </c>
      <c r="BW220" s="6">
        <v>505</v>
      </c>
      <c r="BX220" s="6">
        <v>526</v>
      </c>
      <c r="BY220" s="6">
        <v>534</v>
      </c>
      <c r="BZ220" s="6">
        <v>392</v>
      </c>
      <c r="CA220" s="6">
        <v>389</v>
      </c>
      <c r="CB220" s="6">
        <v>412</v>
      </c>
      <c r="CC220" s="11">
        <v>420.75</v>
      </c>
      <c r="CD220" s="11">
        <v>745.50300000000004</v>
      </c>
      <c r="CE220" s="11">
        <v>-29.632999999999999</v>
      </c>
      <c r="CF220" s="11">
        <v>351.74599999999998</v>
      </c>
      <c r="CG220" s="11">
        <v>322</v>
      </c>
      <c r="CH220" s="20">
        <v>0.78533799999999998</v>
      </c>
      <c r="CI220" s="20">
        <v>0.78313200000000005</v>
      </c>
      <c r="CJ220" s="20">
        <v>0.79743200000000003</v>
      </c>
      <c r="CK220" s="20">
        <v>0.84731999999999996</v>
      </c>
      <c r="CL220" s="20">
        <v>0.82924699999999996</v>
      </c>
      <c r="CM220" s="20">
        <v>0.86289300000000002</v>
      </c>
      <c r="CN220" s="20">
        <v>0.84753199999999995</v>
      </c>
      <c r="CO220" s="20">
        <v>0.83687</v>
      </c>
      <c r="CP220" s="20">
        <v>0.79679900000000004</v>
      </c>
      <c r="CQ220" s="20">
        <v>0.80000099999999996</v>
      </c>
      <c r="CR220" s="20">
        <v>0.81135000000000002</v>
      </c>
      <c r="CS220" s="20">
        <v>0.80515000000000003</v>
      </c>
      <c r="CT220" s="20">
        <v>0.79274199999999995</v>
      </c>
      <c r="CU220" s="20">
        <v>0.80140100000000003</v>
      </c>
      <c r="CV220" s="20">
        <v>0.81698000000000004</v>
      </c>
      <c r="CW220" s="20">
        <v>0.85544200000000004</v>
      </c>
      <c r="CX220" s="20">
        <v>0.85914699999999999</v>
      </c>
      <c r="CY220" s="6" t="s">
        <v>415</v>
      </c>
      <c r="CZ220" s="6" t="s">
        <v>416</v>
      </c>
      <c r="DA220" s="6" t="s">
        <v>127</v>
      </c>
      <c r="DB220" s="6"/>
      <c r="DC220" s="6">
        <v>17860</v>
      </c>
      <c r="DD220" s="6">
        <v>190</v>
      </c>
      <c r="DE220" s="6" t="s">
        <v>418</v>
      </c>
      <c r="DF220" s="6" t="s">
        <v>375</v>
      </c>
      <c r="DG220" s="6" t="s">
        <v>364</v>
      </c>
      <c r="DH220" s="6" t="s">
        <v>419</v>
      </c>
      <c r="DI220" s="6" t="s">
        <v>390</v>
      </c>
      <c r="DJ220" s="6">
        <v>29</v>
      </c>
      <c r="DK220" s="6">
        <v>19</v>
      </c>
      <c r="DL220" s="6">
        <v>2</v>
      </c>
      <c r="DM220" s="6" t="s">
        <v>379</v>
      </c>
      <c r="DN220" s="6">
        <v>3</v>
      </c>
      <c r="DO220" s="6" t="s">
        <v>380</v>
      </c>
      <c r="DP220" s="6"/>
      <c r="DQ220" s="6"/>
    </row>
    <row r="221" spans="1:121" x14ac:dyDescent="0.2">
      <c r="A221" s="6" t="s">
        <v>327</v>
      </c>
      <c r="B221" s="6" t="s">
        <v>327</v>
      </c>
      <c r="C221" s="6" t="s">
        <v>194</v>
      </c>
      <c r="D221" s="6" t="s">
        <v>127</v>
      </c>
      <c r="E221" s="6" t="s">
        <v>268</v>
      </c>
      <c r="F221" s="11">
        <v>2400</v>
      </c>
      <c r="G221" s="13">
        <v>8.8202866593199994E-2</v>
      </c>
      <c r="H221" s="11">
        <v>975.04455699999744</v>
      </c>
      <c r="I221" s="13">
        <v>3.5833852186496769E-2</v>
      </c>
      <c r="J221" s="11">
        <v>755.7800470000002</v>
      </c>
      <c r="K221" s="13">
        <v>2.6814787374767866E-2</v>
      </c>
      <c r="L221" s="11">
        <v>669.31638899999962</v>
      </c>
      <c r="M221" s="13">
        <v>2.3126945685133241E-2</v>
      </c>
      <c r="N221" s="11">
        <v>1425.0964359999998</v>
      </c>
      <c r="O221" s="13">
        <v>5.0561877191075758E-2</v>
      </c>
      <c r="P221" s="7">
        <v>27210.151784000001</v>
      </c>
      <c r="Q221" s="7">
        <v>27793.676610999999</v>
      </c>
      <c r="R221" s="7">
        <v>27202.523245</v>
      </c>
      <c r="S221" s="7">
        <v>27105.266235999999</v>
      </c>
      <c r="T221" s="7">
        <v>27608.701114</v>
      </c>
      <c r="U221" s="7">
        <v>28028.574218999998</v>
      </c>
      <c r="V221" s="7">
        <v>28185.196340999999</v>
      </c>
      <c r="W221" s="7">
        <v>28888.714327000002</v>
      </c>
      <c r="X221" s="7">
        <v>28834.445682000001</v>
      </c>
      <c r="Y221" s="7">
        <v>28940.976387999999</v>
      </c>
      <c r="Z221" s="7">
        <v>29065.835523000002</v>
      </c>
      <c r="AA221" s="7">
        <v>28993.572071999999</v>
      </c>
      <c r="AB221" s="7">
        <v>29201.599128999998</v>
      </c>
      <c r="AC221" s="7">
        <v>28937.093148</v>
      </c>
      <c r="AD221" s="7">
        <v>29162.490491</v>
      </c>
      <c r="AE221" s="7">
        <v>29527.3525562</v>
      </c>
      <c r="AF221" s="7">
        <v>29610.292776999999</v>
      </c>
      <c r="AG221" s="9">
        <v>26542.231024499997</v>
      </c>
      <c r="AH221" s="13">
        <v>0.61837841400313143</v>
      </c>
      <c r="AI221" s="9">
        <v>13232.462053199997</v>
      </c>
      <c r="AJ221" s="13">
        <v>0.30828866233065949</v>
      </c>
      <c r="AK221" s="9">
        <v>5542.961833500005</v>
      </c>
      <c r="AL221" s="13">
        <v>9.8708648697270834E-2</v>
      </c>
      <c r="AM221" s="9">
        <v>7766.807137799995</v>
      </c>
      <c r="AN221" s="13">
        <v>0.12588480056776052</v>
      </c>
      <c r="AO221" s="9">
        <v>13309.7689713</v>
      </c>
      <c r="AP221" s="13">
        <v>0.23701936782060049</v>
      </c>
      <c r="AQ221" s="9">
        <v>42922.311684</v>
      </c>
      <c r="AR221" s="9">
        <v>43770.211195000003</v>
      </c>
      <c r="AS221" s="9">
        <v>44570.600267599999</v>
      </c>
      <c r="AT221" s="9">
        <v>48617.466584499998</v>
      </c>
      <c r="AU221" s="9">
        <v>50901.236273399998</v>
      </c>
      <c r="AV221" s="9">
        <v>53482.550505699997</v>
      </c>
      <c r="AW221" s="9">
        <v>56154.773737199997</v>
      </c>
      <c r="AX221" s="9">
        <v>56319.9273961</v>
      </c>
      <c r="AY221" s="9">
        <v>58544.926518</v>
      </c>
      <c r="AZ221" s="9">
        <v>61697.735570700002</v>
      </c>
      <c r="BA221" s="9">
        <v>62622.003257299999</v>
      </c>
      <c r="BB221" s="9">
        <v>64082.356114900002</v>
      </c>
      <c r="BC221" s="9">
        <v>66068.050742899999</v>
      </c>
      <c r="BD221" s="9">
        <v>66838.334530199994</v>
      </c>
      <c r="BE221" s="9">
        <v>68546.567001799995</v>
      </c>
      <c r="BF221" s="9">
        <v>69464.542708499997</v>
      </c>
      <c r="BG221" s="11">
        <v>-5</v>
      </c>
      <c r="BH221" s="13">
        <v>-3.0120481927710843E-2</v>
      </c>
      <c r="BI221" s="6">
        <v>-1</v>
      </c>
      <c r="BJ221" s="13">
        <v>-6.024096385542169E-3</v>
      </c>
      <c r="BK221" s="6">
        <v>0</v>
      </c>
      <c r="BL221" s="13">
        <v>0</v>
      </c>
      <c r="BM221" s="11">
        <v>-4</v>
      </c>
      <c r="BN221" s="13">
        <v>-2.4242424242424242E-2</v>
      </c>
      <c r="BO221" s="11">
        <v>-4</v>
      </c>
      <c r="BP221" s="13">
        <v>-2.4242424242424242E-2</v>
      </c>
      <c r="BQ221" s="6">
        <v>166</v>
      </c>
      <c r="BR221" s="6">
        <v>165</v>
      </c>
      <c r="BS221" s="6">
        <v>162</v>
      </c>
      <c r="BT221" s="6">
        <v>165</v>
      </c>
      <c r="BU221" s="6">
        <v>166</v>
      </c>
      <c r="BV221" s="6">
        <v>165</v>
      </c>
      <c r="BW221" s="6">
        <v>165</v>
      </c>
      <c r="BX221" s="6">
        <v>166</v>
      </c>
      <c r="BY221" s="6">
        <v>163</v>
      </c>
      <c r="BZ221" s="6">
        <v>160</v>
      </c>
      <c r="CA221" s="6">
        <v>160</v>
      </c>
      <c r="CB221" s="6">
        <v>161</v>
      </c>
      <c r="CC221" s="11">
        <v>161</v>
      </c>
      <c r="CD221" s="11">
        <v>1020.93</v>
      </c>
      <c r="CE221" s="11">
        <v>-1595.19</v>
      </c>
      <c r="CF221" s="11">
        <v>2974.4</v>
      </c>
      <c r="CG221" s="11">
        <v>1379</v>
      </c>
      <c r="CH221" s="20">
        <v>1.99919</v>
      </c>
      <c r="CI221" s="20">
        <v>1.95512</v>
      </c>
      <c r="CJ221" s="20">
        <v>1.92167</v>
      </c>
      <c r="CK221" s="20">
        <v>1.9013599999999999</v>
      </c>
      <c r="CL221" s="20">
        <v>1.89747</v>
      </c>
      <c r="CM221" s="20">
        <v>1.92041</v>
      </c>
      <c r="CN221" s="20">
        <v>1.9208000000000001</v>
      </c>
      <c r="CO221" s="20">
        <v>1.9296599999999999</v>
      </c>
      <c r="CP221" s="20">
        <v>1.8787499999999999</v>
      </c>
      <c r="CQ221" s="20">
        <v>1.8514999999999999</v>
      </c>
      <c r="CR221" s="20">
        <v>1.87307</v>
      </c>
      <c r="CS221" s="20">
        <v>1.8496300000000001</v>
      </c>
      <c r="CT221" s="20">
        <v>1.85287</v>
      </c>
      <c r="CU221" s="20">
        <v>1.8537600000000001</v>
      </c>
      <c r="CV221" s="20">
        <v>1.8646799999999999</v>
      </c>
      <c r="CW221" s="20">
        <v>1.8778900000000001</v>
      </c>
      <c r="CX221" s="20">
        <v>1.8711199999999999</v>
      </c>
      <c r="CY221" s="6" t="s">
        <v>415</v>
      </c>
      <c r="CZ221" s="6" t="s">
        <v>416</v>
      </c>
      <c r="DA221" s="6" t="s">
        <v>127</v>
      </c>
      <c r="DB221" s="6"/>
      <c r="DC221" s="6">
        <v>17860</v>
      </c>
      <c r="DD221" s="6">
        <v>190</v>
      </c>
      <c r="DE221" s="6" t="s">
        <v>418</v>
      </c>
      <c r="DF221" s="6" t="s">
        <v>375</v>
      </c>
      <c r="DG221" s="6" t="s">
        <v>364</v>
      </c>
      <c r="DH221" s="6" t="s">
        <v>419</v>
      </c>
      <c r="DI221" s="6" t="s">
        <v>390</v>
      </c>
      <c r="DJ221" s="6">
        <v>29</v>
      </c>
      <c r="DK221" s="6">
        <v>19</v>
      </c>
      <c r="DL221" s="6">
        <v>2</v>
      </c>
      <c r="DM221" s="6" t="s">
        <v>379</v>
      </c>
      <c r="DN221" s="6">
        <v>3</v>
      </c>
      <c r="DO221" s="6" t="s">
        <v>380</v>
      </c>
      <c r="DP221" s="6"/>
      <c r="DQ221" s="6"/>
    </row>
    <row r="222" spans="1:121" x14ac:dyDescent="0.2">
      <c r="A222" s="6" t="s">
        <v>1</v>
      </c>
      <c r="B222" s="6" t="s">
        <v>1</v>
      </c>
      <c r="C222" s="6" t="s">
        <v>2</v>
      </c>
      <c r="D222" s="6" t="s">
        <v>153</v>
      </c>
      <c r="E222" s="6" t="s">
        <v>294</v>
      </c>
      <c r="F222" s="11">
        <v>-162</v>
      </c>
      <c r="G222" s="13">
        <v>-0.71365638766499995</v>
      </c>
      <c r="H222" s="11">
        <v>-139.99191874069999</v>
      </c>
      <c r="I222" s="13">
        <v>-0.61771109887119502</v>
      </c>
      <c r="J222" s="11">
        <v>28.341279479699992</v>
      </c>
      <c r="K222" s="13">
        <v>0.32712233831048954</v>
      </c>
      <c r="L222" s="11">
        <v>-49.96617356809999</v>
      </c>
      <c r="M222" s="13">
        <v>-0.43456613761406682</v>
      </c>
      <c r="N222" s="11">
        <v>-21.624894088399998</v>
      </c>
      <c r="O222" s="13">
        <v>-0.24960009039044881</v>
      </c>
      <c r="P222" s="7">
        <v>226.63008483499999</v>
      </c>
      <c r="Q222" s="7">
        <v>236.616497807</v>
      </c>
      <c r="R222" s="7">
        <v>222.755380543</v>
      </c>
      <c r="S222" s="7">
        <v>168.79520724599999</v>
      </c>
      <c r="T222" s="7">
        <v>173.802872003</v>
      </c>
      <c r="U222" s="7">
        <v>139.41917883299999</v>
      </c>
      <c r="V222" s="7">
        <v>86.638166094300004</v>
      </c>
      <c r="W222" s="7">
        <v>79.482252431399999</v>
      </c>
      <c r="X222" s="7">
        <v>107.431646223</v>
      </c>
      <c r="Y222" s="7">
        <v>114.979445574</v>
      </c>
      <c r="Z222" s="7">
        <v>83.915078520500003</v>
      </c>
      <c r="AA222" s="7">
        <v>56.896863527500003</v>
      </c>
      <c r="AB222" s="7">
        <v>56.640536408300001</v>
      </c>
      <c r="AC222" s="7">
        <v>67.991830079899998</v>
      </c>
      <c r="AD222" s="7">
        <v>65.592176757999994</v>
      </c>
      <c r="AE222" s="7">
        <v>66.817261133200006</v>
      </c>
      <c r="AF222" s="7">
        <v>65.013272005900006</v>
      </c>
      <c r="AG222" s="9">
        <v>-691.3801601999985</v>
      </c>
      <c r="AH222" s="13">
        <v>-2.5314141467362595E-2</v>
      </c>
      <c r="AI222" s="9">
        <v>704.98190610000165</v>
      </c>
      <c r="AJ222" s="13">
        <v>2.5812154774276404E-2</v>
      </c>
      <c r="AK222" s="9">
        <v>5459.5487947999973</v>
      </c>
      <c r="AL222" s="13">
        <v>0.19486560989242344</v>
      </c>
      <c r="AM222" s="9">
        <v>-6855.9108610999974</v>
      </c>
      <c r="AN222" s="13">
        <v>-0.20479745243524217</v>
      </c>
      <c r="AO222" s="9">
        <v>-1396.3620663000002</v>
      </c>
      <c r="AP222" s="13">
        <v>-4.9839823016026776E-2</v>
      </c>
      <c r="AQ222" s="9">
        <v>27312.012974699999</v>
      </c>
      <c r="AR222" s="9">
        <v>27574.520397699998</v>
      </c>
      <c r="AS222" s="9">
        <v>28398.459663900001</v>
      </c>
      <c r="AT222" s="9">
        <v>32755.333084599999</v>
      </c>
      <c r="AU222" s="9">
        <v>32620.999055100001</v>
      </c>
      <c r="AV222" s="9">
        <v>32516.639177100002</v>
      </c>
      <c r="AW222" s="9">
        <v>28016.994880800001</v>
      </c>
      <c r="AX222" s="9">
        <v>32273.159381599999</v>
      </c>
      <c r="AY222" s="9">
        <v>30282.429530900001</v>
      </c>
      <c r="AZ222" s="9">
        <v>33476.543675599998</v>
      </c>
      <c r="BA222" s="9">
        <v>28390.902944699999</v>
      </c>
      <c r="BB222" s="9">
        <v>36871.878138100001</v>
      </c>
      <c r="BC222" s="9">
        <v>34531.462554799997</v>
      </c>
      <c r="BD222" s="9">
        <v>31971.417243600001</v>
      </c>
      <c r="BE222" s="9">
        <v>29801.275197999999</v>
      </c>
      <c r="BF222" s="9">
        <v>26620.632814500001</v>
      </c>
      <c r="BG222" s="11">
        <v>1.25</v>
      </c>
      <c r="BH222" s="13">
        <v>0.1388888888888889</v>
      </c>
      <c r="BI222" s="6">
        <v>3</v>
      </c>
      <c r="BJ222" s="13">
        <v>0.33333333333333331</v>
      </c>
      <c r="BK222" s="6">
        <v>-1</v>
      </c>
      <c r="BL222" s="13">
        <v>-8.3333333333333329E-2</v>
      </c>
      <c r="BM222" s="11">
        <v>-0.75</v>
      </c>
      <c r="BN222" s="13">
        <v>-6.8181818181818177E-2</v>
      </c>
      <c r="BO222" s="11">
        <v>-1.75</v>
      </c>
      <c r="BP222" s="13">
        <v>-0.14583333333333334</v>
      </c>
      <c r="BQ222" s="6">
        <v>9</v>
      </c>
      <c r="BR222" s="6">
        <v>12</v>
      </c>
      <c r="BS222" s="6">
        <v>12</v>
      </c>
      <c r="BT222" s="6">
        <v>12</v>
      </c>
      <c r="BU222" s="6">
        <v>12</v>
      </c>
      <c r="BV222" s="6">
        <v>14</v>
      </c>
      <c r="BW222" s="6">
        <v>11</v>
      </c>
      <c r="BX222" s="6">
        <v>10</v>
      </c>
      <c r="BY222" s="6">
        <v>8</v>
      </c>
      <c r="BZ222" s="6">
        <v>9</v>
      </c>
      <c r="CA222" s="6">
        <v>9</v>
      </c>
      <c r="CB222" s="6">
        <v>11</v>
      </c>
      <c r="CC222" s="11">
        <v>10.25</v>
      </c>
      <c r="CD222" s="11">
        <v>-165.72800000000001</v>
      </c>
      <c r="CE222" s="11">
        <v>-20.662700000000001</v>
      </c>
      <c r="CF222" s="11">
        <v>24.773399999999999</v>
      </c>
      <c r="CG222" s="11">
        <v>4</v>
      </c>
      <c r="CH222" s="20">
        <v>0.36087900000000001</v>
      </c>
      <c r="CI222" s="20">
        <v>0.37703900000000001</v>
      </c>
      <c r="CJ222" s="20">
        <v>0.35470800000000002</v>
      </c>
      <c r="CK222" s="20">
        <v>0.26717299999999999</v>
      </c>
      <c r="CL222" s="20">
        <v>0.27477499999999999</v>
      </c>
      <c r="CM222" s="20">
        <v>0.218086</v>
      </c>
      <c r="CN222" s="20">
        <v>0.13198699999999999</v>
      </c>
      <c r="CO222" s="20">
        <v>0.122694</v>
      </c>
      <c r="CP222" s="20">
        <v>0.163518</v>
      </c>
      <c r="CQ222" s="20">
        <v>0.18279899999999999</v>
      </c>
      <c r="CR222" s="20">
        <v>0.13442100000000001</v>
      </c>
      <c r="CS222" s="20">
        <v>9.0414999999999995E-2</v>
      </c>
      <c r="CT222" s="20">
        <v>8.9505199999999993E-2</v>
      </c>
      <c r="CU222" s="20">
        <v>0.108152</v>
      </c>
      <c r="CV222" s="20">
        <v>0.104335</v>
      </c>
      <c r="CW222" s="20">
        <v>0.107187</v>
      </c>
      <c r="CX222" s="20">
        <v>0.10435700000000001</v>
      </c>
      <c r="CY222" s="6" t="s">
        <v>421</v>
      </c>
      <c r="CZ222" s="6" t="s">
        <v>422</v>
      </c>
      <c r="DA222" s="6" t="s">
        <v>153</v>
      </c>
      <c r="DB222" s="6"/>
      <c r="DC222" s="6">
        <v>41140</v>
      </c>
      <c r="DD222" s="6">
        <v>312</v>
      </c>
      <c r="DE222" s="6" t="s">
        <v>374</v>
      </c>
      <c r="DF222" s="6" t="s">
        <v>375</v>
      </c>
      <c r="DG222" s="6" t="s">
        <v>364</v>
      </c>
      <c r="DH222" s="6" t="s">
        <v>419</v>
      </c>
      <c r="DI222" s="6" t="s">
        <v>377</v>
      </c>
      <c r="DJ222" s="6">
        <v>29</v>
      </c>
      <c r="DK222" s="6">
        <v>21</v>
      </c>
      <c r="DL222" s="6">
        <v>2</v>
      </c>
      <c r="DM222" s="6" t="s">
        <v>379</v>
      </c>
      <c r="DN222" s="6">
        <v>3</v>
      </c>
      <c r="DO222" s="6" t="s">
        <v>380</v>
      </c>
      <c r="DP222" s="6"/>
      <c r="DQ222" s="6"/>
    </row>
    <row r="223" spans="1:121" x14ac:dyDescent="0.2">
      <c r="A223" s="6" t="s">
        <v>310</v>
      </c>
      <c r="B223" s="6" t="s">
        <v>310</v>
      </c>
      <c r="C223" s="6" t="s">
        <v>173</v>
      </c>
      <c r="D223" s="6" t="s">
        <v>153</v>
      </c>
      <c r="E223" s="6" t="s">
        <v>294</v>
      </c>
      <c r="F223" s="11">
        <v>1</v>
      </c>
      <c r="G223" s="13">
        <v>1</v>
      </c>
      <c r="H223" s="11">
        <v>5.2907029829999992</v>
      </c>
      <c r="I223" s="13">
        <v>1.0581405965999999</v>
      </c>
      <c r="J223" s="11">
        <v>-5.2907029829999992</v>
      </c>
      <c r="K223" s="13">
        <v>-0.51412454443006628</v>
      </c>
      <c r="L223" s="11">
        <v>0</v>
      </c>
      <c r="M223" s="13">
        <v>0</v>
      </c>
      <c r="N223" s="11">
        <v>-5.2907029829999992</v>
      </c>
      <c r="O223" s="13">
        <v>-0.51412454443006628</v>
      </c>
      <c r="P223" s="7">
        <v>5</v>
      </c>
      <c r="Q223" s="7">
        <v>5</v>
      </c>
      <c r="R223" s="7">
        <v>5</v>
      </c>
      <c r="S223" s="7">
        <v>16.334015000000001</v>
      </c>
      <c r="T223" s="7">
        <v>18.7793608269</v>
      </c>
      <c r="U223" s="7">
        <v>13.337857</v>
      </c>
      <c r="V223" s="7">
        <v>10.290702982999999</v>
      </c>
      <c r="W223" s="7">
        <v>13.5340619334</v>
      </c>
      <c r="X223" s="7">
        <v>5</v>
      </c>
      <c r="Y223" s="7">
        <v>5</v>
      </c>
      <c r="Z223" s="7">
        <v>5</v>
      </c>
      <c r="AA223" s="7">
        <v>10.254529637399999</v>
      </c>
      <c r="AB223" s="7">
        <v>5</v>
      </c>
      <c r="AC223" s="7">
        <v>5</v>
      </c>
      <c r="AD223" s="7">
        <v>5</v>
      </c>
      <c r="AE223" s="7">
        <v>5</v>
      </c>
      <c r="AF223" s="7">
        <v>5</v>
      </c>
      <c r="AG223" s="9">
        <v>0</v>
      </c>
      <c r="AH223" s="13">
        <v>0</v>
      </c>
      <c r="AI223" s="9">
        <v>25739.095435800002</v>
      </c>
      <c r="AJ223" s="13">
        <v>25739.095435800002</v>
      </c>
      <c r="AK223" s="9">
        <v>-25739.095435800002</v>
      </c>
      <c r="AL223" s="13">
        <v>-0.99996115010519315</v>
      </c>
      <c r="AM223" s="9">
        <v>0</v>
      </c>
      <c r="AN223" s="13">
        <v>0</v>
      </c>
      <c r="AO223" s="9">
        <v>-25739.095435800002</v>
      </c>
      <c r="AP223" s="13">
        <v>-0.99996115010519315</v>
      </c>
      <c r="AQ223" s="9">
        <v>1</v>
      </c>
      <c r="AR223" s="9">
        <v>1</v>
      </c>
      <c r="AS223" s="9">
        <v>1</v>
      </c>
      <c r="AT223" s="9">
        <v>26734.435779200001</v>
      </c>
      <c r="AU223" s="9">
        <v>27128.723518999999</v>
      </c>
      <c r="AV223" s="9">
        <v>32344.5805349</v>
      </c>
      <c r="AW223" s="9">
        <v>25740.095435800002</v>
      </c>
      <c r="AX223" s="9">
        <v>20293.0252052</v>
      </c>
      <c r="AY223" s="9">
        <v>1</v>
      </c>
      <c r="AZ223" s="9">
        <v>1</v>
      </c>
      <c r="BA223" s="9">
        <v>1</v>
      </c>
      <c r="BB223" s="9">
        <v>142726.769367</v>
      </c>
      <c r="BC223" s="9">
        <v>1</v>
      </c>
      <c r="BD223" s="9">
        <v>1</v>
      </c>
      <c r="BE223" s="9">
        <v>1</v>
      </c>
      <c r="BF223" s="9">
        <v>1</v>
      </c>
      <c r="BG223" s="11">
        <v>0</v>
      </c>
      <c r="BH223" s="13">
        <v>0</v>
      </c>
      <c r="BI223" s="6">
        <v>0</v>
      </c>
      <c r="BJ223" s="13">
        <v>0</v>
      </c>
      <c r="BK223" s="6">
        <v>0</v>
      </c>
      <c r="BL223" s="13">
        <v>0</v>
      </c>
      <c r="BM223" s="11">
        <v>0</v>
      </c>
      <c r="BN223" s="13">
        <v>0</v>
      </c>
      <c r="BO223" s="11">
        <v>0</v>
      </c>
      <c r="BP223" s="13">
        <v>0</v>
      </c>
      <c r="BQ223" s="6">
        <v>1</v>
      </c>
      <c r="BR223" s="6">
        <v>1</v>
      </c>
      <c r="BS223" s="6">
        <v>1</v>
      </c>
      <c r="BT223" s="6">
        <v>1</v>
      </c>
      <c r="BU223" s="6">
        <v>1</v>
      </c>
      <c r="BV223" s="6">
        <v>2</v>
      </c>
      <c r="BW223" s="6">
        <v>1</v>
      </c>
      <c r="BX223" s="6">
        <v>1</v>
      </c>
      <c r="BY223" s="6">
        <v>1</v>
      </c>
      <c r="BZ223" s="6">
        <v>1</v>
      </c>
      <c r="CA223" s="6">
        <v>1</v>
      </c>
      <c r="CB223" s="6">
        <v>1</v>
      </c>
      <c r="CC223" s="11">
        <v>1</v>
      </c>
      <c r="CD223" s="11">
        <v>1.6863600000000001</v>
      </c>
      <c r="CE223" s="11">
        <v>2.5983099999999999E-2</v>
      </c>
      <c r="CF223" s="11">
        <v>2.73767E-2</v>
      </c>
      <c r="CG223" s="11">
        <v>0</v>
      </c>
      <c r="CH223" s="20">
        <v>1.4056100000000001E-3</v>
      </c>
      <c r="CI223" s="20">
        <v>1.47182E-3</v>
      </c>
      <c r="CJ223" s="20">
        <v>1.3040299999999999E-2</v>
      </c>
      <c r="CK223" s="20">
        <v>9.3408400000000003E-2</v>
      </c>
      <c r="CL223" s="20">
        <v>0.100078</v>
      </c>
      <c r="CM223" s="20">
        <v>6.3840800000000003E-2</v>
      </c>
      <c r="CN223" s="20">
        <v>4.4514999999999999E-2</v>
      </c>
      <c r="CO223" s="20">
        <v>5.3523000000000001E-2</v>
      </c>
      <c r="CP223" s="20">
        <v>2.6566200000000002E-2</v>
      </c>
      <c r="CQ223" s="20">
        <v>7.4483300000000004E-3</v>
      </c>
      <c r="CR223" s="20">
        <v>1.7530199999999999E-2</v>
      </c>
      <c r="CS223" s="20">
        <v>3.7568999999999998E-2</v>
      </c>
      <c r="CT223" s="20">
        <v>3.3298099999999997E-2</v>
      </c>
      <c r="CU223" s="20">
        <v>1.2636700000000001E-2</v>
      </c>
      <c r="CV223" s="20">
        <v>7.0909900000000001E-3</v>
      </c>
      <c r="CW223" s="20">
        <v>1.18227E-2</v>
      </c>
      <c r="CX223" s="20">
        <v>9.4501900000000007E-3</v>
      </c>
      <c r="CY223" s="6" t="s">
        <v>421</v>
      </c>
      <c r="CZ223" s="6" t="s">
        <v>422</v>
      </c>
      <c r="DA223" s="6" t="s">
        <v>153</v>
      </c>
      <c r="DB223" s="6"/>
      <c r="DC223" s="6">
        <v>41140</v>
      </c>
      <c r="DD223" s="6">
        <v>312</v>
      </c>
      <c r="DE223" s="6" t="s">
        <v>374</v>
      </c>
      <c r="DF223" s="6" t="s">
        <v>375</v>
      </c>
      <c r="DG223" s="6" t="s">
        <v>364</v>
      </c>
      <c r="DH223" s="6" t="s">
        <v>419</v>
      </c>
      <c r="DI223" s="6" t="s">
        <v>377</v>
      </c>
      <c r="DJ223" s="6">
        <v>29</v>
      </c>
      <c r="DK223" s="6">
        <v>21</v>
      </c>
      <c r="DL223" s="6">
        <v>2</v>
      </c>
      <c r="DM223" s="6" t="s">
        <v>379</v>
      </c>
      <c r="DN223" s="6">
        <v>3</v>
      </c>
      <c r="DO223" s="6" t="s">
        <v>380</v>
      </c>
      <c r="DP223" s="6"/>
      <c r="DQ223" s="6"/>
    </row>
    <row r="224" spans="1:121" x14ac:dyDescent="0.2">
      <c r="A224" s="6" t="s">
        <v>311</v>
      </c>
      <c r="B224" s="6" t="s">
        <v>311</v>
      </c>
      <c r="C224" s="6" t="s">
        <v>174</v>
      </c>
      <c r="D224" s="6" t="s">
        <v>153</v>
      </c>
      <c r="E224" s="6" t="s">
        <v>294</v>
      </c>
      <c r="F224" s="11">
        <v>-1</v>
      </c>
      <c r="G224" s="13">
        <v>-3.7735849056600001E-3</v>
      </c>
      <c r="H224" s="11">
        <v>-48.91014100000001</v>
      </c>
      <c r="I224" s="13">
        <v>-0.18422719203972079</v>
      </c>
      <c r="J224" s="11">
        <v>16.217600000000004</v>
      </c>
      <c r="K224" s="13">
        <v>7.4881093435357371E-2</v>
      </c>
      <c r="L224" s="11">
        <v>31.236919510999996</v>
      </c>
      <c r="M224" s="13">
        <v>0.13418172400518472</v>
      </c>
      <c r="N224" s="11">
        <v>47.454519511000001</v>
      </c>
      <c r="O224" s="13">
        <v>0.21911049165309163</v>
      </c>
      <c r="P224" s="7">
        <v>265.48817500000001</v>
      </c>
      <c r="Q224" s="7">
        <v>259.47593799999999</v>
      </c>
      <c r="R224" s="7">
        <v>218.102193</v>
      </c>
      <c r="S224" s="7">
        <v>206.189684</v>
      </c>
      <c r="T224" s="7">
        <v>196.98129399999999</v>
      </c>
      <c r="U224" s="7">
        <v>199.547898</v>
      </c>
      <c r="V224" s="7">
        <v>216.578034</v>
      </c>
      <c r="W224" s="7">
        <v>204.845707</v>
      </c>
      <c r="X224" s="7">
        <v>194.060654</v>
      </c>
      <c r="Y224" s="7">
        <v>232.79563400000001</v>
      </c>
      <c r="Z224" s="7">
        <v>247.11829599999999</v>
      </c>
      <c r="AA224" s="7">
        <v>259.180454</v>
      </c>
      <c r="AB224" s="7">
        <v>263.05279999999999</v>
      </c>
      <c r="AC224" s="7">
        <v>255.00842599999999</v>
      </c>
      <c r="AD224" s="7">
        <v>255.12080241800001</v>
      </c>
      <c r="AE224" s="7">
        <v>251.26356339</v>
      </c>
      <c r="AF224" s="7">
        <v>264.032553511</v>
      </c>
      <c r="AG224" s="9">
        <v>84098.83899270001</v>
      </c>
      <c r="AH224" s="13">
        <v>1.2333125082219114</v>
      </c>
      <c r="AI224" s="9">
        <v>-5113.2548090000055</v>
      </c>
      <c r="AJ224" s="13">
        <v>-7.498606626677623E-2</v>
      </c>
      <c r="AK224" s="9">
        <v>38262.100279699996</v>
      </c>
      <c r="AL224" s="13">
        <v>0.6066017609949601</v>
      </c>
      <c r="AM224" s="9">
        <v>50949.993522000019</v>
      </c>
      <c r="AN224" s="13">
        <v>0.50277162067334591</v>
      </c>
      <c r="AO224" s="9">
        <v>89212.093801700015</v>
      </c>
      <c r="AP224" s="13">
        <v>1.4143555321470478</v>
      </c>
      <c r="AQ224" s="9">
        <v>68189.399225300003</v>
      </c>
      <c r="AR224" s="9">
        <v>73321.474322399998</v>
      </c>
      <c r="AS224" s="9">
        <v>57104.307288900003</v>
      </c>
      <c r="AT224" s="9">
        <v>54606.932777100003</v>
      </c>
      <c r="AU224" s="9">
        <v>56873.736315299997</v>
      </c>
      <c r="AV224" s="9">
        <v>62781.219909799998</v>
      </c>
      <c r="AW224" s="9">
        <v>63076.144416299998</v>
      </c>
      <c r="AX224" s="9">
        <v>75695.239736000003</v>
      </c>
      <c r="AY224" s="9">
        <v>59434.687492600002</v>
      </c>
      <c r="AZ224" s="9">
        <v>101338.24469599999</v>
      </c>
      <c r="BA224" s="9">
        <v>124642.367927</v>
      </c>
      <c r="BB224" s="9">
        <v>113709.590347</v>
      </c>
      <c r="BC224" s="9">
        <v>117749.15218400001</v>
      </c>
      <c r="BD224" s="9">
        <v>121049.554043</v>
      </c>
      <c r="BE224" s="9">
        <v>135817.97568999999</v>
      </c>
      <c r="BF224" s="9">
        <v>152288.23821800001</v>
      </c>
      <c r="BG224" s="11">
        <v>0</v>
      </c>
      <c r="BH224" s="13">
        <v>0</v>
      </c>
      <c r="BI224" s="6">
        <v>-1</v>
      </c>
      <c r="BJ224" s="13">
        <v>-0.16666666666666666</v>
      </c>
      <c r="BK224" s="6">
        <v>0</v>
      </c>
      <c r="BL224" s="13">
        <v>0</v>
      </c>
      <c r="BM224" s="11">
        <v>1</v>
      </c>
      <c r="BN224" s="13">
        <v>0.2</v>
      </c>
      <c r="BO224" s="11">
        <v>1</v>
      </c>
      <c r="BP224" s="13">
        <v>0.2</v>
      </c>
      <c r="BQ224" s="6">
        <v>6</v>
      </c>
      <c r="BR224" s="6">
        <v>6</v>
      </c>
      <c r="BS224" s="6">
        <v>6</v>
      </c>
      <c r="BT224" s="6">
        <v>5</v>
      </c>
      <c r="BU224" s="6">
        <v>7</v>
      </c>
      <c r="BV224" s="6">
        <v>6</v>
      </c>
      <c r="BW224" s="6">
        <v>5</v>
      </c>
      <c r="BX224" s="6">
        <v>6</v>
      </c>
      <c r="BY224" s="6">
        <v>6</v>
      </c>
      <c r="BZ224" s="6">
        <v>7</v>
      </c>
      <c r="CA224" s="6">
        <v>6</v>
      </c>
      <c r="CB224" s="6">
        <v>6</v>
      </c>
      <c r="CC224" s="11">
        <v>6</v>
      </c>
      <c r="CD224" s="11">
        <v>12.756399999999999</v>
      </c>
      <c r="CE224" s="11">
        <v>-43.2331</v>
      </c>
      <c r="CF224" s="11">
        <v>29.021100000000001</v>
      </c>
      <c r="CG224" s="11">
        <v>-14</v>
      </c>
      <c r="CH224" s="20">
        <v>1.3599600000000001</v>
      </c>
      <c r="CI224" s="20">
        <v>1.3345100000000001</v>
      </c>
      <c r="CJ224" s="20">
        <v>1.1574800000000001</v>
      </c>
      <c r="CK224" s="20">
        <v>1.1173</v>
      </c>
      <c r="CL224" s="20">
        <v>1.09884</v>
      </c>
      <c r="CM224" s="20">
        <v>1.1071599999999999</v>
      </c>
      <c r="CN224" s="20">
        <v>1.1545099999999999</v>
      </c>
      <c r="CO224" s="20">
        <v>1.05966</v>
      </c>
      <c r="CP224" s="20">
        <v>0.97622200000000003</v>
      </c>
      <c r="CQ224" s="20">
        <v>1.23607</v>
      </c>
      <c r="CR224" s="20">
        <v>1.3333900000000001</v>
      </c>
      <c r="CS224" s="20">
        <v>1.4055599999999999</v>
      </c>
      <c r="CT224" s="20">
        <v>1.4361699999999999</v>
      </c>
      <c r="CU224" s="20">
        <v>1.4119200000000001</v>
      </c>
      <c r="CV224" s="20">
        <v>1.4146300000000001</v>
      </c>
      <c r="CW224" s="20">
        <v>1.4032899999999999</v>
      </c>
      <c r="CX224" s="20">
        <v>1.46661</v>
      </c>
      <c r="CY224" s="6" t="s">
        <v>421</v>
      </c>
      <c r="CZ224" s="6" t="s">
        <v>422</v>
      </c>
      <c r="DA224" s="6" t="s">
        <v>153</v>
      </c>
      <c r="DB224" s="6"/>
      <c r="DC224" s="6">
        <v>41140</v>
      </c>
      <c r="DD224" s="6">
        <v>312</v>
      </c>
      <c r="DE224" s="6" t="s">
        <v>374</v>
      </c>
      <c r="DF224" s="6" t="s">
        <v>375</v>
      </c>
      <c r="DG224" s="6" t="s">
        <v>364</v>
      </c>
      <c r="DH224" s="6" t="s">
        <v>419</v>
      </c>
      <c r="DI224" s="6" t="s">
        <v>377</v>
      </c>
      <c r="DJ224" s="6">
        <v>29</v>
      </c>
      <c r="DK224" s="6">
        <v>21</v>
      </c>
      <c r="DL224" s="6">
        <v>2</v>
      </c>
      <c r="DM224" s="6" t="s">
        <v>379</v>
      </c>
      <c r="DN224" s="6">
        <v>3</v>
      </c>
      <c r="DO224" s="6" t="s">
        <v>380</v>
      </c>
      <c r="DP224" s="6"/>
      <c r="DQ224" s="6"/>
    </row>
    <row r="225" spans="1:121" x14ac:dyDescent="0.2">
      <c r="A225" s="6" t="s">
        <v>312</v>
      </c>
      <c r="B225" s="6" t="s">
        <v>312</v>
      </c>
      <c r="C225" s="6" t="s">
        <v>175</v>
      </c>
      <c r="D225" s="6" t="s">
        <v>153</v>
      </c>
      <c r="E225" s="6" t="s">
        <v>294</v>
      </c>
      <c r="F225" s="11">
        <v>-703</v>
      </c>
      <c r="G225" s="13">
        <v>-0.24937921248700001</v>
      </c>
      <c r="H225" s="11">
        <v>-202.62091536000025</v>
      </c>
      <c r="I225" s="13">
        <v>-7.1873724843975237E-2</v>
      </c>
      <c r="J225" s="11">
        <v>-537.58667393999986</v>
      </c>
      <c r="K225" s="13">
        <v>-0.20546001080031279</v>
      </c>
      <c r="L225" s="11">
        <v>37.278081689999908</v>
      </c>
      <c r="M225" s="13">
        <v>1.7931499464508463E-2</v>
      </c>
      <c r="N225" s="11">
        <v>-500.30859224999995</v>
      </c>
      <c r="O225" s="13">
        <v>-0.19121271740944809</v>
      </c>
      <c r="P225" s="7">
        <v>2819.1236199300001</v>
      </c>
      <c r="Q225" s="7">
        <v>2773.4650324999998</v>
      </c>
      <c r="R225" s="7">
        <v>2762.5686590400001</v>
      </c>
      <c r="S225" s="7">
        <v>2733.0875812200002</v>
      </c>
      <c r="T225" s="7">
        <v>2811.8310724299999</v>
      </c>
      <c r="U225" s="7">
        <v>2521.0296420099999</v>
      </c>
      <c r="V225" s="7">
        <v>2616.5027045699999</v>
      </c>
      <c r="W225" s="7">
        <v>2555.7736133799999</v>
      </c>
      <c r="X225" s="7">
        <v>2687.5962651999998</v>
      </c>
      <c r="Y225" s="7">
        <v>2078.91603063</v>
      </c>
      <c r="Z225" s="7">
        <v>1986.8444775299999</v>
      </c>
      <c r="AA225" s="7">
        <v>2006.7751290599999</v>
      </c>
      <c r="AB225" s="7">
        <v>2009.10525792</v>
      </c>
      <c r="AC225" s="7">
        <v>1973.4076333600001</v>
      </c>
      <c r="AD225" s="7">
        <v>2092.5962345500002</v>
      </c>
      <c r="AE225" s="7">
        <v>2124.3168698300001</v>
      </c>
      <c r="AF225" s="7">
        <v>2116.1941123199999</v>
      </c>
      <c r="AG225" s="9">
        <v>28227.000734100002</v>
      </c>
      <c r="AH225" s="13">
        <v>0.67524543802404158</v>
      </c>
      <c r="AI225" s="9">
        <v>9903.5433668999976</v>
      </c>
      <c r="AJ225" s="13">
        <v>0.23691225793939105</v>
      </c>
      <c r="AK225" s="9">
        <v>8178.056551200003</v>
      </c>
      <c r="AL225" s="13">
        <v>0.15816418220200423</v>
      </c>
      <c r="AM225" s="9">
        <v>10145.400816000001</v>
      </c>
      <c r="AN225" s="13">
        <v>0.1694170481693924</v>
      </c>
      <c r="AO225" s="9">
        <v>18323.457367200004</v>
      </c>
      <c r="AP225" s="13">
        <v>0.35437693924618613</v>
      </c>
      <c r="AQ225" s="9">
        <v>41802.578950700001</v>
      </c>
      <c r="AR225" s="9">
        <v>43037.873324599997</v>
      </c>
      <c r="AS225" s="9">
        <v>43748.016185699998</v>
      </c>
      <c r="AT225" s="9">
        <v>42951.105050099999</v>
      </c>
      <c r="AU225" s="9">
        <v>45873.334421300002</v>
      </c>
      <c r="AV225" s="9">
        <v>47205.612183099998</v>
      </c>
      <c r="AW225" s="9">
        <v>51706.122317599998</v>
      </c>
      <c r="AX225" s="9">
        <v>54690.7421885</v>
      </c>
      <c r="AY225" s="9">
        <v>70124.653756700005</v>
      </c>
      <c r="AZ225" s="9">
        <v>59884.178868800002</v>
      </c>
      <c r="BA225" s="9">
        <v>65056.8347775</v>
      </c>
      <c r="BB225" s="9">
        <v>66853.900724599996</v>
      </c>
      <c r="BC225" s="9">
        <v>62519.0414858</v>
      </c>
      <c r="BD225" s="9">
        <v>68576.299364999999</v>
      </c>
      <c r="BE225" s="9">
        <v>69455.8378008</v>
      </c>
      <c r="BF225" s="9">
        <v>70029.579684800003</v>
      </c>
      <c r="BG225" s="11">
        <v>-61.25</v>
      </c>
      <c r="BH225" s="13">
        <v>-0.2392578125</v>
      </c>
      <c r="BI225" s="6">
        <v>-14</v>
      </c>
      <c r="BJ225" s="13">
        <v>-5.46875E-2</v>
      </c>
      <c r="BK225" s="6">
        <v>-40</v>
      </c>
      <c r="BL225" s="13">
        <v>-0.16528925619834711</v>
      </c>
      <c r="BM225" s="11">
        <v>-7.25</v>
      </c>
      <c r="BN225" s="13">
        <v>-3.5891089108910888E-2</v>
      </c>
      <c r="BO225" s="11">
        <v>-47.25</v>
      </c>
      <c r="BP225" s="13">
        <v>-0.19524793388429751</v>
      </c>
      <c r="BQ225" s="6">
        <v>256</v>
      </c>
      <c r="BR225" s="6">
        <v>243</v>
      </c>
      <c r="BS225" s="6">
        <v>240</v>
      </c>
      <c r="BT225" s="6">
        <v>242</v>
      </c>
      <c r="BU225" s="6">
        <v>222</v>
      </c>
      <c r="BV225" s="6">
        <v>210</v>
      </c>
      <c r="BW225" s="6">
        <v>202</v>
      </c>
      <c r="BX225" s="6">
        <v>193</v>
      </c>
      <c r="BY225" s="6">
        <v>191</v>
      </c>
      <c r="BZ225" s="6">
        <v>190</v>
      </c>
      <c r="CA225" s="6">
        <v>188</v>
      </c>
      <c r="CB225" s="6">
        <v>194</v>
      </c>
      <c r="CC225" s="11">
        <v>194.75</v>
      </c>
      <c r="CD225" s="11">
        <v>-669.62599999999998</v>
      </c>
      <c r="CE225" s="11">
        <v>-341.46800000000002</v>
      </c>
      <c r="CF225" s="11">
        <v>308.16399999999999</v>
      </c>
      <c r="CG225" s="11">
        <v>-33</v>
      </c>
      <c r="CH225" s="20">
        <v>0.99562700000000004</v>
      </c>
      <c r="CI225" s="20">
        <v>0.97664300000000004</v>
      </c>
      <c r="CJ225" s="20">
        <v>0.95926900000000004</v>
      </c>
      <c r="CK225" s="20">
        <v>0.90854900000000005</v>
      </c>
      <c r="CL225" s="20">
        <v>0.89711799999999997</v>
      </c>
      <c r="CM225" s="20">
        <v>0.761903</v>
      </c>
      <c r="CN225" s="20">
        <v>0.76996799999999999</v>
      </c>
      <c r="CO225" s="20">
        <v>0.78327400000000003</v>
      </c>
      <c r="CP225" s="20">
        <v>0.92393499999999995</v>
      </c>
      <c r="CQ225" s="20">
        <v>0.80703599999999998</v>
      </c>
      <c r="CR225" s="20">
        <v>0.79204300000000005</v>
      </c>
      <c r="CS225" s="20">
        <v>0.79647199999999996</v>
      </c>
      <c r="CT225" s="20">
        <v>0.78332800000000002</v>
      </c>
      <c r="CU225" s="20">
        <v>0.75660000000000005</v>
      </c>
      <c r="CV225" s="20">
        <v>0.78123100000000001</v>
      </c>
      <c r="CW225" s="20">
        <v>0.78231799999999996</v>
      </c>
      <c r="CX225" s="20">
        <v>0.77621300000000004</v>
      </c>
      <c r="CY225" s="6" t="s">
        <v>421</v>
      </c>
      <c r="CZ225" s="6" t="s">
        <v>422</v>
      </c>
      <c r="DA225" s="6" t="s">
        <v>153</v>
      </c>
      <c r="DB225" s="6"/>
      <c r="DC225" s="6">
        <v>41140</v>
      </c>
      <c r="DD225" s="6">
        <v>312</v>
      </c>
      <c r="DE225" s="6" t="s">
        <v>374</v>
      </c>
      <c r="DF225" s="6" t="s">
        <v>375</v>
      </c>
      <c r="DG225" s="6" t="s">
        <v>364</v>
      </c>
      <c r="DH225" s="6" t="s">
        <v>419</v>
      </c>
      <c r="DI225" s="6" t="s">
        <v>377</v>
      </c>
      <c r="DJ225" s="6">
        <v>29</v>
      </c>
      <c r="DK225" s="6">
        <v>21</v>
      </c>
      <c r="DL225" s="6">
        <v>2</v>
      </c>
      <c r="DM225" s="6" t="s">
        <v>379</v>
      </c>
      <c r="DN225" s="6">
        <v>3</v>
      </c>
      <c r="DO225" s="6" t="s">
        <v>380</v>
      </c>
      <c r="DP225" s="6"/>
      <c r="DQ225" s="6"/>
    </row>
    <row r="226" spans="1:121" x14ac:dyDescent="0.2">
      <c r="A226" s="6" t="s">
        <v>792</v>
      </c>
      <c r="B226" s="6" t="s">
        <v>176</v>
      </c>
      <c r="C226" s="6" t="s">
        <v>177</v>
      </c>
      <c r="D226" s="6" t="s">
        <v>153</v>
      </c>
      <c r="E226" s="6" t="s">
        <v>294</v>
      </c>
      <c r="F226" s="11">
        <v>3156</v>
      </c>
      <c r="G226" s="13">
        <v>0.42436466317100002</v>
      </c>
      <c r="H226" s="11">
        <v>2384.6079141699993</v>
      </c>
      <c r="I226" s="13">
        <v>0.32065830222019553</v>
      </c>
      <c r="J226" s="11">
        <v>-644.0746615600001</v>
      </c>
      <c r="K226" s="13">
        <v>-6.5579976381622815E-2</v>
      </c>
      <c r="L226" s="11">
        <v>1415.7913695300012</v>
      </c>
      <c r="M226" s="13">
        <v>0.15427379617016335</v>
      </c>
      <c r="N226" s="11">
        <v>771.71670797000115</v>
      </c>
      <c r="O226" s="13">
        <v>7.8576547879397954E-2</v>
      </c>
      <c r="P226" s="7">
        <v>7436.6011971600001</v>
      </c>
      <c r="Q226" s="7">
        <v>6620.8694618500003</v>
      </c>
      <c r="R226" s="7">
        <v>6411.7350445100001</v>
      </c>
      <c r="S226" s="7">
        <v>6532.3239799399998</v>
      </c>
      <c r="T226" s="7">
        <v>6227.8518376299999</v>
      </c>
      <c r="U226" s="7">
        <v>8156.9580296399999</v>
      </c>
      <c r="V226" s="7">
        <v>9821.2091113299994</v>
      </c>
      <c r="W226" s="7">
        <v>10490.083499099999</v>
      </c>
      <c r="X226" s="7">
        <v>10850.1769676</v>
      </c>
      <c r="Y226" s="7">
        <v>9177.1344497699993</v>
      </c>
      <c r="Z226" s="7">
        <v>9398.0004691199993</v>
      </c>
      <c r="AA226" s="7">
        <v>9708.5409306099991</v>
      </c>
      <c r="AB226" s="7">
        <v>9862.7501627099991</v>
      </c>
      <c r="AC226" s="7">
        <v>9992.7895285300001</v>
      </c>
      <c r="AD226" s="7">
        <v>10178.299057599999</v>
      </c>
      <c r="AE226" s="7">
        <v>10331.7649435</v>
      </c>
      <c r="AF226" s="7">
        <v>10592.925819300001</v>
      </c>
      <c r="AG226" s="9">
        <v>25315.9781907</v>
      </c>
      <c r="AH226" s="13">
        <v>0.54481448474701788</v>
      </c>
      <c r="AI226" s="9">
        <v>3119.9546991000025</v>
      </c>
      <c r="AJ226" s="13">
        <v>6.7143228636870805E-2</v>
      </c>
      <c r="AK226" s="9">
        <v>11593.124548699998</v>
      </c>
      <c r="AL226" s="13">
        <v>0.23379311706422587</v>
      </c>
      <c r="AM226" s="9">
        <v>10602.898942899999</v>
      </c>
      <c r="AN226" s="13">
        <v>0.17330596009263349</v>
      </c>
      <c r="AO226" s="9">
        <v>22196.023491599997</v>
      </c>
      <c r="AP226" s="13">
        <v>0.4476168177727245</v>
      </c>
      <c r="AQ226" s="9">
        <v>46467.153314499999</v>
      </c>
      <c r="AR226" s="9">
        <v>48616.544293200001</v>
      </c>
      <c r="AS226" s="9">
        <v>50216.056371400002</v>
      </c>
      <c r="AT226" s="9">
        <v>51101.3979311</v>
      </c>
      <c r="AU226" s="9">
        <v>53284.354475200002</v>
      </c>
      <c r="AV226" s="9">
        <v>53224.272352699998</v>
      </c>
      <c r="AW226" s="9">
        <v>49587.108013600002</v>
      </c>
      <c r="AX226" s="9">
        <v>48225.491743300001</v>
      </c>
      <c r="AY226" s="9">
        <v>49615.788540699999</v>
      </c>
      <c r="AZ226" s="9">
        <v>61180.2325623</v>
      </c>
      <c r="BA226" s="9">
        <v>63366.974830699997</v>
      </c>
      <c r="BB226" s="9">
        <v>65475.653781599998</v>
      </c>
      <c r="BC226" s="9">
        <v>67137.704312000002</v>
      </c>
      <c r="BD226" s="9">
        <v>68160.916866600004</v>
      </c>
      <c r="BE226" s="9">
        <v>71514.678276699997</v>
      </c>
      <c r="BF226" s="9">
        <v>71783.131505199999</v>
      </c>
      <c r="BG226" s="11">
        <v>-10.25</v>
      </c>
      <c r="BH226" s="13">
        <v>-9.6698113207547176E-2</v>
      </c>
      <c r="BI226" s="6">
        <v>-1</v>
      </c>
      <c r="BJ226" s="13">
        <v>-9.433962264150943E-3</v>
      </c>
      <c r="BK226" s="6">
        <v>-10</v>
      </c>
      <c r="BL226" s="13">
        <v>-9.5238095238095233E-2</v>
      </c>
      <c r="BM226" s="11">
        <v>0.75</v>
      </c>
      <c r="BN226" s="13">
        <v>7.8947368421052634E-3</v>
      </c>
      <c r="BO226" s="11">
        <v>-9.25</v>
      </c>
      <c r="BP226" s="13">
        <v>-8.8095238095238101E-2</v>
      </c>
      <c r="BQ226" s="6">
        <v>106</v>
      </c>
      <c r="BR226" s="6">
        <v>101</v>
      </c>
      <c r="BS226" s="6">
        <v>103</v>
      </c>
      <c r="BT226" s="6">
        <v>105</v>
      </c>
      <c r="BU226" s="6">
        <v>100</v>
      </c>
      <c r="BV226" s="6">
        <v>94</v>
      </c>
      <c r="BW226" s="6">
        <v>95</v>
      </c>
      <c r="BX226" s="6">
        <v>96</v>
      </c>
      <c r="BY226" s="6">
        <v>94</v>
      </c>
      <c r="BZ226" s="6">
        <v>97</v>
      </c>
      <c r="CA226" s="6">
        <v>96</v>
      </c>
      <c r="CB226" s="6">
        <v>96</v>
      </c>
      <c r="CC226" s="11">
        <v>95.75</v>
      </c>
      <c r="CD226" s="11">
        <v>4968.37</v>
      </c>
      <c r="CE226" s="11">
        <v>-2624.95</v>
      </c>
      <c r="CF226" s="11">
        <v>812.91</v>
      </c>
      <c r="CG226" s="11">
        <v>-1812</v>
      </c>
      <c r="CH226" s="20">
        <v>1.3718699999999999</v>
      </c>
      <c r="CI226" s="20">
        <v>1.30142</v>
      </c>
      <c r="CJ226" s="20">
        <v>1.32847</v>
      </c>
      <c r="CK226" s="20">
        <v>1.37239</v>
      </c>
      <c r="CL226" s="20">
        <v>1.32236</v>
      </c>
      <c r="CM226" s="20">
        <v>1.71959</v>
      </c>
      <c r="CN226" s="20">
        <v>2.0410300000000001</v>
      </c>
      <c r="CO226" s="20">
        <v>2.2213500000000002</v>
      </c>
      <c r="CP226" s="20">
        <v>2.5392399999999999</v>
      </c>
      <c r="CQ226" s="20">
        <v>2.29426</v>
      </c>
      <c r="CR226" s="20">
        <v>2.34083</v>
      </c>
      <c r="CS226" s="20">
        <v>2.3902800000000002</v>
      </c>
      <c r="CT226" s="20">
        <v>2.4229599999999998</v>
      </c>
      <c r="CU226" s="20">
        <v>2.4732099999999999</v>
      </c>
      <c r="CV226" s="20">
        <v>2.52169</v>
      </c>
      <c r="CW226" s="20">
        <v>2.5800800000000002</v>
      </c>
      <c r="CX226" s="20">
        <v>2.6516799999999998</v>
      </c>
      <c r="CY226" s="6" t="s">
        <v>421</v>
      </c>
      <c r="CZ226" s="6" t="s">
        <v>422</v>
      </c>
      <c r="DA226" s="6" t="s">
        <v>153</v>
      </c>
      <c r="DB226" s="6"/>
      <c r="DC226" s="6">
        <v>41140</v>
      </c>
      <c r="DD226" s="6">
        <v>312</v>
      </c>
      <c r="DE226" s="6" t="s">
        <v>374</v>
      </c>
      <c r="DF226" s="6" t="s">
        <v>375</v>
      </c>
      <c r="DG226" s="6" t="s">
        <v>364</v>
      </c>
      <c r="DH226" s="6" t="s">
        <v>419</v>
      </c>
      <c r="DI226" s="6" t="s">
        <v>377</v>
      </c>
      <c r="DJ226" s="6">
        <v>29</v>
      </c>
      <c r="DK226" s="6">
        <v>21</v>
      </c>
      <c r="DL226" s="6">
        <v>2</v>
      </c>
      <c r="DM226" s="6" t="s">
        <v>379</v>
      </c>
      <c r="DN226" s="6">
        <v>3</v>
      </c>
      <c r="DO226" s="6" t="s">
        <v>380</v>
      </c>
      <c r="DP226" s="6"/>
      <c r="DQ226" s="6"/>
    </row>
    <row r="227" spans="1:121" x14ac:dyDescent="0.2">
      <c r="A227" s="6" t="s">
        <v>313</v>
      </c>
      <c r="B227" s="6" t="s">
        <v>313</v>
      </c>
      <c r="C227" s="6" t="s">
        <v>178</v>
      </c>
      <c r="D227" s="6" t="s">
        <v>153</v>
      </c>
      <c r="E227" s="6" t="s">
        <v>294</v>
      </c>
      <c r="F227" s="11">
        <v>-570</v>
      </c>
      <c r="G227" s="13">
        <v>-0.27710257656800003</v>
      </c>
      <c r="H227" s="11">
        <v>180.2580293699998</v>
      </c>
      <c r="I227" s="13">
        <v>8.761943127389743E-2</v>
      </c>
      <c r="J227" s="11">
        <v>-882.59195124999997</v>
      </c>
      <c r="K227" s="13">
        <v>-0.39444714368046274</v>
      </c>
      <c r="L227" s="11">
        <v>132.18814503999988</v>
      </c>
      <c r="M227" s="13">
        <v>9.7559441231963209E-2</v>
      </c>
      <c r="N227" s="11">
        <v>-750.40380621000008</v>
      </c>
      <c r="O227" s="13">
        <v>-0.33536974538150932</v>
      </c>
      <c r="P227" s="7">
        <v>2057.2837183400002</v>
      </c>
      <c r="Q227" s="7">
        <v>2882.1732297100002</v>
      </c>
      <c r="R227" s="7">
        <v>2406.1719980100002</v>
      </c>
      <c r="S227" s="7">
        <v>2471.8096920399998</v>
      </c>
      <c r="T227" s="7">
        <v>2639.8493638499999</v>
      </c>
      <c r="U227" s="7">
        <v>2100.0543523000001</v>
      </c>
      <c r="V227" s="7">
        <v>2237.54174771</v>
      </c>
      <c r="W227" s="7">
        <v>2246.8573105199998</v>
      </c>
      <c r="X227" s="7">
        <v>1500.8387959900001</v>
      </c>
      <c r="Y227" s="7">
        <v>1354.94979646</v>
      </c>
      <c r="Z227" s="7">
        <v>1344.39634325</v>
      </c>
      <c r="AA227" s="7">
        <v>1367.91361742</v>
      </c>
      <c r="AB227" s="7">
        <v>1292.1934228499999</v>
      </c>
      <c r="AC227" s="7">
        <v>1406.5350393199999</v>
      </c>
      <c r="AD227" s="7">
        <v>1476.17092013</v>
      </c>
      <c r="AE227" s="7">
        <v>1484.86858424</v>
      </c>
      <c r="AF227" s="7">
        <v>1487.1379414999999</v>
      </c>
      <c r="AG227" s="9">
        <v>18274.071816199998</v>
      </c>
      <c r="AH227" s="13">
        <v>0.43625792464666802</v>
      </c>
      <c r="AI227" s="9">
        <v>4001.0567623999959</v>
      </c>
      <c r="AJ227" s="13">
        <v>9.551744882663514E-2</v>
      </c>
      <c r="AK227" s="9">
        <v>2488.9818050000031</v>
      </c>
      <c r="AL227" s="13">
        <v>5.423884394653735E-2</v>
      </c>
      <c r="AM227" s="9">
        <v>11784.033248799999</v>
      </c>
      <c r="AN227" s="13">
        <v>0.24358113385572436</v>
      </c>
      <c r="AO227" s="9">
        <v>14273.015053800002</v>
      </c>
      <c r="AP227" s="13">
        <v>0.31103153690978297</v>
      </c>
      <c r="AQ227" s="9">
        <v>41888.228921000002</v>
      </c>
      <c r="AR227" s="9">
        <v>45406.520482</v>
      </c>
      <c r="AS227" s="9">
        <v>39959.539153199999</v>
      </c>
      <c r="AT227" s="9">
        <v>40207.373772300001</v>
      </c>
      <c r="AU227" s="9">
        <v>40839.3256769</v>
      </c>
      <c r="AV227" s="9">
        <v>43680.249589699997</v>
      </c>
      <c r="AW227" s="9">
        <v>45889.285683399998</v>
      </c>
      <c r="AX227" s="9">
        <v>47506.739221000003</v>
      </c>
      <c r="AY227" s="9">
        <v>46061.924860899999</v>
      </c>
      <c r="AZ227" s="9">
        <v>48378.267488400001</v>
      </c>
      <c r="BA227" s="9">
        <v>51996.6842664</v>
      </c>
      <c r="BB227" s="9">
        <v>53208.469482699998</v>
      </c>
      <c r="BC227" s="9">
        <v>55003.697625699999</v>
      </c>
      <c r="BD227" s="9">
        <v>56670.370632700004</v>
      </c>
      <c r="BE227" s="9">
        <v>58563.372461699997</v>
      </c>
      <c r="BF227" s="9">
        <v>60162.300737199999</v>
      </c>
      <c r="BG227" s="11">
        <v>-24.5</v>
      </c>
      <c r="BH227" s="13">
        <v>-0.16896551724137931</v>
      </c>
      <c r="BI227" s="6">
        <v>-12</v>
      </c>
      <c r="BJ227" s="13">
        <v>-8.2758620689655171E-2</v>
      </c>
      <c r="BK227" s="6">
        <v>-19</v>
      </c>
      <c r="BL227" s="13">
        <v>-0.14285714285714285</v>
      </c>
      <c r="BM227" s="11">
        <v>6.5</v>
      </c>
      <c r="BN227" s="13">
        <v>5.701754385964912E-2</v>
      </c>
      <c r="BO227" s="11">
        <v>-12.5</v>
      </c>
      <c r="BP227" s="13">
        <v>-9.3984962406015032E-2</v>
      </c>
      <c r="BQ227" s="6">
        <v>145</v>
      </c>
      <c r="BR227" s="6">
        <v>143</v>
      </c>
      <c r="BS227" s="6">
        <v>141</v>
      </c>
      <c r="BT227" s="6">
        <v>133</v>
      </c>
      <c r="BU227" s="6">
        <v>129</v>
      </c>
      <c r="BV227" s="6">
        <v>123</v>
      </c>
      <c r="BW227" s="6">
        <v>114</v>
      </c>
      <c r="BX227" s="6">
        <v>119</v>
      </c>
      <c r="BY227" s="6">
        <v>126</v>
      </c>
      <c r="BZ227" s="6">
        <v>125</v>
      </c>
      <c r="CA227" s="6">
        <v>123</v>
      </c>
      <c r="CB227" s="6">
        <v>120</v>
      </c>
      <c r="CC227" s="11">
        <v>120.5</v>
      </c>
      <c r="CD227" s="11">
        <v>-626.81299999999999</v>
      </c>
      <c r="CE227" s="11">
        <v>-168.21899999999999</v>
      </c>
      <c r="CF227" s="11">
        <v>224.886</v>
      </c>
      <c r="CG227" s="11">
        <v>57</v>
      </c>
      <c r="CH227" s="20">
        <v>1.06582</v>
      </c>
      <c r="CI227" s="20">
        <v>1.51108</v>
      </c>
      <c r="CJ227" s="20">
        <v>1.27112</v>
      </c>
      <c r="CK227" s="20">
        <v>1.2927299999999999</v>
      </c>
      <c r="CL227" s="20">
        <v>1.36222</v>
      </c>
      <c r="CM227" s="20">
        <v>1.0468500000000001</v>
      </c>
      <c r="CN227" s="20">
        <v>1.0606199999999999</v>
      </c>
      <c r="CO227" s="20">
        <v>1.05741</v>
      </c>
      <c r="CP227" s="20">
        <v>0.73789499999999997</v>
      </c>
      <c r="CQ227" s="20">
        <v>0.70454000000000006</v>
      </c>
      <c r="CR227" s="20">
        <v>0.69953600000000005</v>
      </c>
      <c r="CS227" s="20">
        <v>0.70273600000000003</v>
      </c>
      <c r="CT227" s="20">
        <v>0.65863700000000003</v>
      </c>
      <c r="CU227" s="20">
        <v>0.72316499999999995</v>
      </c>
      <c r="CV227" s="20">
        <v>0.76023600000000002</v>
      </c>
      <c r="CW227" s="20">
        <v>0.77279100000000001</v>
      </c>
      <c r="CX227" s="20">
        <v>0.76952699999999996</v>
      </c>
      <c r="CY227" s="6" t="s">
        <v>421</v>
      </c>
      <c r="CZ227" s="6" t="s">
        <v>422</v>
      </c>
      <c r="DA227" s="6" t="s">
        <v>153</v>
      </c>
      <c r="DB227" s="6"/>
      <c r="DC227" s="6">
        <v>41140</v>
      </c>
      <c r="DD227" s="6">
        <v>312</v>
      </c>
      <c r="DE227" s="6" t="s">
        <v>374</v>
      </c>
      <c r="DF227" s="6" t="s">
        <v>375</v>
      </c>
      <c r="DG227" s="6" t="s">
        <v>364</v>
      </c>
      <c r="DH227" s="6" t="s">
        <v>419</v>
      </c>
      <c r="DI227" s="6" t="s">
        <v>377</v>
      </c>
      <c r="DJ227" s="6">
        <v>29</v>
      </c>
      <c r="DK227" s="6">
        <v>21</v>
      </c>
      <c r="DL227" s="6">
        <v>2</v>
      </c>
      <c r="DM227" s="6" t="s">
        <v>379</v>
      </c>
      <c r="DN227" s="6">
        <v>3</v>
      </c>
      <c r="DO227" s="6" t="s">
        <v>380</v>
      </c>
      <c r="DP227" s="6"/>
      <c r="DQ227" s="6"/>
    </row>
    <row r="228" spans="1:121" x14ac:dyDescent="0.2">
      <c r="A228" s="6" t="s">
        <v>793</v>
      </c>
      <c r="B228" s="6" t="s">
        <v>179</v>
      </c>
      <c r="C228" s="6" t="s">
        <v>180</v>
      </c>
      <c r="D228" s="6" t="s">
        <v>153</v>
      </c>
      <c r="E228" s="6" t="s">
        <v>294</v>
      </c>
      <c r="F228" s="11">
        <v>280</v>
      </c>
      <c r="G228" s="13">
        <v>0.05</v>
      </c>
      <c r="H228" s="11">
        <v>517</v>
      </c>
      <c r="I228" s="13">
        <v>9.2918763479511141E-2</v>
      </c>
      <c r="J228" s="11">
        <v>-210</v>
      </c>
      <c r="K228" s="13">
        <v>-3.4533793783917119E-2</v>
      </c>
      <c r="L228" s="11">
        <v>-27</v>
      </c>
      <c r="M228" s="13">
        <v>-4.5988758303525806E-3</v>
      </c>
      <c r="N228" s="11">
        <v>-237</v>
      </c>
      <c r="O228" s="13">
        <v>-3.8973852984706465E-2</v>
      </c>
      <c r="P228" s="7">
        <v>5564</v>
      </c>
      <c r="Q228" s="7">
        <v>5437</v>
      </c>
      <c r="R228" s="7">
        <v>5520</v>
      </c>
      <c r="S228" s="7">
        <v>5620</v>
      </c>
      <c r="T228" s="7">
        <v>5772</v>
      </c>
      <c r="U228" s="7">
        <v>5821</v>
      </c>
      <c r="V228" s="7">
        <v>6081</v>
      </c>
      <c r="W228" s="7">
        <v>5970</v>
      </c>
      <c r="X228" s="7">
        <v>5894</v>
      </c>
      <c r="Y228" s="7">
        <v>5871</v>
      </c>
      <c r="Z228" s="7">
        <v>5930</v>
      </c>
      <c r="AA228" s="7">
        <v>5834</v>
      </c>
      <c r="AB228" s="7">
        <v>5701</v>
      </c>
      <c r="AC228" s="7">
        <v>5732</v>
      </c>
      <c r="AD228" s="7">
        <v>5750</v>
      </c>
      <c r="AE228" s="7">
        <v>5799</v>
      </c>
      <c r="AF228" s="7">
        <v>5844</v>
      </c>
      <c r="AG228" s="9">
        <v>7589</v>
      </c>
      <c r="AH228" s="13">
        <v>0.35199443413729126</v>
      </c>
      <c r="AI228" s="9">
        <v>4174</v>
      </c>
      <c r="AJ228" s="13">
        <v>0.19359925788497215</v>
      </c>
      <c r="AK228" s="9">
        <v>216</v>
      </c>
      <c r="AL228" s="13">
        <v>8.3935649335509441E-3</v>
      </c>
      <c r="AM228" s="9">
        <v>3199</v>
      </c>
      <c r="AN228" s="13">
        <v>0.12327552986512524</v>
      </c>
      <c r="AO228" s="9">
        <v>3415</v>
      </c>
      <c r="AP228" s="13">
        <v>0.13270381596331701</v>
      </c>
      <c r="AQ228" s="9">
        <v>21560</v>
      </c>
      <c r="AR228" s="9">
        <v>22702</v>
      </c>
      <c r="AS228" s="9">
        <v>23126</v>
      </c>
      <c r="AT228" s="9">
        <v>23793</v>
      </c>
      <c r="AU228" s="9">
        <v>24276</v>
      </c>
      <c r="AV228" s="9">
        <v>24969</v>
      </c>
      <c r="AW228" s="9">
        <v>25734</v>
      </c>
      <c r="AX228" s="9">
        <v>26508</v>
      </c>
      <c r="AY228" s="9">
        <v>26190</v>
      </c>
      <c r="AZ228" s="9">
        <v>25950</v>
      </c>
      <c r="BA228" s="9">
        <v>25970</v>
      </c>
      <c r="BB228" s="9">
        <v>26572</v>
      </c>
      <c r="BC228" s="9">
        <v>27263</v>
      </c>
      <c r="BD228" s="9">
        <v>27538</v>
      </c>
      <c r="BE228" s="9">
        <v>28367</v>
      </c>
      <c r="BF228" s="9">
        <v>29149</v>
      </c>
      <c r="BG228" s="11">
        <v>-54</v>
      </c>
      <c r="BH228" s="13">
        <v>-0.15041782729805014</v>
      </c>
      <c r="BI228" s="6">
        <v>-6</v>
      </c>
      <c r="BJ228" s="13">
        <v>-1.6713091922005572E-2</v>
      </c>
      <c r="BK228" s="6">
        <v>-22</v>
      </c>
      <c r="BL228" s="13">
        <v>-6.2322946175637391E-2</v>
      </c>
      <c r="BM228" s="11">
        <v>-26</v>
      </c>
      <c r="BN228" s="13">
        <v>-7.8549848942598186E-2</v>
      </c>
      <c r="BO228" s="11">
        <v>-48</v>
      </c>
      <c r="BP228" s="13">
        <v>-0.1359773371104816</v>
      </c>
      <c r="BQ228" s="6">
        <v>359</v>
      </c>
      <c r="BR228" s="6">
        <v>356</v>
      </c>
      <c r="BS228" s="6">
        <v>346</v>
      </c>
      <c r="BT228" s="6">
        <v>353</v>
      </c>
      <c r="BU228" s="6">
        <v>348</v>
      </c>
      <c r="BV228" s="6">
        <v>342</v>
      </c>
      <c r="BW228" s="6">
        <v>331</v>
      </c>
      <c r="BX228" s="6">
        <v>324</v>
      </c>
      <c r="BY228" s="6">
        <v>310</v>
      </c>
      <c r="BZ228" s="6">
        <v>308</v>
      </c>
      <c r="CA228" s="6">
        <v>310</v>
      </c>
      <c r="CB228" s="6">
        <v>304</v>
      </c>
      <c r="CC228" s="11">
        <v>305</v>
      </c>
      <c r="CD228" s="11">
        <v>29</v>
      </c>
      <c r="CE228" s="11">
        <v>-357</v>
      </c>
      <c r="CF228" s="11">
        <v>608</v>
      </c>
      <c r="CG228" s="11">
        <v>251</v>
      </c>
      <c r="CH228" s="20">
        <v>1.07</v>
      </c>
      <c r="CI228" s="20">
        <v>1.04</v>
      </c>
      <c r="CJ228" s="20">
        <v>1.07</v>
      </c>
      <c r="CK228" s="20">
        <v>1.08</v>
      </c>
      <c r="CL228" s="20">
        <v>1.1100000000000001</v>
      </c>
      <c r="CM228" s="20">
        <v>1.0900000000000001</v>
      </c>
      <c r="CN228" s="20">
        <v>1.0900000000000001</v>
      </c>
      <c r="CO228" s="20">
        <v>1.07</v>
      </c>
      <c r="CP228" s="20">
        <v>1.0900000000000001</v>
      </c>
      <c r="CQ228" s="20">
        <v>1.1299999999999999</v>
      </c>
      <c r="CR228" s="20">
        <v>1.1499999999999999</v>
      </c>
      <c r="CS228" s="20">
        <v>1.1200000000000001</v>
      </c>
      <c r="CT228" s="20">
        <v>1.0900000000000001</v>
      </c>
      <c r="CU228" s="20">
        <v>1.1000000000000001</v>
      </c>
      <c r="CV228" s="20">
        <v>1.1000000000000001</v>
      </c>
      <c r="CW228" s="20">
        <v>1.1000000000000001</v>
      </c>
      <c r="CX228" s="20">
        <v>1.1100000000000001</v>
      </c>
      <c r="CY228" s="6" t="s">
        <v>421</v>
      </c>
      <c r="CZ228" s="6" t="s">
        <v>422</v>
      </c>
      <c r="DA228" s="6" t="s">
        <v>153</v>
      </c>
      <c r="DB228" s="6"/>
      <c r="DC228" s="6">
        <v>41140</v>
      </c>
      <c r="DD228" s="6">
        <v>312</v>
      </c>
      <c r="DE228" s="6" t="s">
        <v>374</v>
      </c>
      <c r="DF228" s="6" t="s">
        <v>375</v>
      </c>
      <c r="DG228" s="6" t="s">
        <v>364</v>
      </c>
      <c r="DH228" s="6" t="s">
        <v>419</v>
      </c>
      <c r="DI228" s="6" t="s">
        <v>377</v>
      </c>
      <c r="DJ228" s="6">
        <v>29</v>
      </c>
      <c r="DK228" s="6">
        <v>21</v>
      </c>
      <c r="DL228" s="6">
        <v>2</v>
      </c>
      <c r="DM228" s="6" t="s">
        <v>379</v>
      </c>
      <c r="DN228" s="6">
        <v>3</v>
      </c>
      <c r="DO228" s="6" t="s">
        <v>380</v>
      </c>
      <c r="DP228" s="6"/>
      <c r="DQ228" s="6"/>
    </row>
    <row r="229" spans="1:121" x14ac:dyDescent="0.2">
      <c r="A229" s="6" t="s">
        <v>794</v>
      </c>
      <c r="B229" s="6" t="s">
        <v>181</v>
      </c>
      <c r="C229" s="6" t="s">
        <v>182</v>
      </c>
      <c r="D229" s="6" t="s">
        <v>153</v>
      </c>
      <c r="E229" s="6" t="s">
        <v>294</v>
      </c>
      <c r="F229" s="11">
        <v>232</v>
      </c>
      <c r="G229" s="13">
        <v>0.144278606965</v>
      </c>
      <c r="H229" s="11">
        <v>12.922723820000101</v>
      </c>
      <c r="I229" s="13">
        <v>8.0385610115065124E-3</v>
      </c>
      <c r="J229" s="11">
        <v>-42.861684989999958</v>
      </c>
      <c r="K229" s="13">
        <v>-2.6449431629448003E-2</v>
      </c>
      <c r="L229" s="11">
        <v>262.00353068999993</v>
      </c>
      <c r="M229" s="13">
        <v>0.16607173884082468</v>
      </c>
      <c r="N229" s="11">
        <v>219.14184569999998</v>
      </c>
      <c r="O229" s="13">
        <v>0.13522980410932275</v>
      </c>
      <c r="P229" s="7">
        <v>1607.5916823299999</v>
      </c>
      <c r="Q229" s="7">
        <v>1451.50338592</v>
      </c>
      <c r="R229" s="7">
        <v>1516.3844615</v>
      </c>
      <c r="S229" s="7">
        <v>1555.30493437</v>
      </c>
      <c r="T229" s="7">
        <v>1495.4553109399999</v>
      </c>
      <c r="U229" s="7">
        <v>1643.87791889</v>
      </c>
      <c r="V229" s="7">
        <v>1620.51440615</v>
      </c>
      <c r="W229" s="7">
        <v>1618.8206749000001</v>
      </c>
      <c r="X229" s="7">
        <v>1471.2119593800001</v>
      </c>
      <c r="Y229" s="7">
        <v>1577.6527211600001</v>
      </c>
      <c r="Z229" s="7">
        <v>1753.75010662</v>
      </c>
      <c r="AA229" s="7">
        <v>1753.1701470200001</v>
      </c>
      <c r="AB229" s="7">
        <v>1751.5450376599999</v>
      </c>
      <c r="AC229" s="7">
        <v>1757.0488406300001</v>
      </c>
      <c r="AD229" s="7">
        <v>1832.2811301199999</v>
      </c>
      <c r="AE229" s="7">
        <v>1819.5644974100001</v>
      </c>
      <c r="AF229" s="7">
        <v>1839.65625185</v>
      </c>
      <c r="AG229" s="9">
        <v>12273.198846200001</v>
      </c>
      <c r="AH229" s="13">
        <v>0.3270228071476477</v>
      </c>
      <c r="AI229" s="9">
        <v>3395.4377621999956</v>
      </c>
      <c r="AJ229" s="13">
        <v>9.0472386409152381E-2</v>
      </c>
      <c r="AK229" s="9">
        <v>6165.0622846000042</v>
      </c>
      <c r="AL229" s="13">
        <v>0.15064095753931833</v>
      </c>
      <c r="AM229" s="9">
        <v>2712.698799400001</v>
      </c>
      <c r="AN229" s="13">
        <v>5.7605950294563987E-2</v>
      </c>
      <c r="AO229" s="9">
        <v>8877.7610840000052</v>
      </c>
      <c r="AP229" s="13">
        <v>0.21692472334621785</v>
      </c>
      <c r="AQ229" s="9">
        <v>37530.100586100001</v>
      </c>
      <c r="AR229" s="9">
        <v>35712.453828700003</v>
      </c>
      <c r="AS229" s="9">
        <v>35628.160284600002</v>
      </c>
      <c r="AT229" s="9">
        <v>37300.190382699999</v>
      </c>
      <c r="AU229" s="9">
        <v>39555.949493599997</v>
      </c>
      <c r="AV229" s="9">
        <v>40286.713075799998</v>
      </c>
      <c r="AW229" s="9">
        <v>40925.538348299997</v>
      </c>
      <c r="AX229" s="9">
        <v>41898.057355099998</v>
      </c>
      <c r="AY229" s="9">
        <v>43291.353387399999</v>
      </c>
      <c r="AZ229" s="9">
        <v>47090.600632900001</v>
      </c>
      <c r="BA229" s="9">
        <v>45896.983554699997</v>
      </c>
      <c r="BB229" s="9">
        <v>46624.245098599997</v>
      </c>
      <c r="BC229" s="9">
        <v>46322.667779700001</v>
      </c>
      <c r="BD229" s="9">
        <v>47586.502484999997</v>
      </c>
      <c r="BE229" s="9">
        <v>49118.390453799999</v>
      </c>
      <c r="BF229" s="9">
        <v>49803.299432300002</v>
      </c>
      <c r="BG229" s="11">
        <v>-29.25</v>
      </c>
      <c r="BH229" s="13">
        <v>-0.2543478260869565</v>
      </c>
      <c r="BI229" s="6">
        <v>-20</v>
      </c>
      <c r="BJ229" s="13">
        <v>-0.17391304347826086</v>
      </c>
      <c r="BK229" s="6">
        <v>-12</v>
      </c>
      <c r="BL229" s="13">
        <v>-0.12631578947368421</v>
      </c>
      <c r="BM229" s="11">
        <v>2.75</v>
      </c>
      <c r="BN229" s="13">
        <v>3.313253012048193E-2</v>
      </c>
      <c r="BO229" s="11">
        <v>-9.25</v>
      </c>
      <c r="BP229" s="13">
        <v>-9.7368421052631576E-2</v>
      </c>
      <c r="BQ229" s="6">
        <v>115</v>
      </c>
      <c r="BR229" s="6">
        <v>93</v>
      </c>
      <c r="BS229" s="6">
        <v>98</v>
      </c>
      <c r="BT229" s="6">
        <v>95</v>
      </c>
      <c r="BU229" s="6">
        <v>94</v>
      </c>
      <c r="BV229" s="6">
        <v>91</v>
      </c>
      <c r="BW229" s="6">
        <v>83</v>
      </c>
      <c r="BX229" s="6">
        <v>87</v>
      </c>
      <c r="BY229" s="6">
        <v>89</v>
      </c>
      <c r="BZ229" s="6">
        <v>86</v>
      </c>
      <c r="CA229" s="6">
        <v>84</v>
      </c>
      <c r="CB229" s="6">
        <v>87</v>
      </c>
      <c r="CC229" s="11">
        <v>85.75</v>
      </c>
      <c r="CD229" s="11">
        <v>-44.991700000000002</v>
      </c>
      <c r="CE229" s="11">
        <v>101.327</v>
      </c>
      <c r="CF229" s="11">
        <v>175.72900000000001</v>
      </c>
      <c r="CG229" s="11">
        <v>277</v>
      </c>
      <c r="CH229" s="20">
        <v>1.0521</v>
      </c>
      <c r="CI229" s="20">
        <v>0.96949700000000005</v>
      </c>
      <c r="CJ229" s="20">
        <v>1.0226900000000001</v>
      </c>
      <c r="CK229" s="20">
        <v>1.02844</v>
      </c>
      <c r="CL229" s="20">
        <v>0.96984999999999999</v>
      </c>
      <c r="CM229" s="20">
        <v>1.02691</v>
      </c>
      <c r="CN229" s="20">
        <v>0.96053900000000003</v>
      </c>
      <c r="CO229" s="20">
        <v>0.95277299999999998</v>
      </c>
      <c r="CP229" s="20">
        <v>0.90196500000000002</v>
      </c>
      <c r="CQ229" s="20">
        <v>1.0167600000000001</v>
      </c>
      <c r="CR229" s="20">
        <v>1.1163799999999999</v>
      </c>
      <c r="CS229" s="20">
        <v>1.09754</v>
      </c>
      <c r="CT229" s="20">
        <v>1.08141</v>
      </c>
      <c r="CU229" s="20">
        <v>1.0698700000000001</v>
      </c>
      <c r="CV229" s="20">
        <v>1.07928</v>
      </c>
      <c r="CW229" s="20">
        <v>1.05542</v>
      </c>
      <c r="CX229" s="20">
        <v>1.05402</v>
      </c>
      <c r="CY229" s="6" t="s">
        <v>421</v>
      </c>
      <c r="CZ229" s="6" t="s">
        <v>422</v>
      </c>
      <c r="DA229" s="6" t="s">
        <v>153</v>
      </c>
      <c r="DB229" s="6"/>
      <c r="DC229" s="6">
        <v>41140</v>
      </c>
      <c r="DD229" s="6">
        <v>312</v>
      </c>
      <c r="DE229" s="6" t="s">
        <v>374</v>
      </c>
      <c r="DF229" s="6" t="s">
        <v>375</v>
      </c>
      <c r="DG229" s="6" t="s">
        <v>364</v>
      </c>
      <c r="DH229" s="6" t="s">
        <v>419</v>
      </c>
      <c r="DI229" s="6" t="s">
        <v>377</v>
      </c>
      <c r="DJ229" s="6">
        <v>29</v>
      </c>
      <c r="DK229" s="6">
        <v>21</v>
      </c>
      <c r="DL229" s="6">
        <v>2</v>
      </c>
      <c r="DM229" s="6" t="s">
        <v>379</v>
      </c>
      <c r="DN229" s="6">
        <v>3</v>
      </c>
      <c r="DO229" s="6" t="s">
        <v>380</v>
      </c>
      <c r="DP229" s="6"/>
      <c r="DQ229" s="6"/>
    </row>
    <row r="230" spans="1:121" x14ac:dyDescent="0.2">
      <c r="A230" s="6" t="s">
        <v>314</v>
      </c>
      <c r="B230" s="6" t="s">
        <v>314</v>
      </c>
      <c r="C230" s="6" t="s">
        <v>183</v>
      </c>
      <c r="D230" s="6" t="s">
        <v>153</v>
      </c>
      <c r="E230" s="6" t="s">
        <v>294</v>
      </c>
      <c r="F230" s="11">
        <v>-57</v>
      </c>
      <c r="G230" s="13">
        <v>-9.375E-2</v>
      </c>
      <c r="H230" s="11">
        <v>63.927983237999911</v>
      </c>
      <c r="I230" s="13">
        <v>0.10511719447151012</v>
      </c>
      <c r="J230" s="11">
        <v>9.3471369850000201</v>
      </c>
      <c r="K230" s="13">
        <v>1.3907626817936098E-2</v>
      </c>
      <c r="L230" s="11">
        <v>-130.15257476099998</v>
      </c>
      <c r="M230" s="13">
        <v>-0.19099798935730916</v>
      </c>
      <c r="N230" s="11">
        <v>-120.80543777599996</v>
      </c>
      <c r="O230" s="13">
        <v>-0.17974669129833065</v>
      </c>
      <c r="P230" s="7">
        <v>608.15914617400006</v>
      </c>
      <c r="Q230" s="7">
        <v>624.60740834800004</v>
      </c>
      <c r="R230" s="7">
        <v>613.04151386299998</v>
      </c>
      <c r="S230" s="7">
        <v>566.63095669300003</v>
      </c>
      <c r="T230" s="7">
        <v>649.85233267700005</v>
      </c>
      <c r="U230" s="7">
        <v>654.05108888799998</v>
      </c>
      <c r="V230" s="7">
        <v>672.08712941199997</v>
      </c>
      <c r="W230" s="7">
        <v>658.85466289399994</v>
      </c>
      <c r="X230" s="7">
        <v>672.28952113599996</v>
      </c>
      <c r="Y230" s="7">
        <v>681.43426639699999</v>
      </c>
      <c r="Z230" s="7">
        <v>648.28982150299998</v>
      </c>
      <c r="AA230" s="7">
        <v>624.20238810499995</v>
      </c>
      <c r="AB230" s="7">
        <v>603.80541979099996</v>
      </c>
      <c r="AC230" s="7">
        <v>616.45938569400005</v>
      </c>
      <c r="AD230" s="7">
        <v>578.74583907099998</v>
      </c>
      <c r="AE230" s="7">
        <v>541.80755704299997</v>
      </c>
      <c r="AF230" s="7">
        <v>551.28169163600001</v>
      </c>
      <c r="AG230" s="9">
        <v>17143.0841463</v>
      </c>
      <c r="AH230" s="13">
        <v>0.52827352203385614</v>
      </c>
      <c r="AI230" s="9">
        <v>7495.7025298999979</v>
      </c>
      <c r="AJ230" s="13">
        <v>0.23098417658079329</v>
      </c>
      <c r="AK230" s="9">
        <v>1544.484446399998</v>
      </c>
      <c r="AL230" s="13">
        <v>3.8663481275216086E-2</v>
      </c>
      <c r="AM230" s="9">
        <v>8102.8971700000038</v>
      </c>
      <c r="AN230" s="13">
        <v>0.19529129329940031</v>
      </c>
      <c r="AO230" s="9">
        <v>9647.3816164000018</v>
      </c>
      <c r="AP230" s="13">
        <v>0.24150541583631052</v>
      </c>
      <c r="AQ230" s="9">
        <v>32451.151593400002</v>
      </c>
      <c r="AR230" s="9">
        <v>34323.157609900001</v>
      </c>
      <c r="AS230" s="9">
        <v>35760.207282800002</v>
      </c>
      <c r="AT230" s="9">
        <v>37185.614617699997</v>
      </c>
      <c r="AU230" s="9">
        <v>36314.653649</v>
      </c>
      <c r="AV230" s="9">
        <v>37112.966446300001</v>
      </c>
      <c r="AW230" s="9">
        <v>39946.8541233</v>
      </c>
      <c r="AX230" s="9">
        <v>40424.741109499999</v>
      </c>
      <c r="AY230" s="9">
        <v>45104.533269200001</v>
      </c>
      <c r="AZ230" s="9">
        <v>41491.338569699998</v>
      </c>
      <c r="BA230" s="9">
        <v>40076.097981899999</v>
      </c>
      <c r="BB230" s="9">
        <v>65986.208469300007</v>
      </c>
      <c r="BC230" s="9">
        <v>45800.910456799997</v>
      </c>
      <c r="BD230" s="9">
        <v>45885.429959100002</v>
      </c>
      <c r="BE230" s="9">
        <v>47205.955409200003</v>
      </c>
      <c r="BF230" s="9">
        <v>49594.235739700001</v>
      </c>
      <c r="BG230" s="11">
        <v>-10.5</v>
      </c>
      <c r="BH230" s="13">
        <v>-0.375</v>
      </c>
      <c r="BI230" s="6">
        <v>2</v>
      </c>
      <c r="BJ230" s="13">
        <v>7.1428571428571425E-2</v>
      </c>
      <c r="BK230" s="6">
        <v>-3</v>
      </c>
      <c r="BL230" s="13">
        <v>-0.1</v>
      </c>
      <c r="BM230" s="11">
        <v>-9.5</v>
      </c>
      <c r="BN230" s="13">
        <v>-0.35185185185185186</v>
      </c>
      <c r="BO230" s="11">
        <v>-12.5</v>
      </c>
      <c r="BP230" s="13">
        <v>-0.41666666666666669</v>
      </c>
      <c r="BQ230" s="6">
        <v>28</v>
      </c>
      <c r="BR230" s="6">
        <v>28</v>
      </c>
      <c r="BS230" s="6">
        <v>29</v>
      </c>
      <c r="BT230" s="6">
        <v>30</v>
      </c>
      <c r="BU230" s="6">
        <v>28</v>
      </c>
      <c r="BV230" s="6">
        <v>28</v>
      </c>
      <c r="BW230" s="6">
        <v>27</v>
      </c>
      <c r="BX230" s="6">
        <v>25</v>
      </c>
      <c r="BY230" s="6">
        <v>25</v>
      </c>
      <c r="BZ230" s="6">
        <v>20</v>
      </c>
      <c r="CA230" s="6">
        <v>21</v>
      </c>
      <c r="CB230" s="6">
        <v>17</v>
      </c>
      <c r="CC230" s="11">
        <v>17.5</v>
      </c>
      <c r="CD230" s="11">
        <v>62.916800000000002</v>
      </c>
      <c r="CE230" s="11">
        <v>-186.273</v>
      </c>
      <c r="CF230" s="11">
        <v>66.479100000000003</v>
      </c>
      <c r="CG230" s="11">
        <v>-120</v>
      </c>
      <c r="CH230" s="20">
        <v>0.50542900000000002</v>
      </c>
      <c r="CI230" s="20">
        <v>0.54472600000000004</v>
      </c>
      <c r="CJ230" s="20">
        <v>0.56368499999999999</v>
      </c>
      <c r="CK230" s="20">
        <v>0.53243600000000002</v>
      </c>
      <c r="CL230" s="20">
        <v>0.62160099999999996</v>
      </c>
      <c r="CM230" s="20">
        <v>0.62057700000000005</v>
      </c>
      <c r="CN230" s="20">
        <v>0.618927</v>
      </c>
      <c r="CO230" s="20">
        <v>0.60770500000000005</v>
      </c>
      <c r="CP230" s="20">
        <v>0.64286600000000005</v>
      </c>
      <c r="CQ230" s="20">
        <v>0.70261200000000001</v>
      </c>
      <c r="CR230" s="20">
        <v>0.68480399999999997</v>
      </c>
      <c r="CS230" s="20">
        <v>0.66154599999999997</v>
      </c>
      <c r="CT230" s="20">
        <v>0.63765700000000003</v>
      </c>
      <c r="CU230" s="20">
        <v>0.65584200000000004</v>
      </c>
      <c r="CV230" s="20">
        <v>0.61738499999999996</v>
      </c>
      <c r="CW230" s="20">
        <v>0.57535599999999998</v>
      </c>
      <c r="CX230" s="20">
        <v>0.58555999999999997</v>
      </c>
      <c r="CY230" s="6" t="s">
        <v>421</v>
      </c>
      <c r="CZ230" s="6" t="s">
        <v>422</v>
      </c>
      <c r="DA230" s="6" t="s">
        <v>153</v>
      </c>
      <c r="DB230" s="6"/>
      <c r="DC230" s="6">
        <v>41140</v>
      </c>
      <c r="DD230" s="6">
        <v>312</v>
      </c>
      <c r="DE230" s="6" t="s">
        <v>374</v>
      </c>
      <c r="DF230" s="6" t="s">
        <v>375</v>
      </c>
      <c r="DG230" s="6" t="s">
        <v>364</v>
      </c>
      <c r="DH230" s="6" t="s">
        <v>419</v>
      </c>
      <c r="DI230" s="6" t="s">
        <v>377</v>
      </c>
      <c r="DJ230" s="6">
        <v>29</v>
      </c>
      <c r="DK230" s="6">
        <v>21</v>
      </c>
      <c r="DL230" s="6">
        <v>2</v>
      </c>
      <c r="DM230" s="6" t="s">
        <v>379</v>
      </c>
      <c r="DN230" s="6">
        <v>3</v>
      </c>
      <c r="DO230" s="6" t="s">
        <v>380</v>
      </c>
      <c r="DP230" s="6"/>
      <c r="DQ230" s="6"/>
    </row>
    <row r="231" spans="1:121" x14ac:dyDescent="0.2">
      <c r="A231" s="6" t="s">
        <v>315</v>
      </c>
      <c r="B231" s="6" t="s">
        <v>315</v>
      </c>
      <c r="C231" s="6" t="s">
        <v>184</v>
      </c>
      <c r="D231" s="6" t="s">
        <v>153</v>
      </c>
      <c r="E231" s="6" t="s">
        <v>294</v>
      </c>
      <c r="F231" s="11">
        <v>-41</v>
      </c>
      <c r="G231" s="13">
        <v>-0.02</v>
      </c>
      <c r="H231" s="11">
        <v>97</v>
      </c>
      <c r="I231" s="13">
        <v>5.4433221099887769E-2</v>
      </c>
      <c r="J231" s="11">
        <v>-185</v>
      </c>
      <c r="K231" s="13">
        <v>-9.845662586482172E-2</v>
      </c>
      <c r="L231" s="11">
        <v>47</v>
      </c>
      <c r="M231" s="13">
        <v>2.7744982290436836E-2</v>
      </c>
      <c r="N231" s="11">
        <v>-138</v>
      </c>
      <c r="O231" s="13">
        <v>-7.3443320915380528E-2</v>
      </c>
      <c r="P231" s="7">
        <v>1782</v>
      </c>
      <c r="Q231" s="7">
        <v>1826</v>
      </c>
      <c r="R231" s="7">
        <v>1979</v>
      </c>
      <c r="S231" s="7">
        <v>2031</v>
      </c>
      <c r="T231" s="7">
        <v>2040</v>
      </c>
      <c r="U231" s="7">
        <v>1977</v>
      </c>
      <c r="V231" s="7">
        <v>1879</v>
      </c>
      <c r="W231" s="7">
        <v>1857</v>
      </c>
      <c r="X231" s="7">
        <v>1668</v>
      </c>
      <c r="Y231" s="7">
        <v>1694</v>
      </c>
      <c r="Z231" s="7">
        <v>1696</v>
      </c>
      <c r="AA231" s="7">
        <v>1706</v>
      </c>
      <c r="AB231" s="7">
        <v>1684</v>
      </c>
      <c r="AC231" s="7">
        <v>1659</v>
      </c>
      <c r="AD231" s="7">
        <v>1701</v>
      </c>
      <c r="AE231" s="7">
        <v>1743</v>
      </c>
      <c r="AF231" s="7">
        <v>1741</v>
      </c>
      <c r="AG231" s="9">
        <v>22478</v>
      </c>
      <c r="AH231" s="13">
        <v>0.54843117161957744</v>
      </c>
      <c r="AI231" s="9">
        <v>5921</v>
      </c>
      <c r="AJ231" s="13">
        <v>0.144463963304543</v>
      </c>
      <c r="AK231" s="9">
        <v>5328</v>
      </c>
      <c r="AL231" s="13">
        <v>0.11358645831112626</v>
      </c>
      <c r="AM231" s="9">
        <v>11229</v>
      </c>
      <c r="AN231" s="13">
        <v>0.21497080501579399</v>
      </c>
      <c r="AO231" s="9">
        <v>16557</v>
      </c>
      <c r="AP231" s="13">
        <v>0.352975035708956</v>
      </c>
      <c r="AQ231" s="9">
        <v>40986</v>
      </c>
      <c r="AR231" s="9">
        <v>42075</v>
      </c>
      <c r="AS231" s="9">
        <v>43443</v>
      </c>
      <c r="AT231" s="9">
        <v>44869</v>
      </c>
      <c r="AU231" s="9">
        <v>46219</v>
      </c>
      <c r="AV231" s="9">
        <v>48118</v>
      </c>
      <c r="AW231" s="9">
        <v>46907</v>
      </c>
      <c r="AX231" s="9">
        <v>49691</v>
      </c>
      <c r="AY231" s="9">
        <v>49567</v>
      </c>
      <c r="AZ231" s="9">
        <v>52235</v>
      </c>
      <c r="BA231" s="9">
        <v>53204</v>
      </c>
      <c r="BB231" s="9">
        <v>55935</v>
      </c>
      <c r="BC231" s="9">
        <v>57425</v>
      </c>
      <c r="BD231" s="9">
        <v>56576</v>
      </c>
      <c r="BE231" s="9">
        <v>60741</v>
      </c>
      <c r="BF231" s="9">
        <v>63464</v>
      </c>
      <c r="BG231" s="11">
        <v>-14</v>
      </c>
      <c r="BH231" s="13">
        <v>-8.1871345029239762E-2</v>
      </c>
      <c r="BI231" s="6">
        <v>-11</v>
      </c>
      <c r="BJ231" s="13">
        <v>-6.4327485380116955E-2</v>
      </c>
      <c r="BK231" s="6">
        <v>-8</v>
      </c>
      <c r="BL231" s="13">
        <v>-0.05</v>
      </c>
      <c r="BM231" s="11">
        <v>5</v>
      </c>
      <c r="BN231" s="13">
        <v>3.2894736842105261E-2</v>
      </c>
      <c r="BO231" s="11">
        <v>-3</v>
      </c>
      <c r="BP231" s="13">
        <v>-1.8749999999999999E-2</v>
      </c>
      <c r="BQ231" s="6">
        <v>171</v>
      </c>
      <c r="BR231" s="6">
        <v>170</v>
      </c>
      <c r="BS231" s="6">
        <v>158</v>
      </c>
      <c r="BT231" s="6">
        <v>160</v>
      </c>
      <c r="BU231" s="6">
        <v>157</v>
      </c>
      <c r="BV231" s="6">
        <v>156</v>
      </c>
      <c r="BW231" s="6">
        <v>152</v>
      </c>
      <c r="BX231" s="6">
        <v>149</v>
      </c>
      <c r="BY231" s="6">
        <v>156</v>
      </c>
      <c r="BZ231" s="6">
        <v>154</v>
      </c>
      <c r="CA231" s="6">
        <v>153</v>
      </c>
      <c r="CB231" s="6">
        <v>159</v>
      </c>
      <c r="CC231" s="11">
        <v>157</v>
      </c>
      <c r="CD231" s="11">
        <v>-94</v>
      </c>
      <c r="CE231" s="11">
        <v>-142</v>
      </c>
      <c r="CF231" s="11">
        <v>195</v>
      </c>
      <c r="CG231" s="11">
        <v>53</v>
      </c>
      <c r="CH231" s="20">
        <v>0.91</v>
      </c>
      <c r="CI231" s="20">
        <v>0.93</v>
      </c>
      <c r="CJ231" s="20">
        <v>0.99</v>
      </c>
      <c r="CK231" s="20">
        <v>1.01</v>
      </c>
      <c r="CL231" s="20">
        <v>1</v>
      </c>
      <c r="CM231" s="20">
        <v>0.94</v>
      </c>
      <c r="CN231" s="20">
        <v>0.86</v>
      </c>
      <c r="CO231" s="20">
        <v>0.86</v>
      </c>
      <c r="CP231" s="20">
        <v>0.79</v>
      </c>
      <c r="CQ231" s="20">
        <v>0.85</v>
      </c>
      <c r="CR231" s="20">
        <v>0.86</v>
      </c>
      <c r="CS231" s="20">
        <v>0.86</v>
      </c>
      <c r="CT231" s="20">
        <v>0.85</v>
      </c>
      <c r="CU231" s="20">
        <v>0.85</v>
      </c>
      <c r="CV231" s="20">
        <v>0.87</v>
      </c>
      <c r="CW231" s="20">
        <v>0.89</v>
      </c>
      <c r="CX231" s="20">
        <v>0.88</v>
      </c>
      <c r="CY231" s="6" t="s">
        <v>421</v>
      </c>
      <c r="CZ231" s="6" t="s">
        <v>422</v>
      </c>
      <c r="DA231" s="6" t="s">
        <v>153</v>
      </c>
      <c r="DB231" s="6"/>
      <c r="DC231" s="6">
        <v>41140</v>
      </c>
      <c r="DD231" s="6">
        <v>312</v>
      </c>
      <c r="DE231" s="6" t="s">
        <v>374</v>
      </c>
      <c r="DF231" s="6" t="s">
        <v>375</v>
      </c>
      <c r="DG231" s="6" t="s">
        <v>364</v>
      </c>
      <c r="DH231" s="6" t="s">
        <v>419</v>
      </c>
      <c r="DI231" s="6" t="s">
        <v>377</v>
      </c>
      <c r="DJ231" s="6">
        <v>29</v>
      </c>
      <c r="DK231" s="6">
        <v>21</v>
      </c>
      <c r="DL231" s="6">
        <v>2</v>
      </c>
      <c r="DM231" s="6" t="s">
        <v>379</v>
      </c>
      <c r="DN231" s="6">
        <v>3</v>
      </c>
      <c r="DO231" s="6" t="s">
        <v>380</v>
      </c>
      <c r="DP231" s="6"/>
      <c r="DQ231" s="6"/>
    </row>
    <row r="232" spans="1:121" x14ac:dyDescent="0.2">
      <c r="A232" s="6" t="s">
        <v>316</v>
      </c>
      <c r="B232" s="6" t="s">
        <v>316</v>
      </c>
      <c r="C232" s="6" t="s">
        <v>185</v>
      </c>
      <c r="D232" s="6" t="s">
        <v>153</v>
      </c>
      <c r="E232" s="6" t="s">
        <v>294</v>
      </c>
      <c r="F232" s="11">
        <v>-314</v>
      </c>
      <c r="G232" s="13">
        <v>-0.41</v>
      </c>
      <c r="H232" s="11">
        <v>-181</v>
      </c>
      <c r="I232" s="13">
        <v>-0.23910171730515192</v>
      </c>
      <c r="J232" s="11">
        <v>4</v>
      </c>
      <c r="K232" s="13">
        <v>6.9444444444444441E-3</v>
      </c>
      <c r="L232" s="11">
        <v>-137</v>
      </c>
      <c r="M232" s="13">
        <v>-0.23620689655172417</v>
      </c>
      <c r="N232" s="11">
        <v>-133</v>
      </c>
      <c r="O232" s="13">
        <v>-0.23090277777777779</v>
      </c>
      <c r="P232" s="7">
        <v>757</v>
      </c>
      <c r="Q232" s="7">
        <v>738</v>
      </c>
      <c r="R232" s="7">
        <v>741</v>
      </c>
      <c r="S232" s="7">
        <v>759</v>
      </c>
      <c r="T232" s="7">
        <v>594</v>
      </c>
      <c r="U232" s="7">
        <v>573</v>
      </c>
      <c r="V232" s="7">
        <v>576</v>
      </c>
      <c r="W232" s="7">
        <v>585</v>
      </c>
      <c r="X232" s="7">
        <v>579</v>
      </c>
      <c r="Y232" s="7">
        <v>580</v>
      </c>
      <c r="Z232" s="7">
        <v>527</v>
      </c>
      <c r="AA232" s="7">
        <v>524</v>
      </c>
      <c r="AB232" s="7">
        <v>519</v>
      </c>
      <c r="AC232" s="7">
        <v>522</v>
      </c>
      <c r="AD232" s="7">
        <v>463</v>
      </c>
      <c r="AE232" s="7">
        <v>451</v>
      </c>
      <c r="AF232" s="7">
        <v>443</v>
      </c>
      <c r="AG232" s="9">
        <v>8328</v>
      </c>
      <c r="AH232" s="13">
        <v>0.33364047914747003</v>
      </c>
      <c r="AI232" s="9">
        <v>3089</v>
      </c>
      <c r="AJ232" s="13">
        <v>0.12375305476543408</v>
      </c>
      <c r="AK232" s="9">
        <v>509</v>
      </c>
      <c r="AL232" s="13">
        <v>1.8146167557932264E-2</v>
      </c>
      <c r="AM232" s="9">
        <v>4730</v>
      </c>
      <c r="AN232" s="13">
        <v>0.16562204558983157</v>
      </c>
      <c r="AO232" s="9">
        <v>5239</v>
      </c>
      <c r="AP232" s="13">
        <v>0.18677361853832439</v>
      </c>
      <c r="AQ232" s="9">
        <v>24961</v>
      </c>
      <c r="AR232" s="9">
        <v>26200</v>
      </c>
      <c r="AS232" s="9">
        <v>25303</v>
      </c>
      <c r="AT232" s="9">
        <v>25345</v>
      </c>
      <c r="AU232" s="9">
        <v>24013</v>
      </c>
      <c r="AV232" s="9">
        <v>25259</v>
      </c>
      <c r="AW232" s="9">
        <v>28050</v>
      </c>
      <c r="AX232" s="9">
        <v>28485</v>
      </c>
      <c r="AY232" s="9">
        <v>29076</v>
      </c>
      <c r="AZ232" s="9">
        <v>28559</v>
      </c>
      <c r="BA232" s="9">
        <v>29293</v>
      </c>
      <c r="BB232" s="9">
        <v>29860</v>
      </c>
      <c r="BC232" s="9">
        <v>31758</v>
      </c>
      <c r="BD232" s="9">
        <v>30967</v>
      </c>
      <c r="BE232" s="9">
        <v>32450</v>
      </c>
      <c r="BF232" s="9">
        <v>33289</v>
      </c>
      <c r="BG232" s="11">
        <v>-23</v>
      </c>
      <c r="BH232" s="13">
        <v>-0.21296296296296297</v>
      </c>
      <c r="BI232" s="6">
        <v>-1</v>
      </c>
      <c r="BJ232" s="13">
        <v>-9.2592592592592587E-3</v>
      </c>
      <c r="BK232" s="6">
        <v>-6</v>
      </c>
      <c r="BL232" s="13">
        <v>-5.6074766355140186E-2</v>
      </c>
      <c r="BM232" s="11">
        <v>-16</v>
      </c>
      <c r="BN232" s="13">
        <v>-0.15841584158415842</v>
      </c>
      <c r="BO232" s="11">
        <v>-22</v>
      </c>
      <c r="BP232" s="13">
        <v>-0.20560747663551401</v>
      </c>
      <c r="BQ232" s="6">
        <v>108</v>
      </c>
      <c r="BR232" s="6">
        <v>103</v>
      </c>
      <c r="BS232" s="6">
        <v>108</v>
      </c>
      <c r="BT232" s="6">
        <v>107</v>
      </c>
      <c r="BU232" s="6">
        <v>104</v>
      </c>
      <c r="BV232" s="6">
        <v>105</v>
      </c>
      <c r="BW232" s="6">
        <v>101</v>
      </c>
      <c r="BX232" s="6">
        <v>96</v>
      </c>
      <c r="BY232" s="6">
        <v>100</v>
      </c>
      <c r="BZ232" s="6">
        <v>99</v>
      </c>
      <c r="CA232" s="6">
        <v>92</v>
      </c>
      <c r="CB232" s="6">
        <v>88</v>
      </c>
      <c r="CC232" s="11">
        <v>85</v>
      </c>
      <c r="CD232" s="11">
        <v>-358</v>
      </c>
      <c r="CE232" s="11">
        <v>-38</v>
      </c>
      <c r="CF232" s="11">
        <v>83</v>
      </c>
      <c r="CG232" s="11">
        <v>45</v>
      </c>
      <c r="CH232" s="20">
        <v>0.94</v>
      </c>
      <c r="CI232" s="20">
        <v>0.9</v>
      </c>
      <c r="CJ232" s="20">
        <v>0.89</v>
      </c>
      <c r="CK232" s="20">
        <v>0.88</v>
      </c>
      <c r="CL232" s="20">
        <v>0.67</v>
      </c>
      <c r="CM232" s="20">
        <v>0.63</v>
      </c>
      <c r="CN232" s="20">
        <v>0.62</v>
      </c>
      <c r="CO232" s="20">
        <v>0.63</v>
      </c>
      <c r="CP232" s="20">
        <v>0.65</v>
      </c>
      <c r="CQ232" s="20">
        <v>0.71</v>
      </c>
      <c r="CR232" s="20">
        <v>0.66</v>
      </c>
      <c r="CS232" s="20">
        <v>0.65</v>
      </c>
      <c r="CT232" s="20">
        <v>0.64</v>
      </c>
      <c r="CU232" s="20">
        <v>0.64</v>
      </c>
      <c r="CV232" s="20">
        <v>0.56000000000000005</v>
      </c>
      <c r="CW232" s="20">
        <v>0.54</v>
      </c>
      <c r="CX232" s="20">
        <v>0.53</v>
      </c>
      <c r="CY232" s="6" t="s">
        <v>421</v>
      </c>
      <c r="CZ232" s="6" t="s">
        <v>422</v>
      </c>
      <c r="DA232" s="6" t="s">
        <v>153</v>
      </c>
      <c r="DB232" s="6"/>
      <c r="DC232" s="6">
        <v>41140</v>
      </c>
      <c r="DD232" s="6">
        <v>312</v>
      </c>
      <c r="DE232" s="6" t="s">
        <v>374</v>
      </c>
      <c r="DF232" s="6" t="s">
        <v>375</v>
      </c>
      <c r="DG232" s="6" t="s">
        <v>364</v>
      </c>
      <c r="DH232" s="6" t="s">
        <v>419</v>
      </c>
      <c r="DI232" s="6" t="s">
        <v>377</v>
      </c>
      <c r="DJ232" s="6">
        <v>29</v>
      </c>
      <c r="DK232" s="6">
        <v>21</v>
      </c>
      <c r="DL232" s="6">
        <v>2</v>
      </c>
      <c r="DM232" s="6" t="s">
        <v>379</v>
      </c>
      <c r="DN232" s="6">
        <v>3</v>
      </c>
      <c r="DO232" s="6" t="s">
        <v>380</v>
      </c>
      <c r="DP232" s="6"/>
      <c r="DQ232" s="6"/>
    </row>
    <row r="233" spans="1:121" x14ac:dyDescent="0.2">
      <c r="A233" s="6" t="s">
        <v>317</v>
      </c>
      <c r="B233" s="6" t="s">
        <v>317</v>
      </c>
      <c r="C233" s="6" t="s">
        <v>186</v>
      </c>
      <c r="D233" s="6" t="s">
        <v>153</v>
      </c>
      <c r="E233" s="6" t="s">
        <v>294</v>
      </c>
      <c r="F233" s="11">
        <v>532</v>
      </c>
      <c r="G233" s="13">
        <v>0.48</v>
      </c>
      <c r="H233" s="11">
        <v>294</v>
      </c>
      <c r="I233" s="13">
        <v>0.26800364630811302</v>
      </c>
      <c r="J233" s="11">
        <v>86</v>
      </c>
      <c r="K233" s="13">
        <v>6.1826024442846871E-2</v>
      </c>
      <c r="L233" s="11">
        <v>152</v>
      </c>
      <c r="M233" s="13">
        <v>0.1029113067027759</v>
      </c>
      <c r="N233" s="11">
        <v>238</v>
      </c>
      <c r="O233" s="13">
        <v>0.17109992810927391</v>
      </c>
      <c r="P233" s="7">
        <v>1097</v>
      </c>
      <c r="Q233" s="7">
        <v>1076</v>
      </c>
      <c r="R233" s="7">
        <v>1219</v>
      </c>
      <c r="S233" s="7">
        <v>1273</v>
      </c>
      <c r="T233" s="7">
        <v>1406</v>
      </c>
      <c r="U233" s="7">
        <v>1425</v>
      </c>
      <c r="V233" s="7">
        <v>1391</v>
      </c>
      <c r="W233" s="7">
        <v>1370</v>
      </c>
      <c r="X233" s="7">
        <v>1332</v>
      </c>
      <c r="Y233" s="7">
        <v>1477</v>
      </c>
      <c r="Z233" s="7">
        <v>1472</v>
      </c>
      <c r="AA233" s="7">
        <v>1536</v>
      </c>
      <c r="AB233" s="7">
        <v>1585</v>
      </c>
      <c r="AC233" s="7">
        <v>1613</v>
      </c>
      <c r="AD233" s="7">
        <v>1560</v>
      </c>
      <c r="AE233" s="7">
        <v>1599</v>
      </c>
      <c r="AF233" s="7">
        <v>1629</v>
      </c>
      <c r="AG233" s="9">
        <v>27930</v>
      </c>
      <c r="AH233" s="13">
        <v>0.72060682680151711</v>
      </c>
      <c r="AI233" s="9">
        <v>17190</v>
      </c>
      <c r="AJ233" s="13">
        <v>0.44350989447612166</v>
      </c>
      <c r="AK233" s="9">
        <v>-2014</v>
      </c>
      <c r="AL233" s="13">
        <v>-3.5997068759048421E-2</v>
      </c>
      <c r="AM233" s="9">
        <v>12754</v>
      </c>
      <c r="AN233" s="13">
        <v>0.236469824789098</v>
      </c>
      <c r="AO233" s="9">
        <v>10740</v>
      </c>
      <c r="AP233" s="13">
        <v>0.19196053548767628</v>
      </c>
      <c r="AQ233" s="9">
        <v>38759</v>
      </c>
      <c r="AR233" s="9">
        <v>40154</v>
      </c>
      <c r="AS233" s="9">
        <v>51303</v>
      </c>
      <c r="AT233" s="9">
        <v>46595</v>
      </c>
      <c r="AU233" s="9">
        <v>54395</v>
      </c>
      <c r="AV233" s="9">
        <v>62438</v>
      </c>
      <c r="AW233" s="9">
        <v>55949</v>
      </c>
      <c r="AX233" s="9">
        <v>56874</v>
      </c>
      <c r="AY233" s="9">
        <v>54287</v>
      </c>
      <c r="AZ233" s="9">
        <v>53935</v>
      </c>
      <c r="BA233" s="9">
        <v>55796</v>
      </c>
      <c r="BB233" s="9">
        <v>58688</v>
      </c>
      <c r="BC233" s="9">
        <v>59555</v>
      </c>
      <c r="BD233" s="9">
        <v>64220</v>
      </c>
      <c r="BE233" s="9">
        <v>67263</v>
      </c>
      <c r="BF233" s="9">
        <v>66689</v>
      </c>
      <c r="BG233" s="11">
        <v>-7</v>
      </c>
      <c r="BH233" s="13">
        <v>-4.2944785276073622E-2</v>
      </c>
      <c r="BI233" s="6">
        <v>2</v>
      </c>
      <c r="BJ233" s="13">
        <v>1.2269938650306749E-2</v>
      </c>
      <c r="BK233" s="6">
        <v>-7</v>
      </c>
      <c r="BL233" s="13">
        <v>-4.2424242424242427E-2</v>
      </c>
      <c r="BM233" s="11">
        <v>-2</v>
      </c>
      <c r="BN233" s="13">
        <v>-1.2658227848101266E-2</v>
      </c>
      <c r="BO233" s="11">
        <v>-9</v>
      </c>
      <c r="BP233" s="13">
        <v>-5.4545454545454543E-2</v>
      </c>
      <c r="BQ233" s="6">
        <v>163</v>
      </c>
      <c r="BR233" s="6">
        <v>166</v>
      </c>
      <c r="BS233" s="6">
        <v>167</v>
      </c>
      <c r="BT233" s="6">
        <v>165</v>
      </c>
      <c r="BU233" s="6">
        <v>165</v>
      </c>
      <c r="BV233" s="6">
        <v>160</v>
      </c>
      <c r="BW233" s="6">
        <v>158</v>
      </c>
      <c r="BX233" s="6">
        <v>157</v>
      </c>
      <c r="BY233" s="6">
        <v>158</v>
      </c>
      <c r="BZ233" s="6">
        <v>155</v>
      </c>
      <c r="CA233" s="6">
        <v>157</v>
      </c>
      <c r="CB233" s="6">
        <v>160</v>
      </c>
      <c r="CC233" s="11">
        <v>156</v>
      </c>
      <c r="CD233" s="11">
        <v>192</v>
      </c>
      <c r="CE233" s="11">
        <v>220</v>
      </c>
      <c r="CF233" s="11">
        <v>120</v>
      </c>
      <c r="CG233" s="11">
        <v>340</v>
      </c>
      <c r="CH233" s="20">
        <v>0.43</v>
      </c>
      <c r="CI233" s="20">
        <v>0.42</v>
      </c>
      <c r="CJ233" s="20">
        <v>0.48</v>
      </c>
      <c r="CK233" s="20">
        <v>0.49</v>
      </c>
      <c r="CL233" s="20">
        <v>0.52</v>
      </c>
      <c r="CM233" s="20">
        <v>0.5</v>
      </c>
      <c r="CN233" s="20">
        <v>0.46</v>
      </c>
      <c r="CO233" s="20">
        <v>0.44</v>
      </c>
      <c r="CP233" s="20">
        <v>0.43</v>
      </c>
      <c r="CQ233" s="20">
        <v>0.5</v>
      </c>
      <c r="CR233" s="20">
        <v>0.49</v>
      </c>
      <c r="CS233" s="20">
        <v>0.5</v>
      </c>
      <c r="CT233" s="20">
        <v>0.51</v>
      </c>
      <c r="CU233" s="20">
        <v>0.51</v>
      </c>
      <c r="CV233" s="20">
        <v>0.49</v>
      </c>
      <c r="CW233" s="20">
        <v>0.5</v>
      </c>
      <c r="CX233" s="20">
        <v>0.5</v>
      </c>
      <c r="CY233" s="6" t="s">
        <v>421</v>
      </c>
      <c r="CZ233" s="6" t="s">
        <v>422</v>
      </c>
      <c r="DA233" s="6" t="s">
        <v>153</v>
      </c>
      <c r="DB233" s="6"/>
      <c r="DC233" s="6">
        <v>41140</v>
      </c>
      <c r="DD233" s="6">
        <v>312</v>
      </c>
      <c r="DE233" s="6" t="s">
        <v>374</v>
      </c>
      <c r="DF233" s="6" t="s">
        <v>375</v>
      </c>
      <c r="DG233" s="6" t="s">
        <v>364</v>
      </c>
      <c r="DH233" s="6" t="s">
        <v>419</v>
      </c>
      <c r="DI233" s="6" t="s">
        <v>377</v>
      </c>
      <c r="DJ233" s="6">
        <v>29</v>
      </c>
      <c r="DK233" s="6">
        <v>21</v>
      </c>
      <c r="DL233" s="6">
        <v>2</v>
      </c>
      <c r="DM233" s="6" t="s">
        <v>379</v>
      </c>
      <c r="DN233" s="6">
        <v>3</v>
      </c>
      <c r="DO233" s="6" t="s">
        <v>380</v>
      </c>
      <c r="DP233" s="6"/>
      <c r="DQ233" s="6"/>
    </row>
    <row r="234" spans="1:121" x14ac:dyDescent="0.2">
      <c r="A234" s="6" t="s">
        <v>318</v>
      </c>
      <c r="B234" s="6" t="s">
        <v>318</v>
      </c>
      <c r="C234" s="6" t="s">
        <v>187</v>
      </c>
      <c r="D234" s="6" t="s">
        <v>153</v>
      </c>
      <c r="E234" s="6" t="s">
        <v>294</v>
      </c>
      <c r="F234" s="11">
        <v>122</v>
      </c>
      <c r="G234" s="13">
        <v>0.76249999999999996</v>
      </c>
      <c r="H234" s="11">
        <v>144.848783</v>
      </c>
      <c r="I234" s="13">
        <v>0.90457518990508845</v>
      </c>
      <c r="J234" s="11">
        <v>90.989481000000012</v>
      </c>
      <c r="K234" s="13">
        <v>0.29834783215667743</v>
      </c>
      <c r="L234" s="11">
        <v>-114.19495783600001</v>
      </c>
      <c r="M234" s="13">
        <v>-0.28839489604057822</v>
      </c>
      <c r="N234" s="11">
        <v>-23.205476836000003</v>
      </c>
      <c r="O234" s="13">
        <v>-7.6089055922657634E-2</v>
      </c>
      <c r="P234" s="7">
        <v>160.12906899999999</v>
      </c>
      <c r="Q234" s="7">
        <v>132.67041</v>
      </c>
      <c r="R234" s="7">
        <v>135.51</v>
      </c>
      <c r="S234" s="7">
        <v>153.59599299999999</v>
      </c>
      <c r="T234" s="7">
        <v>317.93448599999999</v>
      </c>
      <c r="U234" s="7">
        <v>331.00530300000003</v>
      </c>
      <c r="V234" s="7">
        <v>304.97785199999998</v>
      </c>
      <c r="W234" s="7">
        <v>307.450852</v>
      </c>
      <c r="X234" s="7">
        <v>389.62533400000001</v>
      </c>
      <c r="Y234" s="7">
        <v>395.967333</v>
      </c>
      <c r="Z234" s="7">
        <v>273.014207</v>
      </c>
      <c r="AA234" s="7">
        <v>238.81753900000001</v>
      </c>
      <c r="AB234" s="7">
        <v>270.92127900000003</v>
      </c>
      <c r="AC234" s="7">
        <v>312.20483200000001</v>
      </c>
      <c r="AD234" s="7">
        <v>276.94510600000001</v>
      </c>
      <c r="AE234" s="7">
        <v>279.9295505</v>
      </c>
      <c r="AF234" s="7">
        <v>281.77237516399998</v>
      </c>
      <c r="AG234" s="9">
        <v>5100.8440415999939</v>
      </c>
      <c r="AH234" s="13">
        <v>7.7298854081016374E-2</v>
      </c>
      <c r="AI234" s="9">
        <v>-7428.8332917000007</v>
      </c>
      <c r="AJ234" s="13">
        <v>-0.1125775059821652</v>
      </c>
      <c r="AK234" s="9">
        <v>-16188.201360899999</v>
      </c>
      <c r="AL234" s="13">
        <v>-0.276438912356818</v>
      </c>
      <c r="AM234" s="9">
        <v>28717.878694199993</v>
      </c>
      <c r="AN234" s="13">
        <v>0.6777628050778588</v>
      </c>
      <c r="AO234" s="9">
        <v>12529.677333299995</v>
      </c>
      <c r="AP234" s="13">
        <v>0.21396388004941147</v>
      </c>
      <c r="AQ234" s="9">
        <v>65988.611373899999</v>
      </c>
      <c r="AR234" s="9">
        <v>61436.248998000003</v>
      </c>
      <c r="AS234" s="9">
        <v>59296.959955400001</v>
      </c>
      <c r="AT234" s="9">
        <v>57558.072473300002</v>
      </c>
      <c r="AU234" s="9">
        <v>48632.736762599998</v>
      </c>
      <c r="AV234" s="9">
        <v>53073.053571700002</v>
      </c>
      <c r="AW234" s="9">
        <v>58559.778082199999</v>
      </c>
      <c r="AX234" s="9">
        <v>58817.179303500001</v>
      </c>
      <c r="AY234" s="9">
        <v>45331.163952499999</v>
      </c>
      <c r="AZ234" s="9">
        <v>42371.5767213</v>
      </c>
      <c r="BA234" s="9">
        <v>52040.430719900003</v>
      </c>
      <c r="BB234" s="9">
        <v>68376.826267700002</v>
      </c>
      <c r="BC234" s="9">
        <v>62436.6167718</v>
      </c>
      <c r="BD234" s="9">
        <v>59172.2886831</v>
      </c>
      <c r="BE234" s="9">
        <v>71188.826325100003</v>
      </c>
      <c r="BF234" s="9">
        <v>71089.455415499993</v>
      </c>
      <c r="BG234" s="11">
        <v>2.25</v>
      </c>
      <c r="BH234" s="13">
        <v>0.13235294117647059</v>
      </c>
      <c r="BI234" s="6">
        <v>5</v>
      </c>
      <c r="BJ234" s="13">
        <v>0.29411764705882354</v>
      </c>
      <c r="BK234" s="6">
        <v>-1</v>
      </c>
      <c r="BL234" s="13">
        <v>-4.5454545454545456E-2</v>
      </c>
      <c r="BM234" s="11">
        <v>-1.75</v>
      </c>
      <c r="BN234" s="13">
        <v>-8.3333333333333329E-2</v>
      </c>
      <c r="BO234" s="11">
        <v>-2.75</v>
      </c>
      <c r="BP234" s="13">
        <v>-0.125</v>
      </c>
      <c r="BQ234" s="6">
        <v>17</v>
      </c>
      <c r="BR234" s="6">
        <v>21</v>
      </c>
      <c r="BS234" s="6">
        <v>22</v>
      </c>
      <c r="BT234" s="6">
        <v>22</v>
      </c>
      <c r="BU234" s="6">
        <v>23</v>
      </c>
      <c r="BV234" s="6">
        <v>22</v>
      </c>
      <c r="BW234" s="6">
        <v>21</v>
      </c>
      <c r="BX234" s="6">
        <v>20</v>
      </c>
      <c r="BY234" s="6">
        <v>21</v>
      </c>
      <c r="BZ234" s="6">
        <v>22</v>
      </c>
      <c r="CA234" s="6">
        <v>21</v>
      </c>
      <c r="CB234" s="6">
        <v>19</v>
      </c>
      <c r="CC234" s="11">
        <v>19.25</v>
      </c>
      <c r="CD234" s="11">
        <v>69.854299999999995</v>
      </c>
      <c r="CE234" s="11">
        <v>34.2849</v>
      </c>
      <c r="CF234" s="11">
        <v>17.504000000000001</v>
      </c>
      <c r="CG234" s="11">
        <v>52</v>
      </c>
      <c r="CH234" s="20">
        <v>0.28673399999999999</v>
      </c>
      <c r="CI234" s="20">
        <v>0.23829700000000001</v>
      </c>
      <c r="CJ234" s="20">
        <v>0.24946499999999999</v>
      </c>
      <c r="CK234" s="20">
        <v>0.27665800000000002</v>
      </c>
      <c r="CL234" s="20">
        <v>0.56017799999999995</v>
      </c>
      <c r="CM234" s="20">
        <v>0.56221900000000002</v>
      </c>
      <c r="CN234" s="20">
        <v>0.48565000000000003</v>
      </c>
      <c r="CO234" s="20">
        <v>0.468198</v>
      </c>
      <c r="CP234" s="20">
        <v>0.59241100000000002</v>
      </c>
      <c r="CQ234" s="20">
        <v>0.62512500000000004</v>
      </c>
      <c r="CR234" s="20">
        <v>0.42342299999999999</v>
      </c>
      <c r="CS234" s="20">
        <v>0.35591800000000001</v>
      </c>
      <c r="CT234" s="20">
        <v>0.38948100000000002</v>
      </c>
      <c r="CU234" s="20">
        <v>0.44407600000000003</v>
      </c>
      <c r="CV234" s="20">
        <v>0.39063599999999998</v>
      </c>
      <c r="CW234" s="20">
        <v>0.39401799999999998</v>
      </c>
      <c r="CX234" s="20">
        <v>0.39128400000000002</v>
      </c>
      <c r="CY234" s="6" t="s">
        <v>421</v>
      </c>
      <c r="CZ234" s="6" t="s">
        <v>422</v>
      </c>
      <c r="DA234" s="6" t="s">
        <v>153</v>
      </c>
      <c r="DB234" s="6"/>
      <c r="DC234" s="6">
        <v>41140</v>
      </c>
      <c r="DD234" s="6">
        <v>312</v>
      </c>
      <c r="DE234" s="6" t="s">
        <v>374</v>
      </c>
      <c r="DF234" s="6" t="s">
        <v>375</v>
      </c>
      <c r="DG234" s="6" t="s">
        <v>364</v>
      </c>
      <c r="DH234" s="6" t="s">
        <v>419</v>
      </c>
      <c r="DI234" s="6" t="s">
        <v>377</v>
      </c>
      <c r="DJ234" s="6">
        <v>29</v>
      </c>
      <c r="DK234" s="6">
        <v>21</v>
      </c>
      <c r="DL234" s="6">
        <v>2</v>
      </c>
      <c r="DM234" s="6" t="s">
        <v>379</v>
      </c>
      <c r="DN234" s="6">
        <v>3</v>
      </c>
      <c r="DO234" s="6" t="s">
        <v>380</v>
      </c>
      <c r="DP234" s="6"/>
      <c r="DQ234" s="6"/>
    </row>
    <row r="235" spans="1:121" x14ac:dyDescent="0.2">
      <c r="A235" s="6" t="s">
        <v>319</v>
      </c>
      <c r="B235" s="6" t="s">
        <v>319</v>
      </c>
      <c r="C235" s="6" t="s">
        <v>188</v>
      </c>
      <c r="D235" s="6" t="s">
        <v>153</v>
      </c>
      <c r="E235" s="6" t="s">
        <v>294</v>
      </c>
      <c r="F235" s="11">
        <v>350</v>
      </c>
      <c r="G235" s="13">
        <v>0.129533678756</v>
      </c>
      <c r="H235" s="11">
        <v>650.11740142000008</v>
      </c>
      <c r="I235" s="13">
        <v>0.24064979965967209</v>
      </c>
      <c r="J235" s="11">
        <v>-509.83032206999997</v>
      </c>
      <c r="K235" s="13">
        <v>-0.15211434279830677</v>
      </c>
      <c r="L235" s="11">
        <v>210.694344</v>
      </c>
      <c r="M235" s="13">
        <v>7.4141282197108763E-2</v>
      </c>
      <c r="N235" s="11">
        <v>-299.13597806999996</v>
      </c>
      <c r="O235" s="13">
        <v>-8.925101301683501E-2</v>
      </c>
      <c r="P235" s="7">
        <v>2701.5081763600001</v>
      </c>
      <c r="Q235" s="7">
        <v>3150.3420993700001</v>
      </c>
      <c r="R235" s="7">
        <v>2975.1496053000001</v>
      </c>
      <c r="S235" s="7">
        <v>3229.20055215</v>
      </c>
      <c r="T235" s="7">
        <v>3270.92368115</v>
      </c>
      <c r="U235" s="7">
        <v>3370.44040782</v>
      </c>
      <c r="V235" s="7">
        <v>3351.6255777800002</v>
      </c>
      <c r="W235" s="7">
        <v>2921.2941334500001</v>
      </c>
      <c r="X235" s="7">
        <v>2518.13104944</v>
      </c>
      <c r="Y235" s="7">
        <v>2841.7952557100002</v>
      </c>
      <c r="Z235" s="7">
        <v>2643.2037997100001</v>
      </c>
      <c r="AA235" s="7">
        <v>2572.4652954200001</v>
      </c>
      <c r="AB235" s="7">
        <v>2882.72119204</v>
      </c>
      <c r="AC235" s="7">
        <v>2909.0616752999999</v>
      </c>
      <c r="AD235" s="7">
        <v>3141.04694737</v>
      </c>
      <c r="AE235" s="7">
        <v>3011.6381699499998</v>
      </c>
      <c r="AF235" s="7">
        <v>3052.4895997100002</v>
      </c>
      <c r="AG235" s="9">
        <v>11240.187604800001</v>
      </c>
      <c r="AH235" s="13">
        <v>0.65192806018920413</v>
      </c>
      <c r="AI235" s="9">
        <v>7434.5703758000018</v>
      </c>
      <c r="AJ235" s="13">
        <v>0.43120321598241301</v>
      </c>
      <c r="AK235" s="9">
        <v>167.11247329999969</v>
      </c>
      <c r="AL235" s="13">
        <v>6.7722608528598517E-3</v>
      </c>
      <c r="AM235" s="9">
        <v>3638.5047556999998</v>
      </c>
      <c r="AN235" s="13">
        <v>0.14645915249914335</v>
      </c>
      <c r="AO235" s="9">
        <v>3805.6172289999995</v>
      </c>
      <c r="AP235" s="13">
        <v>0.15422327293701618</v>
      </c>
      <c r="AQ235" s="9">
        <v>17241.453913699999</v>
      </c>
      <c r="AR235" s="9">
        <v>18438.603036600001</v>
      </c>
      <c r="AS235" s="9">
        <v>20178.099006199998</v>
      </c>
      <c r="AT235" s="9">
        <v>23197.039567899999</v>
      </c>
      <c r="AU235" s="9">
        <v>23249.529601900002</v>
      </c>
      <c r="AV235" s="9">
        <v>23773.446980699999</v>
      </c>
      <c r="AW235" s="9">
        <v>24676.024289500001</v>
      </c>
      <c r="AX235" s="9">
        <v>24389.792050100001</v>
      </c>
      <c r="AY235" s="9">
        <v>26432.674414699999</v>
      </c>
      <c r="AZ235" s="9">
        <v>24843.136762800001</v>
      </c>
      <c r="BA235" s="9">
        <v>25347.734239000001</v>
      </c>
      <c r="BB235" s="9">
        <v>27000.1737001</v>
      </c>
      <c r="BC235" s="9">
        <v>25945.4998457</v>
      </c>
      <c r="BD235" s="9">
        <v>27796.182307399999</v>
      </c>
      <c r="BE235" s="9">
        <v>27936.954296700002</v>
      </c>
      <c r="BF235" s="9">
        <v>28481.641518500001</v>
      </c>
      <c r="BG235" s="11">
        <v>25.5</v>
      </c>
      <c r="BH235" s="13">
        <v>0.24285714285714285</v>
      </c>
      <c r="BI235" s="6">
        <v>21</v>
      </c>
      <c r="BJ235" s="13">
        <v>0.2</v>
      </c>
      <c r="BK235" s="6">
        <v>-13</v>
      </c>
      <c r="BL235" s="13">
        <v>-0.10317460317460317</v>
      </c>
      <c r="BM235" s="11">
        <v>17.5</v>
      </c>
      <c r="BN235" s="13">
        <v>0.15486725663716813</v>
      </c>
      <c r="BO235" s="11">
        <v>4.5</v>
      </c>
      <c r="BP235" s="13">
        <v>3.5714285714285712E-2</v>
      </c>
      <c r="BQ235" s="6">
        <v>105</v>
      </c>
      <c r="BR235" s="6">
        <v>116</v>
      </c>
      <c r="BS235" s="6">
        <v>119</v>
      </c>
      <c r="BT235" s="6">
        <v>126</v>
      </c>
      <c r="BU235" s="6">
        <v>122</v>
      </c>
      <c r="BV235" s="6">
        <v>120</v>
      </c>
      <c r="BW235" s="6">
        <v>113</v>
      </c>
      <c r="BX235" s="6">
        <v>111</v>
      </c>
      <c r="BY235" s="6">
        <v>115</v>
      </c>
      <c r="BZ235" s="6">
        <v>124</v>
      </c>
      <c r="CA235" s="6">
        <v>128</v>
      </c>
      <c r="CB235" s="6">
        <v>133</v>
      </c>
      <c r="CC235" s="11">
        <v>130.5</v>
      </c>
      <c r="CD235" s="11">
        <v>-187.38800000000001</v>
      </c>
      <c r="CE235" s="11">
        <v>243.06200000000001</v>
      </c>
      <c r="CF235" s="11">
        <v>295.30700000000002</v>
      </c>
      <c r="CG235" s="11">
        <v>538</v>
      </c>
      <c r="CH235" s="20">
        <v>0.98617999999999995</v>
      </c>
      <c r="CI235" s="20">
        <v>1.1423099999999999</v>
      </c>
      <c r="CJ235" s="20">
        <v>1.0860399999999999</v>
      </c>
      <c r="CK235" s="20">
        <v>1.13985</v>
      </c>
      <c r="CL235" s="20">
        <v>1.12144</v>
      </c>
      <c r="CM235" s="20">
        <v>1.1088899999999999</v>
      </c>
      <c r="CN235" s="20">
        <v>1.05552</v>
      </c>
      <c r="CO235" s="20">
        <v>0.94803099999999996</v>
      </c>
      <c r="CP235" s="20">
        <v>0.878355</v>
      </c>
      <c r="CQ235" s="20">
        <v>1.00044</v>
      </c>
      <c r="CR235" s="20">
        <v>0.90914099999999998</v>
      </c>
      <c r="CS235" s="20">
        <v>0.861174</v>
      </c>
      <c r="CT235" s="20">
        <v>0.94151200000000002</v>
      </c>
      <c r="CU235" s="20">
        <v>0.93885799999999997</v>
      </c>
      <c r="CV235" s="20">
        <v>1.0025299999999999</v>
      </c>
      <c r="CW235" s="20">
        <v>0.95489199999999996</v>
      </c>
      <c r="CX235" s="20">
        <v>0.95359400000000005</v>
      </c>
      <c r="CY235" s="6" t="s">
        <v>421</v>
      </c>
      <c r="CZ235" s="6" t="s">
        <v>422</v>
      </c>
      <c r="DA235" s="6" t="s">
        <v>153</v>
      </c>
      <c r="DB235" s="6"/>
      <c r="DC235" s="6">
        <v>41140</v>
      </c>
      <c r="DD235" s="6">
        <v>312</v>
      </c>
      <c r="DE235" s="6" t="s">
        <v>374</v>
      </c>
      <c r="DF235" s="6" t="s">
        <v>375</v>
      </c>
      <c r="DG235" s="6" t="s">
        <v>364</v>
      </c>
      <c r="DH235" s="6" t="s">
        <v>419</v>
      </c>
      <c r="DI235" s="6" t="s">
        <v>377</v>
      </c>
      <c r="DJ235" s="6">
        <v>29</v>
      </c>
      <c r="DK235" s="6">
        <v>21</v>
      </c>
      <c r="DL235" s="6">
        <v>2</v>
      </c>
      <c r="DM235" s="6" t="s">
        <v>379</v>
      </c>
      <c r="DN235" s="6">
        <v>3</v>
      </c>
      <c r="DO235" s="6" t="s">
        <v>380</v>
      </c>
      <c r="DP235" s="6"/>
      <c r="DQ235" s="6"/>
    </row>
    <row r="236" spans="1:121" x14ac:dyDescent="0.2">
      <c r="A236" s="6" t="s">
        <v>320</v>
      </c>
      <c r="B236" s="6" t="s">
        <v>320</v>
      </c>
      <c r="C236" s="6" t="s">
        <v>189</v>
      </c>
      <c r="D236" s="6" t="s">
        <v>153</v>
      </c>
      <c r="E236" s="6" t="s">
        <v>294</v>
      </c>
      <c r="F236" s="11">
        <v>-9</v>
      </c>
      <c r="G236" s="13">
        <v>-2.3498694516999999E-2</v>
      </c>
      <c r="H236" s="11">
        <v>-77.699661509000009</v>
      </c>
      <c r="I236" s="13">
        <v>-0.20291337797466133</v>
      </c>
      <c r="J236" s="11">
        <v>2.0167118929999788</v>
      </c>
      <c r="K236" s="13">
        <v>6.6073892619710178E-3</v>
      </c>
      <c r="L236" s="11">
        <v>67.095662317000006</v>
      </c>
      <c r="M236" s="13">
        <v>0.21838377246223889</v>
      </c>
      <c r="N236" s="11">
        <v>69.112374209999984</v>
      </c>
      <c r="O236" s="13">
        <v>0.2264341083173656</v>
      </c>
      <c r="P236" s="7">
        <v>382.92034899100003</v>
      </c>
      <c r="Q236" s="7">
        <v>368.665332122</v>
      </c>
      <c r="R236" s="7">
        <v>336.92464326100003</v>
      </c>
      <c r="S236" s="7">
        <v>347.64030172600002</v>
      </c>
      <c r="T236" s="7">
        <v>327.44480014999999</v>
      </c>
      <c r="U236" s="7">
        <v>315.38295652199997</v>
      </c>
      <c r="V236" s="7">
        <v>305.22068748200002</v>
      </c>
      <c r="W236" s="7">
        <v>312.70272612000002</v>
      </c>
      <c r="X236" s="7">
        <v>315.909229401</v>
      </c>
      <c r="Y236" s="7">
        <v>307.237399375</v>
      </c>
      <c r="Z236" s="7">
        <v>311.53985087799998</v>
      </c>
      <c r="AA236" s="7">
        <v>317.87742998300001</v>
      </c>
      <c r="AB236" s="7">
        <v>369.09279523999999</v>
      </c>
      <c r="AC236" s="7">
        <v>377.41676607599999</v>
      </c>
      <c r="AD236" s="7">
        <v>362.265232121</v>
      </c>
      <c r="AE236" s="7">
        <v>362.55105185600002</v>
      </c>
      <c r="AF236" s="7">
        <v>374.333061692</v>
      </c>
      <c r="AG236" s="9">
        <v>8936.3769443000001</v>
      </c>
      <c r="AH236" s="13">
        <v>0.61876036504955756</v>
      </c>
      <c r="AI236" s="9">
        <v>7038.1471924000016</v>
      </c>
      <c r="AJ236" s="13">
        <v>0.48732574209727125</v>
      </c>
      <c r="AK236" s="9">
        <v>408.41781919999994</v>
      </c>
      <c r="AL236" s="13">
        <v>1.9013391686137963E-2</v>
      </c>
      <c r="AM236" s="9">
        <v>1489.8119326999986</v>
      </c>
      <c r="AN236" s="13">
        <v>6.8062276338852951E-2</v>
      </c>
      <c r="AO236" s="9">
        <v>1898.2297518999985</v>
      </c>
      <c r="AP236" s="13">
        <v>8.8369762744071684E-2</v>
      </c>
      <c r="AQ236" s="9">
        <v>14442.3874719</v>
      </c>
      <c r="AR236" s="9">
        <v>15566.1449522</v>
      </c>
      <c r="AS236" s="9">
        <v>17981.714526600001</v>
      </c>
      <c r="AT236" s="9">
        <v>18148.893057900001</v>
      </c>
      <c r="AU236" s="9">
        <v>18895.1825909</v>
      </c>
      <c r="AV236" s="9">
        <v>19739.0992056</v>
      </c>
      <c r="AW236" s="9">
        <v>21480.534664300001</v>
      </c>
      <c r="AX236" s="9">
        <v>21109.898912699999</v>
      </c>
      <c r="AY236" s="9">
        <v>25877.687426500001</v>
      </c>
      <c r="AZ236" s="9">
        <v>21888.952483500001</v>
      </c>
      <c r="BA236" s="9">
        <v>22687.633640700002</v>
      </c>
      <c r="BB236" s="9">
        <v>22787.480090199999</v>
      </c>
      <c r="BC236" s="9">
        <v>23141.425228700002</v>
      </c>
      <c r="BD236" s="9">
        <v>24190.2609935</v>
      </c>
      <c r="BE236" s="9">
        <v>23426.1262996</v>
      </c>
      <c r="BF236" s="9">
        <v>23378.7644162</v>
      </c>
      <c r="BG236" s="11">
        <v>1.5</v>
      </c>
      <c r="BH236" s="13">
        <v>0.1</v>
      </c>
      <c r="BI236" s="6">
        <v>1</v>
      </c>
      <c r="BJ236" s="13">
        <v>6.6666666666666666E-2</v>
      </c>
      <c r="BK236" s="6">
        <v>-2</v>
      </c>
      <c r="BL236" s="13">
        <v>-0.125</v>
      </c>
      <c r="BM236" s="11">
        <v>2.5</v>
      </c>
      <c r="BN236" s="13">
        <v>0.17857142857142858</v>
      </c>
      <c r="BO236" s="11">
        <v>0.5</v>
      </c>
      <c r="BP236" s="13">
        <v>3.125E-2</v>
      </c>
      <c r="BQ236" s="6">
        <v>15</v>
      </c>
      <c r="BR236" s="6">
        <v>14</v>
      </c>
      <c r="BS236" s="6">
        <v>14</v>
      </c>
      <c r="BT236" s="6">
        <v>16</v>
      </c>
      <c r="BU236" s="6">
        <v>18</v>
      </c>
      <c r="BV236" s="6">
        <v>18</v>
      </c>
      <c r="BW236" s="6">
        <v>14</v>
      </c>
      <c r="BX236" s="6">
        <v>16</v>
      </c>
      <c r="BY236" s="6">
        <v>15</v>
      </c>
      <c r="BZ236" s="6">
        <v>16</v>
      </c>
      <c r="CA236" s="6">
        <v>17</v>
      </c>
      <c r="CB236" s="6">
        <v>18</v>
      </c>
      <c r="CC236" s="11">
        <v>16.5</v>
      </c>
      <c r="CD236" s="11">
        <v>-189.102</v>
      </c>
      <c r="CE236" s="11">
        <v>138.65700000000001</v>
      </c>
      <c r="CF236" s="11">
        <v>41.857799999999997</v>
      </c>
      <c r="CG236" s="11">
        <v>181</v>
      </c>
      <c r="CH236" s="20">
        <v>0.41898200000000002</v>
      </c>
      <c r="CI236" s="20">
        <v>0.38289899999999999</v>
      </c>
      <c r="CJ236" s="20">
        <v>0.342115</v>
      </c>
      <c r="CK236" s="20">
        <v>0.34003699999999998</v>
      </c>
      <c r="CL236" s="20">
        <v>0.31805600000000001</v>
      </c>
      <c r="CM236" s="20">
        <v>0.29541000000000001</v>
      </c>
      <c r="CN236" s="20">
        <v>0.26939000000000002</v>
      </c>
      <c r="CO236" s="20">
        <v>0.26433099999999998</v>
      </c>
      <c r="CP236" s="20">
        <v>0.254108</v>
      </c>
      <c r="CQ236" s="20">
        <v>0.25129400000000002</v>
      </c>
      <c r="CR236" s="20">
        <v>0.25078</v>
      </c>
      <c r="CS236" s="20">
        <v>0.25144899999999998</v>
      </c>
      <c r="CT236" s="20">
        <v>0.28856599999999999</v>
      </c>
      <c r="CU236" s="20">
        <v>0.295072</v>
      </c>
      <c r="CV236" s="20">
        <v>0.28312599999999999</v>
      </c>
      <c r="CW236" s="20">
        <v>0.28184799999999999</v>
      </c>
      <c r="CX236" s="20">
        <v>0.285688</v>
      </c>
      <c r="CY236" s="6" t="s">
        <v>421</v>
      </c>
      <c r="CZ236" s="6" t="s">
        <v>422</v>
      </c>
      <c r="DA236" s="6" t="s">
        <v>153</v>
      </c>
      <c r="DB236" s="6"/>
      <c r="DC236" s="6">
        <v>41140</v>
      </c>
      <c r="DD236" s="6">
        <v>312</v>
      </c>
      <c r="DE236" s="6" t="s">
        <v>374</v>
      </c>
      <c r="DF236" s="6" t="s">
        <v>375</v>
      </c>
      <c r="DG236" s="6" t="s">
        <v>364</v>
      </c>
      <c r="DH236" s="6" t="s">
        <v>419</v>
      </c>
      <c r="DI236" s="6" t="s">
        <v>377</v>
      </c>
      <c r="DJ236" s="6">
        <v>29</v>
      </c>
      <c r="DK236" s="6">
        <v>21</v>
      </c>
      <c r="DL236" s="6">
        <v>2</v>
      </c>
      <c r="DM236" s="6" t="s">
        <v>379</v>
      </c>
      <c r="DN236" s="6">
        <v>3</v>
      </c>
      <c r="DO236" s="6" t="s">
        <v>380</v>
      </c>
      <c r="DP236" s="6"/>
      <c r="DQ236" s="6"/>
    </row>
    <row r="237" spans="1:121" x14ac:dyDescent="0.2">
      <c r="A237" s="6" t="s">
        <v>321</v>
      </c>
      <c r="B237" s="6" t="s">
        <v>321</v>
      </c>
      <c r="C237" s="6" t="s">
        <v>190</v>
      </c>
      <c r="D237" s="6" t="s">
        <v>153</v>
      </c>
      <c r="E237" s="6" t="s">
        <v>294</v>
      </c>
      <c r="F237" s="11">
        <v>1333</v>
      </c>
      <c r="G237" s="13">
        <v>0.229906864436</v>
      </c>
      <c r="H237" s="11">
        <v>593.12056686000051</v>
      </c>
      <c r="I237" s="13">
        <v>0.10230507106803674</v>
      </c>
      <c r="J237" s="11">
        <v>305.64717337000002</v>
      </c>
      <c r="K237" s="13">
        <v>4.7826957704535919E-2</v>
      </c>
      <c r="L237" s="11">
        <v>434.96612886999992</v>
      </c>
      <c r="M237" s="13">
        <v>6.4955846116544133E-2</v>
      </c>
      <c r="N237" s="11">
        <v>740.61330223999994</v>
      </c>
      <c r="O237" s="13">
        <v>0.11588944432595837</v>
      </c>
      <c r="P237" s="7">
        <v>5797.5676148599996</v>
      </c>
      <c r="Q237" s="7">
        <v>5867.0100334299996</v>
      </c>
      <c r="R237" s="7">
        <v>5910.2789523900001</v>
      </c>
      <c r="S237" s="7">
        <v>6065.2517101100002</v>
      </c>
      <c r="T237" s="7">
        <v>6036.8922059200004</v>
      </c>
      <c r="U237" s="7">
        <v>6181.4996050700001</v>
      </c>
      <c r="V237" s="7">
        <v>6390.6881817200001</v>
      </c>
      <c r="W237" s="7">
        <v>6747.6893380700003</v>
      </c>
      <c r="X237" s="7">
        <v>6847.4908470700002</v>
      </c>
      <c r="Y237" s="7">
        <v>6696.3353550900001</v>
      </c>
      <c r="Z237" s="7">
        <v>6804.6756267399996</v>
      </c>
      <c r="AA237" s="7">
        <v>7152.4040359099999</v>
      </c>
      <c r="AB237" s="7">
        <v>7303.7311965600002</v>
      </c>
      <c r="AC237" s="7">
        <v>7043.0838150899999</v>
      </c>
      <c r="AD237" s="7">
        <v>7043.9727693300001</v>
      </c>
      <c r="AE237" s="7">
        <v>7071.88901334</v>
      </c>
      <c r="AF237" s="7">
        <v>7131.30148396</v>
      </c>
      <c r="AG237" s="9">
        <v>16270.775774499998</v>
      </c>
      <c r="AH237" s="13">
        <v>0.40981608776990514</v>
      </c>
      <c r="AI237" s="9">
        <v>9167.8679201999985</v>
      </c>
      <c r="AJ237" s="13">
        <v>0.23091337600115369</v>
      </c>
      <c r="AK237" s="9">
        <v>6781.1153492000012</v>
      </c>
      <c r="AL237" s="13">
        <v>0.13875683456668805</v>
      </c>
      <c r="AM237" s="9">
        <v>321.79250509999838</v>
      </c>
      <c r="AN237" s="13">
        <v>5.7822675110888516E-3</v>
      </c>
      <c r="AO237" s="9">
        <v>7102.9078542999996</v>
      </c>
      <c r="AP237" s="13">
        <v>0.1453414312142334</v>
      </c>
      <c r="AQ237" s="9">
        <v>39702.6282278</v>
      </c>
      <c r="AR237" s="9">
        <v>40882.499164200002</v>
      </c>
      <c r="AS237" s="9">
        <v>43789.502571800003</v>
      </c>
      <c r="AT237" s="9">
        <v>45646.231910800001</v>
      </c>
      <c r="AU237" s="9">
        <v>47185.492638800002</v>
      </c>
      <c r="AV237" s="9">
        <v>48588.590093500003</v>
      </c>
      <c r="AW237" s="9">
        <v>48870.496147999998</v>
      </c>
      <c r="AX237" s="9">
        <v>51008.898910800002</v>
      </c>
      <c r="AY237" s="9">
        <v>52694.317636</v>
      </c>
      <c r="AZ237" s="9">
        <v>55651.6114972</v>
      </c>
      <c r="BA237" s="9">
        <v>54911.862816599998</v>
      </c>
      <c r="BB237" s="9">
        <v>55763.355033899999</v>
      </c>
      <c r="BC237" s="9">
        <v>55363.390356999997</v>
      </c>
      <c r="BD237" s="9">
        <v>57632.592841700003</v>
      </c>
      <c r="BE237" s="9">
        <v>57260.111168199997</v>
      </c>
      <c r="BF237" s="9">
        <v>55973.404002299998</v>
      </c>
      <c r="BG237" s="11">
        <v>378</v>
      </c>
      <c r="BH237" s="13">
        <v>1.588235294117647</v>
      </c>
      <c r="BI237" s="6">
        <v>13</v>
      </c>
      <c r="BJ237" s="13">
        <v>5.4621848739495799E-2</v>
      </c>
      <c r="BK237" s="6">
        <v>14</v>
      </c>
      <c r="BL237" s="13">
        <v>5.5776892430278883E-2</v>
      </c>
      <c r="BM237" s="11">
        <v>351</v>
      </c>
      <c r="BN237" s="13">
        <v>1.3245283018867924</v>
      </c>
      <c r="BO237" s="11">
        <v>365</v>
      </c>
      <c r="BP237" s="13">
        <v>1.454183266932271</v>
      </c>
      <c r="BQ237" s="6">
        <v>238</v>
      </c>
      <c r="BR237" s="6">
        <v>261</v>
      </c>
      <c r="BS237" s="6">
        <v>256</v>
      </c>
      <c r="BT237" s="6">
        <v>251</v>
      </c>
      <c r="BU237" s="6">
        <v>256</v>
      </c>
      <c r="BV237" s="6">
        <v>262</v>
      </c>
      <c r="BW237" s="6">
        <v>265</v>
      </c>
      <c r="BX237" s="6">
        <v>268</v>
      </c>
      <c r="BY237" s="6">
        <v>264</v>
      </c>
      <c r="BZ237" s="6">
        <v>634</v>
      </c>
      <c r="CA237" s="6">
        <v>628</v>
      </c>
      <c r="CB237" s="6">
        <v>634</v>
      </c>
      <c r="CC237" s="11">
        <v>616</v>
      </c>
      <c r="CD237" s="11">
        <v>-1411.29</v>
      </c>
      <c r="CE237" s="11">
        <v>2111.2800000000002</v>
      </c>
      <c r="CF237" s="11">
        <v>633.74400000000003</v>
      </c>
      <c r="CG237" s="11">
        <v>2745</v>
      </c>
      <c r="CH237" s="20">
        <v>1.2844599999999999</v>
      </c>
      <c r="CI237" s="20">
        <v>1.2427999999999999</v>
      </c>
      <c r="CJ237" s="20">
        <v>1.22187</v>
      </c>
      <c r="CK237" s="20">
        <v>1.22749</v>
      </c>
      <c r="CL237" s="20">
        <v>1.2001299999999999</v>
      </c>
      <c r="CM237" s="20">
        <v>1.1812800000000001</v>
      </c>
      <c r="CN237" s="20">
        <v>1.14822</v>
      </c>
      <c r="CO237" s="20">
        <v>1.1650400000000001</v>
      </c>
      <c r="CP237" s="20">
        <v>1.1336599999999999</v>
      </c>
      <c r="CQ237" s="20">
        <v>1.13439</v>
      </c>
      <c r="CR237" s="20">
        <v>1.1547499999999999</v>
      </c>
      <c r="CS237" s="20">
        <v>1.17309</v>
      </c>
      <c r="CT237" s="20">
        <v>1.1777500000000001</v>
      </c>
      <c r="CU237" s="20">
        <v>1.1380399999999999</v>
      </c>
      <c r="CV237" s="20">
        <v>1.1264400000000001</v>
      </c>
      <c r="CW237" s="20">
        <v>1.11815</v>
      </c>
      <c r="CX237" s="20">
        <v>1.1004700000000001</v>
      </c>
      <c r="CY237" s="6" t="s">
        <v>421</v>
      </c>
      <c r="CZ237" s="6" t="s">
        <v>422</v>
      </c>
      <c r="DA237" s="6" t="s">
        <v>153</v>
      </c>
      <c r="DB237" s="6"/>
      <c r="DC237" s="6">
        <v>41140</v>
      </c>
      <c r="DD237" s="6">
        <v>312</v>
      </c>
      <c r="DE237" s="6" t="s">
        <v>374</v>
      </c>
      <c r="DF237" s="6" t="s">
        <v>375</v>
      </c>
      <c r="DG237" s="6" t="s">
        <v>364</v>
      </c>
      <c r="DH237" s="6" t="s">
        <v>419</v>
      </c>
      <c r="DI237" s="6" t="s">
        <v>377</v>
      </c>
      <c r="DJ237" s="6">
        <v>29</v>
      </c>
      <c r="DK237" s="6">
        <v>21</v>
      </c>
      <c r="DL237" s="6">
        <v>2</v>
      </c>
      <c r="DM237" s="6" t="s">
        <v>379</v>
      </c>
      <c r="DN237" s="6">
        <v>3</v>
      </c>
      <c r="DO237" s="6" t="s">
        <v>380</v>
      </c>
      <c r="DP237" s="6"/>
      <c r="DQ237" s="6"/>
    </row>
    <row r="238" spans="1:121" x14ac:dyDescent="0.2">
      <c r="A238" s="6" t="s">
        <v>322</v>
      </c>
      <c r="B238" s="6" t="s">
        <v>322</v>
      </c>
      <c r="C238" s="6" t="s">
        <v>191</v>
      </c>
      <c r="D238" s="6" t="s">
        <v>153</v>
      </c>
      <c r="E238" s="6" t="s">
        <v>294</v>
      </c>
      <c r="F238" s="11">
        <v>-75</v>
      </c>
      <c r="G238" s="13">
        <v>-0.1</v>
      </c>
      <c r="H238" s="11">
        <v>-85</v>
      </c>
      <c r="I238" s="13">
        <v>-0.11228533685601055</v>
      </c>
      <c r="J238" s="11">
        <v>-128</v>
      </c>
      <c r="K238" s="13">
        <v>-0.19047619047619049</v>
      </c>
      <c r="L238" s="11">
        <v>138</v>
      </c>
      <c r="M238" s="13">
        <v>0.25367647058823528</v>
      </c>
      <c r="N238" s="11">
        <v>10</v>
      </c>
      <c r="O238" s="13">
        <v>1.488095238095238E-2</v>
      </c>
      <c r="P238" s="7">
        <v>757</v>
      </c>
      <c r="Q238" s="7">
        <v>750</v>
      </c>
      <c r="R238" s="7">
        <v>744</v>
      </c>
      <c r="S238" s="7">
        <v>629</v>
      </c>
      <c r="T238" s="7">
        <v>647</v>
      </c>
      <c r="U238" s="7">
        <v>653</v>
      </c>
      <c r="V238" s="7">
        <v>672</v>
      </c>
      <c r="W238" s="7">
        <v>658</v>
      </c>
      <c r="X238" s="7">
        <v>645</v>
      </c>
      <c r="Y238" s="7">
        <v>544</v>
      </c>
      <c r="Z238" s="7">
        <v>517</v>
      </c>
      <c r="AA238" s="7">
        <v>533</v>
      </c>
      <c r="AB238" s="7">
        <v>618</v>
      </c>
      <c r="AC238" s="7">
        <v>611</v>
      </c>
      <c r="AD238" s="7">
        <v>651</v>
      </c>
      <c r="AE238" s="7">
        <v>656</v>
      </c>
      <c r="AF238" s="7">
        <v>682</v>
      </c>
      <c r="AG238" s="9">
        <v>2561</v>
      </c>
      <c r="AH238" s="13">
        <v>0.14035953085607805</v>
      </c>
      <c r="AI238" s="9">
        <v>1453</v>
      </c>
      <c r="AJ238" s="13">
        <v>7.9633892359969302E-2</v>
      </c>
      <c r="AK238" s="9">
        <v>2707</v>
      </c>
      <c r="AL238" s="13">
        <v>0.13741814305294686</v>
      </c>
      <c r="AM238" s="9">
        <v>-1599</v>
      </c>
      <c r="AN238" s="13">
        <v>-7.1364812996518784E-2</v>
      </c>
      <c r="AO238" s="9">
        <v>1108</v>
      </c>
      <c r="AP238" s="13">
        <v>5.624650997512564E-2</v>
      </c>
      <c r="AQ238" s="9">
        <v>18246</v>
      </c>
      <c r="AR238" s="9">
        <v>19278</v>
      </c>
      <c r="AS238" s="9">
        <v>19233</v>
      </c>
      <c r="AT238" s="9">
        <v>19563</v>
      </c>
      <c r="AU238" s="9">
        <v>18405</v>
      </c>
      <c r="AV238" s="9">
        <v>19023</v>
      </c>
      <c r="AW238" s="9">
        <v>19699</v>
      </c>
      <c r="AX238" s="9">
        <v>19612</v>
      </c>
      <c r="AY238" s="9">
        <v>20328</v>
      </c>
      <c r="AZ238" s="9">
        <v>22406</v>
      </c>
      <c r="BA238" s="9">
        <v>22225</v>
      </c>
      <c r="BB238" s="9">
        <v>22470</v>
      </c>
      <c r="BC238" s="9">
        <v>20585</v>
      </c>
      <c r="BD238" s="9">
        <v>21811</v>
      </c>
      <c r="BE238" s="9">
        <v>21026</v>
      </c>
      <c r="BF238" s="9">
        <v>20807</v>
      </c>
      <c r="BG238" s="11">
        <v>1</v>
      </c>
      <c r="BH238" s="13">
        <v>3.5714285714285712E-2</v>
      </c>
      <c r="BI238" s="6">
        <v>1</v>
      </c>
      <c r="BJ238" s="13">
        <v>3.5714285714285712E-2</v>
      </c>
      <c r="BK238" s="6">
        <v>-3</v>
      </c>
      <c r="BL238" s="13">
        <v>-0.10344827586206896</v>
      </c>
      <c r="BM238" s="11">
        <v>3</v>
      </c>
      <c r="BN238" s="13">
        <v>0.11538461538461539</v>
      </c>
      <c r="BO238" s="11">
        <v>0</v>
      </c>
      <c r="BP238" s="13">
        <v>0</v>
      </c>
      <c r="BQ238" s="6">
        <v>28</v>
      </c>
      <c r="BR238" s="6">
        <v>31</v>
      </c>
      <c r="BS238" s="6">
        <v>30</v>
      </c>
      <c r="BT238" s="6">
        <v>29</v>
      </c>
      <c r="BU238" s="6">
        <v>31</v>
      </c>
      <c r="BV238" s="6">
        <v>30</v>
      </c>
      <c r="BW238" s="6">
        <v>26</v>
      </c>
      <c r="BX238" s="6">
        <v>26</v>
      </c>
      <c r="BY238" s="6">
        <v>28</v>
      </c>
      <c r="BZ238" s="6">
        <v>27</v>
      </c>
      <c r="CA238" s="6">
        <v>27</v>
      </c>
      <c r="CB238" s="6">
        <v>29</v>
      </c>
      <c r="CC238" s="11">
        <v>29</v>
      </c>
      <c r="CD238" s="11">
        <v>-296</v>
      </c>
      <c r="CE238" s="11">
        <v>138</v>
      </c>
      <c r="CF238" s="11">
        <v>83</v>
      </c>
      <c r="CG238" s="11">
        <v>221</v>
      </c>
      <c r="CH238" s="20">
        <v>1.1000000000000001</v>
      </c>
      <c r="CI238" s="20">
        <v>1.06</v>
      </c>
      <c r="CJ238" s="20">
        <v>1.04</v>
      </c>
      <c r="CK238" s="20">
        <v>0.86</v>
      </c>
      <c r="CL238" s="20">
        <v>0.87</v>
      </c>
      <c r="CM238" s="20">
        <v>0.85</v>
      </c>
      <c r="CN238" s="20">
        <v>0.83</v>
      </c>
      <c r="CO238" s="20">
        <v>0.79</v>
      </c>
      <c r="CP238" s="20">
        <v>0.78</v>
      </c>
      <c r="CQ238" s="20">
        <v>0.69</v>
      </c>
      <c r="CR238" s="20">
        <v>0.66</v>
      </c>
      <c r="CS238" s="20">
        <v>0.66</v>
      </c>
      <c r="CT238" s="20">
        <v>0.75</v>
      </c>
      <c r="CU238" s="20">
        <v>0.74</v>
      </c>
      <c r="CV238" s="20">
        <v>0.77</v>
      </c>
      <c r="CW238" s="20">
        <v>0.77</v>
      </c>
      <c r="CX238" s="20">
        <v>0.78</v>
      </c>
      <c r="CY238" s="6" t="s">
        <v>421</v>
      </c>
      <c r="CZ238" s="6" t="s">
        <v>422</v>
      </c>
      <c r="DA238" s="6" t="s">
        <v>153</v>
      </c>
      <c r="DB238" s="6"/>
      <c r="DC238" s="6">
        <v>41140</v>
      </c>
      <c r="DD238" s="6">
        <v>312</v>
      </c>
      <c r="DE238" s="6" t="s">
        <v>374</v>
      </c>
      <c r="DF238" s="6" t="s">
        <v>375</v>
      </c>
      <c r="DG238" s="6" t="s">
        <v>364</v>
      </c>
      <c r="DH238" s="6" t="s">
        <v>419</v>
      </c>
      <c r="DI238" s="6" t="s">
        <v>377</v>
      </c>
      <c r="DJ238" s="6">
        <v>29</v>
      </c>
      <c r="DK238" s="6">
        <v>21</v>
      </c>
      <c r="DL238" s="6">
        <v>2</v>
      </c>
      <c r="DM238" s="6" t="s">
        <v>379</v>
      </c>
      <c r="DN238" s="6">
        <v>3</v>
      </c>
      <c r="DO238" s="6" t="s">
        <v>380</v>
      </c>
      <c r="DP238" s="6"/>
      <c r="DQ238" s="6"/>
    </row>
    <row r="239" spans="1:121" x14ac:dyDescent="0.2">
      <c r="A239" s="6" t="s">
        <v>323</v>
      </c>
      <c r="B239" s="6" t="s">
        <v>323</v>
      </c>
      <c r="C239" s="6" t="s">
        <v>192</v>
      </c>
      <c r="D239" s="6" t="s">
        <v>153</v>
      </c>
      <c r="E239" s="6" t="s">
        <v>294</v>
      </c>
      <c r="F239" s="11">
        <v>363</v>
      </c>
      <c r="G239" s="13">
        <v>0.102629346904</v>
      </c>
      <c r="H239" s="11">
        <v>495.67160199</v>
      </c>
      <c r="I239" s="13">
        <v>0.14012748013205734</v>
      </c>
      <c r="J239" s="11">
        <v>-208.25541557999986</v>
      </c>
      <c r="K239" s="13">
        <v>-5.163832715258606E-2</v>
      </c>
      <c r="L239" s="11">
        <v>75.617351999999755</v>
      </c>
      <c r="M239" s="13">
        <v>1.9770758523515189E-2</v>
      </c>
      <c r="N239" s="11">
        <v>-132.63806358000011</v>
      </c>
      <c r="O239" s="13">
        <v>-3.2888497525762929E-2</v>
      </c>
      <c r="P239" s="7">
        <v>3537.2904837999999</v>
      </c>
      <c r="Q239" s="7">
        <v>3470.5932173599999</v>
      </c>
      <c r="R239" s="7">
        <v>3594.1593573</v>
      </c>
      <c r="S239" s="7">
        <v>3728.0758883799999</v>
      </c>
      <c r="T239" s="7">
        <v>3881.8186579200001</v>
      </c>
      <c r="U239" s="7">
        <v>3916.7205774600002</v>
      </c>
      <c r="V239" s="7">
        <v>4032.9620857899999</v>
      </c>
      <c r="W239" s="7">
        <v>4002.3674371799998</v>
      </c>
      <c r="X239" s="7">
        <v>3860.2008200199998</v>
      </c>
      <c r="Y239" s="7">
        <v>3824.7066702100001</v>
      </c>
      <c r="Z239" s="7">
        <v>3869.3533472499998</v>
      </c>
      <c r="AA239" s="7">
        <v>4000.73243344</v>
      </c>
      <c r="AB239" s="7">
        <v>4177.9920721199996</v>
      </c>
      <c r="AC239" s="7">
        <v>3967.8097328700001</v>
      </c>
      <c r="AD239" s="7">
        <v>3853.8606442300002</v>
      </c>
      <c r="AE239" s="7">
        <v>3932.0021572199998</v>
      </c>
      <c r="AF239" s="7">
        <v>3900.3240222099998</v>
      </c>
      <c r="AG239" s="9">
        <v>5894.8671013000021</v>
      </c>
      <c r="AH239" s="13">
        <v>0.53437640191962699</v>
      </c>
      <c r="AI239" s="9">
        <v>2707.9221501000011</v>
      </c>
      <c r="AJ239" s="13">
        <v>0.2454762203086443</v>
      </c>
      <c r="AK239" s="9">
        <v>1011.7634733999985</v>
      </c>
      <c r="AL239" s="13">
        <v>7.3640513709353955E-2</v>
      </c>
      <c r="AM239" s="9">
        <v>2175.1814778000025</v>
      </c>
      <c r="AN239" s="13">
        <v>0.14746006405844267</v>
      </c>
      <c r="AO239" s="9">
        <v>3186.944951200001</v>
      </c>
      <c r="AP239" s="13">
        <v>0.23195961263667456</v>
      </c>
      <c r="AQ239" s="9">
        <v>11031.3013077</v>
      </c>
      <c r="AR239" s="9">
        <v>11563.301453</v>
      </c>
      <c r="AS239" s="9">
        <v>12049.692611300001</v>
      </c>
      <c r="AT239" s="9">
        <v>12504.853290999999</v>
      </c>
      <c r="AU239" s="9">
        <v>12876.914252299999</v>
      </c>
      <c r="AV239" s="9">
        <v>13067.953509700001</v>
      </c>
      <c r="AW239" s="9">
        <v>13739.223457800001</v>
      </c>
      <c r="AX239" s="9">
        <v>14053.5750938</v>
      </c>
      <c r="AY239" s="9">
        <v>14227.4604332</v>
      </c>
      <c r="AZ239" s="9">
        <v>14750.986931199999</v>
      </c>
      <c r="BA239" s="9">
        <v>14455.1307124</v>
      </c>
      <c r="BB239" s="9">
        <v>15019.764772299999</v>
      </c>
      <c r="BC239" s="9">
        <v>14887.3435785</v>
      </c>
      <c r="BD239" s="9">
        <v>15898.442167900001</v>
      </c>
      <c r="BE239" s="9">
        <v>16660.186432900002</v>
      </c>
      <c r="BF239" s="9">
        <v>16926.168409000002</v>
      </c>
      <c r="BG239" s="11">
        <v>4.75</v>
      </c>
      <c r="BH239" s="13">
        <v>2.6536312849162011E-2</v>
      </c>
      <c r="BI239" s="6">
        <v>8</v>
      </c>
      <c r="BJ239" s="13">
        <v>4.4692737430167599E-2</v>
      </c>
      <c r="BK239" s="6">
        <v>-5</v>
      </c>
      <c r="BL239" s="13">
        <v>-2.6737967914438502E-2</v>
      </c>
      <c r="BM239" s="11">
        <v>1.75</v>
      </c>
      <c r="BN239" s="13">
        <v>9.6153846153846159E-3</v>
      </c>
      <c r="BO239" s="11">
        <v>-3.25</v>
      </c>
      <c r="BP239" s="13">
        <v>-1.7379679144385027E-2</v>
      </c>
      <c r="BQ239" s="6">
        <v>179</v>
      </c>
      <c r="BR239" s="6">
        <v>184</v>
      </c>
      <c r="BS239" s="6">
        <v>187</v>
      </c>
      <c r="BT239" s="6">
        <v>187</v>
      </c>
      <c r="BU239" s="6">
        <v>182</v>
      </c>
      <c r="BV239" s="6">
        <v>182</v>
      </c>
      <c r="BW239" s="6">
        <v>182</v>
      </c>
      <c r="BX239" s="6">
        <v>181</v>
      </c>
      <c r="BY239" s="6">
        <v>179</v>
      </c>
      <c r="BZ239" s="6">
        <v>187</v>
      </c>
      <c r="CA239" s="6">
        <v>180</v>
      </c>
      <c r="CB239" s="6">
        <v>183</v>
      </c>
      <c r="CC239" s="11">
        <v>183.75</v>
      </c>
      <c r="CD239" s="11">
        <v>-828.03499999999997</v>
      </c>
      <c r="CE239" s="11">
        <v>804.4</v>
      </c>
      <c r="CF239" s="11">
        <v>386.66800000000001</v>
      </c>
      <c r="CG239" s="11">
        <v>1191</v>
      </c>
      <c r="CH239" s="20">
        <v>1.0560099999999999</v>
      </c>
      <c r="CI239" s="20">
        <v>1.0158199999999999</v>
      </c>
      <c r="CJ239" s="20">
        <v>1.0392699999999999</v>
      </c>
      <c r="CK239" s="20">
        <v>1.0497700000000001</v>
      </c>
      <c r="CL239" s="20">
        <v>1.07291</v>
      </c>
      <c r="CM239" s="20">
        <v>1.04474</v>
      </c>
      <c r="CN239" s="20">
        <v>1.01709</v>
      </c>
      <c r="CO239" s="20">
        <v>0.99218799999999996</v>
      </c>
      <c r="CP239" s="20">
        <v>0.96307699999999996</v>
      </c>
      <c r="CQ239" s="20">
        <v>0.98917200000000005</v>
      </c>
      <c r="CR239" s="20">
        <v>0.99148000000000003</v>
      </c>
      <c r="CS239" s="20">
        <v>0.99694300000000002</v>
      </c>
      <c r="CT239" s="20">
        <v>1.01267</v>
      </c>
      <c r="CU239" s="20">
        <v>0.953542</v>
      </c>
      <c r="CV239" s="20">
        <v>0.90782200000000002</v>
      </c>
      <c r="CW239" s="20">
        <v>0.91362900000000002</v>
      </c>
      <c r="CX239" s="20">
        <v>0.89400599999999997</v>
      </c>
      <c r="CY239" s="6" t="s">
        <v>421</v>
      </c>
      <c r="CZ239" s="6" t="s">
        <v>422</v>
      </c>
      <c r="DA239" s="6" t="s">
        <v>153</v>
      </c>
      <c r="DB239" s="6"/>
      <c r="DC239" s="6">
        <v>41140</v>
      </c>
      <c r="DD239" s="6">
        <v>312</v>
      </c>
      <c r="DE239" s="6" t="s">
        <v>374</v>
      </c>
      <c r="DF239" s="6" t="s">
        <v>375</v>
      </c>
      <c r="DG239" s="6" t="s">
        <v>364</v>
      </c>
      <c r="DH239" s="6" t="s">
        <v>419</v>
      </c>
      <c r="DI239" s="6" t="s">
        <v>377</v>
      </c>
      <c r="DJ239" s="6">
        <v>29</v>
      </c>
      <c r="DK239" s="6">
        <v>21</v>
      </c>
      <c r="DL239" s="6">
        <v>2</v>
      </c>
      <c r="DM239" s="6" t="s">
        <v>379</v>
      </c>
      <c r="DN239" s="6">
        <v>3</v>
      </c>
      <c r="DO239" s="6" t="s">
        <v>380</v>
      </c>
      <c r="DP239" s="6"/>
      <c r="DQ239" s="6"/>
    </row>
    <row r="240" spans="1:121" x14ac:dyDescent="0.2">
      <c r="A240" s="6" t="s">
        <v>325</v>
      </c>
      <c r="B240" s="6" t="s">
        <v>325</v>
      </c>
      <c r="C240" s="6" t="s">
        <v>193</v>
      </c>
      <c r="D240" s="6" t="s">
        <v>153</v>
      </c>
      <c r="E240" s="6" t="s">
        <v>294</v>
      </c>
      <c r="F240" s="11">
        <v>-640</v>
      </c>
      <c r="G240" s="13">
        <v>-0.25177025963799998</v>
      </c>
      <c r="H240" s="11">
        <v>322.37495703000013</v>
      </c>
      <c r="I240" s="13">
        <v>0.1268416023722887</v>
      </c>
      <c r="J240" s="11">
        <v>-171.38716591000002</v>
      </c>
      <c r="K240" s="13">
        <v>-5.9843343129104942E-2</v>
      </c>
      <c r="L240" s="11">
        <v>-790.84972897000011</v>
      </c>
      <c r="M240" s="13">
        <v>-0.2937184952840054</v>
      </c>
      <c r="N240" s="11">
        <v>-962.23689488000014</v>
      </c>
      <c r="O240" s="13">
        <v>-0.3359847417164652</v>
      </c>
      <c r="P240" s="7">
        <v>2541.5553808899999</v>
      </c>
      <c r="Q240" s="7">
        <v>2581.00134703</v>
      </c>
      <c r="R240" s="7">
        <v>2703.0365340499998</v>
      </c>
      <c r="S240" s="7">
        <v>2712.67018659</v>
      </c>
      <c r="T240" s="7">
        <v>2805.38112989</v>
      </c>
      <c r="U240" s="7">
        <v>2877.8545647999999</v>
      </c>
      <c r="V240" s="7">
        <v>2863.9303379200001</v>
      </c>
      <c r="W240" s="7">
        <v>2731.8598717700002</v>
      </c>
      <c r="X240" s="7">
        <v>2807.7012881999999</v>
      </c>
      <c r="Y240" s="7">
        <v>2692.54317201</v>
      </c>
      <c r="Z240" s="7">
        <v>2624.4590947400002</v>
      </c>
      <c r="AA240" s="7">
        <v>2587.2795512100001</v>
      </c>
      <c r="AB240" s="7">
        <v>2072.3546329599999</v>
      </c>
      <c r="AC240" s="7">
        <v>1981.5954134599999</v>
      </c>
      <c r="AD240" s="7">
        <v>1937.78021683</v>
      </c>
      <c r="AE240" s="7">
        <v>1950.6742407199999</v>
      </c>
      <c r="AF240" s="7">
        <v>1901.6934430399999</v>
      </c>
      <c r="AG240" s="9">
        <v>9803.4063704</v>
      </c>
      <c r="AH240" s="13">
        <v>0.59713265476695077</v>
      </c>
      <c r="AI240" s="9">
        <v>1897.6399342999975</v>
      </c>
      <c r="AJ240" s="13">
        <v>0.11558663682265626</v>
      </c>
      <c r="AK240" s="9">
        <v>1193.8085842</v>
      </c>
      <c r="AL240" s="13">
        <v>6.5181629040447622E-2</v>
      </c>
      <c r="AM240" s="9">
        <v>6711.9578519000024</v>
      </c>
      <c r="AN240" s="13">
        <v>0.34404564584439434</v>
      </c>
      <c r="AO240" s="9">
        <v>7905.7664361000025</v>
      </c>
      <c r="AP240" s="13">
        <v>0.43165273054525249</v>
      </c>
      <c r="AQ240" s="9">
        <v>16417.468199300001</v>
      </c>
      <c r="AR240" s="9">
        <v>16284.4245405</v>
      </c>
      <c r="AS240" s="9">
        <v>16544.2012516</v>
      </c>
      <c r="AT240" s="9">
        <v>16681.630509499999</v>
      </c>
      <c r="AU240" s="9">
        <v>16612.572565900002</v>
      </c>
      <c r="AV240" s="9">
        <v>17069.645348099999</v>
      </c>
      <c r="AW240" s="9">
        <v>18315.108133599999</v>
      </c>
      <c r="AX240" s="9">
        <v>19547.675098200001</v>
      </c>
      <c r="AY240" s="9">
        <v>19358.587088200002</v>
      </c>
      <c r="AZ240" s="9">
        <v>19508.916717799999</v>
      </c>
      <c r="BA240" s="9">
        <v>19529.755083799999</v>
      </c>
      <c r="BB240" s="9">
        <v>19713.734512800002</v>
      </c>
      <c r="BC240" s="9">
        <v>22896.682545600001</v>
      </c>
      <c r="BD240" s="9">
        <v>24553.7932831</v>
      </c>
      <c r="BE240" s="9">
        <v>25078.824653299998</v>
      </c>
      <c r="BF240" s="9">
        <v>26220.874569700001</v>
      </c>
      <c r="BG240" s="11">
        <v>-220.25</v>
      </c>
      <c r="BH240" s="13">
        <v>-0.53458737864077666</v>
      </c>
      <c r="BI240" s="6">
        <v>49</v>
      </c>
      <c r="BJ240" s="13">
        <v>0.11893203883495146</v>
      </c>
      <c r="BK240" s="6">
        <v>83</v>
      </c>
      <c r="BL240" s="13">
        <v>0.18004338394793926</v>
      </c>
      <c r="BM240" s="11">
        <v>-352.25</v>
      </c>
      <c r="BN240" s="13">
        <v>-0.64751838235294112</v>
      </c>
      <c r="BO240" s="11">
        <v>-269.25</v>
      </c>
      <c r="BP240" s="13">
        <v>-0.58405639913232099</v>
      </c>
      <c r="BQ240" s="6">
        <v>412</v>
      </c>
      <c r="BR240" s="6">
        <v>459</v>
      </c>
      <c r="BS240" s="6">
        <v>462</v>
      </c>
      <c r="BT240" s="6">
        <v>461</v>
      </c>
      <c r="BU240" s="6">
        <v>467</v>
      </c>
      <c r="BV240" s="6">
        <v>489</v>
      </c>
      <c r="BW240" s="6">
        <v>544</v>
      </c>
      <c r="BX240" s="6">
        <v>581</v>
      </c>
      <c r="BY240" s="6">
        <v>555</v>
      </c>
      <c r="BZ240" s="6">
        <v>199</v>
      </c>
      <c r="CA240" s="6">
        <v>191</v>
      </c>
      <c r="CB240" s="6">
        <v>192</v>
      </c>
      <c r="CC240" s="11">
        <v>191.75</v>
      </c>
      <c r="CD240" s="11">
        <v>-894.279</v>
      </c>
      <c r="CE240" s="11">
        <v>-23.4053</v>
      </c>
      <c r="CF240" s="11">
        <v>277.82299999999998</v>
      </c>
      <c r="CG240" s="11">
        <v>255</v>
      </c>
      <c r="CH240" s="20">
        <v>1.11703</v>
      </c>
      <c r="CI240" s="20">
        <v>1.10755</v>
      </c>
      <c r="CJ240" s="20">
        <v>1.1524799999999999</v>
      </c>
      <c r="CK240" s="20">
        <v>1.14669</v>
      </c>
      <c r="CL240" s="20">
        <v>1.1833199999999999</v>
      </c>
      <c r="CM240" s="20">
        <v>1.18245</v>
      </c>
      <c r="CN240" s="20">
        <v>1.1180699999999999</v>
      </c>
      <c r="CO240" s="20">
        <v>1.04735</v>
      </c>
      <c r="CP240" s="20">
        <v>1.06124</v>
      </c>
      <c r="CQ240" s="20">
        <v>1.06281</v>
      </c>
      <c r="CR240" s="20">
        <v>1.04135</v>
      </c>
      <c r="CS240" s="20">
        <v>1.00607</v>
      </c>
      <c r="CT240" s="20">
        <v>0.85503200000000001</v>
      </c>
      <c r="CU240" s="20">
        <v>0.81925700000000001</v>
      </c>
      <c r="CV240" s="20">
        <v>0.80082299999999995</v>
      </c>
      <c r="CW240" s="20">
        <v>0.80363300000000004</v>
      </c>
      <c r="CX240" s="20">
        <v>0.77974600000000005</v>
      </c>
      <c r="CY240" s="6" t="s">
        <v>421</v>
      </c>
      <c r="CZ240" s="6" t="s">
        <v>422</v>
      </c>
      <c r="DA240" s="6" t="s">
        <v>153</v>
      </c>
      <c r="DB240" s="6"/>
      <c r="DC240" s="6">
        <v>41140</v>
      </c>
      <c r="DD240" s="6">
        <v>312</v>
      </c>
      <c r="DE240" s="6" t="s">
        <v>374</v>
      </c>
      <c r="DF240" s="6" t="s">
        <v>375</v>
      </c>
      <c r="DG240" s="6" t="s">
        <v>364</v>
      </c>
      <c r="DH240" s="6" t="s">
        <v>419</v>
      </c>
      <c r="DI240" s="6" t="s">
        <v>377</v>
      </c>
      <c r="DJ240" s="6">
        <v>29</v>
      </c>
      <c r="DK240" s="6">
        <v>21</v>
      </c>
      <c r="DL240" s="6">
        <v>2</v>
      </c>
      <c r="DM240" s="6" t="s">
        <v>379</v>
      </c>
      <c r="DN240" s="6">
        <v>3</v>
      </c>
      <c r="DO240" s="6" t="s">
        <v>380</v>
      </c>
      <c r="DP240" s="6"/>
      <c r="DQ240" s="6"/>
    </row>
    <row r="241" spans="1:121" x14ac:dyDescent="0.2">
      <c r="A241" s="6" t="s">
        <v>327</v>
      </c>
      <c r="B241" s="6" t="s">
        <v>327</v>
      </c>
      <c r="C241" s="6" t="s">
        <v>194</v>
      </c>
      <c r="D241" s="6" t="s">
        <v>153</v>
      </c>
      <c r="E241" s="6" t="s">
        <v>294</v>
      </c>
      <c r="F241" s="11">
        <v>9</v>
      </c>
      <c r="G241" s="13">
        <v>1.2822339364600001E-3</v>
      </c>
      <c r="H241" s="11">
        <v>-106.94282799999928</v>
      </c>
      <c r="I241" s="13">
        <v>-1.5236524445757864E-2</v>
      </c>
      <c r="J241" s="11">
        <v>191.11989799999992</v>
      </c>
      <c r="K241" s="13">
        <v>2.7650833105455321E-2</v>
      </c>
      <c r="L241" s="11">
        <v>-74.805458350000663</v>
      </c>
      <c r="M241" s="13">
        <v>-1.0531494992623505E-2</v>
      </c>
      <c r="N241" s="11">
        <v>116.31443964999926</v>
      </c>
      <c r="O241" s="13">
        <v>1.6828133502439842E-2</v>
      </c>
      <c r="P241" s="7">
        <v>7018.8466129999997</v>
      </c>
      <c r="Q241" s="7">
        <v>7046.1627840000001</v>
      </c>
      <c r="R241" s="7">
        <v>7111.3749340000004</v>
      </c>
      <c r="S241" s="7">
        <v>6950.0841819999996</v>
      </c>
      <c r="T241" s="7">
        <v>7013.4635529999996</v>
      </c>
      <c r="U241" s="7">
        <v>6926.5237669999997</v>
      </c>
      <c r="V241" s="7">
        <v>6911.9037850000004</v>
      </c>
      <c r="W241" s="7">
        <v>7169.067669</v>
      </c>
      <c r="X241" s="7">
        <v>7207.4434680000004</v>
      </c>
      <c r="Y241" s="7">
        <v>7103.0236830000003</v>
      </c>
      <c r="Z241" s="7">
        <v>6933.9644040000003</v>
      </c>
      <c r="AA241" s="7">
        <v>6931.3197030000001</v>
      </c>
      <c r="AB241" s="7">
        <v>7024.7474499999998</v>
      </c>
      <c r="AC241" s="7">
        <v>7158.1170140000004</v>
      </c>
      <c r="AD241" s="7">
        <v>7085.4309469999998</v>
      </c>
      <c r="AE241" s="7">
        <v>7011.1804069999998</v>
      </c>
      <c r="AF241" s="7">
        <v>7028.2182246499997</v>
      </c>
      <c r="AG241" s="9">
        <v>14209.423760500002</v>
      </c>
      <c r="AH241" s="13">
        <v>0.36965940934705688</v>
      </c>
      <c r="AI241" s="9">
        <v>9304.9145772000047</v>
      </c>
      <c r="AJ241" s="13">
        <v>0.24206817141974932</v>
      </c>
      <c r="AK241" s="9">
        <v>1633.9639922999995</v>
      </c>
      <c r="AL241" s="13">
        <v>3.4223336530385652E-2</v>
      </c>
      <c r="AM241" s="9">
        <v>3270.5451909999974</v>
      </c>
      <c r="AN241" s="13">
        <v>6.6234717363560944E-2</v>
      </c>
      <c r="AO241" s="9">
        <v>4904.5091832999969</v>
      </c>
      <c r="AP241" s="13">
        <v>0.10272482691627471</v>
      </c>
      <c r="AQ241" s="9">
        <v>38439.231901599996</v>
      </c>
      <c r="AR241" s="9">
        <v>39514.340827599997</v>
      </c>
      <c r="AS241" s="9">
        <v>40494.123137499999</v>
      </c>
      <c r="AT241" s="9">
        <v>42708.8709447</v>
      </c>
      <c r="AU241" s="9">
        <v>44243.506077999999</v>
      </c>
      <c r="AV241" s="9">
        <v>46717.563039499997</v>
      </c>
      <c r="AW241" s="9">
        <v>47744.146478800001</v>
      </c>
      <c r="AX241" s="9">
        <v>48535.151496699997</v>
      </c>
      <c r="AY241" s="9">
        <v>49563.213259900003</v>
      </c>
      <c r="AZ241" s="9">
        <v>49378.110471100001</v>
      </c>
      <c r="BA241" s="9">
        <v>49900.489671000003</v>
      </c>
      <c r="BB241" s="9">
        <v>49835.7659202</v>
      </c>
      <c r="BC241" s="9">
        <v>50398.015137199996</v>
      </c>
      <c r="BD241" s="9">
        <v>50890.557217900001</v>
      </c>
      <c r="BE241" s="9">
        <v>51394.948827599997</v>
      </c>
      <c r="BF241" s="9">
        <v>52648.655662099998</v>
      </c>
      <c r="BG241" s="11">
        <v>0.75</v>
      </c>
      <c r="BH241" s="13">
        <v>6.1475409836065573E-3</v>
      </c>
      <c r="BI241" s="6">
        <v>10</v>
      </c>
      <c r="BJ241" s="13">
        <v>8.1967213114754092E-2</v>
      </c>
      <c r="BK241" s="6">
        <v>-2</v>
      </c>
      <c r="BL241" s="13">
        <v>-1.5151515151515152E-2</v>
      </c>
      <c r="BM241" s="11">
        <v>-7.25</v>
      </c>
      <c r="BN241" s="13">
        <v>-5.5769230769230772E-2</v>
      </c>
      <c r="BO241" s="11">
        <v>-9.25</v>
      </c>
      <c r="BP241" s="13">
        <v>-7.0075757575757569E-2</v>
      </c>
      <c r="BQ241" s="6">
        <v>122</v>
      </c>
      <c r="BR241" s="6">
        <v>123</v>
      </c>
      <c r="BS241" s="6">
        <v>125</v>
      </c>
      <c r="BT241" s="6">
        <v>132</v>
      </c>
      <c r="BU241" s="6">
        <v>131</v>
      </c>
      <c r="BV241" s="6">
        <v>134</v>
      </c>
      <c r="BW241" s="6">
        <v>130</v>
      </c>
      <c r="BX241" s="6">
        <v>131</v>
      </c>
      <c r="BY241" s="6">
        <v>126</v>
      </c>
      <c r="BZ241" s="6">
        <v>123</v>
      </c>
      <c r="CA241" s="6">
        <v>124</v>
      </c>
      <c r="CB241" s="6">
        <v>123</v>
      </c>
      <c r="CC241" s="11">
        <v>122.75</v>
      </c>
      <c r="CD241" s="11">
        <v>-346.39600000000002</v>
      </c>
      <c r="CE241" s="11">
        <v>-411.47699999999998</v>
      </c>
      <c r="CF241" s="11">
        <v>767.24400000000003</v>
      </c>
      <c r="CG241" s="11">
        <v>356</v>
      </c>
      <c r="CH241" s="20">
        <v>0.92866099999999996</v>
      </c>
      <c r="CI241" s="20">
        <v>0.90844400000000003</v>
      </c>
      <c r="CJ241" s="20">
        <v>0.91769100000000003</v>
      </c>
      <c r="CK241" s="20">
        <v>0.89564900000000003</v>
      </c>
      <c r="CL241" s="20">
        <v>0.90394099999999999</v>
      </c>
      <c r="CM241" s="20">
        <v>0.87534900000000004</v>
      </c>
      <c r="CN241" s="20">
        <v>0.83591199999999999</v>
      </c>
      <c r="CO241" s="20">
        <v>0.84291899999999997</v>
      </c>
      <c r="CP241" s="20">
        <v>0.82613499999999995</v>
      </c>
      <c r="CQ241" s="20">
        <v>0.84537099999999998</v>
      </c>
      <c r="CR241" s="20">
        <v>0.84903899999999999</v>
      </c>
      <c r="CS241" s="20">
        <v>0.85995900000000003</v>
      </c>
      <c r="CT241" s="20">
        <v>0.87835600000000003</v>
      </c>
      <c r="CU241" s="20">
        <v>0.91382200000000002</v>
      </c>
      <c r="CV241" s="20">
        <v>0.91195199999999998</v>
      </c>
      <c r="CW241" s="20">
        <v>0.90412000000000003</v>
      </c>
      <c r="CX241" s="20">
        <v>0.90833299999999995</v>
      </c>
      <c r="CY241" s="6" t="s">
        <v>421</v>
      </c>
      <c r="CZ241" s="6" t="s">
        <v>422</v>
      </c>
      <c r="DA241" s="6" t="s">
        <v>153</v>
      </c>
      <c r="DB241" s="6"/>
      <c r="DC241" s="6">
        <v>41140</v>
      </c>
      <c r="DD241" s="6">
        <v>312</v>
      </c>
      <c r="DE241" s="6" t="s">
        <v>374</v>
      </c>
      <c r="DF241" s="6" t="s">
        <v>375</v>
      </c>
      <c r="DG241" s="6" t="s">
        <v>364</v>
      </c>
      <c r="DH241" s="6" t="s">
        <v>419</v>
      </c>
      <c r="DI241" s="6" t="s">
        <v>377</v>
      </c>
      <c r="DJ241" s="6">
        <v>29</v>
      </c>
      <c r="DK241" s="6">
        <v>21</v>
      </c>
      <c r="DL241" s="6">
        <v>2</v>
      </c>
      <c r="DM241" s="6" t="s">
        <v>379</v>
      </c>
      <c r="DN241" s="6">
        <v>3</v>
      </c>
      <c r="DO241" s="6" t="s">
        <v>380</v>
      </c>
      <c r="DP241" s="6"/>
      <c r="DQ241" s="6"/>
    </row>
    <row r="242" spans="1:121" x14ac:dyDescent="0.2">
      <c r="A242" s="6" t="s">
        <v>1</v>
      </c>
      <c r="B242" s="6" t="s">
        <v>1</v>
      </c>
      <c r="C242" s="6" t="s">
        <v>2</v>
      </c>
      <c r="D242" s="6" t="s">
        <v>132</v>
      </c>
      <c r="E242" s="6" t="s">
        <v>273</v>
      </c>
      <c r="F242" s="11">
        <v>-45</v>
      </c>
      <c r="G242" s="13">
        <v>-9.2024539877299999E-2</v>
      </c>
      <c r="H242" s="11">
        <v>-7.8174340120000352</v>
      </c>
      <c r="I242" s="13">
        <v>-1.597584633667809E-2</v>
      </c>
      <c r="J242" s="11">
        <v>3.0989497500000311</v>
      </c>
      <c r="K242" s="13">
        <v>6.4358872351294345E-3</v>
      </c>
      <c r="L242" s="11">
        <v>-41.097136763000037</v>
      </c>
      <c r="M242" s="13">
        <v>-8.4804586960544742E-2</v>
      </c>
      <c r="N242" s="11">
        <v>-37.998187013000006</v>
      </c>
      <c r="O242" s="13">
        <v>-7.8914492484115084E-2</v>
      </c>
      <c r="P242" s="7">
        <v>489.32831771500003</v>
      </c>
      <c r="Q242" s="7">
        <v>452.32255555500001</v>
      </c>
      <c r="R242" s="7">
        <v>383.98816045900003</v>
      </c>
      <c r="S242" s="7">
        <v>403.30749677699998</v>
      </c>
      <c r="T242" s="7">
        <v>439.51455705000001</v>
      </c>
      <c r="U242" s="7">
        <v>403.12291351099998</v>
      </c>
      <c r="V242" s="7">
        <v>481.51088370299999</v>
      </c>
      <c r="W242" s="7">
        <v>465.64898967900001</v>
      </c>
      <c r="X242" s="7">
        <v>517.37623750499995</v>
      </c>
      <c r="Y242" s="7">
        <v>484.60983345300002</v>
      </c>
      <c r="Z242" s="7">
        <v>455.10483870000002</v>
      </c>
      <c r="AA242" s="7">
        <v>414.61264770600002</v>
      </c>
      <c r="AB242" s="7">
        <v>409.97845545899997</v>
      </c>
      <c r="AC242" s="7">
        <v>470.75380781600001</v>
      </c>
      <c r="AD242" s="7">
        <v>434.50617155499998</v>
      </c>
      <c r="AE242" s="7">
        <v>441.005031917</v>
      </c>
      <c r="AF242" s="7">
        <v>443.51269668999998</v>
      </c>
      <c r="AG242" s="9">
        <v>8234.7053938000026</v>
      </c>
      <c r="AH242" s="13">
        <v>0.39810684994860857</v>
      </c>
      <c r="AI242" s="9">
        <v>-559.46037339999748</v>
      </c>
      <c r="AJ242" s="13">
        <v>-2.7047112953553547E-2</v>
      </c>
      <c r="AK242" s="9">
        <v>2689.9763512999998</v>
      </c>
      <c r="AL242" s="13">
        <v>0.1336620860189143</v>
      </c>
      <c r="AM242" s="9">
        <v>6104.1894159000003</v>
      </c>
      <c r="AN242" s="13">
        <v>0.26754950503881009</v>
      </c>
      <c r="AO242" s="9">
        <v>8794.1657672000001</v>
      </c>
      <c r="AP242" s="13">
        <v>0.43697281601453974</v>
      </c>
      <c r="AQ242" s="9">
        <v>20684.661403999999</v>
      </c>
      <c r="AR242" s="9">
        <v>20162.624095200001</v>
      </c>
      <c r="AS242" s="9">
        <v>19868.6817362</v>
      </c>
      <c r="AT242" s="9">
        <v>19187.0878806</v>
      </c>
      <c r="AU242" s="9">
        <v>20107.5441053</v>
      </c>
      <c r="AV242" s="9">
        <v>19879.087625100001</v>
      </c>
      <c r="AW242" s="9">
        <v>20125.201030600001</v>
      </c>
      <c r="AX242" s="9">
        <v>21764.369409399998</v>
      </c>
      <c r="AY242" s="9">
        <v>22945.978047600001</v>
      </c>
      <c r="AZ242" s="9">
        <v>22815.177381900001</v>
      </c>
      <c r="BA242" s="9">
        <v>23797.3193727</v>
      </c>
      <c r="BB242" s="9">
        <v>27533.035483399999</v>
      </c>
      <c r="BC242" s="9">
        <v>27638.124051700001</v>
      </c>
      <c r="BD242" s="9">
        <v>27455.254163599999</v>
      </c>
      <c r="BE242" s="9">
        <v>28865.823683899998</v>
      </c>
      <c r="BF242" s="9">
        <v>28919.366797800001</v>
      </c>
      <c r="BG242" s="11">
        <v>5.5</v>
      </c>
      <c r="BH242" s="13">
        <v>0.125</v>
      </c>
      <c r="BI242" s="6">
        <v>-2</v>
      </c>
      <c r="BJ242" s="13">
        <v>-4.5454545454545456E-2</v>
      </c>
      <c r="BK242" s="6">
        <v>3</v>
      </c>
      <c r="BL242" s="13">
        <v>7.1428571428571425E-2</v>
      </c>
      <c r="BM242" s="11">
        <v>4.5</v>
      </c>
      <c r="BN242" s="13">
        <v>0.1</v>
      </c>
      <c r="BO242" s="11">
        <v>7.5</v>
      </c>
      <c r="BP242" s="13">
        <v>0.17857142857142858</v>
      </c>
      <c r="BQ242" s="6">
        <v>44</v>
      </c>
      <c r="BR242" s="6">
        <v>43</v>
      </c>
      <c r="BS242" s="6">
        <v>43</v>
      </c>
      <c r="BT242" s="6">
        <v>42</v>
      </c>
      <c r="BU242" s="6">
        <v>43</v>
      </c>
      <c r="BV242" s="6">
        <v>43</v>
      </c>
      <c r="BW242" s="6">
        <v>45</v>
      </c>
      <c r="BX242" s="6">
        <v>44</v>
      </c>
      <c r="BY242" s="6">
        <v>45</v>
      </c>
      <c r="BZ242" s="6">
        <v>46</v>
      </c>
      <c r="CA242" s="6">
        <v>51</v>
      </c>
      <c r="CB242" s="6">
        <v>51</v>
      </c>
      <c r="CC242" s="11">
        <v>49.5</v>
      </c>
      <c r="CD242" s="11">
        <v>-54.691200000000002</v>
      </c>
      <c r="CE242" s="11">
        <v>-44.613900000000001</v>
      </c>
      <c r="CF242" s="11">
        <v>53.4895</v>
      </c>
      <c r="CG242" s="11">
        <v>8</v>
      </c>
      <c r="CH242" s="20">
        <v>1.85226</v>
      </c>
      <c r="CI242" s="20">
        <v>1.6877899999999999</v>
      </c>
      <c r="CJ242" s="20">
        <v>1.4076299999999999</v>
      </c>
      <c r="CK242" s="20">
        <v>1.4079299999999999</v>
      </c>
      <c r="CL242" s="20">
        <v>1.4996499999999999</v>
      </c>
      <c r="CM242" s="20">
        <v>1.42405</v>
      </c>
      <c r="CN242" s="20">
        <v>1.77722</v>
      </c>
      <c r="CO242" s="20">
        <v>1.73672</v>
      </c>
      <c r="CP242" s="20">
        <v>1.93662</v>
      </c>
      <c r="CQ242" s="20">
        <v>1.83883</v>
      </c>
      <c r="CR242" s="20">
        <v>1.72187</v>
      </c>
      <c r="CS242" s="20">
        <v>1.56847</v>
      </c>
      <c r="CT242" s="20">
        <v>1.58893</v>
      </c>
      <c r="CU242" s="20">
        <v>1.78311</v>
      </c>
      <c r="CV242" s="20">
        <v>1.66333</v>
      </c>
      <c r="CW242" s="20">
        <v>1.7053499999999999</v>
      </c>
      <c r="CX242" s="20">
        <v>1.7101500000000001</v>
      </c>
      <c r="CY242" s="6" t="s">
        <v>424</v>
      </c>
      <c r="CZ242" s="6" t="s">
        <v>425</v>
      </c>
      <c r="DA242" s="6" t="s">
        <v>132</v>
      </c>
      <c r="DB242" s="6"/>
      <c r="DC242" s="6">
        <v>38740</v>
      </c>
      <c r="DD242" s="6"/>
      <c r="DE242" s="6" t="s">
        <v>427</v>
      </c>
      <c r="DF242" s="6" t="s">
        <v>363</v>
      </c>
      <c r="DG242" s="6" t="s">
        <v>364</v>
      </c>
      <c r="DH242" s="6" t="s">
        <v>365</v>
      </c>
      <c r="DI242" s="6"/>
      <c r="DJ242" s="6">
        <v>29</v>
      </c>
      <c r="DK242" s="6">
        <v>23</v>
      </c>
      <c r="DL242" s="6">
        <v>8</v>
      </c>
      <c r="DM242" s="6" t="s">
        <v>368</v>
      </c>
      <c r="DN242" s="6">
        <v>5</v>
      </c>
      <c r="DO242" s="6" t="s">
        <v>429</v>
      </c>
      <c r="DP242" s="6"/>
      <c r="DQ242" s="6"/>
    </row>
    <row r="243" spans="1:121" x14ac:dyDescent="0.2">
      <c r="A243" s="6" t="s">
        <v>310</v>
      </c>
      <c r="B243" s="6" t="s">
        <v>310</v>
      </c>
      <c r="C243" s="6" t="s">
        <v>173</v>
      </c>
      <c r="D243" s="6" t="s">
        <v>132</v>
      </c>
      <c r="E243" s="6" t="s">
        <v>273</v>
      </c>
      <c r="F243" s="11">
        <v>1</v>
      </c>
      <c r="G243" s="13">
        <v>1</v>
      </c>
      <c r="H243" s="11">
        <v>0</v>
      </c>
      <c r="I243" s="13">
        <v>0</v>
      </c>
      <c r="J243" s="11">
        <v>0</v>
      </c>
      <c r="K243" s="13">
        <v>0</v>
      </c>
      <c r="L243" s="11">
        <v>0</v>
      </c>
      <c r="M243" s="13">
        <v>0</v>
      </c>
      <c r="N243" s="11">
        <v>0</v>
      </c>
      <c r="O243" s="13">
        <v>0</v>
      </c>
      <c r="P243" s="7">
        <v>5</v>
      </c>
      <c r="Q243" s="7">
        <v>5</v>
      </c>
      <c r="R243" s="7">
        <v>5</v>
      </c>
      <c r="S243" s="7">
        <v>16.082704</v>
      </c>
      <c r="T243" s="7">
        <v>11.158484075600001</v>
      </c>
      <c r="U243" s="7">
        <v>11.7153857738</v>
      </c>
      <c r="V243" s="7">
        <v>5</v>
      </c>
      <c r="W243" s="7">
        <v>5</v>
      </c>
      <c r="X243" s="7">
        <v>5</v>
      </c>
      <c r="Y243" s="7">
        <v>5</v>
      </c>
      <c r="Z243" s="7">
        <v>5</v>
      </c>
      <c r="AA243" s="7">
        <v>0</v>
      </c>
      <c r="AB243" s="7">
        <v>0</v>
      </c>
      <c r="AC243" s="7">
        <v>0</v>
      </c>
      <c r="AD243" s="7">
        <v>0</v>
      </c>
      <c r="AE243" s="7">
        <v>5</v>
      </c>
      <c r="AF243" s="7">
        <v>5</v>
      </c>
      <c r="AG243" s="9">
        <v>0</v>
      </c>
      <c r="AH243" s="13">
        <v>0</v>
      </c>
      <c r="AI243" s="9">
        <v>0</v>
      </c>
      <c r="AJ243" s="13">
        <v>0</v>
      </c>
      <c r="AK243" s="9">
        <v>0</v>
      </c>
      <c r="AL243" s="13">
        <v>0</v>
      </c>
      <c r="AM243" s="9">
        <v>0</v>
      </c>
      <c r="AN243" s="13">
        <v>0</v>
      </c>
      <c r="AO243" s="9">
        <v>0</v>
      </c>
      <c r="AP243" s="13">
        <v>0</v>
      </c>
      <c r="AQ243" s="9">
        <v>1</v>
      </c>
      <c r="AR243" s="9">
        <v>1</v>
      </c>
      <c r="AS243" s="9">
        <v>1</v>
      </c>
      <c r="AT243" s="9">
        <v>35121.773585700001</v>
      </c>
      <c r="AU243" s="9">
        <v>59942.063634600003</v>
      </c>
      <c r="AV243" s="9">
        <v>30349.544433300001</v>
      </c>
      <c r="AW243" s="9">
        <v>1</v>
      </c>
      <c r="AX243" s="9">
        <v>1</v>
      </c>
      <c r="AY243" s="9">
        <v>1</v>
      </c>
      <c r="AZ243" s="9">
        <v>1</v>
      </c>
      <c r="BA243" s="9">
        <v>1</v>
      </c>
      <c r="BB243" s="9">
        <v>0</v>
      </c>
      <c r="BC243" s="9">
        <v>0</v>
      </c>
      <c r="BD243" s="9">
        <v>0</v>
      </c>
      <c r="BE243" s="9">
        <v>0</v>
      </c>
      <c r="BF243" s="9">
        <v>1</v>
      </c>
      <c r="BG243" s="11">
        <v>-0.25</v>
      </c>
      <c r="BH243" s="13">
        <v>-0.25</v>
      </c>
      <c r="BI243" s="6">
        <v>1</v>
      </c>
      <c r="BJ243" s="13">
        <v>1</v>
      </c>
      <c r="BK243" s="6">
        <v>-1</v>
      </c>
      <c r="BL243" s="13">
        <v>-0.5</v>
      </c>
      <c r="BM243" s="11">
        <v>-0.25</v>
      </c>
      <c r="BN243" s="13">
        <v>-0.25</v>
      </c>
      <c r="BO243" s="11">
        <v>-1.25</v>
      </c>
      <c r="BP243" s="13">
        <v>-0.625</v>
      </c>
      <c r="BQ243" s="6">
        <v>1</v>
      </c>
      <c r="BR243" s="6">
        <v>1</v>
      </c>
      <c r="BS243" s="6">
        <v>1</v>
      </c>
      <c r="BT243" s="6">
        <v>2</v>
      </c>
      <c r="BU243" s="6">
        <v>2</v>
      </c>
      <c r="BV243" s="6">
        <v>2</v>
      </c>
      <c r="BW243" s="6">
        <v>1</v>
      </c>
      <c r="BX243" s="6">
        <v>0</v>
      </c>
      <c r="BY243" s="6">
        <v>0</v>
      </c>
      <c r="BZ243" s="6">
        <v>0</v>
      </c>
      <c r="CA243" s="6">
        <v>0</v>
      </c>
      <c r="CB243" s="6">
        <v>0</v>
      </c>
      <c r="CC243" s="11">
        <v>0.75</v>
      </c>
      <c r="CD243" s="11">
        <v>-2.5662099999999999</v>
      </c>
      <c r="CE243" s="11">
        <v>0.376637</v>
      </c>
      <c r="CF243" s="11">
        <v>0.39683600000000002</v>
      </c>
      <c r="CG243" s="11">
        <v>0</v>
      </c>
      <c r="CH243" s="20">
        <v>4.8434100000000001E-2</v>
      </c>
      <c r="CI243" s="20">
        <v>3.7089999999999998E-2</v>
      </c>
      <c r="CJ243" s="20">
        <v>0.135296</v>
      </c>
      <c r="CK243" s="20">
        <v>0.202845</v>
      </c>
      <c r="CL243" s="20">
        <v>0.12833900000000001</v>
      </c>
      <c r="CM243" s="20">
        <v>0.126635</v>
      </c>
      <c r="CN243" s="20">
        <v>3.4281899999999997E-2</v>
      </c>
      <c r="CO243" s="20">
        <v>4.73535E-2</v>
      </c>
      <c r="CP243" s="20">
        <v>1.7647699999999999E-2</v>
      </c>
      <c r="CQ243" s="20">
        <v>1.1616400000000001E-2</v>
      </c>
      <c r="CR243" s="20">
        <v>6.1687900000000004E-3</v>
      </c>
      <c r="CS243" s="20">
        <v>0</v>
      </c>
      <c r="CT243" s="20">
        <v>0</v>
      </c>
      <c r="CU243" s="20">
        <v>0</v>
      </c>
      <c r="CV243" s="20">
        <v>0</v>
      </c>
      <c r="CW243" s="20">
        <v>1.9334E-2</v>
      </c>
      <c r="CX243" s="20">
        <v>2.0960699999999999E-2</v>
      </c>
      <c r="CY243" s="6" t="s">
        <v>424</v>
      </c>
      <c r="CZ243" s="6" t="s">
        <v>425</v>
      </c>
      <c r="DA243" s="6" t="s">
        <v>132</v>
      </c>
      <c r="DB243" s="6"/>
      <c r="DC243" s="6">
        <v>38740</v>
      </c>
      <c r="DD243" s="6"/>
      <c r="DE243" s="6" t="s">
        <v>427</v>
      </c>
      <c r="DF243" s="6" t="s">
        <v>363</v>
      </c>
      <c r="DG243" s="6" t="s">
        <v>364</v>
      </c>
      <c r="DH243" s="6" t="s">
        <v>365</v>
      </c>
      <c r="DI243" s="6"/>
      <c r="DJ243" s="6">
        <v>29</v>
      </c>
      <c r="DK243" s="6">
        <v>23</v>
      </c>
      <c r="DL243" s="6">
        <v>8</v>
      </c>
      <c r="DM243" s="6" t="s">
        <v>368</v>
      </c>
      <c r="DN243" s="6">
        <v>5</v>
      </c>
      <c r="DO243" s="6" t="s">
        <v>429</v>
      </c>
      <c r="DP243" s="6"/>
      <c r="DQ243" s="6"/>
    </row>
    <row r="244" spans="1:121" x14ac:dyDescent="0.2">
      <c r="A244" s="6" t="s">
        <v>311</v>
      </c>
      <c r="B244" s="6" t="s">
        <v>311</v>
      </c>
      <c r="C244" s="6" t="s">
        <v>174</v>
      </c>
      <c r="D244" s="6" t="s">
        <v>132</v>
      </c>
      <c r="E244" s="6" t="s">
        <v>273</v>
      </c>
      <c r="F244" s="11">
        <v>0</v>
      </c>
      <c r="G244" s="13">
        <v>0</v>
      </c>
      <c r="H244" s="11">
        <v>1.8252779999999973</v>
      </c>
      <c r="I244" s="13">
        <v>1.5028415310705569E-2</v>
      </c>
      <c r="J244" s="11">
        <v>-0.68139299999999992</v>
      </c>
      <c r="K244" s="13">
        <v>-5.5271803589798559E-3</v>
      </c>
      <c r="L244" s="11">
        <v>-1.2343899010000001</v>
      </c>
      <c r="M244" s="13">
        <v>-1.0068514756147373E-2</v>
      </c>
      <c r="N244" s="11">
        <v>-1.915782901</v>
      </c>
      <c r="O244" s="13">
        <v>-1.5540044618122952E-2</v>
      </c>
      <c r="P244" s="7">
        <v>121.45512100000001</v>
      </c>
      <c r="Q244" s="7">
        <v>127.049914</v>
      </c>
      <c r="R244" s="7">
        <v>121.095416</v>
      </c>
      <c r="S244" s="7">
        <v>121.09392</v>
      </c>
      <c r="T244" s="7">
        <v>119.863079</v>
      </c>
      <c r="U244" s="7">
        <v>120.62269499999999</v>
      </c>
      <c r="V244" s="7">
        <v>123.280399</v>
      </c>
      <c r="W244" s="7">
        <v>123.13114</v>
      </c>
      <c r="X244" s="7">
        <v>123.16397499999999</v>
      </c>
      <c r="Y244" s="7">
        <v>122.599006</v>
      </c>
      <c r="Z244" s="7">
        <v>123.978582</v>
      </c>
      <c r="AA244" s="7">
        <v>124.864268</v>
      </c>
      <c r="AB244" s="7">
        <v>122.13585</v>
      </c>
      <c r="AC244" s="7">
        <v>121.581210162</v>
      </c>
      <c r="AD244" s="7">
        <v>123.991874388</v>
      </c>
      <c r="AE244" s="7">
        <v>123.557788117</v>
      </c>
      <c r="AF244" s="7">
        <v>121.364616099</v>
      </c>
      <c r="AG244" s="9">
        <v>44624.395044299999</v>
      </c>
      <c r="AH244" s="13">
        <v>0.75698034778776235</v>
      </c>
      <c r="AI244" s="9">
        <v>18079.380727500007</v>
      </c>
      <c r="AJ244" s="13">
        <v>0.30668731525220849</v>
      </c>
      <c r="AK244" s="9">
        <v>11292.818603099993</v>
      </c>
      <c r="AL244" s="13">
        <v>0.14660302787260038</v>
      </c>
      <c r="AM244" s="9">
        <v>15252.195713699999</v>
      </c>
      <c r="AN244" s="13">
        <v>0.17268709079624237</v>
      </c>
      <c r="AO244" s="9">
        <v>26545.014316799992</v>
      </c>
      <c r="AP244" s="13">
        <v>0.34460656905408255</v>
      </c>
      <c r="AQ244" s="9">
        <v>58950.533094699997</v>
      </c>
      <c r="AR244" s="9">
        <v>58696.989254400003</v>
      </c>
      <c r="AS244" s="9">
        <v>63085.9648581</v>
      </c>
      <c r="AT244" s="9">
        <v>64910.213740899999</v>
      </c>
      <c r="AU244" s="9">
        <v>70851.626413599995</v>
      </c>
      <c r="AV244" s="9">
        <v>76675.240443500006</v>
      </c>
      <c r="AW244" s="9">
        <v>77029.913822200004</v>
      </c>
      <c r="AX244" s="9">
        <v>80180.703660700005</v>
      </c>
      <c r="AY244" s="9">
        <v>96217.147114799998</v>
      </c>
      <c r="AZ244" s="9">
        <v>88322.732425299997</v>
      </c>
      <c r="BA244" s="9">
        <v>93491.616343100002</v>
      </c>
      <c r="BB244" s="9">
        <v>83880.862839199996</v>
      </c>
      <c r="BC244" s="9">
        <v>88228.178133399997</v>
      </c>
      <c r="BD244" s="9">
        <v>92462.408809100001</v>
      </c>
      <c r="BE244" s="9">
        <v>94130.943823199996</v>
      </c>
      <c r="BF244" s="9">
        <v>103574.928139</v>
      </c>
      <c r="BG244" s="11">
        <v>0</v>
      </c>
      <c r="BH244" s="13">
        <v>0</v>
      </c>
      <c r="BI244" s="6">
        <v>0</v>
      </c>
      <c r="BJ244" s="13">
        <v>0</v>
      </c>
      <c r="BK244" s="6">
        <v>0</v>
      </c>
      <c r="BL244" s="13">
        <v>0</v>
      </c>
      <c r="BM244" s="11">
        <v>0</v>
      </c>
      <c r="BN244" s="13">
        <v>0</v>
      </c>
      <c r="BO244" s="11">
        <v>0</v>
      </c>
      <c r="BP244" s="13">
        <v>0</v>
      </c>
      <c r="BQ244" s="6">
        <v>3</v>
      </c>
      <c r="BR244" s="6">
        <v>3</v>
      </c>
      <c r="BS244" s="6">
        <v>3</v>
      </c>
      <c r="BT244" s="6">
        <v>3</v>
      </c>
      <c r="BU244" s="6">
        <v>3</v>
      </c>
      <c r="BV244" s="6">
        <v>3</v>
      </c>
      <c r="BW244" s="6">
        <v>3</v>
      </c>
      <c r="BX244" s="6">
        <v>3</v>
      </c>
      <c r="BY244" s="6">
        <v>3</v>
      </c>
      <c r="BZ244" s="6">
        <v>3</v>
      </c>
      <c r="CA244" s="6">
        <v>3</v>
      </c>
      <c r="CB244" s="6">
        <v>3</v>
      </c>
      <c r="CC244" s="11">
        <v>3</v>
      </c>
      <c r="CD244" s="11">
        <v>6.4112</v>
      </c>
      <c r="CE244" s="11">
        <v>-19.778199999999998</v>
      </c>
      <c r="CF244" s="11">
        <v>13.2765</v>
      </c>
      <c r="CG244" s="11">
        <v>-7</v>
      </c>
      <c r="CH244" s="20">
        <v>1.47895</v>
      </c>
      <c r="CI244" s="20">
        <v>1.53013</v>
      </c>
      <c r="CJ244" s="20">
        <v>1.4794799999999999</v>
      </c>
      <c r="CK244" s="20">
        <v>1.44722</v>
      </c>
      <c r="CL244" s="20">
        <v>1.4430799999999999</v>
      </c>
      <c r="CM244" s="20">
        <v>1.51139</v>
      </c>
      <c r="CN244" s="20">
        <v>1.5921799999999999</v>
      </c>
      <c r="CO244" s="20">
        <v>1.5389600000000001</v>
      </c>
      <c r="CP244" s="20">
        <v>1.5237000000000001</v>
      </c>
      <c r="CQ244" s="20">
        <v>1.5536399999999999</v>
      </c>
      <c r="CR244" s="20">
        <v>1.5800099999999999</v>
      </c>
      <c r="CS244" s="20">
        <v>1.6120099999999999</v>
      </c>
      <c r="CT244" s="20">
        <v>1.63541</v>
      </c>
      <c r="CU244" s="20">
        <v>1.6029899999999999</v>
      </c>
      <c r="CV244" s="20">
        <v>1.6546099999999999</v>
      </c>
      <c r="CW244" s="20">
        <v>1.66344</v>
      </c>
      <c r="CX244" s="20">
        <v>1.61941</v>
      </c>
      <c r="CY244" s="6" t="s">
        <v>424</v>
      </c>
      <c r="CZ244" s="6" t="s">
        <v>425</v>
      </c>
      <c r="DA244" s="6" t="s">
        <v>132</v>
      </c>
      <c r="DB244" s="6"/>
      <c r="DC244" s="6">
        <v>38740</v>
      </c>
      <c r="DD244" s="6"/>
      <c r="DE244" s="6" t="s">
        <v>427</v>
      </c>
      <c r="DF244" s="6" t="s">
        <v>363</v>
      </c>
      <c r="DG244" s="6" t="s">
        <v>364</v>
      </c>
      <c r="DH244" s="6" t="s">
        <v>365</v>
      </c>
      <c r="DI244" s="6"/>
      <c r="DJ244" s="6">
        <v>29</v>
      </c>
      <c r="DK244" s="6">
        <v>23</v>
      </c>
      <c r="DL244" s="6">
        <v>8</v>
      </c>
      <c r="DM244" s="6" t="s">
        <v>368</v>
      </c>
      <c r="DN244" s="6">
        <v>5</v>
      </c>
      <c r="DO244" s="6" t="s">
        <v>429</v>
      </c>
      <c r="DP244" s="6"/>
      <c r="DQ244" s="6"/>
    </row>
    <row r="245" spans="1:121" x14ac:dyDescent="0.2">
      <c r="A245" s="6" t="s">
        <v>312</v>
      </c>
      <c r="B245" s="6" t="s">
        <v>312</v>
      </c>
      <c r="C245" s="6" t="s">
        <v>175</v>
      </c>
      <c r="D245" s="6" t="s">
        <v>132</v>
      </c>
      <c r="E245" s="6" t="s">
        <v>273</v>
      </c>
      <c r="F245" s="11">
        <v>-290</v>
      </c>
      <c r="G245" s="13">
        <v>-0.26339691189800002</v>
      </c>
      <c r="H245" s="11">
        <v>-21.038528999999926</v>
      </c>
      <c r="I245" s="13">
        <v>-1.9101629894511567E-2</v>
      </c>
      <c r="J245" s="11">
        <v>-173.84453430999997</v>
      </c>
      <c r="K245" s="13">
        <v>-0.16091335253774616</v>
      </c>
      <c r="L245" s="11">
        <v>-95.087297797000019</v>
      </c>
      <c r="M245" s="13">
        <v>-0.10489305583481488</v>
      </c>
      <c r="N245" s="11">
        <v>-268.93183210699999</v>
      </c>
      <c r="O245" s="13">
        <v>-0.24892771510025199</v>
      </c>
      <c r="P245" s="7">
        <v>1101.3996772099999</v>
      </c>
      <c r="Q245" s="7">
        <v>1054.6306635200001</v>
      </c>
      <c r="R245" s="7">
        <v>1119.7290705400001</v>
      </c>
      <c r="S245" s="7">
        <v>1122.23610618</v>
      </c>
      <c r="T245" s="7">
        <v>1151.5104347700001</v>
      </c>
      <c r="U245" s="7">
        <v>1150.26942706</v>
      </c>
      <c r="V245" s="7">
        <v>1080.36114821</v>
      </c>
      <c r="W245" s="7">
        <v>1077.79802819</v>
      </c>
      <c r="X245" s="7">
        <v>1034.1566624699999</v>
      </c>
      <c r="Y245" s="7">
        <v>906.51661390000004</v>
      </c>
      <c r="Z245" s="7">
        <v>865.03813309400005</v>
      </c>
      <c r="AA245" s="7">
        <v>893.025970067</v>
      </c>
      <c r="AB245" s="7">
        <v>832.78608632500004</v>
      </c>
      <c r="AC245" s="7">
        <v>792.77925032400003</v>
      </c>
      <c r="AD245" s="7">
        <v>796.28385576899996</v>
      </c>
      <c r="AE245" s="7">
        <v>827.44575032600005</v>
      </c>
      <c r="AF245" s="7">
        <v>811.42931610300002</v>
      </c>
      <c r="AG245" s="9">
        <v>8454.3527080999993</v>
      </c>
      <c r="AH245" s="13">
        <v>0.24589910102576201</v>
      </c>
      <c r="AI245" s="9">
        <v>1612.2767900000035</v>
      </c>
      <c r="AJ245" s="13">
        <v>4.6893881406894905E-2</v>
      </c>
      <c r="AK245" s="9">
        <v>5126.009798799998</v>
      </c>
      <c r="AL245" s="13">
        <v>0.14241421791790415</v>
      </c>
      <c r="AM245" s="9">
        <v>1716.0661192999978</v>
      </c>
      <c r="AN245" s="13">
        <v>4.1733454468631942E-2</v>
      </c>
      <c r="AO245" s="9">
        <v>6842.0759180999958</v>
      </c>
      <c r="AP245" s="13">
        <v>0.19009110966569875</v>
      </c>
      <c r="AQ245" s="9">
        <v>34381.389247999999</v>
      </c>
      <c r="AR245" s="9">
        <v>33605.749684399998</v>
      </c>
      <c r="AS245" s="9">
        <v>32765.492665599999</v>
      </c>
      <c r="AT245" s="9">
        <v>34195.988097900001</v>
      </c>
      <c r="AU245" s="9">
        <v>34382.6250344</v>
      </c>
      <c r="AV245" s="9">
        <v>34410.0681167</v>
      </c>
      <c r="AW245" s="9">
        <v>35993.666038000003</v>
      </c>
      <c r="AX245" s="9">
        <v>38890.006671499999</v>
      </c>
      <c r="AY245" s="9">
        <v>37108.464752799999</v>
      </c>
      <c r="AZ245" s="9">
        <v>41119.675836800001</v>
      </c>
      <c r="BA245" s="9">
        <v>41635.3997342</v>
      </c>
      <c r="BB245" s="9">
        <v>45575.701215699999</v>
      </c>
      <c r="BC245" s="9">
        <v>44155.683915900001</v>
      </c>
      <c r="BD245" s="9">
        <v>41058.621410699998</v>
      </c>
      <c r="BE245" s="9">
        <v>41987.898442600002</v>
      </c>
      <c r="BF245" s="9">
        <v>42835.741956099999</v>
      </c>
      <c r="BG245" s="11">
        <v>-31.5</v>
      </c>
      <c r="BH245" s="13">
        <v>-0.28378378378378377</v>
      </c>
      <c r="BI245" s="6">
        <v>2</v>
      </c>
      <c r="BJ245" s="13">
        <v>1.8018018018018018E-2</v>
      </c>
      <c r="BK245" s="6">
        <v>-13</v>
      </c>
      <c r="BL245" s="13">
        <v>-0.11504424778761062</v>
      </c>
      <c r="BM245" s="11">
        <v>-20.5</v>
      </c>
      <c r="BN245" s="13">
        <v>-0.20499999999999999</v>
      </c>
      <c r="BO245" s="11">
        <v>-33.5</v>
      </c>
      <c r="BP245" s="13">
        <v>-0.29646017699115046</v>
      </c>
      <c r="BQ245" s="6">
        <v>111</v>
      </c>
      <c r="BR245" s="6">
        <v>110</v>
      </c>
      <c r="BS245" s="6">
        <v>112</v>
      </c>
      <c r="BT245" s="6">
        <v>113</v>
      </c>
      <c r="BU245" s="6">
        <v>111</v>
      </c>
      <c r="BV245" s="6">
        <v>111</v>
      </c>
      <c r="BW245" s="6">
        <v>100</v>
      </c>
      <c r="BX245" s="6">
        <v>93</v>
      </c>
      <c r="BY245" s="6">
        <v>87</v>
      </c>
      <c r="BZ245" s="6">
        <v>82</v>
      </c>
      <c r="CA245" s="6">
        <v>84</v>
      </c>
      <c r="CB245" s="6">
        <v>84</v>
      </c>
      <c r="CC245" s="11">
        <v>79.5</v>
      </c>
      <c r="CD245" s="11">
        <v>-276.959</v>
      </c>
      <c r="CE245" s="11">
        <v>-133.40799999999999</v>
      </c>
      <c r="CF245" s="11">
        <v>120.396</v>
      </c>
      <c r="CG245" s="11">
        <v>-13</v>
      </c>
      <c r="CH245" s="20">
        <v>0.92466400000000004</v>
      </c>
      <c r="CI245" s="20">
        <v>0.86964799999999998</v>
      </c>
      <c r="CJ245" s="20">
        <v>0.89509399999999995</v>
      </c>
      <c r="CK245" s="20">
        <v>0.82279500000000005</v>
      </c>
      <c r="CL245" s="20">
        <v>0.79291100000000003</v>
      </c>
      <c r="CM245" s="20">
        <v>0.78506399999999998</v>
      </c>
      <c r="CN245" s="20">
        <v>0.77025399999999999</v>
      </c>
      <c r="CO245" s="20">
        <v>0.79808500000000004</v>
      </c>
      <c r="CP245" s="20">
        <v>0.87431599999999998</v>
      </c>
      <c r="CQ245" s="20">
        <v>0.83989800000000003</v>
      </c>
      <c r="CR245" s="20">
        <v>0.81448100000000001</v>
      </c>
      <c r="CS245" s="20">
        <v>0.84375500000000003</v>
      </c>
      <c r="CT245" s="20">
        <v>0.79633699999999996</v>
      </c>
      <c r="CU245" s="20">
        <v>0.72378500000000001</v>
      </c>
      <c r="CV245" s="20">
        <v>0.71543000000000001</v>
      </c>
      <c r="CW245" s="20">
        <v>0.73454900000000001</v>
      </c>
      <c r="CX245" s="20">
        <v>0.71496599999999999</v>
      </c>
      <c r="CY245" s="6" t="s">
        <v>424</v>
      </c>
      <c r="CZ245" s="6" t="s">
        <v>425</v>
      </c>
      <c r="DA245" s="6" t="s">
        <v>132</v>
      </c>
      <c r="DB245" s="6"/>
      <c r="DC245" s="6">
        <v>38740</v>
      </c>
      <c r="DD245" s="6"/>
      <c r="DE245" s="6" t="s">
        <v>427</v>
      </c>
      <c r="DF245" s="6" t="s">
        <v>363</v>
      </c>
      <c r="DG245" s="6" t="s">
        <v>364</v>
      </c>
      <c r="DH245" s="6" t="s">
        <v>365</v>
      </c>
      <c r="DI245" s="6"/>
      <c r="DJ245" s="6">
        <v>29</v>
      </c>
      <c r="DK245" s="6">
        <v>23</v>
      </c>
      <c r="DL245" s="6">
        <v>8</v>
      </c>
      <c r="DM245" s="6" t="s">
        <v>368</v>
      </c>
      <c r="DN245" s="6">
        <v>5</v>
      </c>
      <c r="DO245" s="6" t="s">
        <v>429</v>
      </c>
      <c r="DP245" s="6"/>
      <c r="DQ245" s="6"/>
    </row>
    <row r="246" spans="1:121" x14ac:dyDescent="0.2">
      <c r="A246" s="6" t="s">
        <v>792</v>
      </c>
      <c r="B246" s="6" t="s">
        <v>176</v>
      </c>
      <c r="C246" s="6" t="s">
        <v>177</v>
      </c>
      <c r="D246" s="6" t="s">
        <v>132</v>
      </c>
      <c r="E246" s="6" t="s">
        <v>273</v>
      </c>
      <c r="F246" s="11">
        <v>-1183</v>
      </c>
      <c r="G246" s="13">
        <v>-0.34369552585699997</v>
      </c>
      <c r="H246" s="11">
        <v>-102.0256139600001</v>
      </c>
      <c r="I246" s="13">
        <v>-2.9641374114128718E-2</v>
      </c>
      <c r="J246" s="11">
        <v>-285.15913240999998</v>
      </c>
      <c r="K246" s="13">
        <v>-8.5377636826785008E-2</v>
      </c>
      <c r="L246" s="11">
        <v>-796.23975284000016</v>
      </c>
      <c r="M246" s="13">
        <v>-0.26065069383195594</v>
      </c>
      <c r="N246" s="11">
        <v>-1081.3988852500001</v>
      </c>
      <c r="O246" s="13">
        <v>-0.32377459038210665</v>
      </c>
      <c r="P246" s="7">
        <v>3442.0001436900002</v>
      </c>
      <c r="Q246" s="7">
        <v>3586.7195702399999</v>
      </c>
      <c r="R246" s="7">
        <v>3501.4902301000002</v>
      </c>
      <c r="S246" s="7">
        <v>3949.1650524800002</v>
      </c>
      <c r="T246" s="7">
        <v>4075.0756272899998</v>
      </c>
      <c r="U246" s="7">
        <v>3854.2005597299999</v>
      </c>
      <c r="V246" s="7">
        <v>3339.9745297300001</v>
      </c>
      <c r="W246" s="7">
        <v>3597.7125752100001</v>
      </c>
      <c r="X246" s="7">
        <v>3059.79625695</v>
      </c>
      <c r="Y246" s="7">
        <v>3054.8153973200001</v>
      </c>
      <c r="Z246" s="7">
        <v>3068.5489101799999</v>
      </c>
      <c r="AA246" s="7">
        <v>2789.9505966800002</v>
      </c>
      <c r="AB246" s="7">
        <v>2754.9277836299998</v>
      </c>
      <c r="AC246" s="7">
        <v>2662.8327939300002</v>
      </c>
      <c r="AD246" s="7">
        <v>2413.5313801100001</v>
      </c>
      <c r="AE246" s="7">
        <v>2321.6748959900001</v>
      </c>
      <c r="AF246" s="7">
        <v>2258.5756444799999</v>
      </c>
      <c r="AG246" s="9">
        <v>18535.7948345</v>
      </c>
      <c r="AH246" s="13">
        <v>0.63604599630902037</v>
      </c>
      <c r="AI246" s="9">
        <v>7179.6182327000024</v>
      </c>
      <c r="AJ246" s="13">
        <v>0.24636480241119715</v>
      </c>
      <c r="AK246" s="9">
        <v>7679.9270828999943</v>
      </c>
      <c r="AL246" s="13">
        <v>0.21144101268468743</v>
      </c>
      <c r="AM246" s="9">
        <v>3676.2495189000037</v>
      </c>
      <c r="AN246" s="13">
        <v>8.3547766022103648E-2</v>
      </c>
      <c r="AO246" s="9">
        <v>11356.176601799998</v>
      </c>
      <c r="AP246" s="13">
        <v>0.31265420296204799</v>
      </c>
      <c r="AQ246" s="9">
        <v>29142.223899000001</v>
      </c>
      <c r="AR246" s="9">
        <v>30503.490779100001</v>
      </c>
      <c r="AS246" s="9">
        <v>31989.568812400001</v>
      </c>
      <c r="AT246" s="9">
        <v>32353.537298399999</v>
      </c>
      <c r="AU246" s="9">
        <v>34740.2081034</v>
      </c>
      <c r="AV246" s="9">
        <v>34077.783858900002</v>
      </c>
      <c r="AW246" s="9">
        <v>36321.842131700003</v>
      </c>
      <c r="AX246" s="9">
        <v>38166.530798200001</v>
      </c>
      <c r="AY246" s="9">
        <v>38829.7357863</v>
      </c>
      <c r="AZ246" s="9">
        <v>44001.769214599997</v>
      </c>
      <c r="BA246" s="9">
        <v>42979.7283264</v>
      </c>
      <c r="BB246" s="9">
        <v>41388.140379800003</v>
      </c>
      <c r="BC246" s="9">
        <v>44929.2376755</v>
      </c>
      <c r="BD246" s="9">
        <v>47047.5840608</v>
      </c>
      <c r="BE246" s="9">
        <v>47317.664093500003</v>
      </c>
      <c r="BF246" s="9">
        <v>47678.018733500001</v>
      </c>
      <c r="BG246" s="11">
        <v>-4.25</v>
      </c>
      <c r="BH246" s="13">
        <v>-8.3333333333333329E-2</v>
      </c>
      <c r="BI246" s="6">
        <v>4</v>
      </c>
      <c r="BJ246" s="13">
        <v>7.8431372549019607E-2</v>
      </c>
      <c r="BK246" s="6">
        <v>-6</v>
      </c>
      <c r="BL246" s="13">
        <v>-0.10909090909090909</v>
      </c>
      <c r="BM246" s="11">
        <v>-2.25</v>
      </c>
      <c r="BN246" s="13">
        <v>-4.5918367346938778E-2</v>
      </c>
      <c r="BO246" s="11">
        <v>-8.25</v>
      </c>
      <c r="BP246" s="13">
        <v>-0.15</v>
      </c>
      <c r="BQ246" s="6">
        <v>51</v>
      </c>
      <c r="BR246" s="6">
        <v>57</v>
      </c>
      <c r="BS246" s="6">
        <v>55</v>
      </c>
      <c r="BT246" s="6">
        <v>55</v>
      </c>
      <c r="BU246" s="6">
        <v>52</v>
      </c>
      <c r="BV246" s="6">
        <v>49</v>
      </c>
      <c r="BW246" s="6">
        <v>49</v>
      </c>
      <c r="BX246" s="6">
        <v>50</v>
      </c>
      <c r="BY246" s="6">
        <v>50</v>
      </c>
      <c r="BZ246" s="6">
        <v>50</v>
      </c>
      <c r="CA246" s="6">
        <v>51</v>
      </c>
      <c r="CB246" s="6">
        <v>50</v>
      </c>
      <c r="CC246" s="11">
        <v>46.75</v>
      </c>
      <c r="CD246" s="11">
        <v>-344.72699999999998</v>
      </c>
      <c r="CE246" s="11">
        <v>-1214.95</v>
      </c>
      <c r="CF246" s="11">
        <v>376.25200000000001</v>
      </c>
      <c r="CG246" s="11">
        <v>-839</v>
      </c>
      <c r="CH246" s="20">
        <v>1.5094000000000001</v>
      </c>
      <c r="CI246" s="20">
        <v>1.65093</v>
      </c>
      <c r="CJ246" s="20">
        <v>1.6701600000000001</v>
      </c>
      <c r="CK246" s="20">
        <v>1.8299000000000001</v>
      </c>
      <c r="CL246" s="20">
        <v>1.8674200000000001</v>
      </c>
      <c r="CM246" s="20">
        <v>1.83491</v>
      </c>
      <c r="CN246" s="20">
        <v>1.68167</v>
      </c>
      <c r="CO246" s="20">
        <v>1.8407100000000001</v>
      </c>
      <c r="CP246" s="20">
        <v>1.76102</v>
      </c>
      <c r="CQ246" s="20">
        <v>1.8227</v>
      </c>
      <c r="CR246" s="20">
        <v>1.80521</v>
      </c>
      <c r="CS246" s="20">
        <v>1.6352</v>
      </c>
      <c r="CT246" s="20">
        <v>1.6598999999999999</v>
      </c>
      <c r="CU246" s="20">
        <v>1.5693699999999999</v>
      </c>
      <c r="CV246" s="20">
        <v>1.4390499999999999</v>
      </c>
      <c r="CW246" s="20">
        <v>1.39758</v>
      </c>
      <c r="CX246" s="20">
        <v>1.35816</v>
      </c>
      <c r="CY246" s="6" t="s">
        <v>424</v>
      </c>
      <c r="CZ246" s="6" t="s">
        <v>425</v>
      </c>
      <c r="DA246" s="6" t="s">
        <v>132</v>
      </c>
      <c r="DB246" s="6"/>
      <c r="DC246" s="6">
        <v>38740</v>
      </c>
      <c r="DD246" s="6"/>
      <c r="DE246" s="6" t="s">
        <v>427</v>
      </c>
      <c r="DF246" s="6" t="s">
        <v>363</v>
      </c>
      <c r="DG246" s="6" t="s">
        <v>364</v>
      </c>
      <c r="DH246" s="6" t="s">
        <v>365</v>
      </c>
      <c r="DI246" s="6"/>
      <c r="DJ246" s="6">
        <v>29</v>
      </c>
      <c r="DK246" s="6">
        <v>23</v>
      </c>
      <c r="DL246" s="6">
        <v>8</v>
      </c>
      <c r="DM246" s="6" t="s">
        <v>368</v>
      </c>
      <c r="DN246" s="6">
        <v>5</v>
      </c>
      <c r="DO246" s="6" t="s">
        <v>429</v>
      </c>
      <c r="DP246" s="6"/>
      <c r="DQ246" s="6"/>
    </row>
    <row r="247" spans="1:121" x14ac:dyDescent="0.2">
      <c r="A247" s="6" t="s">
        <v>313</v>
      </c>
      <c r="B247" s="6" t="s">
        <v>313</v>
      </c>
      <c r="C247" s="6" t="s">
        <v>178</v>
      </c>
      <c r="D247" s="6" t="s">
        <v>132</v>
      </c>
      <c r="E247" s="6" t="s">
        <v>273</v>
      </c>
      <c r="F247" s="11">
        <v>-44</v>
      </c>
      <c r="G247" s="13">
        <v>-7.4957410562199997E-2</v>
      </c>
      <c r="H247" s="11">
        <v>-14.72177219799994</v>
      </c>
      <c r="I247" s="13">
        <v>-2.5090200755127381E-2</v>
      </c>
      <c r="J247" s="11">
        <v>-29.321558900000014</v>
      </c>
      <c r="K247" s="13">
        <v>-5.1258590924015225E-2</v>
      </c>
      <c r="L247" s="11">
        <v>0.14077334399996744</v>
      </c>
      <c r="M247" s="13">
        <v>2.5938937226450758E-4</v>
      </c>
      <c r="N247" s="11">
        <v>-29.180785556000046</v>
      </c>
      <c r="O247" s="13">
        <v>-5.1012497485473665E-2</v>
      </c>
      <c r="P247" s="7">
        <v>586.75386226199998</v>
      </c>
      <c r="Q247" s="7">
        <v>565.67467711899997</v>
      </c>
      <c r="R247" s="7">
        <v>554.59140687900003</v>
      </c>
      <c r="S247" s="7">
        <v>577.55198077399996</v>
      </c>
      <c r="T247" s="7">
        <v>551.46979325899997</v>
      </c>
      <c r="U247" s="7">
        <v>568.97427921600001</v>
      </c>
      <c r="V247" s="7">
        <v>572.03209006400004</v>
      </c>
      <c r="W247" s="7">
        <v>560.67512645900001</v>
      </c>
      <c r="X247" s="7">
        <v>527.67172422099998</v>
      </c>
      <c r="Y247" s="7">
        <v>542.71053116400003</v>
      </c>
      <c r="Z247" s="7">
        <v>552.83271584199997</v>
      </c>
      <c r="AA247" s="7">
        <v>555.33992637200004</v>
      </c>
      <c r="AB247" s="7">
        <v>529.61705803999996</v>
      </c>
      <c r="AC247" s="7">
        <v>534.90145286300003</v>
      </c>
      <c r="AD247" s="7">
        <v>525.58549117400003</v>
      </c>
      <c r="AE247" s="7">
        <v>537.61765676100003</v>
      </c>
      <c r="AF247" s="7">
        <v>542.851304508</v>
      </c>
      <c r="AG247" s="9">
        <v>25235.399123599997</v>
      </c>
      <c r="AH247" s="13">
        <v>0.84532852200134811</v>
      </c>
      <c r="AI247" s="9">
        <v>7993.6905032999966</v>
      </c>
      <c r="AJ247" s="13">
        <v>0.26777046582042829</v>
      </c>
      <c r="AK247" s="9">
        <v>1874.7428791999992</v>
      </c>
      <c r="AL247" s="13">
        <v>4.9535485881988077E-2</v>
      </c>
      <c r="AM247" s="9">
        <v>15366.965741100001</v>
      </c>
      <c r="AN247" s="13">
        <v>0.38687058526999391</v>
      </c>
      <c r="AO247" s="9">
        <v>17241.7086203</v>
      </c>
      <c r="AP247" s="13">
        <v>0.45556989356678024</v>
      </c>
      <c r="AQ247" s="9">
        <v>29852.771398100002</v>
      </c>
      <c r="AR247" s="9">
        <v>31688.5732847</v>
      </c>
      <c r="AS247" s="9">
        <v>32800.033174099997</v>
      </c>
      <c r="AT247" s="9">
        <v>32015.4936461</v>
      </c>
      <c r="AU247" s="9">
        <v>34208.801964799997</v>
      </c>
      <c r="AV247" s="9">
        <v>34414.965570400003</v>
      </c>
      <c r="AW247" s="9">
        <v>37846.461901399998</v>
      </c>
      <c r="AX247" s="9">
        <v>37558.112236499997</v>
      </c>
      <c r="AY247" s="9">
        <v>39048.996286900001</v>
      </c>
      <c r="AZ247" s="9">
        <v>39721.204780599997</v>
      </c>
      <c r="BA247" s="9">
        <v>37409.735236799999</v>
      </c>
      <c r="BB247" s="9">
        <v>38055.70102</v>
      </c>
      <c r="BC247" s="9">
        <v>40687.247413700003</v>
      </c>
      <c r="BD247" s="9">
        <v>42690.9918597</v>
      </c>
      <c r="BE247" s="9">
        <v>43832.083174799998</v>
      </c>
      <c r="BF247" s="9">
        <v>55088.170521699998</v>
      </c>
      <c r="BG247" s="11">
        <v>-9.75</v>
      </c>
      <c r="BH247" s="13">
        <v>-0.14130434782608695</v>
      </c>
      <c r="BI247" s="6">
        <v>-2</v>
      </c>
      <c r="BJ247" s="13">
        <v>-2.8985507246376812E-2</v>
      </c>
      <c r="BK247" s="6">
        <v>-3</v>
      </c>
      <c r="BL247" s="13">
        <v>-4.4776119402985072E-2</v>
      </c>
      <c r="BM247" s="11">
        <v>-4.75</v>
      </c>
      <c r="BN247" s="13">
        <v>-7.421875E-2</v>
      </c>
      <c r="BO247" s="11">
        <v>-7.75</v>
      </c>
      <c r="BP247" s="13">
        <v>-0.11567164179104478</v>
      </c>
      <c r="BQ247" s="6">
        <v>69</v>
      </c>
      <c r="BR247" s="6">
        <v>65</v>
      </c>
      <c r="BS247" s="6">
        <v>67</v>
      </c>
      <c r="BT247" s="6">
        <v>67</v>
      </c>
      <c r="BU247" s="6">
        <v>65</v>
      </c>
      <c r="BV247" s="6">
        <v>63</v>
      </c>
      <c r="BW247" s="6">
        <v>64</v>
      </c>
      <c r="BX247" s="6">
        <v>63</v>
      </c>
      <c r="BY247" s="6">
        <v>63</v>
      </c>
      <c r="BZ247" s="6">
        <v>61</v>
      </c>
      <c r="CA247" s="6">
        <v>62</v>
      </c>
      <c r="CB247" s="6">
        <v>61</v>
      </c>
      <c r="CC247" s="11">
        <v>59.25</v>
      </c>
      <c r="CD247" s="11">
        <v>-60.064399999999999</v>
      </c>
      <c r="CE247" s="11">
        <v>-47.977400000000003</v>
      </c>
      <c r="CF247" s="11">
        <v>64.139300000000006</v>
      </c>
      <c r="CG247" s="11">
        <v>16</v>
      </c>
      <c r="CH247" s="20">
        <v>0.72260999999999997</v>
      </c>
      <c r="CI247" s="20">
        <v>0.69448600000000005</v>
      </c>
      <c r="CJ247" s="20">
        <v>0.67447000000000001</v>
      </c>
      <c r="CK247" s="20">
        <v>0.66618599999999994</v>
      </c>
      <c r="CL247" s="20">
        <v>0.61416800000000005</v>
      </c>
      <c r="CM247" s="20">
        <v>0.64051599999999997</v>
      </c>
      <c r="CN247" s="20">
        <v>0.65693199999999996</v>
      </c>
      <c r="CO247" s="20">
        <v>0.63752900000000001</v>
      </c>
      <c r="CP247" s="20">
        <v>0.63801300000000005</v>
      </c>
      <c r="CQ247" s="20">
        <v>0.673512</v>
      </c>
      <c r="CR247" s="20">
        <v>0.679419</v>
      </c>
      <c r="CS247" s="20">
        <v>0.67916100000000001</v>
      </c>
      <c r="CT247" s="20">
        <v>0.66206799999999999</v>
      </c>
      <c r="CU247" s="20">
        <v>0.65488999999999997</v>
      </c>
      <c r="CV247" s="20">
        <v>0.65141899999999997</v>
      </c>
      <c r="CW247" s="20">
        <v>0.67447299999999999</v>
      </c>
      <c r="CX247" s="20">
        <v>0.67478099999999996</v>
      </c>
      <c r="CY247" s="6" t="s">
        <v>424</v>
      </c>
      <c r="CZ247" s="6" t="s">
        <v>425</v>
      </c>
      <c r="DA247" s="6" t="s">
        <v>132</v>
      </c>
      <c r="DB247" s="6"/>
      <c r="DC247" s="6">
        <v>38740</v>
      </c>
      <c r="DD247" s="6"/>
      <c r="DE247" s="6" t="s">
        <v>427</v>
      </c>
      <c r="DF247" s="6" t="s">
        <v>363</v>
      </c>
      <c r="DG247" s="6" t="s">
        <v>364</v>
      </c>
      <c r="DH247" s="6" t="s">
        <v>365</v>
      </c>
      <c r="DI247" s="6"/>
      <c r="DJ247" s="6">
        <v>29</v>
      </c>
      <c r="DK247" s="6">
        <v>23</v>
      </c>
      <c r="DL247" s="6">
        <v>8</v>
      </c>
      <c r="DM247" s="6" t="s">
        <v>368</v>
      </c>
      <c r="DN247" s="6">
        <v>5</v>
      </c>
      <c r="DO247" s="6" t="s">
        <v>429</v>
      </c>
      <c r="DP247" s="6"/>
      <c r="DQ247" s="6"/>
    </row>
    <row r="248" spans="1:121" x14ac:dyDescent="0.2">
      <c r="A248" s="6" t="s">
        <v>793</v>
      </c>
      <c r="B248" s="6" t="s">
        <v>179</v>
      </c>
      <c r="C248" s="6" t="s">
        <v>180</v>
      </c>
      <c r="D248" s="6" t="s">
        <v>132</v>
      </c>
      <c r="E248" s="6" t="s">
        <v>273</v>
      </c>
      <c r="F248" s="11">
        <v>513</v>
      </c>
      <c r="G248" s="13">
        <v>0.21</v>
      </c>
      <c r="H248" s="11">
        <v>201</v>
      </c>
      <c r="I248" s="13">
        <v>8.2886597938144332E-2</v>
      </c>
      <c r="J248" s="11">
        <v>77</v>
      </c>
      <c r="K248" s="13">
        <v>2.9322162985529324E-2</v>
      </c>
      <c r="L248" s="11">
        <v>235</v>
      </c>
      <c r="M248" s="13">
        <v>8.6940436551979278E-2</v>
      </c>
      <c r="N248" s="11">
        <v>312</v>
      </c>
      <c r="O248" s="13">
        <v>0.11881188118811881</v>
      </c>
      <c r="P248" s="7">
        <v>2425</v>
      </c>
      <c r="Q248" s="7">
        <v>2485</v>
      </c>
      <c r="R248" s="7">
        <v>2512</v>
      </c>
      <c r="S248" s="7">
        <v>2649</v>
      </c>
      <c r="T248" s="7">
        <v>2629</v>
      </c>
      <c r="U248" s="7">
        <v>2639</v>
      </c>
      <c r="V248" s="7">
        <v>2626</v>
      </c>
      <c r="W248" s="7">
        <v>2582</v>
      </c>
      <c r="X248" s="7">
        <v>2587</v>
      </c>
      <c r="Y248" s="7">
        <v>2703</v>
      </c>
      <c r="Z248" s="7">
        <v>2713</v>
      </c>
      <c r="AA248" s="7">
        <v>2713</v>
      </c>
      <c r="AB248" s="7">
        <v>2670</v>
      </c>
      <c r="AC248" s="7">
        <v>2804</v>
      </c>
      <c r="AD248" s="7">
        <v>2965</v>
      </c>
      <c r="AE248" s="7">
        <v>2875</v>
      </c>
      <c r="AF248" s="7">
        <v>2938</v>
      </c>
      <c r="AG248" s="9">
        <v>9107</v>
      </c>
      <c r="AH248" s="13">
        <v>0.44103830693980334</v>
      </c>
      <c r="AI248" s="9">
        <v>4456</v>
      </c>
      <c r="AJ248" s="13">
        <v>0.21579737517555331</v>
      </c>
      <c r="AK248" s="9">
        <v>1836</v>
      </c>
      <c r="AL248" s="13">
        <v>7.3132842063333994E-2</v>
      </c>
      <c r="AM248" s="9">
        <v>2815</v>
      </c>
      <c r="AN248" s="13">
        <v>0.10448758397980772</v>
      </c>
      <c r="AO248" s="9">
        <v>4651</v>
      </c>
      <c r="AP248" s="13">
        <v>0.18526190001991635</v>
      </c>
      <c r="AQ248" s="9">
        <v>20649</v>
      </c>
      <c r="AR248" s="9">
        <v>21206</v>
      </c>
      <c r="AS248" s="9">
        <v>22453</v>
      </c>
      <c r="AT248" s="9">
        <v>23208</v>
      </c>
      <c r="AU248" s="9">
        <v>23739</v>
      </c>
      <c r="AV248" s="9">
        <v>24055</v>
      </c>
      <c r="AW248" s="9">
        <v>25105</v>
      </c>
      <c r="AX248" s="9">
        <v>25691</v>
      </c>
      <c r="AY248" s="9">
        <v>26753</v>
      </c>
      <c r="AZ248" s="9">
        <v>26941</v>
      </c>
      <c r="BA248" s="9">
        <v>27623</v>
      </c>
      <c r="BB248" s="9">
        <v>27767</v>
      </c>
      <c r="BC248" s="9">
        <v>29420</v>
      </c>
      <c r="BD248" s="9">
        <v>30245</v>
      </c>
      <c r="BE248" s="9">
        <v>30159</v>
      </c>
      <c r="BF248" s="9">
        <v>29756</v>
      </c>
      <c r="BG248" s="11">
        <v>-39</v>
      </c>
      <c r="BH248" s="13">
        <v>-0.17647058823529413</v>
      </c>
      <c r="BI248" s="6">
        <v>-3</v>
      </c>
      <c r="BJ248" s="13">
        <v>-1.3574660633484163E-2</v>
      </c>
      <c r="BK248" s="6">
        <v>-13</v>
      </c>
      <c r="BL248" s="13">
        <v>-5.9633027522935783E-2</v>
      </c>
      <c r="BM248" s="11">
        <v>-23</v>
      </c>
      <c r="BN248" s="13">
        <v>-0.11219512195121951</v>
      </c>
      <c r="BO248" s="11">
        <v>-36</v>
      </c>
      <c r="BP248" s="13">
        <v>-0.16513761467889909</v>
      </c>
      <c r="BQ248" s="6">
        <v>221</v>
      </c>
      <c r="BR248" s="6">
        <v>224</v>
      </c>
      <c r="BS248" s="6">
        <v>217</v>
      </c>
      <c r="BT248" s="6">
        <v>218</v>
      </c>
      <c r="BU248" s="6">
        <v>219</v>
      </c>
      <c r="BV248" s="6">
        <v>209</v>
      </c>
      <c r="BW248" s="6">
        <v>205</v>
      </c>
      <c r="BX248" s="6">
        <v>197</v>
      </c>
      <c r="BY248" s="6">
        <v>191</v>
      </c>
      <c r="BZ248" s="6">
        <v>190</v>
      </c>
      <c r="CA248" s="6">
        <v>190</v>
      </c>
      <c r="CB248" s="6">
        <v>193</v>
      </c>
      <c r="CC248" s="11">
        <v>182</v>
      </c>
      <c r="CD248" s="11">
        <v>403</v>
      </c>
      <c r="CE248" s="11">
        <v>-155</v>
      </c>
      <c r="CF248" s="11">
        <v>265</v>
      </c>
      <c r="CG248" s="11">
        <v>110</v>
      </c>
      <c r="CH248" s="20">
        <v>1.1100000000000001</v>
      </c>
      <c r="CI248" s="20">
        <v>1.1200000000000001</v>
      </c>
      <c r="CJ248" s="20">
        <v>1.1200000000000001</v>
      </c>
      <c r="CK248" s="20">
        <v>1.1299999999999999</v>
      </c>
      <c r="CL248" s="20">
        <v>1.0900000000000001</v>
      </c>
      <c r="CM248" s="20">
        <v>1.1200000000000001</v>
      </c>
      <c r="CN248" s="20">
        <v>1.1399999999999999</v>
      </c>
      <c r="CO248" s="20">
        <v>1.1200000000000001</v>
      </c>
      <c r="CP248" s="20">
        <v>1.18</v>
      </c>
      <c r="CQ248" s="20">
        <v>1.25</v>
      </c>
      <c r="CR248" s="20">
        <v>1.24</v>
      </c>
      <c r="CS248" s="20">
        <v>1.24</v>
      </c>
      <c r="CT248" s="20">
        <v>1.25</v>
      </c>
      <c r="CU248" s="20">
        <v>1.28</v>
      </c>
      <c r="CV248" s="20">
        <v>1.36</v>
      </c>
      <c r="CW248" s="20">
        <v>1.32</v>
      </c>
      <c r="CX248" s="20">
        <v>1.34</v>
      </c>
      <c r="CY248" s="6" t="s">
        <v>424</v>
      </c>
      <c r="CZ248" s="6" t="s">
        <v>425</v>
      </c>
      <c r="DA248" s="6" t="s">
        <v>132</v>
      </c>
      <c r="DB248" s="6"/>
      <c r="DC248" s="6">
        <v>38740</v>
      </c>
      <c r="DD248" s="6"/>
      <c r="DE248" s="6" t="s">
        <v>427</v>
      </c>
      <c r="DF248" s="6" t="s">
        <v>363</v>
      </c>
      <c r="DG248" s="6" t="s">
        <v>364</v>
      </c>
      <c r="DH248" s="6" t="s">
        <v>365</v>
      </c>
      <c r="DI248" s="6"/>
      <c r="DJ248" s="6">
        <v>29</v>
      </c>
      <c r="DK248" s="6">
        <v>23</v>
      </c>
      <c r="DL248" s="6">
        <v>8</v>
      </c>
      <c r="DM248" s="6" t="s">
        <v>368</v>
      </c>
      <c r="DN248" s="6">
        <v>5</v>
      </c>
      <c r="DO248" s="6" t="s">
        <v>429</v>
      </c>
      <c r="DP248" s="6"/>
      <c r="DQ248" s="6"/>
    </row>
    <row r="249" spans="1:121" x14ac:dyDescent="0.2">
      <c r="A249" s="6" t="s">
        <v>794</v>
      </c>
      <c r="B249" s="6" t="s">
        <v>181</v>
      </c>
      <c r="C249" s="6" t="s">
        <v>182</v>
      </c>
      <c r="D249" s="6" t="s">
        <v>132</v>
      </c>
      <c r="E249" s="6" t="s">
        <v>273</v>
      </c>
      <c r="F249" s="11">
        <v>-184</v>
      </c>
      <c r="G249" s="13">
        <v>-0.27752639517299998</v>
      </c>
      <c r="H249" s="11">
        <v>-48.975084315000004</v>
      </c>
      <c r="I249" s="13">
        <v>-7.3876454770848532E-2</v>
      </c>
      <c r="J249" s="11">
        <v>-120.24656955299997</v>
      </c>
      <c r="K249" s="13">
        <v>-0.19585498216281799</v>
      </c>
      <c r="L249" s="11">
        <v>-14.256887660999951</v>
      </c>
      <c r="M249" s="13">
        <v>-2.8877013779689157E-2</v>
      </c>
      <c r="N249" s="11">
        <v>-134.50345721399992</v>
      </c>
      <c r="O249" s="13">
        <v>-0.21907628892377071</v>
      </c>
      <c r="P249" s="7">
        <v>662.93224907599995</v>
      </c>
      <c r="Q249" s="7">
        <v>655.610794188</v>
      </c>
      <c r="R249" s="7">
        <v>586.59152197799995</v>
      </c>
      <c r="S249" s="7">
        <v>601.18236930299997</v>
      </c>
      <c r="T249" s="7">
        <v>631.62828898800001</v>
      </c>
      <c r="U249" s="7">
        <v>639.23975074400005</v>
      </c>
      <c r="V249" s="7">
        <v>613.95716476099994</v>
      </c>
      <c r="W249" s="7">
        <v>494.82843722899997</v>
      </c>
      <c r="X249" s="7">
        <v>498.784547514</v>
      </c>
      <c r="Y249" s="7">
        <v>493.71059520799997</v>
      </c>
      <c r="Z249" s="7">
        <v>468.56789370600001</v>
      </c>
      <c r="AA249" s="7">
        <v>432.09016879000001</v>
      </c>
      <c r="AB249" s="7">
        <v>504.263303759</v>
      </c>
      <c r="AC249" s="7">
        <v>483.39283624699999</v>
      </c>
      <c r="AD249" s="7">
        <v>466.27996708500001</v>
      </c>
      <c r="AE249" s="7">
        <v>479.139386188</v>
      </c>
      <c r="AF249" s="7">
        <v>479.45370754700002</v>
      </c>
      <c r="AG249" s="9">
        <v>10108.952186200004</v>
      </c>
      <c r="AH249" s="13">
        <v>0.23478159118547004</v>
      </c>
      <c r="AI249" s="9">
        <v>7464.2325001000063</v>
      </c>
      <c r="AJ249" s="13">
        <v>0.17335766863593577</v>
      </c>
      <c r="AK249" s="9">
        <v>-1976.3558069999999</v>
      </c>
      <c r="AL249" s="13">
        <v>-3.9119438930019616E-2</v>
      </c>
      <c r="AM249" s="9">
        <v>4621.0754930999974</v>
      </c>
      <c r="AN249" s="13">
        <v>9.5192150716066321E-2</v>
      </c>
      <c r="AO249" s="9">
        <v>2644.7196860999975</v>
      </c>
      <c r="AP249" s="13">
        <v>5.2348848259492327E-2</v>
      </c>
      <c r="AQ249" s="9">
        <v>43056.834801899997</v>
      </c>
      <c r="AR249" s="9">
        <v>42565.001171199998</v>
      </c>
      <c r="AS249" s="9">
        <v>44865.476577499998</v>
      </c>
      <c r="AT249" s="9">
        <v>47008.996777499997</v>
      </c>
      <c r="AU249" s="9">
        <v>47312.521095600001</v>
      </c>
      <c r="AV249" s="9">
        <v>48190.599024900002</v>
      </c>
      <c r="AW249" s="9">
        <v>50521.067302000003</v>
      </c>
      <c r="AX249" s="9">
        <v>50331.165138999997</v>
      </c>
      <c r="AY249" s="9">
        <v>48292.003210000003</v>
      </c>
      <c r="AZ249" s="9">
        <v>48544.711495000003</v>
      </c>
      <c r="BA249" s="9">
        <v>50232.464318500002</v>
      </c>
      <c r="BB249" s="9">
        <v>49618.897312300003</v>
      </c>
      <c r="BC249" s="9">
        <v>51189.254267099997</v>
      </c>
      <c r="BD249" s="9">
        <v>53851.703300699999</v>
      </c>
      <c r="BE249" s="9">
        <v>54794.580079400002</v>
      </c>
      <c r="BF249" s="9">
        <v>53165.786988100001</v>
      </c>
      <c r="BG249" s="11">
        <v>-2.75</v>
      </c>
      <c r="BH249" s="13">
        <v>-6.1111111111111109E-2</v>
      </c>
      <c r="BI249" s="6">
        <v>-4</v>
      </c>
      <c r="BJ249" s="13">
        <v>-8.8888888888888892E-2</v>
      </c>
      <c r="BK249" s="6">
        <v>-5</v>
      </c>
      <c r="BL249" s="13">
        <v>-0.12195121951219512</v>
      </c>
      <c r="BM249" s="11">
        <v>6.25</v>
      </c>
      <c r="BN249" s="13">
        <v>0.1736111111111111</v>
      </c>
      <c r="BO249" s="11">
        <v>1.25</v>
      </c>
      <c r="BP249" s="13">
        <v>3.048780487804878E-2</v>
      </c>
      <c r="BQ249" s="6">
        <v>45</v>
      </c>
      <c r="BR249" s="6">
        <v>46</v>
      </c>
      <c r="BS249" s="6">
        <v>40</v>
      </c>
      <c r="BT249" s="6">
        <v>41</v>
      </c>
      <c r="BU249" s="6">
        <v>38</v>
      </c>
      <c r="BV249" s="6">
        <v>35</v>
      </c>
      <c r="BW249" s="6">
        <v>36</v>
      </c>
      <c r="BX249" s="6">
        <v>40</v>
      </c>
      <c r="BY249" s="6">
        <v>41</v>
      </c>
      <c r="BZ249" s="6">
        <v>46</v>
      </c>
      <c r="CA249" s="6">
        <v>42</v>
      </c>
      <c r="CB249" s="6">
        <v>44</v>
      </c>
      <c r="CC249" s="11">
        <v>42.25</v>
      </c>
      <c r="CD249" s="11">
        <v>-297.73</v>
      </c>
      <c r="CE249" s="11">
        <v>41.7849</v>
      </c>
      <c r="CF249" s="11">
        <v>72.466499999999996</v>
      </c>
      <c r="CG249" s="11">
        <v>114</v>
      </c>
      <c r="CH249" s="20">
        <v>1.0313600000000001</v>
      </c>
      <c r="CI249" s="20">
        <v>1.0254300000000001</v>
      </c>
      <c r="CJ249" s="20">
        <v>0.91074900000000003</v>
      </c>
      <c r="CK249" s="20">
        <v>0.87676100000000001</v>
      </c>
      <c r="CL249" s="20">
        <v>0.88407500000000006</v>
      </c>
      <c r="CM249" s="20">
        <v>0.90180300000000002</v>
      </c>
      <c r="CN249" s="20">
        <v>0.88168599999999997</v>
      </c>
      <c r="CO249" s="20">
        <v>0.70366499999999998</v>
      </c>
      <c r="CP249" s="20">
        <v>0.75202500000000005</v>
      </c>
      <c r="CQ249" s="20">
        <v>0.75940799999999997</v>
      </c>
      <c r="CR249" s="20">
        <v>0.70449300000000004</v>
      </c>
      <c r="CS249" s="20">
        <v>0.64394700000000005</v>
      </c>
      <c r="CT249" s="20">
        <v>0.76356599999999997</v>
      </c>
      <c r="CU249" s="20">
        <v>0.70089800000000002</v>
      </c>
      <c r="CV249" s="20">
        <v>0.66098999999999997</v>
      </c>
      <c r="CW249" s="20">
        <v>0.66994200000000004</v>
      </c>
      <c r="CX249" s="20">
        <v>0.65988199999999997</v>
      </c>
      <c r="CY249" s="6" t="s">
        <v>424</v>
      </c>
      <c r="CZ249" s="6" t="s">
        <v>425</v>
      </c>
      <c r="DA249" s="6" t="s">
        <v>132</v>
      </c>
      <c r="DB249" s="6"/>
      <c r="DC249" s="6">
        <v>38740</v>
      </c>
      <c r="DD249" s="6"/>
      <c r="DE249" s="6" t="s">
        <v>427</v>
      </c>
      <c r="DF249" s="6" t="s">
        <v>363</v>
      </c>
      <c r="DG249" s="6" t="s">
        <v>364</v>
      </c>
      <c r="DH249" s="6" t="s">
        <v>365</v>
      </c>
      <c r="DI249" s="6"/>
      <c r="DJ249" s="6">
        <v>29</v>
      </c>
      <c r="DK249" s="6">
        <v>23</v>
      </c>
      <c r="DL249" s="6">
        <v>8</v>
      </c>
      <c r="DM249" s="6" t="s">
        <v>368</v>
      </c>
      <c r="DN249" s="6">
        <v>5</v>
      </c>
      <c r="DO249" s="6" t="s">
        <v>429</v>
      </c>
      <c r="DP249" s="6"/>
      <c r="DQ249" s="6"/>
    </row>
    <row r="250" spans="1:121" x14ac:dyDescent="0.2">
      <c r="A250" s="6" t="s">
        <v>314</v>
      </c>
      <c r="B250" s="6" t="s">
        <v>314</v>
      </c>
      <c r="C250" s="6" t="s">
        <v>183</v>
      </c>
      <c r="D250" s="6" t="s">
        <v>132</v>
      </c>
      <c r="E250" s="6" t="s">
        <v>273</v>
      </c>
      <c r="F250" s="11">
        <v>-217</v>
      </c>
      <c r="G250" s="13">
        <v>-0.58648648648599999</v>
      </c>
      <c r="H250" s="11">
        <v>-122.83697072899997</v>
      </c>
      <c r="I250" s="13">
        <v>-0.33172771540543999</v>
      </c>
      <c r="J250" s="11">
        <v>-34.463588093999988</v>
      </c>
      <c r="K250" s="13">
        <v>-0.13927068159191985</v>
      </c>
      <c r="L250" s="11">
        <v>-60.235204889000016</v>
      </c>
      <c r="M250" s="13">
        <v>-0.28280234459262188</v>
      </c>
      <c r="N250" s="11">
        <v>-94.698792983000004</v>
      </c>
      <c r="O250" s="13">
        <v>-0.38268695089733434</v>
      </c>
      <c r="P250" s="7">
        <v>370.29456697299997</v>
      </c>
      <c r="Q250" s="7">
        <v>352.75649137900001</v>
      </c>
      <c r="R250" s="7">
        <v>354.78368450200003</v>
      </c>
      <c r="S250" s="7">
        <v>321.40410358899999</v>
      </c>
      <c r="T250" s="7">
        <v>287.88292119599998</v>
      </c>
      <c r="U250" s="7">
        <v>266.29057846199998</v>
      </c>
      <c r="V250" s="7">
        <v>247.457596244</v>
      </c>
      <c r="W250" s="7">
        <v>220.52628968900001</v>
      </c>
      <c r="X250" s="7">
        <v>203.86340727800001</v>
      </c>
      <c r="Y250" s="7">
        <v>212.99400815000001</v>
      </c>
      <c r="Z250" s="7">
        <v>209.57993618099999</v>
      </c>
      <c r="AA250" s="7">
        <v>212.55133594099999</v>
      </c>
      <c r="AB250" s="7">
        <v>192.491307019</v>
      </c>
      <c r="AC250" s="7">
        <v>189.27851536700001</v>
      </c>
      <c r="AD250" s="7">
        <v>158.03227132000001</v>
      </c>
      <c r="AE250" s="7">
        <v>160.47051749400001</v>
      </c>
      <c r="AF250" s="7">
        <v>152.758803261</v>
      </c>
      <c r="AG250" s="9">
        <v>14354.063176699998</v>
      </c>
      <c r="AH250" s="13">
        <v>0.61398388719292296</v>
      </c>
      <c r="AI250" s="9">
        <v>7380.0229395000024</v>
      </c>
      <c r="AJ250" s="13">
        <v>0.31567474074674379</v>
      </c>
      <c r="AK250" s="9">
        <v>2451.9623066999993</v>
      </c>
      <c r="AL250" s="13">
        <v>7.9716344155681532E-2</v>
      </c>
      <c r="AM250" s="9">
        <v>4522.077930499996</v>
      </c>
      <c r="AN250" s="13">
        <v>0.13616389020515243</v>
      </c>
      <c r="AO250" s="9">
        <v>6974.0402371999953</v>
      </c>
      <c r="AP250" s="13">
        <v>0.22673472189400432</v>
      </c>
      <c r="AQ250" s="9">
        <v>23378.566565199999</v>
      </c>
      <c r="AR250" s="9">
        <v>25651.478523999998</v>
      </c>
      <c r="AS250" s="9">
        <v>26132.765436500002</v>
      </c>
      <c r="AT250" s="9">
        <v>27349.887850300001</v>
      </c>
      <c r="AU250" s="9">
        <v>28013.404059299999</v>
      </c>
      <c r="AV250" s="9">
        <v>29421.2638869</v>
      </c>
      <c r="AW250" s="9">
        <v>30758.589504700001</v>
      </c>
      <c r="AX250" s="9">
        <v>30973.841224200001</v>
      </c>
      <c r="AY250" s="9">
        <v>35632.495773499999</v>
      </c>
      <c r="AZ250" s="9">
        <v>33210.551811400001</v>
      </c>
      <c r="BA250" s="9">
        <v>34907.712312000003</v>
      </c>
      <c r="BB250" s="9">
        <v>35814.214504700001</v>
      </c>
      <c r="BC250" s="9">
        <v>37658.953910600001</v>
      </c>
      <c r="BD250" s="9">
        <v>40179.896937500002</v>
      </c>
      <c r="BE250" s="9">
        <v>35882.6215104</v>
      </c>
      <c r="BF250" s="9">
        <v>37732.629741899997</v>
      </c>
      <c r="BG250" s="11">
        <v>-6.25</v>
      </c>
      <c r="BH250" s="13">
        <v>-0.32894736842105265</v>
      </c>
      <c r="BI250" s="6">
        <v>-1</v>
      </c>
      <c r="BJ250" s="13">
        <v>-5.2631578947368418E-2</v>
      </c>
      <c r="BK250" s="6">
        <v>-1</v>
      </c>
      <c r="BL250" s="13">
        <v>-5.5555555555555552E-2</v>
      </c>
      <c r="BM250" s="11">
        <v>-4.25</v>
      </c>
      <c r="BN250" s="13">
        <v>-0.25</v>
      </c>
      <c r="BO250" s="11">
        <v>-5.25</v>
      </c>
      <c r="BP250" s="13">
        <v>-0.29166666666666669</v>
      </c>
      <c r="BQ250" s="6">
        <v>19</v>
      </c>
      <c r="BR250" s="6">
        <v>18</v>
      </c>
      <c r="BS250" s="6">
        <v>19</v>
      </c>
      <c r="BT250" s="6">
        <v>18</v>
      </c>
      <c r="BU250" s="6">
        <v>16</v>
      </c>
      <c r="BV250" s="6">
        <v>16</v>
      </c>
      <c r="BW250" s="6">
        <v>17</v>
      </c>
      <c r="BX250" s="6">
        <v>18</v>
      </c>
      <c r="BY250" s="6">
        <v>18</v>
      </c>
      <c r="BZ250" s="6">
        <v>16</v>
      </c>
      <c r="CA250" s="6">
        <v>15</v>
      </c>
      <c r="CB250" s="6">
        <v>13</v>
      </c>
      <c r="CC250" s="11">
        <v>12.75</v>
      </c>
      <c r="CD250" s="11">
        <v>-144.596</v>
      </c>
      <c r="CE250" s="11">
        <v>-113.41800000000001</v>
      </c>
      <c r="CF250" s="11">
        <v>40.477699999999999</v>
      </c>
      <c r="CG250" s="11">
        <v>-73</v>
      </c>
      <c r="CH250" s="20">
        <v>0.73155499999999996</v>
      </c>
      <c r="CI250" s="20">
        <v>0.72040300000000002</v>
      </c>
      <c r="CJ250" s="20">
        <v>0.75099800000000005</v>
      </c>
      <c r="CK250" s="20">
        <v>0.66608699999999998</v>
      </c>
      <c r="CL250" s="20">
        <v>0.59430499999999997</v>
      </c>
      <c r="CM250" s="20">
        <v>0.57058900000000001</v>
      </c>
      <c r="CN250" s="20">
        <v>0.55211399999999999</v>
      </c>
      <c r="CO250" s="20">
        <v>0.49145499999999998</v>
      </c>
      <c r="CP250" s="20">
        <v>0.479412</v>
      </c>
      <c r="CQ250" s="20">
        <v>0.52414799999999995</v>
      </c>
      <c r="CR250" s="20">
        <v>0.52288699999999999</v>
      </c>
      <c r="CS250" s="20">
        <v>0.53626499999999999</v>
      </c>
      <c r="CT250" s="20">
        <v>0.49856699999999998</v>
      </c>
      <c r="CU250" s="20">
        <v>0.47951700000000003</v>
      </c>
      <c r="CV250" s="20">
        <v>0.40571299999999999</v>
      </c>
      <c r="CW250" s="20">
        <v>0.410775</v>
      </c>
      <c r="CX250" s="20">
        <v>0.38977400000000001</v>
      </c>
      <c r="CY250" s="6" t="s">
        <v>424</v>
      </c>
      <c r="CZ250" s="6" t="s">
        <v>425</v>
      </c>
      <c r="DA250" s="6" t="s">
        <v>132</v>
      </c>
      <c r="DB250" s="6"/>
      <c r="DC250" s="6">
        <v>38740</v>
      </c>
      <c r="DD250" s="6"/>
      <c r="DE250" s="6" t="s">
        <v>427</v>
      </c>
      <c r="DF250" s="6" t="s">
        <v>363</v>
      </c>
      <c r="DG250" s="6" t="s">
        <v>364</v>
      </c>
      <c r="DH250" s="6" t="s">
        <v>365</v>
      </c>
      <c r="DI250" s="6"/>
      <c r="DJ250" s="6">
        <v>29</v>
      </c>
      <c r="DK250" s="6">
        <v>23</v>
      </c>
      <c r="DL250" s="6">
        <v>8</v>
      </c>
      <c r="DM250" s="6" t="s">
        <v>368</v>
      </c>
      <c r="DN250" s="6">
        <v>5</v>
      </c>
      <c r="DO250" s="6" t="s">
        <v>429</v>
      </c>
      <c r="DP250" s="6"/>
      <c r="DQ250" s="6"/>
    </row>
    <row r="251" spans="1:121" x14ac:dyDescent="0.2">
      <c r="A251" s="6" t="s">
        <v>315</v>
      </c>
      <c r="B251" s="6" t="s">
        <v>315</v>
      </c>
      <c r="C251" s="6" t="s">
        <v>184</v>
      </c>
      <c r="D251" s="6" t="s">
        <v>132</v>
      </c>
      <c r="E251" s="6" t="s">
        <v>273</v>
      </c>
      <c r="F251" s="11">
        <v>138</v>
      </c>
      <c r="G251" s="13">
        <v>0.28999999999999998</v>
      </c>
      <c r="H251" s="11">
        <v>52</v>
      </c>
      <c r="I251" s="13">
        <v>0.10743801652892562</v>
      </c>
      <c r="J251" s="11">
        <v>-34</v>
      </c>
      <c r="K251" s="13">
        <v>-6.3432835820895525E-2</v>
      </c>
      <c r="L251" s="11">
        <v>120</v>
      </c>
      <c r="M251" s="13">
        <v>0.23904382470119523</v>
      </c>
      <c r="N251" s="11">
        <v>86</v>
      </c>
      <c r="O251" s="13">
        <v>0.16044776119402984</v>
      </c>
      <c r="P251" s="7">
        <v>484</v>
      </c>
      <c r="Q251" s="7">
        <v>493</v>
      </c>
      <c r="R251" s="7">
        <v>505</v>
      </c>
      <c r="S251" s="7">
        <v>529</v>
      </c>
      <c r="T251" s="7">
        <v>550</v>
      </c>
      <c r="U251" s="7">
        <v>549</v>
      </c>
      <c r="V251" s="7">
        <v>536</v>
      </c>
      <c r="W251" s="7">
        <v>535</v>
      </c>
      <c r="X251" s="7">
        <v>537</v>
      </c>
      <c r="Y251" s="7">
        <v>502</v>
      </c>
      <c r="Z251" s="7">
        <v>509</v>
      </c>
      <c r="AA251" s="7">
        <v>528</v>
      </c>
      <c r="AB251" s="7">
        <v>544</v>
      </c>
      <c r="AC251" s="7">
        <v>560</v>
      </c>
      <c r="AD251" s="7">
        <v>591</v>
      </c>
      <c r="AE251" s="7">
        <v>604</v>
      </c>
      <c r="AF251" s="7">
        <v>622</v>
      </c>
      <c r="AG251" s="9">
        <v>27506</v>
      </c>
      <c r="AH251" s="13">
        <v>0.82881851327326961</v>
      </c>
      <c r="AI251" s="9">
        <v>8592</v>
      </c>
      <c r="AJ251" s="13">
        <v>0.25889655588031457</v>
      </c>
      <c r="AK251" s="9">
        <v>2088</v>
      </c>
      <c r="AL251" s="13">
        <v>4.9977261303525693E-2</v>
      </c>
      <c r="AM251" s="9">
        <v>16826</v>
      </c>
      <c r="AN251" s="13">
        <v>0.38356851391706753</v>
      </c>
      <c r="AO251" s="9">
        <v>18914</v>
      </c>
      <c r="AP251" s="13">
        <v>0.45271547906843151</v>
      </c>
      <c r="AQ251" s="9">
        <v>33187</v>
      </c>
      <c r="AR251" s="9">
        <v>34909</v>
      </c>
      <c r="AS251" s="9">
        <v>35678</v>
      </c>
      <c r="AT251" s="9">
        <v>37524</v>
      </c>
      <c r="AU251" s="9">
        <v>40399</v>
      </c>
      <c r="AV251" s="9">
        <v>43283</v>
      </c>
      <c r="AW251" s="9">
        <v>41779</v>
      </c>
      <c r="AX251" s="9">
        <v>44213</v>
      </c>
      <c r="AY251" s="9">
        <v>43520</v>
      </c>
      <c r="AZ251" s="9">
        <v>43867</v>
      </c>
      <c r="BA251" s="9">
        <v>45930</v>
      </c>
      <c r="BB251" s="9">
        <v>48935</v>
      </c>
      <c r="BC251" s="9">
        <v>53011</v>
      </c>
      <c r="BD251" s="9">
        <v>56821</v>
      </c>
      <c r="BE251" s="9">
        <v>59497</v>
      </c>
      <c r="BF251" s="9">
        <v>60693</v>
      </c>
      <c r="BG251" s="11">
        <v>10</v>
      </c>
      <c r="BH251" s="13">
        <v>0.16666666666666666</v>
      </c>
      <c r="BI251" s="6">
        <v>2</v>
      </c>
      <c r="BJ251" s="13">
        <v>3.3333333333333333E-2</v>
      </c>
      <c r="BK251" s="6">
        <v>-1</v>
      </c>
      <c r="BL251" s="13">
        <v>-1.6129032258064516E-2</v>
      </c>
      <c r="BM251" s="11">
        <v>9</v>
      </c>
      <c r="BN251" s="13">
        <v>0.14754098360655737</v>
      </c>
      <c r="BO251" s="11">
        <v>8</v>
      </c>
      <c r="BP251" s="13">
        <v>0.12903225806451613</v>
      </c>
      <c r="BQ251" s="6">
        <v>60</v>
      </c>
      <c r="BR251" s="6">
        <v>61</v>
      </c>
      <c r="BS251" s="6">
        <v>62</v>
      </c>
      <c r="BT251" s="6">
        <v>62</v>
      </c>
      <c r="BU251" s="6">
        <v>59</v>
      </c>
      <c r="BV251" s="6">
        <v>63</v>
      </c>
      <c r="BW251" s="6">
        <v>61</v>
      </c>
      <c r="BX251" s="6">
        <v>61</v>
      </c>
      <c r="BY251" s="6">
        <v>60</v>
      </c>
      <c r="BZ251" s="6">
        <v>61</v>
      </c>
      <c r="CA251" s="6">
        <v>64</v>
      </c>
      <c r="CB251" s="6">
        <v>69</v>
      </c>
      <c r="CC251" s="11">
        <v>70</v>
      </c>
      <c r="CD251" s="11">
        <v>124</v>
      </c>
      <c r="CE251" s="11">
        <v>-38</v>
      </c>
      <c r="CF251" s="11">
        <v>53</v>
      </c>
      <c r="CG251" s="11">
        <v>15</v>
      </c>
      <c r="CH251" s="20">
        <v>0.59</v>
      </c>
      <c r="CI251" s="20">
        <v>0.59</v>
      </c>
      <c r="CJ251" s="20">
        <v>0.57999999999999996</v>
      </c>
      <c r="CK251" s="20">
        <v>0.57999999999999996</v>
      </c>
      <c r="CL251" s="20">
        <v>0.57999999999999996</v>
      </c>
      <c r="CM251" s="20">
        <v>0.59</v>
      </c>
      <c r="CN251" s="20">
        <v>0.6</v>
      </c>
      <c r="CO251" s="20">
        <v>0.6</v>
      </c>
      <c r="CP251" s="20">
        <v>0.63</v>
      </c>
      <c r="CQ251" s="20">
        <v>0.6</v>
      </c>
      <c r="CR251" s="20">
        <v>0.61</v>
      </c>
      <c r="CS251" s="20">
        <v>0.64</v>
      </c>
      <c r="CT251" s="20">
        <v>0.67</v>
      </c>
      <c r="CU251" s="20">
        <v>0.69</v>
      </c>
      <c r="CV251" s="20">
        <v>0.73</v>
      </c>
      <c r="CW251" s="20">
        <v>0.74</v>
      </c>
      <c r="CX251" s="20">
        <v>0.76</v>
      </c>
      <c r="CY251" s="6" t="s">
        <v>424</v>
      </c>
      <c r="CZ251" s="6" t="s">
        <v>425</v>
      </c>
      <c r="DA251" s="6" t="s">
        <v>132</v>
      </c>
      <c r="DB251" s="6"/>
      <c r="DC251" s="6">
        <v>38740</v>
      </c>
      <c r="DD251" s="6"/>
      <c r="DE251" s="6" t="s">
        <v>427</v>
      </c>
      <c r="DF251" s="6" t="s">
        <v>363</v>
      </c>
      <c r="DG251" s="6" t="s">
        <v>364</v>
      </c>
      <c r="DH251" s="6" t="s">
        <v>365</v>
      </c>
      <c r="DI251" s="6"/>
      <c r="DJ251" s="6">
        <v>29</v>
      </c>
      <c r="DK251" s="6">
        <v>23</v>
      </c>
      <c r="DL251" s="6">
        <v>8</v>
      </c>
      <c r="DM251" s="6" t="s">
        <v>368</v>
      </c>
      <c r="DN251" s="6">
        <v>5</v>
      </c>
      <c r="DO251" s="6" t="s">
        <v>429</v>
      </c>
      <c r="DP251" s="6"/>
      <c r="DQ251" s="6"/>
    </row>
    <row r="252" spans="1:121" x14ac:dyDescent="0.2">
      <c r="A252" s="6" t="s">
        <v>316</v>
      </c>
      <c r="B252" s="6" t="s">
        <v>316</v>
      </c>
      <c r="C252" s="6" t="s">
        <v>185</v>
      </c>
      <c r="D252" s="6" t="s">
        <v>132</v>
      </c>
      <c r="E252" s="6" t="s">
        <v>273</v>
      </c>
      <c r="F252" s="11">
        <v>-70</v>
      </c>
      <c r="G252" s="13">
        <v>-0.32</v>
      </c>
      <c r="H252" s="11">
        <v>-9</v>
      </c>
      <c r="I252" s="13">
        <v>-4.072398190045249E-2</v>
      </c>
      <c r="J252" s="11">
        <v>-54</v>
      </c>
      <c r="K252" s="13">
        <v>-0.25471698113207547</v>
      </c>
      <c r="L252" s="11">
        <v>-7</v>
      </c>
      <c r="M252" s="13">
        <v>-4.4303797468354431E-2</v>
      </c>
      <c r="N252" s="11">
        <v>-61</v>
      </c>
      <c r="O252" s="13">
        <v>-0.28773584905660377</v>
      </c>
      <c r="P252" s="7">
        <v>221</v>
      </c>
      <c r="Q252" s="7">
        <v>221</v>
      </c>
      <c r="R252" s="7">
        <v>219</v>
      </c>
      <c r="S252" s="7">
        <v>218</v>
      </c>
      <c r="T252" s="7">
        <v>226</v>
      </c>
      <c r="U252" s="7">
        <v>231</v>
      </c>
      <c r="V252" s="7">
        <v>212</v>
      </c>
      <c r="W252" s="7">
        <v>271</v>
      </c>
      <c r="X252" s="7">
        <v>267</v>
      </c>
      <c r="Y252" s="7">
        <v>158</v>
      </c>
      <c r="Z252" s="7">
        <v>144</v>
      </c>
      <c r="AA252" s="7">
        <v>161</v>
      </c>
      <c r="AB252" s="7">
        <v>161</v>
      </c>
      <c r="AC252" s="7">
        <v>167</v>
      </c>
      <c r="AD252" s="7">
        <v>163</v>
      </c>
      <c r="AE252" s="7">
        <v>153</v>
      </c>
      <c r="AF252" s="7">
        <v>151</v>
      </c>
      <c r="AG252" s="9">
        <v>21335</v>
      </c>
      <c r="AH252" s="13">
        <v>0.84055629973997326</v>
      </c>
      <c r="AI252" s="9">
        <v>8661</v>
      </c>
      <c r="AJ252" s="13">
        <v>0.34122606571586162</v>
      </c>
      <c r="AK252" s="9">
        <v>6920</v>
      </c>
      <c r="AL252" s="13">
        <v>0.20327233205064185</v>
      </c>
      <c r="AM252" s="9">
        <v>5754</v>
      </c>
      <c r="AN252" s="13">
        <v>0.14046822742474915</v>
      </c>
      <c r="AO252" s="9">
        <v>12674</v>
      </c>
      <c r="AP252" s="13">
        <v>0.37229386364303968</v>
      </c>
      <c r="AQ252" s="9">
        <v>25382</v>
      </c>
      <c r="AR252" s="9">
        <v>27907</v>
      </c>
      <c r="AS252" s="9">
        <v>29527</v>
      </c>
      <c r="AT252" s="9">
        <v>29275</v>
      </c>
      <c r="AU252" s="9">
        <v>31747</v>
      </c>
      <c r="AV252" s="9">
        <v>30696</v>
      </c>
      <c r="AW252" s="9">
        <v>34043</v>
      </c>
      <c r="AX252" s="9">
        <v>45724</v>
      </c>
      <c r="AY252" s="9">
        <v>45773</v>
      </c>
      <c r="AZ252" s="9">
        <v>40963</v>
      </c>
      <c r="BA252" s="9">
        <v>42927</v>
      </c>
      <c r="BB252" s="9">
        <v>43182</v>
      </c>
      <c r="BC252" s="9">
        <v>50724</v>
      </c>
      <c r="BD252" s="9">
        <v>45346</v>
      </c>
      <c r="BE252" s="9">
        <v>51925</v>
      </c>
      <c r="BF252" s="9">
        <v>46717</v>
      </c>
      <c r="BG252" s="11">
        <v>1</v>
      </c>
      <c r="BH252" s="13">
        <v>3.5714285714285712E-2</v>
      </c>
      <c r="BI252" s="6">
        <v>2</v>
      </c>
      <c r="BJ252" s="13">
        <v>7.1428571428571425E-2</v>
      </c>
      <c r="BK252" s="6">
        <v>2</v>
      </c>
      <c r="BL252" s="13">
        <v>6.6666666666666666E-2</v>
      </c>
      <c r="BM252" s="11">
        <v>-3</v>
      </c>
      <c r="BN252" s="13">
        <v>-9.375E-2</v>
      </c>
      <c r="BO252" s="11">
        <v>-1</v>
      </c>
      <c r="BP252" s="13">
        <v>-3.3333333333333333E-2</v>
      </c>
      <c r="BQ252" s="6">
        <v>28</v>
      </c>
      <c r="BR252" s="6">
        <v>32</v>
      </c>
      <c r="BS252" s="6">
        <v>32</v>
      </c>
      <c r="BT252" s="6">
        <v>30</v>
      </c>
      <c r="BU252" s="6">
        <v>32</v>
      </c>
      <c r="BV252" s="6">
        <v>32</v>
      </c>
      <c r="BW252" s="6">
        <v>32</v>
      </c>
      <c r="BX252" s="6">
        <v>30</v>
      </c>
      <c r="BY252" s="6">
        <v>34</v>
      </c>
      <c r="BZ252" s="6">
        <v>31</v>
      </c>
      <c r="CA252" s="6">
        <v>31</v>
      </c>
      <c r="CB252" s="6">
        <v>31</v>
      </c>
      <c r="CC252" s="11">
        <v>29</v>
      </c>
      <c r="CD252" s="11">
        <v>-83</v>
      </c>
      <c r="CE252" s="11">
        <v>-11</v>
      </c>
      <c r="CF252" s="11">
        <v>24</v>
      </c>
      <c r="CG252" s="11">
        <v>13</v>
      </c>
      <c r="CH252" s="20">
        <v>0.65</v>
      </c>
      <c r="CI252" s="20">
        <v>0.63</v>
      </c>
      <c r="CJ252" s="20">
        <v>0.6</v>
      </c>
      <c r="CK252" s="20">
        <v>0.56000000000000005</v>
      </c>
      <c r="CL252" s="20">
        <v>0.55000000000000004</v>
      </c>
      <c r="CM252" s="20">
        <v>0.56999999999999995</v>
      </c>
      <c r="CN252" s="20">
        <v>0.55000000000000004</v>
      </c>
      <c r="CO252" s="20">
        <v>0.71</v>
      </c>
      <c r="CP252" s="20">
        <v>0.74</v>
      </c>
      <c r="CQ252" s="20">
        <v>0.46</v>
      </c>
      <c r="CR252" s="20">
        <v>0.42</v>
      </c>
      <c r="CS252" s="20">
        <v>0.47</v>
      </c>
      <c r="CT252" s="20">
        <v>0.48</v>
      </c>
      <c r="CU252" s="20">
        <v>0.48</v>
      </c>
      <c r="CV252" s="20">
        <v>0.47</v>
      </c>
      <c r="CW252" s="20">
        <v>0.45</v>
      </c>
      <c r="CX252" s="20">
        <v>0.44</v>
      </c>
      <c r="CY252" s="6" t="s">
        <v>424</v>
      </c>
      <c r="CZ252" s="6" t="s">
        <v>425</v>
      </c>
      <c r="DA252" s="6" t="s">
        <v>132</v>
      </c>
      <c r="DB252" s="6"/>
      <c r="DC252" s="6">
        <v>38740</v>
      </c>
      <c r="DD252" s="6"/>
      <c r="DE252" s="6" t="s">
        <v>427</v>
      </c>
      <c r="DF252" s="6" t="s">
        <v>363</v>
      </c>
      <c r="DG252" s="6" t="s">
        <v>364</v>
      </c>
      <c r="DH252" s="6" t="s">
        <v>365</v>
      </c>
      <c r="DI252" s="6"/>
      <c r="DJ252" s="6">
        <v>29</v>
      </c>
      <c r="DK252" s="6">
        <v>23</v>
      </c>
      <c r="DL252" s="6">
        <v>8</v>
      </c>
      <c r="DM252" s="6" t="s">
        <v>368</v>
      </c>
      <c r="DN252" s="6">
        <v>5</v>
      </c>
      <c r="DO252" s="6" t="s">
        <v>429</v>
      </c>
      <c r="DP252" s="6"/>
      <c r="DQ252" s="6"/>
    </row>
    <row r="253" spans="1:121" x14ac:dyDescent="0.2">
      <c r="A253" s="6" t="s">
        <v>317</v>
      </c>
      <c r="B253" s="6" t="s">
        <v>317</v>
      </c>
      <c r="C253" s="6" t="s">
        <v>186</v>
      </c>
      <c r="D253" s="6" t="s">
        <v>132</v>
      </c>
      <c r="E253" s="6" t="s">
        <v>273</v>
      </c>
      <c r="F253" s="11">
        <v>72</v>
      </c>
      <c r="G253" s="13">
        <v>0.17</v>
      </c>
      <c r="H253" s="11">
        <v>92</v>
      </c>
      <c r="I253" s="13">
        <v>0.21698113207547173</v>
      </c>
      <c r="J253" s="11">
        <v>6</v>
      </c>
      <c r="K253" s="13">
        <v>1.1627906976744186E-2</v>
      </c>
      <c r="L253" s="11">
        <v>-26</v>
      </c>
      <c r="M253" s="13">
        <v>-4.9808429118773943E-2</v>
      </c>
      <c r="N253" s="11">
        <v>-20</v>
      </c>
      <c r="O253" s="13">
        <v>-3.875968992248062E-2</v>
      </c>
      <c r="P253" s="7">
        <v>424</v>
      </c>
      <c r="Q253" s="7">
        <v>406</v>
      </c>
      <c r="R253" s="7">
        <v>412</v>
      </c>
      <c r="S253" s="7">
        <v>423</v>
      </c>
      <c r="T253" s="7">
        <v>422</v>
      </c>
      <c r="U253" s="7">
        <v>485</v>
      </c>
      <c r="V253" s="7">
        <v>516</v>
      </c>
      <c r="W253" s="7">
        <v>505</v>
      </c>
      <c r="X253" s="7">
        <v>485</v>
      </c>
      <c r="Y253" s="7">
        <v>522</v>
      </c>
      <c r="Z253" s="7">
        <v>502</v>
      </c>
      <c r="AA253" s="7">
        <v>511</v>
      </c>
      <c r="AB253" s="7">
        <v>497</v>
      </c>
      <c r="AC253" s="7">
        <v>502</v>
      </c>
      <c r="AD253" s="7">
        <v>506</v>
      </c>
      <c r="AE253" s="7">
        <v>493</v>
      </c>
      <c r="AF253" s="7">
        <v>496</v>
      </c>
      <c r="AG253" s="9">
        <v>45497</v>
      </c>
      <c r="AH253" s="13">
        <v>1.4559040000000001</v>
      </c>
      <c r="AI253" s="9">
        <v>14776</v>
      </c>
      <c r="AJ253" s="13">
        <v>0.47283199999999997</v>
      </c>
      <c r="AK253" s="9">
        <v>17025</v>
      </c>
      <c r="AL253" s="13">
        <v>0.36989962195280929</v>
      </c>
      <c r="AM253" s="9">
        <v>13696</v>
      </c>
      <c r="AN253" s="13">
        <v>0.21722097984171543</v>
      </c>
      <c r="AO253" s="9">
        <v>30721</v>
      </c>
      <c r="AP253" s="13">
        <v>0.66747056011819406</v>
      </c>
      <c r="AQ253" s="9">
        <v>31250</v>
      </c>
      <c r="AR253" s="9">
        <v>32135</v>
      </c>
      <c r="AS253" s="9">
        <v>31855</v>
      </c>
      <c r="AT253" s="9">
        <v>32933</v>
      </c>
      <c r="AU253" s="9">
        <v>33035</v>
      </c>
      <c r="AV253" s="9">
        <v>41914</v>
      </c>
      <c r="AW253" s="9">
        <v>46026</v>
      </c>
      <c r="AX253" s="9">
        <v>50313</v>
      </c>
      <c r="AY253" s="9">
        <v>54162</v>
      </c>
      <c r="AZ253" s="9">
        <v>63051</v>
      </c>
      <c r="BA253" s="9">
        <v>66937</v>
      </c>
      <c r="BB253" s="9">
        <v>67506</v>
      </c>
      <c r="BC253" s="9">
        <v>71233</v>
      </c>
      <c r="BD253" s="9">
        <v>73340</v>
      </c>
      <c r="BE253" s="9">
        <v>73492</v>
      </c>
      <c r="BF253" s="9">
        <v>76747</v>
      </c>
      <c r="BG253" s="11">
        <v>-4</v>
      </c>
      <c r="BH253" s="13">
        <v>-7.0175438596491224E-2</v>
      </c>
      <c r="BI253" s="6">
        <v>17</v>
      </c>
      <c r="BJ253" s="13">
        <v>0.2982456140350877</v>
      </c>
      <c r="BK253" s="6">
        <v>-14</v>
      </c>
      <c r="BL253" s="13">
        <v>-0.1891891891891892</v>
      </c>
      <c r="BM253" s="11">
        <v>-7</v>
      </c>
      <c r="BN253" s="13">
        <v>-0.11666666666666667</v>
      </c>
      <c r="BO253" s="11">
        <v>-21</v>
      </c>
      <c r="BP253" s="13">
        <v>-0.28378378378378377</v>
      </c>
      <c r="BQ253" s="6">
        <v>57</v>
      </c>
      <c r="BR253" s="6">
        <v>61</v>
      </c>
      <c r="BS253" s="6">
        <v>67</v>
      </c>
      <c r="BT253" s="6">
        <v>74</v>
      </c>
      <c r="BU253" s="6">
        <v>70</v>
      </c>
      <c r="BV253" s="6">
        <v>67</v>
      </c>
      <c r="BW253" s="6">
        <v>60</v>
      </c>
      <c r="BX253" s="6">
        <v>55</v>
      </c>
      <c r="BY253" s="6">
        <v>57</v>
      </c>
      <c r="BZ253" s="6">
        <v>58</v>
      </c>
      <c r="CA253" s="6">
        <v>56</v>
      </c>
      <c r="CB253" s="6">
        <v>56</v>
      </c>
      <c r="CC253" s="11">
        <v>53</v>
      </c>
      <c r="CD253" s="11">
        <v>-58</v>
      </c>
      <c r="CE253" s="11">
        <v>85</v>
      </c>
      <c r="CF253" s="11">
        <v>46</v>
      </c>
      <c r="CG253" s="11">
        <v>131</v>
      </c>
      <c r="CH253" s="20">
        <v>0.39</v>
      </c>
      <c r="CI253" s="20">
        <v>0.37</v>
      </c>
      <c r="CJ253" s="20">
        <v>0.37</v>
      </c>
      <c r="CK253" s="20">
        <v>0.36</v>
      </c>
      <c r="CL253" s="20">
        <v>0.34</v>
      </c>
      <c r="CM253" s="20">
        <v>0.39</v>
      </c>
      <c r="CN253" s="20">
        <v>0.41</v>
      </c>
      <c r="CO253" s="20">
        <v>0.39</v>
      </c>
      <c r="CP253" s="20">
        <v>0.39</v>
      </c>
      <c r="CQ253" s="20">
        <v>0.42</v>
      </c>
      <c r="CR253" s="20">
        <v>0.4</v>
      </c>
      <c r="CS253" s="20">
        <v>0.4</v>
      </c>
      <c r="CT253" s="20">
        <v>0.39</v>
      </c>
      <c r="CU253" s="20">
        <v>0.38</v>
      </c>
      <c r="CV253" s="20">
        <v>0.38</v>
      </c>
      <c r="CW253" s="20">
        <v>0.37</v>
      </c>
      <c r="CX253" s="20">
        <v>0.36</v>
      </c>
      <c r="CY253" s="6" t="s">
        <v>424</v>
      </c>
      <c r="CZ253" s="6" t="s">
        <v>425</v>
      </c>
      <c r="DA253" s="6" t="s">
        <v>132</v>
      </c>
      <c r="DB253" s="6"/>
      <c r="DC253" s="6">
        <v>38740</v>
      </c>
      <c r="DD253" s="6"/>
      <c r="DE253" s="6" t="s">
        <v>427</v>
      </c>
      <c r="DF253" s="6" t="s">
        <v>363</v>
      </c>
      <c r="DG253" s="6" t="s">
        <v>364</v>
      </c>
      <c r="DH253" s="6" t="s">
        <v>365</v>
      </c>
      <c r="DI253" s="6"/>
      <c r="DJ253" s="6">
        <v>29</v>
      </c>
      <c r="DK253" s="6">
        <v>23</v>
      </c>
      <c r="DL253" s="6">
        <v>8</v>
      </c>
      <c r="DM253" s="6" t="s">
        <v>368</v>
      </c>
      <c r="DN253" s="6">
        <v>5</v>
      </c>
      <c r="DO253" s="6" t="s">
        <v>429</v>
      </c>
      <c r="DP253" s="6"/>
      <c r="DQ253" s="6"/>
    </row>
    <row r="254" spans="1:121" x14ac:dyDescent="0.2">
      <c r="A254" s="6" t="s">
        <v>318</v>
      </c>
      <c r="B254" s="6" t="s">
        <v>318</v>
      </c>
      <c r="C254" s="6" t="s">
        <v>187</v>
      </c>
      <c r="D254" s="6" t="s">
        <v>132</v>
      </c>
      <c r="E254" s="6" t="s">
        <v>273</v>
      </c>
      <c r="F254" s="11">
        <v>41</v>
      </c>
      <c r="G254" s="13">
        <v>1.0789473684199999</v>
      </c>
      <c r="H254" s="11">
        <v>-12.182842000000004</v>
      </c>
      <c r="I254" s="13">
        <v>-0.31938646173934948</v>
      </c>
      <c r="J254" s="11">
        <v>-6.9438609999999983</v>
      </c>
      <c r="K254" s="13">
        <v>-0.26746584214869962</v>
      </c>
      <c r="L254" s="11">
        <v>59.695152328899994</v>
      </c>
      <c r="M254" s="13">
        <v>3.1389073143636437</v>
      </c>
      <c r="N254" s="11">
        <v>52.751291328899995</v>
      </c>
      <c r="O254" s="13">
        <v>2.0318909839519592</v>
      </c>
      <c r="P254" s="7">
        <v>38.144516000000003</v>
      </c>
      <c r="Q254" s="7">
        <v>40.559007000000001</v>
      </c>
      <c r="R254" s="7">
        <v>51.509546</v>
      </c>
      <c r="S254" s="7">
        <v>23.962088999999999</v>
      </c>
      <c r="T254" s="7">
        <v>21.901869999999999</v>
      </c>
      <c r="U254" s="7">
        <v>22.553601</v>
      </c>
      <c r="V254" s="7">
        <v>25.961673999999999</v>
      </c>
      <c r="W254" s="7">
        <v>23.080338000000001</v>
      </c>
      <c r="X254" s="7">
        <v>19.924354999999998</v>
      </c>
      <c r="Y254" s="7">
        <v>19.017813</v>
      </c>
      <c r="Z254" s="7">
        <v>40.946233999999997</v>
      </c>
      <c r="AA254" s="7">
        <v>48.056286999999998</v>
      </c>
      <c r="AB254" s="7">
        <v>32.092179000000002</v>
      </c>
      <c r="AC254" s="7">
        <v>35.015714000000003</v>
      </c>
      <c r="AD254" s="7">
        <v>76.096391999999994</v>
      </c>
      <c r="AE254" s="7">
        <v>72.695031</v>
      </c>
      <c r="AF254" s="7">
        <v>78.712965328899998</v>
      </c>
      <c r="AG254" s="9">
        <v>19559.743034699997</v>
      </c>
      <c r="AH254" s="13">
        <v>0.76074898181047068</v>
      </c>
      <c r="AI254" s="9">
        <v>31325.979008800001</v>
      </c>
      <c r="AJ254" s="13">
        <v>1.2183803536111382</v>
      </c>
      <c r="AK254" s="9">
        <v>15916.011415200002</v>
      </c>
      <c r="AL254" s="13">
        <v>0.27904642720939277</v>
      </c>
      <c r="AM254" s="9">
        <v>-27682.247389300006</v>
      </c>
      <c r="AN254" s="13">
        <v>-0.3794523623968119</v>
      </c>
      <c r="AO254" s="9">
        <v>-11766.235974100004</v>
      </c>
      <c r="AP254" s="13">
        <v>-0.20629076121041329</v>
      </c>
      <c r="AQ254" s="9">
        <v>25711.165578100001</v>
      </c>
      <c r="AR254" s="9">
        <v>39115.642356099997</v>
      </c>
      <c r="AS254" s="9">
        <v>46238.503713300001</v>
      </c>
      <c r="AT254" s="9">
        <v>49547.079656499998</v>
      </c>
      <c r="AU254" s="9">
        <v>52195.524121599999</v>
      </c>
      <c r="AV254" s="9">
        <v>55737.9300506</v>
      </c>
      <c r="AW254" s="9">
        <v>57037.144586900002</v>
      </c>
      <c r="AX254" s="9">
        <v>71849.630317300005</v>
      </c>
      <c r="AY254" s="9">
        <v>69714.249174099998</v>
      </c>
      <c r="AZ254" s="9">
        <v>72953.156002100004</v>
      </c>
      <c r="BA254" s="9">
        <v>62423.686644399997</v>
      </c>
      <c r="BB254" s="9">
        <v>59789.0676035</v>
      </c>
      <c r="BC254" s="9">
        <v>66109.054532900002</v>
      </c>
      <c r="BD254" s="9">
        <v>62058.103378899999</v>
      </c>
      <c r="BE254" s="9">
        <v>43521.3033373</v>
      </c>
      <c r="BF254" s="9">
        <v>45270.908612799998</v>
      </c>
      <c r="BG254" s="11">
        <v>2</v>
      </c>
      <c r="BH254" s="13">
        <v>0.66666666666666663</v>
      </c>
      <c r="BI254" s="6">
        <v>1</v>
      </c>
      <c r="BJ254" s="13">
        <v>0.33333333333333331</v>
      </c>
      <c r="BK254" s="6">
        <v>0</v>
      </c>
      <c r="BL254" s="13">
        <v>0</v>
      </c>
      <c r="BM254" s="11">
        <v>1</v>
      </c>
      <c r="BN254" s="13">
        <v>0.25</v>
      </c>
      <c r="BO254" s="11">
        <v>1</v>
      </c>
      <c r="BP254" s="13">
        <v>0.25</v>
      </c>
      <c r="BQ254" s="6">
        <v>3</v>
      </c>
      <c r="BR254" s="6">
        <v>3</v>
      </c>
      <c r="BS254" s="6">
        <v>3</v>
      </c>
      <c r="BT254" s="6">
        <v>4</v>
      </c>
      <c r="BU254" s="6">
        <v>4</v>
      </c>
      <c r="BV254" s="6">
        <v>4</v>
      </c>
      <c r="BW254" s="6">
        <v>4</v>
      </c>
      <c r="BX254" s="6">
        <v>4</v>
      </c>
      <c r="BY254" s="6">
        <v>4</v>
      </c>
      <c r="BZ254" s="6">
        <v>4</v>
      </c>
      <c r="CA254" s="6">
        <v>4</v>
      </c>
      <c r="CB254" s="6">
        <v>5</v>
      </c>
      <c r="CC254" s="11">
        <v>5</v>
      </c>
      <c r="CD254" s="11">
        <v>28.2317</v>
      </c>
      <c r="CE254" s="11">
        <v>8.1670499999999997</v>
      </c>
      <c r="CF254" s="11">
        <v>4.1696499999999999</v>
      </c>
      <c r="CG254" s="11">
        <v>12</v>
      </c>
      <c r="CH254" s="20">
        <v>0.16236700000000001</v>
      </c>
      <c r="CI254" s="20">
        <v>0.170594</v>
      </c>
      <c r="CJ254" s="20">
        <v>0.21829999999999999</v>
      </c>
      <c r="CK254" s="20">
        <v>9.5191899999999996E-2</v>
      </c>
      <c r="CL254" s="20">
        <v>8.3284899999999995E-2</v>
      </c>
      <c r="CM254" s="20">
        <v>8.6510699999999996E-2</v>
      </c>
      <c r="CN254" s="20">
        <v>0.100162</v>
      </c>
      <c r="CO254" s="20">
        <v>8.4921399999999994E-2</v>
      </c>
      <c r="CP254" s="20">
        <v>7.4501499999999998E-2</v>
      </c>
      <c r="CQ254" s="20">
        <v>7.1657700000000005E-2</v>
      </c>
      <c r="CR254" s="20">
        <v>0.14999000000000001</v>
      </c>
      <c r="CS254" s="20">
        <v>0.17049600000000001</v>
      </c>
      <c r="CT254" s="20">
        <v>0.113152</v>
      </c>
      <c r="CU254" s="20">
        <v>0.118601</v>
      </c>
      <c r="CV254" s="20">
        <v>0.25831399999999999</v>
      </c>
      <c r="CW254" s="20">
        <v>0.24665500000000001</v>
      </c>
      <c r="CX254" s="20">
        <v>0.26257200000000003</v>
      </c>
      <c r="CY254" s="6" t="s">
        <v>424</v>
      </c>
      <c r="CZ254" s="6" t="s">
        <v>425</v>
      </c>
      <c r="DA254" s="6" t="s">
        <v>132</v>
      </c>
      <c r="DB254" s="6"/>
      <c r="DC254" s="6">
        <v>38740</v>
      </c>
      <c r="DD254" s="6"/>
      <c r="DE254" s="6" t="s">
        <v>427</v>
      </c>
      <c r="DF254" s="6" t="s">
        <v>363</v>
      </c>
      <c r="DG254" s="6" t="s">
        <v>364</v>
      </c>
      <c r="DH254" s="6" t="s">
        <v>365</v>
      </c>
      <c r="DI254" s="6"/>
      <c r="DJ254" s="6">
        <v>29</v>
      </c>
      <c r="DK254" s="6">
        <v>23</v>
      </c>
      <c r="DL254" s="6">
        <v>8</v>
      </c>
      <c r="DM254" s="6" t="s">
        <v>368</v>
      </c>
      <c r="DN254" s="6">
        <v>5</v>
      </c>
      <c r="DO254" s="6" t="s">
        <v>429</v>
      </c>
      <c r="DP254" s="6"/>
      <c r="DQ254" s="6"/>
    </row>
    <row r="255" spans="1:121" x14ac:dyDescent="0.2">
      <c r="A255" s="6" t="s">
        <v>319</v>
      </c>
      <c r="B255" s="6" t="s">
        <v>319</v>
      </c>
      <c r="C255" s="6" t="s">
        <v>188</v>
      </c>
      <c r="D255" s="6" t="s">
        <v>132</v>
      </c>
      <c r="E255" s="6" t="s">
        <v>273</v>
      </c>
      <c r="F255" s="11">
        <v>1012</v>
      </c>
      <c r="G255" s="13">
        <v>2.09523809524</v>
      </c>
      <c r="H255" s="11">
        <v>535.28399059200001</v>
      </c>
      <c r="I255" s="13">
        <v>1.1075175518134652</v>
      </c>
      <c r="J255" s="11">
        <v>-116.50299146099997</v>
      </c>
      <c r="K255" s="13">
        <v>-0.11437529829864854</v>
      </c>
      <c r="L255" s="11">
        <v>593.22821855100005</v>
      </c>
      <c r="M255" s="13">
        <v>0.65760823452591954</v>
      </c>
      <c r="N255" s="11">
        <v>476.72522709000009</v>
      </c>
      <c r="O255" s="13">
        <v>0.46801879823972137</v>
      </c>
      <c r="P255" s="7">
        <v>483.318742638</v>
      </c>
      <c r="Q255" s="7">
        <v>603.36860561000003</v>
      </c>
      <c r="R255" s="7">
        <v>721.38293384300005</v>
      </c>
      <c r="S255" s="7">
        <v>852.05044683400001</v>
      </c>
      <c r="T255" s="7">
        <v>1124.5824799500001</v>
      </c>
      <c r="U255" s="7">
        <v>944.94277566799997</v>
      </c>
      <c r="V255" s="7">
        <v>1018.60273323</v>
      </c>
      <c r="W255" s="7">
        <v>1142.2933477900001</v>
      </c>
      <c r="X255" s="7">
        <v>1014.17710879</v>
      </c>
      <c r="Y255" s="7">
        <v>902.09974176900005</v>
      </c>
      <c r="Z255" s="7">
        <v>909.64728708600001</v>
      </c>
      <c r="AA255" s="7">
        <v>1040.6826055199999</v>
      </c>
      <c r="AB255" s="7">
        <v>980.57040444699999</v>
      </c>
      <c r="AC255" s="7">
        <v>1361.6560989699999</v>
      </c>
      <c r="AD255" s="7">
        <v>1323.8112856299999</v>
      </c>
      <c r="AE255" s="7">
        <v>1396.2006522199999</v>
      </c>
      <c r="AF255" s="7">
        <v>1495.3279603200001</v>
      </c>
      <c r="AG255" s="9">
        <v>1442.429393800001</v>
      </c>
      <c r="AH255" s="13">
        <v>8.0615654407555123E-2</v>
      </c>
      <c r="AI255" s="9">
        <v>-6358.9458572000003</v>
      </c>
      <c r="AJ255" s="13">
        <v>-0.35539388189386001</v>
      </c>
      <c r="AK255" s="9">
        <v>5706.3925023000011</v>
      </c>
      <c r="AL255" s="13">
        <v>0.49475710213148411</v>
      </c>
      <c r="AM255" s="9">
        <v>2094.9827487000002</v>
      </c>
      <c r="AN255" s="13">
        <v>0.12151789063648397</v>
      </c>
      <c r="AO255" s="9">
        <v>7801.3752510000013</v>
      </c>
      <c r="AP255" s="13">
        <v>0.67639683219640545</v>
      </c>
      <c r="AQ255" s="9">
        <v>17892.6711493</v>
      </c>
      <c r="AR255" s="9">
        <v>17644.0547033</v>
      </c>
      <c r="AS255" s="9">
        <v>15300.2708484</v>
      </c>
      <c r="AT255" s="9">
        <v>14399.3923256</v>
      </c>
      <c r="AU255" s="9">
        <v>9601.8262904599997</v>
      </c>
      <c r="AV255" s="9">
        <v>10273.2655256</v>
      </c>
      <c r="AW255" s="9">
        <v>11533.7252921</v>
      </c>
      <c r="AX255" s="9">
        <v>11416.450975199999</v>
      </c>
      <c r="AY255" s="9">
        <v>14914.2777293</v>
      </c>
      <c r="AZ255" s="9">
        <v>17240.117794400001</v>
      </c>
      <c r="BA255" s="9">
        <v>18340.400254100001</v>
      </c>
      <c r="BB255" s="9">
        <v>17209.4768296</v>
      </c>
      <c r="BC255" s="9">
        <v>18196.045005700002</v>
      </c>
      <c r="BD255" s="9">
        <v>17916.9667243</v>
      </c>
      <c r="BE255" s="9">
        <v>18447.515229199998</v>
      </c>
      <c r="BF255" s="9">
        <v>19335.100543100001</v>
      </c>
      <c r="BG255" s="11">
        <v>5.5</v>
      </c>
      <c r="BH255" s="13">
        <v>0.14473684210526316</v>
      </c>
      <c r="BI255" s="6">
        <v>3</v>
      </c>
      <c r="BJ255" s="13">
        <v>7.8947368421052627E-2</v>
      </c>
      <c r="BK255" s="6">
        <v>3</v>
      </c>
      <c r="BL255" s="13">
        <v>7.3170731707317069E-2</v>
      </c>
      <c r="BM255" s="11">
        <v>-0.5</v>
      </c>
      <c r="BN255" s="13">
        <v>-1.1363636363636364E-2</v>
      </c>
      <c r="BO255" s="11">
        <v>2.5</v>
      </c>
      <c r="BP255" s="13">
        <v>6.097560975609756E-2</v>
      </c>
      <c r="BQ255" s="6">
        <v>38</v>
      </c>
      <c r="BR255" s="6">
        <v>39</v>
      </c>
      <c r="BS255" s="6">
        <v>41</v>
      </c>
      <c r="BT255" s="6">
        <v>41</v>
      </c>
      <c r="BU255" s="6">
        <v>40</v>
      </c>
      <c r="BV255" s="6">
        <v>44</v>
      </c>
      <c r="BW255" s="6">
        <v>44</v>
      </c>
      <c r="BX255" s="6">
        <v>49</v>
      </c>
      <c r="BY255" s="6">
        <v>45</v>
      </c>
      <c r="BZ255" s="6">
        <v>45</v>
      </c>
      <c r="CA255" s="6">
        <v>42</v>
      </c>
      <c r="CB255" s="6">
        <v>45</v>
      </c>
      <c r="CC255" s="11">
        <v>43.5</v>
      </c>
      <c r="CD255" s="11">
        <v>915.69100000000003</v>
      </c>
      <c r="CE255" s="11">
        <v>43.485399999999998</v>
      </c>
      <c r="CF255" s="11">
        <v>52.832599999999999</v>
      </c>
      <c r="CG255" s="11">
        <v>96</v>
      </c>
      <c r="CH255" s="20">
        <v>0.41941099999999998</v>
      </c>
      <c r="CI255" s="20">
        <v>0.51231899999999997</v>
      </c>
      <c r="CJ255" s="20">
        <v>0.60621899999999995</v>
      </c>
      <c r="CK255" s="20">
        <v>0.66333200000000003</v>
      </c>
      <c r="CL255" s="20">
        <v>0.83213199999999998</v>
      </c>
      <c r="CM255" s="20">
        <v>0.70208700000000002</v>
      </c>
      <c r="CN255" s="20">
        <v>0.77719499999999997</v>
      </c>
      <c r="CO255" s="20">
        <v>0.89566500000000004</v>
      </c>
      <c r="CP255" s="20">
        <v>0.86998299999999995</v>
      </c>
      <c r="CQ255" s="20">
        <v>0.75796399999999997</v>
      </c>
      <c r="CR255" s="20">
        <v>0.73898299999999995</v>
      </c>
      <c r="CS255" s="20">
        <v>0.82935499999999995</v>
      </c>
      <c r="CT255" s="20">
        <v>0.78546000000000005</v>
      </c>
      <c r="CU255" s="20">
        <v>1.0464599999999999</v>
      </c>
      <c r="CV255" s="20">
        <v>1.01685</v>
      </c>
      <c r="CW255" s="20">
        <v>1.0671299999999999</v>
      </c>
      <c r="CX255" s="20">
        <v>1.12216</v>
      </c>
      <c r="CY255" s="6" t="s">
        <v>424</v>
      </c>
      <c r="CZ255" s="6" t="s">
        <v>425</v>
      </c>
      <c r="DA255" s="6" t="s">
        <v>132</v>
      </c>
      <c r="DB255" s="6"/>
      <c r="DC255" s="6">
        <v>38740</v>
      </c>
      <c r="DD255" s="6"/>
      <c r="DE255" s="6" t="s">
        <v>427</v>
      </c>
      <c r="DF255" s="6" t="s">
        <v>363</v>
      </c>
      <c r="DG255" s="6" t="s">
        <v>364</v>
      </c>
      <c r="DH255" s="6" t="s">
        <v>365</v>
      </c>
      <c r="DI255" s="6"/>
      <c r="DJ255" s="6">
        <v>29</v>
      </c>
      <c r="DK255" s="6">
        <v>23</v>
      </c>
      <c r="DL255" s="6">
        <v>8</v>
      </c>
      <c r="DM255" s="6" t="s">
        <v>368</v>
      </c>
      <c r="DN255" s="6">
        <v>5</v>
      </c>
      <c r="DO255" s="6" t="s">
        <v>429</v>
      </c>
      <c r="DP255" s="6"/>
      <c r="DQ255" s="6"/>
    </row>
    <row r="256" spans="1:121" x14ac:dyDescent="0.2">
      <c r="A256" s="6" t="s">
        <v>320</v>
      </c>
      <c r="B256" s="6" t="s">
        <v>320</v>
      </c>
      <c r="C256" s="6" t="s">
        <v>189</v>
      </c>
      <c r="D256" s="6" t="s">
        <v>132</v>
      </c>
      <c r="E256" s="6" t="s">
        <v>273</v>
      </c>
      <c r="F256" s="11">
        <v>1</v>
      </c>
      <c r="G256" s="13">
        <v>1</v>
      </c>
      <c r="H256" s="11">
        <v>17.064831589899999</v>
      </c>
      <c r="I256" s="13">
        <v>0.9970714045900394</v>
      </c>
      <c r="J256" s="11">
        <v>-17.2710216145</v>
      </c>
      <c r="K256" s="13">
        <v>-0.50529929111990313</v>
      </c>
      <c r="L256" s="11">
        <v>-11.9087643421</v>
      </c>
      <c r="M256" s="13">
        <v>-0.70429536429514039</v>
      </c>
      <c r="N256" s="11">
        <v>-29.1797859566</v>
      </c>
      <c r="O256" s="13">
        <v>-0.85371470709767516</v>
      </c>
      <c r="P256" s="7">
        <v>17.114954366700001</v>
      </c>
      <c r="Q256" s="7">
        <v>25.9567122395</v>
      </c>
      <c r="R256" s="7">
        <v>26.454762682799998</v>
      </c>
      <c r="S256" s="7">
        <v>24.6608639548</v>
      </c>
      <c r="T256" s="7">
        <v>38.328766919499998</v>
      </c>
      <c r="U256" s="7">
        <v>33.7392695367</v>
      </c>
      <c r="V256" s="7">
        <v>34.1797859566</v>
      </c>
      <c r="W256" s="7">
        <v>27.0184021884</v>
      </c>
      <c r="X256" s="7">
        <v>23.981149497299999</v>
      </c>
      <c r="Y256" s="7">
        <v>16.9087643421</v>
      </c>
      <c r="Z256" s="7">
        <v>16.8234478002</v>
      </c>
      <c r="AA256" s="7">
        <v>16.1792971916</v>
      </c>
      <c r="AB256" s="7">
        <v>14.822434185300001</v>
      </c>
      <c r="AC256" s="7">
        <v>18.5103329003</v>
      </c>
      <c r="AD256" s="7">
        <v>5</v>
      </c>
      <c r="AE256" s="7">
        <v>5</v>
      </c>
      <c r="AF256" s="7">
        <v>5</v>
      </c>
      <c r="AG256" s="9">
        <v>-12172.783095500001</v>
      </c>
      <c r="AH256" s="13">
        <v>-0.99991785626603036</v>
      </c>
      <c r="AI256" s="9">
        <v>2461.2967522999988</v>
      </c>
      <c r="AJ256" s="13">
        <v>0.20218010564109765</v>
      </c>
      <c r="AK256" s="9">
        <v>952.8165998000004</v>
      </c>
      <c r="AL256" s="13">
        <v>6.5104981298973325E-2</v>
      </c>
      <c r="AM256" s="9">
        <v>-15586.8964476</v>
      </c>
      <c r="AN256" s="13">
        <v>-0.99993584766210364</v>
      </c>
      <c r="AO256" s="9">
        <v>-14634.0798478</v>
      </c>
      <c r="AP256" s="13">
        <v>-0.99993167102534464</v>
      </c>
      <c r="AQ256" s="9">
        <v>12173.783095500001</v>
      </c>
      <c r="AR256" s="9">
        <v>9335.6713495799995</v>
      </c>
      <c r="AS256" s="9">
        <v>10765.9211407</v>
      </c>
      <c r="AT256" s="9">
        <v>15134.1338822</v>
      </c>
      <c r="AU256" s="9">
        <v>13372.719605599999</v>
      </c>
      <c r="AV256" s="9">
        <v>12998.3178484</v>
      </c>
      <c r="AW256" s="9">
        <v>14635.0798478</v>
      </c>
      <c r="AX256" s="9">
        <v>17543.5092377</v>
      </c>
      <c r="AY256" s="9">
        <v>16123.2678982</v>
      </c>
      <c r="AZ256" s="9">
        <v>15587.8964476</v>
      </c>
      <c r="BA256" s="9">
        <v>15046.9893613</v>
      </c>
      <c r="BB256" s="9">
        <v>26700.7068387</v>
      </c>
      <c r="BC256" s="9">
        <v>13512.864637000001</v>
      </c>
      <c r="BD256" s="9">
        <v>12288.750216799999</v>
      </c>
      <c r="BE256" s="9">
        <v>1</v>
      </c>
      <c r="BF256" s="9">
        <v>1</v>
      </c>
      <c r="BG256" s="11">
        <v>0</v>
      </c>
      <c r="BH256" s="13">
        <v>0</v>
      </c>
      <c r="BI256" s="6">
        <v>3</v>
      </c>
      <c r="BJ256" s="13">
        <v>1</v>
      </c>
      <c r="BK256" s="6">
        <v>-3</v>
      </c>
      <c r="BL256" s="13">
        <v>-0.5</v>
      </c>
      <c r="BM256" s="11">
        <v>0</v>
      </c>
      <c r="BN256" s="13">
        <v>0</v>
      </c>
      <c r="BO256" s="11">
        <v>-3</v>
      </c>
      <c r="BP256" s="13">
        <v>-0.5</v>
      </c>
      <c r="BQ256" s="6">
        <v>3</v>
      </c>
      <c r="BR256" s="6">
        <v>4</v>
      </c>
      <c r="BS256" s="6">
        <v>4</v>
      </c>
      <c r="BT256" s="6">
        <v>6</v>
      </c>
      <c r="BU256" s="6">
        <v>5</v>
      </c>
      <c r="BV256" s="6">
        <v>5</v>
      </c>
      <c r="BW256" s="6">
        <v>3</v>
      </c>
      <c r="BX256" s="6">
        <v>4</v>
      </c>
      <c r="BY256" s="6">
        <v>4</v>
      </c>
      <c r="BZ256" s="6">
        <v>3</v>
      </c>
      <c r="CA256" s="6">
        <v>3</v>
      </c>
      <c r="CB256" s="6">
        <v>3</v>
      </c>
      <c r="CC256" s="11">
        <v>3</v>
      </c>
      <c r="CD256" s="11">
        <v>-19.292200000000001</v>
      </c>
      <c r="CE256" s="11">
        <v>6.1974099999999996</v>
      </c>
      <c r="CF256" s="11">
        <v>1.87087</v>
      </c>
      <c r="CG256" s="11">
        <v>8</v>
      </c>
      <c r="CH256" s="20">
        <v>4.4516300000000002E-2</v>
      </c>
      <c r="CI256" s="20">
        <v>6.3129299999999999E-2</v>
      </c>
      <c r="CJ256" s="20">
        <v>6.1840300000000001E-2</v>
      </c>
      <c r="CK256" s="20">
        <v>5.3200600000000001E-2</v>
      </c>
      <c r="CL256" s="20">
        <v>8.0350099999999994E-2</v>
      </c>
      <c r="CM256" s="20">
        <v>7.1368500000000001E-2</v>
      </c>
      <c r="CN256" s="20">
        <v>7.3088799999999995E-2</v>
      </c>
      <c r="CO256" s="20">
        <v>5.5182000000000002E-2</v>
      </c>
      <c r="CP256" s="20">
        <v>4.7438500000000001E-2</v>
      </c>
      <c r="CQ256" s="20">
        <v>3.3007700000000001E-2</v>
      </c>
      <c r="CR256" s="20">
        <v>3.1985600000000003E-2</v>
      </c>
      <c r="CS256" s="20">
        <v>3.0467000000000001E-2</v>
      </c>
      <c r="CT256" s="20">
        <v>2.8421700000000001E-2</v>
      </c>
      <c r="CU256" s="20">
        <v>3.4460999999999999E-2</v>
      </c>
      <c r="CV256" s="20">
        <v>1.7923100000000001E-2</v>
      </c>
      <c r="CW256" s="20">
        <v>1.2004900000000001E-2</v>
      </c>
      <c r="CX256" s="20">
        <v>1.0800199999999999E-2</v>
      </c>
      <c r="CY256" s="6" t="s">
        <v>424</v>
      </c>
      <c r="CZ256" s="6" t="s">
        <v>425</v>
      </c>
      <c r="DA256" s="6" t="s">
        <v>132</v>
      </c>
      <c r="DB256" s="6"/>
      <c r="DC256" s="6">
        <v>38740</v>
      </c>
      <c r="DD256" s="6"/>
      <c r="DE256" s="6" t="s">
        <v>427</v>
      </c>
      <c r="DF256" s="6" t="s">
        <v>363</v>
      </c>
      <c r="DG256" s="6" t="s">
        <v>364</v>
      </c>
      <c r="DH256" s="6" t="s">
        <v>365</v>
      </c>
      <c r="DI256" s="6"/>
      <c r="DJ256" s="6">
        <v>29</v>
      </c>
      <c r="DK256" s="6">
        <v>23</v>
      </c>
      <c r="DL256" s="6">
        <v>8</v>
      </c>
      <c r="DM256" s="6" t="s">
        <v>368</v>
      </c>
      <c r="DN256" s="6">
        <v>5</v>
      </c>
      <c r="DO256" s="6" t="s">
        <v>429</v>
      </c>
      <c r="DP256" s="6"/>
      <c r="DQ256" s="6"/>
    </row>
    <row r="257" spans="1:121" x14ac:dyDescent="0.2">
      <c r="A257" s="6" t="s">
        <v>321</v>
      </c>
      <c r="B257" s="6" t="s">
        <v>321</v>
      </c>
      <c r="C257" s="6" t="s">
        <v>190</v>
      </c>
      <c r="D257" s="6" t="s">
        <v>132</v>
      </c>
      <c r="E257" s="6" t="s">
        <v>273</v>
      </c>
      <c r="F257" s="11">
        <v>1065</v>
      </c>
      <c r="G257" s="13">
        <v>0.345442750568</v>
      </c>
      <c r="H257" s="11">
        <v>434.74118325000018</v>
      </c>
      <c r="I257" s="13">
        <v>0.1410117062837189</v>
      </c>
      <c r="J257" s="11">
        <v>-130.92589108999982</v>
      </c>
      <c r="K257" s="13">
        <v>-3.7218582011229386E-2</v>
      </c>
      <c r="L257" s="11">
        <v>760.68314814999985</v>
      </c>
      <c r="M257" s="13">
        <v>0.22460032484839348</v>
      </c>
      <c r="N257" s="11">
        <v>629.75725706000003</v>
      </c>
      <c r="O257" s="13">
        <v>0.17902243722704542</v>
      </c>
      <c r="P257" s="7">
        <v>3083.0148411599998</v>
      </c>
      <c r="Q257" s="7">
        <v>3128.4901887999999</v>
      </c>
      <c r="R257" s="7">
        <v>3270.2339814299999</v>
      </c>
      <c r="S257" s="7">
        <v>3517.0033789899999</v>
      </c>
      <c r="T257" s="7">
        <v>3642.8412583999998</v>
      </c>
      <c r="U257" s="7">
        <v>3668.31025327</v>
      </c>
      <c r="V257" s="7">
        <v>3517.75602441</v>
      </c>
      <c r="W257" s="7">
        <v>3460.4260642300001</v>
      </c>
      <c r="X257" s="7">
        <v>3367.5500216</v>
      </c>
      <c r="Y257" s="7">
        <v>3386.8301333200002</v>
      </c>
      <c r="Z257" s="7">
        <v>3387.4121330500002</v>
      </c>
      <c r="AA257" s="7">
        <v>3570.3792343999999</v>
      </c>
      <c r="AB257" s="7">
        <v>3919.5077304199999</v>
      </c>
      <c r="AC257" s="7">
        <v>3903.2863888699999</v>
      </c>
      <c r="AD257" s="7">
        <v>4018.48651131</v>
      </c>
      <c r="AE257" s="7">
        <v>4034.8284283799999</v>
      </c>
      <c r="AF257" s="7">
        <v>4147.51328147</v>
      </c>
      <c r="AG257" s="9">
        <v>3657.2389890999984</v>
      </c>
      <c r="AH257" s="13">
        <v>0.1043083650378766</v>
      </c>
      <c r="AI257" s="9">
        <v>3245.4536767999962</v>
      </c>
      <c r="AJ257" s="13">
        <v>9.2563807791101002E-2</v>
      </c>
      <c r="AK257" s="9">
        <v>3131.2294031000056</v>
      </c>
      <c r="AL257" s="13">
        <v>8.1739857003149619E-2</v>
      </c>
      <c r="AM257" s="9">
        <v>-2719.4440908000033</v>
      </c>
      <c r="AN257" s="13">
        <v>-6.5626053766390968E-2</v>
      </c>
      <c r="AO257" s="9">
        <v>411.78531230000226</v>
      </c>
      <c r="AP257" s="13">
        <v>1.0749538986212849E-2</v>
      </c>
      <c r="AQ257" s="9">
        <v>35061.799576400001</v>
      </c>
      <c r="AR257" s="9">
        <v>37729.932769799998</v>
      </c>
      <c r="AS257" s="9">
        <v>36846.0851807</v>
      </c>
      <c r="AT257" s="9">
        <v>36321.082849899998</v>
      </c>
      <c r="AU257" s="9">
        <v>36352.076581599998</v>
      </c>
      <c r="AV257" s="9">
        <v>36040.4013423</v>
      </c>
      <c r="AW257" s="9">
        <v>38307.253253199997</v>
      </c>
      <c r="AX257" s="9">
        <v>39276.040489599996</v>
      </c>
      <c r="AY257" s="9">
        <v>40819.8339987</v>
      </c>
      <c r="AZ257" s="9">
        <v>41438.482656300002</v>
      </c>
      <c r="BA257" s="9">
        <v>41650.525987200002</v>
      </c>
      <c r="BB257" s="9">
        <v>37776.1019418</v>
      </c>
      <c r="BC257" s="9">
        <v>36325.526378299997</v>
      </c>
      <c r="BD257" s="9">
        <v>36047.277578499998</v>
      </c>
      <c r="BE257" s="9">
        <v>37155.353957599997</v>
      </c>
      <c r="BF257" s="9">
        <v>38719.038565499999</v>
      </c>
      <c r="BG257" s="11">
        <v>432</v>
      </c>
      <c r="BH257" s="13">
        <v>2.7341772151898733</v>
      </c>
      <c r="BI257" s="6">
        <v>-4</v>
      </c>
      <c r="BJ257" s="13">
        <v>-2.5316455696202531E-2</v>
      </c>
      <c r="BK257" s="6">
        <v>-9</v>
      </c>
      <c r="BL257" s="13">
        <v>-5.844155844155844E-2</v>
      </c>
      <c r="BM257" s="11">
        <v>445</v>
      </c>
      <c r="BN257" s="13">
        <v>3.0689655172413794</v>
      </c>
      <c r="BO257" s="11">
        <v>436</v>
      </c>
      <c r="BP257" s="13">
        <v>2.831168831168831</v>
      </c>
      <c r="BQ257" s="6">
        <v>158</v>
      </c>
      <c r="BR257" s="6">
        <v>158</v>
      </c>
      <c r="BS257" s="6">
        <v>158</v>
      </c>
      <c r="BT257" s="6">
        <v>154</v>
      </c>
      <c r="BU257" s="6">
        <v>155</v>
      </c>
      <c r="BV257" s="6">
        <v>153</v>
      </c>
      <c r="BW257" s="6">
        <v>145</v>
      </c>
      <c r="BX257" s="6">
        <v>144</v>
      </c>
      <c r="BY257" s="6">
        <v>144</v>
      </c>
      <c r="BZ257" s="6">
        <v>574</v>
      </c>
      <c r="CA257" s="6">
        <v>582</v>
      </c>
      <c r="CB257" s="6">
        <v>591</v>
      </c>
      <c r="CC257" s="11">
        <v>590</v>
      </c>
      <c r="CD257" s="11">
        <v>-395.24299999999999</v>
      </c>
      <c r="CE257" s="11">
        <v>1122.73</v>
      </c>
      <c r="CF257" s="11">
        <v>337.01100000000002</v>
      </c>
      <c r="CG257" s="11">
        <v>1460</v>
      </c>
      <c r="CH257" s="20">
        <v>1.6236999999999999</v>
      </c>
      <c r="CI257" s="20">
        <v>1.5518400000000001</v>
      </c>
      <c r="CJ257" s="20">
        <v>1.5564100000000001</v>
      </c>
      <c r="CK257" s="20">
        <v>1.5698399999999999</v>
      </c>
      <c r="CL257" s="20">
        <v>1.56297</v>
      </c>
      <c r="CM257" s="20">
        <v>1.5831</v>
      </c>
      <c r="CN257" s="20">
        <v>1.53129</v>
      </c>
      <c r="CO257" s="20">
        <v>1.44357</v>
      </c>
      <c r="CP257" s="20">
        <v>1.3711</v>
      </c>
      <c r="CQ257" s="20">
        <v>1.3693500000000001</v>
      </c>
      <c r="CR257" s="20">
        <v>1.35771</v>
      </c>
      <c r="CS257" s="20">
        <v>1.3940399999999999</v>
      </c>
      <c r="CT257" s="20">
        <v>1.5501100000000001</v>
      </c>
      <c r="CU257" s="20">
        <v>1.5018800000000001</v>
      </c>
      <c r="CV257" s="20">
        <v>1.54653</v>
      </c>
      <c r="CW257" s="20">
        <v>1.53783</v>
      </c>
      <c r="CX257" s="20">
        <v>1.5374699999999999</v>
      </c>
      <c r="CY257" s="6" t="s">
        <v>424</v>
      </c>
      <c r="CZ257" s="6" t="s">
        <v>425</v>
      </c>
      <c r="DA257" s="6" t="s">
        <v>132</v>
      </c>
      <c r="DB257" s="6"/>
      <c r="DC257" s="6">
        <v>38740</v>
      </c>
      <c r="DD257" s="6"/>
      <c r="DE257" s="6" t="s">
        <v>427</v>
      </c>
      <c r="DF257" s="6" t="s">
        <v>363</v>
      </c>
      <c r="DG257" s="6" t="s">
        <v>364</v>
      </c>
      <c r="DH257" s="6" t="s">
        <v>365</v>
      </c>
      <c r="DI257" s="6"/>
      <c r="DJ257" s="6">
        <v>29</v>
      </c>
      <c r="DK257" s="6">
        <v>23</v>
      </c>
      <c r="DL257" s="6">
        <v>8</v>
      </c>
      <c r="DM257" s="6" t="s">
        <v>368</v>
      </c>
      <c r="DN257" s="6">
        <v>5</v>
      </c>
      <c r="DO257" s="6" t="s">
        <v>429</v>
      </c>
      <c r="DP257" s="6"/>
      <c r="DQ257" s="6"/>
    </row>
    <row r="258" spans="1:121" x14ac:dyDescent="0.2">
      <c r="A258" s="6" t="s">
        <v>322</v>
      </c>
      <c r="B258" s="6" t="s">
        <v>322</v>
      </c>
      <c r="C258" s="6" t="s">
        <v>191</v>
      </c>
      <c r="D258" s="6" t="s">
        <v>132</v>
      </c>
      <c r="E258" s="6" t="s">
        <v>273</v>
      </c>
      <c r="F258" s="11">
        <v>37</v>
      </c>
      <c r="G258" s="13">
        <v>0.52</v>
      </c>
      <c r="H258" s="11">
        <v>86</v>
      </c>
      <c r="I258" s="13">
        <v>1.2112676056338028</v>
      </c>
      <c r="J258" s="11">
        <v>-70</v>
      </c>
      <c r="K258" s="13">
        <v>-0.44585987261146498</v>
      </c>
      <c r="L258" s="11">
        <v>21</v>
      </c>
      <c r="M258" s="13">
        <v>0.2413793103448276</v>
      </c>
      <c r="N258" s="11">
        <v>-49</v>
      </c>
      <c r="O258" s="13">
        <v>-0.31210191082802546</v>
      </c>
      <c r="P258" s="7">
        <v>71</v>
      </c>
      <c r="Q258" s="7">
        <v>69</v>
      </c>
      <c r="R258" s="7">
        <v>95</v>
      </c>
      <c r="S258" s="7">
        <v>123</v>
      </c>
      <c r="T258" s="7">
        <v>113</v>
      </c>
      <c r="U258" s="7">
        <v>118</v>
      </c>
      <c r="V258" s="7">
        <v>157</v>
      </c>
      <c r="W258" s="7">
        <v>163</v>
      </c>
      <c r="X258" s="7">
        <v>133</v>
      </c>
      <c r="Y258" s="7">
        <v>87</v>
      </c>
      <c r="Z258" s="7">
        <v>117</v>
      </c>
      <c r="AA258" s="7">
        <v>98</v>
      </c>
      <c r="AB258" s="7">
        <v>106</v>
      </c>
      <c r="AC258" s="7">
        <v>103</v>
      </c>
      <c r="AD258" s="7">
        <v>114</v>
      </c>
      <c r="AE258" s="7">
        <v>107</v>
      </c>
      <c r="AF258" s="7">
        <v>108</v>
      </c>
      <c r="AG258" s="9">
        <v>2808</v>
      </c>
      <c r="AH258" s="13">
        <v>0.19452719085555945</v>
      </c>
      <c r="AI258" s="9">
        <v>-417</v>
      </c>
      <c r="AJ258" s="13">
        <v>-2.8888119154832005E-2</v>
      </c>
      <c r="AK258" s="9">
        <v>-751</v>
      </c>
      <c r="AL258" s="13">
        <v>-5.357397631616493E-2</v>
      </c>
      <c r="AM258" s="9">
        <v>3976</v>
      </c>
      <c r="AN258" s="13">
        <v>0.2996909625386297</v>
      </c>
      <c r="AO258" s="9">
        <v>3225</v>
      </c>
      <c r="AP258" s="13">
        <v>0.23006134969325151</v>
      </c>
      <c r="AQ258" s="9">
        <v>14435</v>
      </c>
      <c r="AR258" s="9">
        <v>15763</v>
      </c>
      <c r="AS258" s="9">
        <v>14068</v>
      </c>
      <c r="AT258" s="9">
        <v>12182</v>
      </c>
      <c r="AU258" s="9">
        <v>13032</v>
      </c>
      <c r="AV258" s="9">
        <v>14183</v>
      </c>
      <c r="AW258" s="9">
        <v>14018</v>
      </c>
      <c r="AX258" s="9">
        <v>13609</v>
      </c>
      <c r="AY258" s="9">
        <v>13957</v>
      </c>
      <c r="AZ258" s="9">
        <v>13267</v>
      </c>
      <c r="BA258" s="9">
        <v>12300</v>
      </c>
      <c r="BB258" s="9">
        <v>13294</v>
      </c>
      <c r="BC258" s="9">
        <v>14984</v>
      </c>
      <c r="BD258" s="9">
        <v>15732</v>
      </c>
      <c r="BE258" s="9">
        <v>14405</v>
      </c>
      <c r="BF258" s="9">
        <v>17243</v>
      </c>
      <c r="BG258" s="11">
        <v>-1</v>
      </c>
      <c r="BH258" s="13">
        <v>-0.1</v>
      </c>
      <c r="BI258" s="6">
        <v>4</v>
      </c>
      <c r="BJ258" s="13">
        <v>0.4</v>
      </c>
      <c r="BK258" s="6">
        <v>-6</v>
      </c>
      <c r="BL258" s="13">
        <v>-0.42857142857142855</v>
      </c>
      <c r="BM258" s="11">
        <v>1</v>
      </c>
      <c r="BN258" s="13">
        <v>0.125</v>
      </c>
      <c r="BO258" s="11">
        <v>-5</v>
      </c>
      <c r="BP258" s="13">
        <v>-0.35714285714285715</v>
      </c>
      <c r="BQ258" s="6">
        <v>10</v>
      </c>
      <c r="BR258" s="6">
        <v>11</v>
      </c>
      <c r="BS258" s="6">
        <v>13</v>
      </c>
      <c r="BT258" s="6">
        <v>14</v>
      </c>
      <c r="BU258" s="6">
        <v>12</v>
      </c>
      <c r="BV258" s="6">
        <v>11</v>
      </c>
      <c r="BW258" s="6">
        <v>8</v>
      </c>
      <c r="BX258" s="6">
        <v>8</v>
      </c>
      <c r="BY258" s="6">
        <v>8</v>
      </c>
      <c r="BZ258" s="6">
        <v>8</v>
      </c>
      <c r="CA258" s="6">
        <v>9</v>
      </c>
      <c r="CB258" s="6">
        <v>9</v>
      </c>
      <c r="CC258" s="11">
        <v>9</v>
      </c>
      <c r="CD258" s="11">
        <v>16</v>
      </c>
      <c r="CE258" s="11">
        <v>13</v>
      </c>
      <c r="CF258" s="11">
        <v>8</v>
      </c>
      <c r="CG258" s="11">
        <v>21</v>
      </c>
      <c r="CH258" s="20">
        <v>0.24</v>
      </c>
      <c r="CI258" s="20">
        <v>0.23</v>
      </c>
      <c r="CJ258" s="20">
        <v>0.31</v>
      </c>
      <c r="CK258" s="20">
        <v>0.37</v>
      </c>
      <c r="CL258" s="20">
        <v>0.33</v>
      </c>
      <c r="CM258" s="20">
        <v>0.35</v>
      </c>
      <c r="CN258" s="20">
        <v>0.47</v>
      </c>
      <c r="CO258" s="20">
        <v>0.48</v>
      </c>
      <c r="CP258" s="20">
        <v>0.39</v>
      </c>
      <c r="CQ258" s="20">
        <v>0.26</v>
      </c>
      <c r="CR258" s="20">
        <v>0.35</v>
      </c>
      <c r="CS258" s="20">
        <v>0.28999999999999998</v>
      </c>
      <c r="CT258" s="20">
        <v>0.32</v>
      </c>
      <c r="CU258" s="20">
        <v>0.3</v>
      </c>
      <c r="CV258" s="20">
        <v>0.33</v>
      </c>
      <c r="CW258" s="20">
        <v>0.3</v>
      </c>
      <c r="CX258" s="20">
        <v>0.3</v>
      </c>
      <c r="CY258" s="6" t="s">
        <v>424</v>
      </c>
      <c r="CZ258" s="6" t="s">
        <v>425</v>
      </c>
      <c r="DA258" s="6" t="s">
        <v>132</v>
      </c>
      <c r="DB258" s="6"/>
      <c r="DC258" s="6">
        <v>38740</v>
      </c>
      <c r="DD258" s="6"/>
      <c r="DE258" s="6" t="s">
        <v>427</v>
      </c>
      <c r="DF258" s="6" t="s">
        <v>363</v>
      </c>
      <c r="DG258" s="6" t="s">
        <v>364</v>
      </c>
      <c r="DH258" s="6" t="s">
        <v>365</v>
      </c>
      <c r="DI258" s="6"/>
      <c r="DJ258" s="6">
        <v>29</v>
      </c>
      <c r="DK258" s="6">
        <v>23</v>
      </c>
      <c r="DL258" s="6">
        <v>8</v>
      </c>
      <c r="DM258" s="6" t="s">
        <v>368</v>
      </c>
      <c r="DN258" s="6">
        <v>5</v>
      </c>
      <c r="DO258" s="6" t="s">
        <v>429</v>
      </c>
      <c r="DP258" s="6"/>
      <c r="DQ258" s="6"/>
    </row>
    <row r="259" spans="1:121" x14ac:dyDescent="0.2">
      <c r="A259" s="6" t="s">
        <v>323</v>
      </c>
      <c r="B259" s="6" t="s">
        <v>323</v>
      </c>
      <c r="C259" s="6" t="s">
        <v>192</v>
      </c>
      <c r="D259" s="6" t="s">
        <v>132</v>
      </c>
      <c r="E259" s="6" t="s">
        <v>273</v>
      </c>
      <c r="F259" s="11">
        <v>539</v>
      </c>
      <c r="G259" s="13">
        <v>0.422083007048</v>
      </c>
      <c r="H259" s="11">
        <v>287.65410005999979</v>
      </c>
      <c r="I259" s="13">
        <v>0.22522010600278664</v>
      </c>
      <c r="J259" s="11">
        <v>-18.41497521999986</v>
      </c>
      <c r="K259" s="13">
        <v>-1.1767754884662701E-2</v>
      </c>
      <c r="L259" s="11">
        <v>269.12726677000001</v>
      </c>
      <c r="M259" s="13">
        <v>0.1740288119102481</v>
      </c>
      <c r="N259" s="11">
        <v>250.71229155000015</v>
      </c>
      <c r="O259" s="13">
        <v>0.16021312862415654</v>
      </c>
      <c r="P259" s="7">
        <v>1277.2132344900001</v>
      </c>
      <c r="Q259" s="7">
        <v>1351.43529414</v>
      </c>
      <c r="R259" s="7">
        <v>1366.00746738</v>
      </c>
      <c r="S259" s="7">
        <v>1513.1523153400001</v>
      </c>
      <c r="T259" s="7">
        <v>1671.34127027</v>
      </c>
      <c r="U259" s="7">
        <v>1582.6641134700001</v>
      </c>
      <c r="V259" s="7">
        <v>1564.8673345499999</v>
      </c>
      <c r="W259" s="7">
        <v>1583.2919016400001</v>
      </c>
      <c r="X259" s="7">
        <v>1498.9888428700001</v>
      </c>
      <c r="Y259" s="7">
        <v>1546.45235933</v>
      </c>
      <c r="Z259" s="7">
        <v>1611.0142237699999</v>
      </c>
      <c r="AA259" s="7">
        <v>1623.8086030300001</v>
      </c>
      <c r="AB259" s="7">
        <v>1626.07509048</v>
      </c>
      <c r="AC259" s="7">
        <v>1708.9935848800001</v>
      </c>
      <c r="AD259" s="7">
        <v>1676.9613800100001</v>
      </c>
      <c r="AE259" s="7">
        <v>1787.81017737</v>
      </c>
      <c r="AF259" s="7">
        <v>1815.5796261</v>
      </c>
      <c r="AG259" s="9">
        <v>4626.4033638000001</v>
      </c>
      <c r="AH259" s="13">
        <v>0.42312596256166002</v>
      </c>
      <c r="AI259" s="9">
        <v>2310.4574309</v>
      </c>
      <c r="AJ259" s="13">
        <v>0.21131199498444012</v>
      </c>
      <c r="AK259" s="9">
        <v>327.21291589999964</v>
      </c>
      <c r="AL259" s="13">
        <v>2.4705895442293999E-2</v>
      </c>
      <c r="AM259" s="9">
        <v>1988.7330170000005</v>
      </c>
      <c r="AN259" s="13">
        <v>0.14653703849515448</v>
      </c>
      <c r="AO259" s="9">
        <v>2315.9459329000001</v>
      </c>
      <c r="AP259" s="13">
        <v>0.17486326268893318</v>
      </c>
      <c r="AQ259" s="9">
        <v>10933.8678624</v>
      </c>
      <c r="AR259" s="9">
        <v>11355.0878113</v>
      </c>
      <c r="AS259" s="9">
        <v>11660.5666925</v>
      </c>
      <c r="AT259" s="9">
        <v>12023.9217493</v>
      </c>
      <c r="AU259" s="9">
        <v>11907.3349877</v>
      </c>
      <c r="AV259" s="9">
        <v>12196.257585699999</v>
      </c>
      <c r="AW259" s="9">
        <v>13244.3252933</v>
      </c>
      <c r="AX259" s="9">
        <v>13707.187714899999</v>
      </c>
      <c r="AY259" s="9">
        <v>13594.1900057</v>
      </c>
      <c r="AZ259" s="9">
        <v>13571.5382092</v>
      </c>
      <c r="BA259" s="9">
        <v>13516.8574572</v>
      </c>
      <c r="BB259" s="9">
        <v>14060.883247</v>
      </c>
      <c r="BC259" s="9">
        <v>14253.932565700001</v>
      </c>
      <c r="BD259" s="9">
        <v>14138.4449721</v>
      </c>
      <c r="BE259" s="9">
        <v>15040.3214106</v>
      </c>
      <c r="BF259" s="9">
        <v>15560.2712262</v>
      </c>
      <c r="BG259" s="11">
        <v>3.75</v>
      </c>
      <c r="BH259" s="13">
        <v>4.5180722891566265E-2</v>
      </c>
      <c r="BI259" s="6">
        <v>-1</v>
      </c>
      <c r="BJ259" s="13">
        <v>-1.2048192771084338E-2</v>
      </c>
      <c r="BK259" s="6">
        <v>-5</v>
      </c>
      <c r="BL259" s="13">
        <v>-6.097560975609756E-2</v>
      </c>
      <c r="BM259" s="11">
        <v>9.75</v>
      </c>
      <c r="BN259" s="13">
        <v>0.12662337662337661</v>
      </c>
      <c r="BO259" s="11">
        <v>4.75</v>
      </c>
      <c r="BP259" s="13">
        <v>5.7926829268292686E-2</v>
      </c>
      <c r="BQ259" s="6">
        <v>83</v>
      </c>
      <c r="BR259" s="6">
        <v>80</v>
      </c>
      <c r="BS259" s="6">
        <v>80</v>
      </c>
      <c r="BT259" s="6">
        <v>82</v>
      </c>
      <c r="BU259" s="6">
        <v>79</v>
      </c>
      <c r="BV259" s="6">
        <v>76</v>
      </c>
      <c r="BW259" s="6">
        <v>77</v>
      </c>
      <c r="BX259" s="6">
        <v>74</v>
      </c>
      <c r="BY259" s="6">
        <v>78</v>
      </c>
      <c r="BZ259" s="6">
        <v>83</v>
      </c>
      <c r="CA259" s="6">
        <v>87</v>
      </c>
      <c r="CB259" s="6">
        <v>88</v>
      </c>
      <c r="CC259" s="11">
        <v>86.75</v>
      </c>
      <c r="CD259" s="11">
        <v>108.306</v>
      </c>
      <c r="CE259" s="11">
        <v>290.44499999999999</v>
      </c>
      <c r="CF259" s="11">
        <v>139.61500000000001</v>
      </c>
      <c r="CG259" s="11">
        <v>430</v>
      </c>
      <c r="CH259" s="20">
        <v>0.90639400000000003</v>
      </c>
      <c r="CI259" s="20">
        <v>0.92627199999999998</v>
      </c>
      <c r="CJ259" s="20">
        <v>0.90931399999999996</v>
      </c>
      <c r="CK259" s="20">
        <v>0.93973399999999996</v>
      </c>
      <c r="CL259" s="20">
        <v>0.99698600000000004</v>
      </c>
      <c r="CM259" s="20">
        <v>0.95336500000000002</v>
      </c>
      <c r="CN259" s="20">
        <v>0.95615099999999997</v>
      </c>
      <c r="CO259" s="20">
        <v>0.94832799999999995</v>
      </c>
      <c r="CP259" s="20">
        <v>0.91971800000000004</v>
      </c>
      <c r="CQ259" s="20">
        <v>0.95456399999999997</v>
      </c>
      <c r="CR259" s="20">
        <v>0.97500299999999995</v>
      </c>
      <c r="CS259" s="20">
        <v>0.96326599999999996</v>
      </c>
      <c r="CT259" s="20">
        <v>0.96663500000000002</v>
      </c>
      <c r="CU259" s="20">
        <v>0.97799599999999998</v>
      </c>
      <c r="CV259" s="20">
        <v>0.95067699999999999</v>
      </c>
      <c r="CW259" s="20">
        <v>1.0013700000000001</v>
      </c>
      <c r="CX259" s="20">
        <v>0.99968699999999999</v>
      </c>
      <c r="CY259" s="6" t="s">
        <v>424</v>
      </c>
      <c r="CZ259" s="6" t="s">
        <v>425</v>
      </c>
      <c r="DA259" s="6" t="s">
        <v>132</v>
      </c>
      <c r="DB259" s="6"/>
      <c r="DC259" s="6">
        <v>38740</v>
      </c>
      <c r="DD259" s="6"/>
      <c r="DE259" s="6" t="s">
        <v>427</v>
      </c>
      <c r="DF259" s="6" t="s">
        <v>363</v>
      </c>
      <c r="DG259" s="6" t="s">
        <v>364</v>
      </c>
      <c r="DH259" s="6" t="s">
        <v>365</v>
      </c>
      <c r="DI259" s="6"/>
      <c r="DJ259" s="6">
        <v>29</v>
      </c>
      <c r="DK259" s="6">
        <v>23</v>
      </c>
      <c r="DL259" s="6">
        <v>8</v>
      </c>
      <c r="DM259" s="6" t="s">
        <v>368</v>
      </c>
      <c r="DN259" s="6">
        <v>5</v>
      </c>
      <c r="DO259" s="6" t="s">
        <v>429</v>
      </c>
      <c r="DP259" s="6"/>
      <c r="DQ259" s="6"/>
    </row>
    <row r="260" spans="1:121" x14ac:dyDescent="0.2">
      <c r="A260" s="6" t="s">
        <v>325</v>
      </c>
      <c r="B260" s="6" t="s">
        <v>325</v>
      </c>
      <c r="C260" s="6" t="s">
        <v>193</v>
      </c>
      <c r="D260" s="6" t="s">
        <v>132</v>
      </c>
      <c r="E260" s="6" t="s">
        <v>273</v>
      </c>
      <c r="F260" s="11">
        <v>-74</v>
      </c>
      <c r="G260" s="13">
        <v>-8.0610021786499994E-2</v>
      </c>
      <c r="H260" s="11">
        <v>302.54118407299995</v>
      </c>
      <c r="I260" s="13">
        <v>0.32948297842639745</v>
      </c>
      <c r="J260" s="11">
        <v>115.62055523000004</v>
      </c>
      <c r="K260" s="13">
        <v>9.4711071543911646E-2</v>
      </c>
      <c r="L260" s="11">
        <v>-492.28920026900005</v>
      </c>
      <c r="M260" s="13">
        <v>-0.3683719029383104</v>
      </c>
      <c r="N260" s="11">
        <v>-376.66864503900001</v>
      </c>
      <c r="O260" s="13">
        <v>-0.30854972904835598</v>
      </c>
      <c r="P260" s="7">
        <v>918.23008738700003</v>
      </c>
      <c r="Q260" s="7">
        <v>987.06537364500002</v>
      </c>
      <c r="R260" s="7">
        <v>1065.17813746</v>
      </c>
      <c r="S260" s="7">
        <v>1090.50891806</v>
      </c>
      <c r="T260" s="7">
        <v>1141.0895968899999</v>
      </c>
      <c r="U260" s="7">
        <v>1206.6946008899999</v>
      </c>
      <c r="V260" s="7">
        <v>1220.77127146</v>
      </c>
      <c r="W260" s="7">
        <v>1276.27842811</v>
      </c>
      <c r="X260" s="7">
        <v>1330.3881859600001</v>
      </c>
      <c r="Y260" s="7">
        <v>1336.39182669</v>
      </c>
      <c r="Z260" s="7">
        <v>1419.5980173099999</v>
      </c>
      <c r="AA260" s="7">
        <v>1441.68409157</v>
      </c>
      <c r="AB260" s="7">
        <v>871.04014498100003</v>
      </c>
      <c r="AC260" s="7">
        <v>867.47846295700003</v>
      </c>
      <c r="AD260" s="7">
        <v>847.19966658099997</v>
      </c>
      <c r="AE260" s="7">
        <v>851.26284289099999</v>
      </c>
      <c r="AF260" s="7">
        <v>844.10262642099997</v>
      </c>
      <c r="AG260" s="9">
        <v>6668.1322785000011</v>
      </c>
      <c r="AH260" s="13">
        <v>0.42816292920843391</v>
      </c>
      <c r="AI260" s="9">
        <v>-404.87960250000106</v>
      </c>
      <c r="AJ260" s="13">
        <v>-2.5997450161882957E-2</v>
      </c>
      <c r="AK260" s="9">
        <v>613.61148200000025</v>
      </c>
      <c r="AL260" s="13">
        <v>4.0451836217312104E-2</v>
      </c>
      <c r="AM260" s="9">
        <v>6459.4003990000019</v>
      </c>
      <c r="AN260" s="13">
        <v>0.40927478363806286</v>
      </c>
      <c r="AO260" s="9">
        <v>7073.0118810000022</v>
      </c>
      <c r="AP260" s="13">
        <v>0.46628253637097777</v>
      </c>
      <c r="AQ260" s="9">
        <v>15573.8197392</v>
      </c>
      <c r="AR260" s="9">
        <v>15852.673728100001</v>
      </c>
      <c r="AS260" s="9">
        <v>15831.0944244</v>
      </c>
      <c r="AT260" s="9">
        <v>15546.755346399999</v>
      </c>
      <c r="AU260" s="9">
        <v>15717.894233999999</v>
      </c>
      <c r="AV260" s="9">
        <v>14992.844380500001</v>
      </c>
      <c r="AW260" s="9">
        <v>15168.940136699999</v>
      </c>
      <c r="AX260" s="9">
        <v>14912.5336967</v>
      </c>
      <c r="AY260" s="9">
        <v>14794.0637267</v>
      </c>
      <c r="AZ260" s="9">
        <v>15782.551618699999</v>
      </c>
      <c r="BA260" s="9">
        <v>15094.088252699999</v>
      </c>
      <c r="BB260" s="9">
        <v>15305.6844659</v>
      </c>
      <c r="BC260" s="9">
        <v>20768.118259700001</v>
      </c>
      <c r="BD260" s="9">
        <v>21113.180160299999</v>
      </c>
      <c r="BE260" s="9">
        <v>21849.4076303</v>
      </c>
      <c r="BF260" s="9">
        <v>22241.952017700001</v>
      </c>
      <c r="BG260" s="11">
        <v>-128.25</v>
      </c>
      <c r="BH260" s="13">
        <v>-0.61071428571428577</v>
      </c>
      <c r="BI260" s="6">
        <v>92</v>
      </c>
      <c r="BJ260" s="13">
        <v>0.43809523809523809</v>
      </c>
      <c r="BK260" s="6">
        <v>108</v>
      </c>
      <c r="BL260" s="13">
        <v>0.35761589403973509</v>
      </c>
      <c r="BM260" s="11">
        <v>-328.25</v>
      </c>
      <c r="BN260" s="13">
        <v>-0.80060975609756102</v>
      </c>
      <c r="BO260" s="11">
        <v>-220.25</v>
      </c>
      <c r="BP260" s="13">
        <v>-0.72930463576158944</v>
      </c>
      <c r="BQ260" s="6">
        <v>210</v>
      </c>
      <c r="BR260" s="6">
        <v>221</v>
      </c>
      <c r="BS260" s="6">
        <v>269</v>
      </c>
      <c r="BT260" s="6">
        <v>302</v>
      </c>
      <c r="BU260" s="6">
        <v>334</v>
      </c>
      <c r="BV260" s="6">
        <v>384</v>
      </c>
      <c r="BW260" s="6">
        <v>410</v>
      </c>
      <c r="BX260" s="6">
        <v>463</v>
      </c>
      <c r="BY260" s="6">
        <v>497</v>
      </c>
      <c r="BZ260" s="6">
        <v>86</v>
      </c>
      <c r="CA260" s="6">
        <v>89</v>
      </c>
      <c r="CB260" s="6">
        <v>84</v>
      </c>
      <c r="CC260" s="11">
        <v>81.75</v>
      </c>
      <c r="CD260" s="11">
        <v>-166.04499999999999</v>
      </c>
      <c r="CE260" s="11">
        <v>-8.4560300000000002</v>
      </c>
      <c r="CF260" s="11">
        <v>100.374</v>
      </c>
      <c r="CG260" s="11">
        <v>92</v>
      </c>
      <c r="CH260" s="20">
        <v>0.95933999999999997</v>
      </c>
      <c r="CI260" s="20">
        <v>0.99186300000000005</v>
      </c>
      <c r="CJ260" s="20">
        <v>1.04552</v>
      </c>
      <c r="CK260" s="20">
        <v>1.0166999999999999</v>
      </c>
      <c r="CL260" s="20">
        <v>1.0387900000000001</v>
      </c>
      <c r="CM260" s="20">
        <v>1.11968</v>
      </c>
      <c r="CN260" s="20">
        <v>1.15466</v>
      </c>
      <c r="CO260" s="20">
        <v>1.18222</v>
      </c>
      <c r="CP260" s="20">
        <v>1.23665</v>
      </c>
      <c r="CQ260" s="20">
        <v>1.2589900000000001</v>
      </c>
      <c r="CR260" s="20">
        <v>1.3304</v>
      </c>
      <c r="CS260" s="20">
        <v>1.33456</v>
      </c>
      <c r="CT260" s="20">
        <v>0.88141099999999994</v>
      </c>
      <c r="CU260" s="20">
        <v>0.85402699999999998</v>
      </c>
      <c r="CV260" s="20">
        <v>0.84260400000000002</v>
      </c>
      <c r="CW260" s="20">
        <v>0.845383</v>
      </c>
      <c r="CX260" s="20">
        <v>0.83141399999999999</v>
      </c>
      <c r="CY260" s="6" t="s">
        <v>424</v>
      </c>
      <c r="CZ260" s="6" t="s">
        <v>425</v>
      </c>
      <c r="DA260" s="6" t="s">
        <v>132</v>
      </c>
      <c r="DB260" s="6"/>
      <c r="DC260" s="6">
        <v>38740</v>
      </c>
      <c r="DD260" s="6"/>
      <c r="DE260" s="6" t="s">
        <v>427</v>
      </c>
      <c r="DF260" s="6" t="s">
        <v>363</v>
      </c>
      <c r="DG260" s="6" t="s">
        <v>364</v>
      </c>
      <c r="DH260" s="6" t="s">
        <v>365</v>
      </c>
      <c r="DI260" s="6"/>
      <c r="DJ260" s="6">
        <v>29</v>
      </c>
      <c r="DK260" s="6">
        <v>23</v>
      </c>
      <c r="DL260" s="6">
        <v>8</v>
      </c>
      <c r="DM260" s="6" t="s">
        <v>368</v>
      </c>
      <c r="DN260" s="6">
        <v>5</v>
      </c>
      <c r="DO260" s="6" t="s">
        <v>429</v>
      </c>
      <c r="DP260" s="6"/>
      <c r="DQ260" s="6"/>
    </row>
    <row r="261" spans="1:121" x14ac:dyDescent="0.2">
      <c r="A261" s="6" t="s">
        <v>327</v>
      </c>
      <c r="B261" s="6" t="s">
        <v>327</v>
      </c>
      <c r="C261" s="6" t="s">
        <v>194</v>
      </c>
      <c r="D261" s="6" t="s">
        <v>132</v>
      </c>
      <c r="E261" s="6" t="s">
        <v>273</v>
      </c>
      <c r="F261" s="11">
        <v>85</v>
      </c>
      <c r="G261" s="13">
        <v>2.3604554290499999E-2</v>
      </c>
      <c r="H261" s="11">
        <v>-10.532134999999926</v>
      </c>
      <c r="I261" s="13">
        <v>-2.9249421511164846E-3</v>
      </c>
      <c r="J261" s="11">
        <v>45.572208000000046</v>
      </c>
      <c r="K261" s="13">
        <v>1.2693257267396842E-2</v>
      </c>
      <c r="L261" s="11">
        <v>49.733831399999872</v>
      </c>
      <c r="M261" s="13">
        <v>1.3678768856198212E-2</v>
      </c>
      <c r="N261" s="11">
        <v>95.306039399999918</v>
      </c>
      <c r="O261" s="13">
        <v>2.6545654255788032E-2</v>
      </c>
      <c r="P261" s="7">
        <v>3600.8011289999999</v>
      </c>
      <c r="Q261" s="7">
        <v>3587.4870460000002</v>
      </c>
      <c r="R261" s="7">
        <v>3592.590995</v>
      </c>
      <c r="S261" s="7">
        <v>3574.1451820000002</v>
      </c>
      <c r="T261" s="7">
        <v>3544.2872560000001</v>
      </c>
      <c r="U261" s="7">
        <v>3554.705066</v>
      </c>
      <c r="V261" s="7">
        <v>3590.268994</v>
      </c>
      <c r="W261" s="7">
        <v>3616.5772769999999</v>
      </c>
      <c r="X261" s="7">
        <v>3732.121087</v>
      </c>
      <c r="Y261" s="7">
        <v>3635.8412020000001</v>
      </c>
      <c r="Z261" s="7">
        <v>3660.5386010000002</v>
      </c>
      <c r="AA261" s="7">
        <v>3712.5518360000001</v>
      </c>
      <c r="AB261" s="7">
        <v>3643.0464440000001</v>
      </c>
      <c r="AC261" s="7">
        <v>3693.5960690000002</v>
      </c>
      <c r="AD261" s="7">
        <v>3693.6860799999999</v>
      </c>
      <c r="AE261" s="7">
        <v>3672.49907175</v>
      </c>
      <c r="AF261" s="7">
        <v>3685.5750333999999</v>
      </c>
      <c r="AG261" s="9">
        <v>19362.1900045</v>
      </c>
      <c r="AH261" s="13">
        <v>0.53464703739783004</v>
      </c>
      <c r="AI261" s="9">
        <v>13455.685866899999</v>
      </c>
      <c r="AJ261" s="13">
        <v>0.37155107884087274</v>
      </c>
      <c r="AK261" s="9">
        <v>3120.5775311000034</v>
      </c>
      <c r="AL261" s="13">
        <v>6.2825460138467931E-2</v>
      </c>
      <c r="AM261" s="9">
        <v>2785.9266064999974</v>
      </c>
      <c r="AN261" s="13">
        <v>5.2772591613858458E-2</v>
      </c>
      <c r="AO261" s="9">
        <v>5906.5041376000008</v>
      </c>
      <c r="AP261" s="13">
        <v>0.1189135141031665</v>
      </c>
      <c r="AQ261" s="9">
        <v>36214.901888799999</v>
      </c>
      <c r="AR261" s="9">
        <v>37521.055995000002</v>
      </c>
      <c r="AS261" s="9">
        <v>40853.070830199998</v>
      </c>
      <c r="AT261" s="9">
        <v>42055.702377399997</v>
      </c>
      <c r="AU261" s="9">
        <v>44229.860566000003</v>
      </c>
      <c r="AV261" s="9">
        <v>46409.355426800001</v>
      </c>
      <c r="AW261" s="9">
        <v>49670.587755699999</v>
      </c>
      <c r="AX261" s="9">
        <v>52244.053523399998</v>
      </c>
      <c r="AY261" s="9">
        <v>52532.416698399997</v>
      </c>
      <c r="AZ261" s="9">
        <v>52791.165286800002</v>
      </c>
      <c r="BA261" s="9">
        <v>53368.753192299999</v>
      </c>
      <c r="BB261" s="9">
        <v>50844.758300300004</v>
      </c>
      <c r="BC261" s="9">
        <v>53699.297585799999</v>
      </c>
      <c r="BD261" s="9">
        <v>53763.409267900002</v>
      </c>
      <c r="BE261" s="9">
        <v>55446.8014453</v>
      </c>
      <c r="BF261" s="9">
        <v>55577.091893299999</v>
      </c>
      <c r="BG261" s="11">
        <v>0</v>
      </c>
      <c r="BH261" s="13">
        <v>0</v>
      </c>
      <c r="BI261" s="6">
        <v>3</v>
      </c>
      <c r="BJ261" s="13">
        <v>3.1914893617021274E-2</v>
      </c>
      <c r="BK261" s="6">
        <v>2</v>
      </c>
      <c r="BL261" s="13">
        <v>2.0618556701030927E-2</v>
      </c>
      <c r="BM261" s="11">
        <v>-5</v>
      </c>
      <c r="BN261" s="13">
        <v>-5.0505050505050504E-2</v>
      </c>
      <c r="BO261" s="11">
        <v>-3</v>
      </c>
      <c r="BP261" s="13">
        <v>-3.0927835051546393E-2</v>
      </c>
      <c r="BQ261" s="6">
        <v>94</v>
      </c>
      <c r="BR261" s="6">
        <v>91</v>
      </c>
      <c r="BS261" s="6">
        <v>92</v>
      </c>
      <c r="BT261" s="6">
        <v>97</v>
      </c>
      <c r="BU261" s="6">
        <v>96</v>
      </c>
      <c r="BV261" s="6">
        <v>99</v>
      </c>
      <c r="BW261" s="6">
        <v>99</v>
      </c>
      <c r="BX261" s="6">
        <v>98</v>
      </c>
      <c r="BY261" s="6">
        <v>93</v>
      </c>
      <c r="BZ261" s="6">
        <v>93</v>
      </c>
      <c r="CA261" s="6">
        <v>93</v>
      </c>
      <c r="CB261" s="6">
        <v>94</v>
      </c>
      <c r="CC261" s="11">
        <v>94</v>
      </c>
      <c r="CD261" s="11">
        <v>-97.741399999999999</v>
      </c>
      <c r="CE261" s="11">
        <v>-211.096</v>
      </c>
      <c r="CF261" s="11">
        <v>393.61099999999999</v>
      </c>
      <c r="CG261" s="11">
        <v>183</v>
      </c>
      <c r="CH261" s="20">
        <v>1.13252</v>
      </c>
      <c r="CI261" s="20">
        <v>1.0830900000000001</v>
      </c>
      <c r="CJ261" s="20">
        <v>1.06728</v>
      </c>
      <c r="CK261" s="20">
        <v>1.01586</v>
      </c>
      <c r="CL261" s="20">
        <v>0.9859</v>
      </c>
      <c r="CM261" s="20">
        <v>1.0145</v>
      </c>
      <c r="CN261" s="20">
        <v>1.0519700000000001</v>
      </c>
      <c r="CO261" s="20">
        <v>1.0274000000000001</v>
      </c>
      <c r="CP261" s="20">
        <v>1.0520400000000001</v>
      </c>
      <c r="CQ261" s="20">
        <v>1.03277</v>
      </c>
      <c r="CR261" s="20">
        <v>1.0586500000000001</v>
      </c>
      <c r="CS261" s="20">
        <v>1.0965199999999999</v>
      </c>
      <c r="CT261" s="20">
        <v>1.1171899999999999</v>
      </c>
      <c r="CU261" s="20">
        <v>1.1228499999999999</v>
      </c>
      <c r="CV261" s="20">
        <v>1.14412</v>
      </c>
      <c r="CW261" s="20">
        <v>1.1415999999999999</v>
      </c>
      <c r="CX261" s="20">
        <v>1.1442300000000001</v>
      </c>
      <c r="CY261" s="6" t="s">
        <v>424</v>
      </c>
      <c r="CZ261" s="6" t="s">
        <v>425</v>
      </c>
      <c r="DA261" s="6" t="s">
        <v>132</v>
      </c>
      <c r="DB261" s="6"/>
      <c r="DC261" s="6">
        <v>38740</v>
      </c>
      <c r="DD261" s="6"/>
      <c r="DE261" s="6" t="s">
        <v>427</v>
      </c>
      <c r="DF261" s="6" t="s">
        <v>363</v>
      </c>
      <c r="DG261" s="6" t="s">
        <v>364</v>
      </c>
      <c r="DH261" s="6" t="s">
        <v>365</v>
      </c>
      <c r="DI261" s="6"/>
      <c r="DJ261" s="6">
        <v>29</v>
      </c>
      <c r="DK261" s="6">
        <v>23</v>
      </c>
      <c r="DL261" s="6">
        <v>8</v>
      </c>
      <c r="DM261" s="6" t="s">
        <v>368</v>
      </c>
      <c r="DN261" s="6">
        <v>5</v>
      </c>
      <c r="DO261" s="6" t="s">
        <v>429</v>
      </c>
      <c r="DP261" s="6"/>
      <c r="DQ261" s="6"/>
    </row>
    <row r="262" spans="1:121" x14ac:dyDescent="0.2">
      <c r="A262" s="6" t="s">
        <v>1</v>
      </c>
      <c r="B262" s="6" t="s">
        <v>1</v>
      </c>
      <c r="C262" s="6" t="s">
        <v>2</v>
      </c>
      <c r="D262" s="6" t="s">
        <v>102</v>
      </c>
      <c r="E262" s="6" t="s">
        <v>243</v>
      </c>
      <c r="F262" s="11">
        <v>26</v>
      </c>
      <c r="G262" s="13">
        <v>0.37681159420299998</v>
      </c>
      <c r="H262" s="11">
        <v>10.781823716599988</v>
      </c>
      <c r="I262" s="13">
        <v>0.15649536961719424</v>
      </c>
      <c r="J262" s="11">
        <v>72.418215949599997</v>
      </c>
      <c r="K262" s="13">
        <v>0.90889389999771153</v>
      </c>
      <c r="L262" s="11">
        <v>-56.993903919699989</v>
      </c>
      <c r="M262" s="13">
        <v>-0.37472440860634842</v>
      </c>
      <c r="N262" s="11">
        <v>15.424312029900008</v>
      </c>
      <c r="O262" s="13">
        <v>0.19358476222880319</v>
      </c>
      <c r="P262" s="7">
        <v>68.895480696800007</v>
      </c>
      <c r="Q262" s="7">
        <v>39.735934106199998</v>
      </c>
      <c r="R262" s="7">
        <v>84.765510810799995</v>
      </c>
      <c r="S262" s="7">
        <v>62.426027804299999</v>
      </c>
      <c r="T262" s="7">
        <v>74.946504189899997</v>
      </c>
      <c r="U262" s="7">
        <v>78.738067533399999</v>
      </c>
      <c r="V262" s="7">
        <v>79.677304413399995</v>
      </c>
      <c r="W262" s="7">
        <v>84.213219509499993</v>
      </c>
      <c r="X262" s="7">
        <v>81.1890092963</v>
      </c>
      <c r="Y262" s="7">
        <v>152.09552036299999</v>
      </c>
      <c r="Z262" s="7">
        <v>139.43112487900001</v>
      </c>
      <c r="AA262" s="7">
        <v>135.53309925900001</v>
      </c>
      <c r="AB262" s="7">
        <v>92.570044324600005</v>
      </c>
      <c r="AC262" s="7">
        <v>85.015030561100005</v>
      </c>
      <c r="AD262" s="7">
        <v>88.387490449799998</v>
      </c>
      <c r="AE262" s="7">
        <v>90.435082786400002</v>
      </c>
      <c r="AF262" s="7">
        <v>95.101616443300003</v>
      </c>
      <c r="AG262" s="9">
        <v>9025.3390858000021</v>
      </c>
      <c r="AH262" s="13">
        <v>0.48479127393254934</v>
      </c>
      <c r="AI262" s="9">
        <v>1047.1334024999996</v>
      </c>
      <c r="AJ262" s="13">
        <v>5.6246212064652051E-2</v>
      </c>
      <c r="AK262" s="9">
        <v>3752.3712621000013</v>
      </c>
      <c r="AL262" s="13">
        <v>0.19082352024899235</v>
      </c>
      <c r="AM262" s="9">
        <v>4225.8344212000011</v>
      </c>
      <c r="AN262" s="13">
        <v>0.18046424731037311</v>
      </c>
      <c r="AO262" s="9">
        <v>7978.2056833000024</v>
      </c>
      <c r="AP262" s="13">
        <v>0.40572459051021559</v>
      </c>
      <c r="AQ262" s="9">
        <v>18616.9586193</v>
      </c>
      <c r="AR262" s="9">
        <v>20158.851086400002</v>
      </c>
      <c r="AS262" s="9">
        <v>19469.536680099998</v>
      </c>
      <c r="AT262" s="9">
        <v>23851.1009868</v>
      </c>
      <c r="AU262" s="9">
        <v>23315.848669899999</v>
      </c>
      <c r="AV262" s="9">
        <v>20101.0637689</v>
      </c>
      <c r="AW262" s="9">
        <v>19664.092021799999</v>
      </c>
      <c r="AX262" s="9">
        <v>21241.915515500001</v>
      </c>
      <c r="AY262" s="9">
        <v>21067.365923000001</v>
      </c>
      <c r="AZ262" s="9">
        <v>23416.463283900001</v>
      </c>
      <c r="BA262" s="9">
        <v>25055.5592827</v>
      </c>
      <c r="BB262" s="9">
        <v>24635.3596794</v>
      </c>
      <c r="BC262" s="9">
        <v>24670.659905100001</v>
      </c>
      <c r="BD262" s="9">
        <v>25399.163612</v>
      </c>
      <c r="BE262" s="9">
        <v>26934.967926000001</v>
      </c>
      <c r="BF262" s="9">
        <v>27642.297705100002</v>
      </c>
      <c r="BG262" s="11">
        <v>0.25</v>
      </c>
      <c r="BH262" s="13">
        <v>4.1666666666666664E-2</v>
      </c>
      <c r="BI262" s="6">
        <v>-1</v>
      </c>
      <c r="BJ262" s="13">
        <v>-0.16666666666666666</v>
      </c>
      <c r="BK262" s="6">
        <v>-1</v>
      </c>
      <c r="BL262" s="13">
        <v>-0.2</v>
      </c>
      <c r="BM262" s="11">
        <v>2.25</v>
      </c>
      <c r="BN262" s="13">
        <v>0.5625</v>
      </c>
      <c r="BO262" s="11">
        <v>1.25</v>
      </c>
      <c r="BP262" s="13">
        <v>0.25</v>
      </c>
      <c r="BQ262" s="6">
        <v>6</v>
      </c>
      <c r="BR262" s="6">
        <v>5</v>
      </c>
      <c r="BS262" s="6">
        <v>4</v>
      </c>
      <c r="BT262" s="6">
        <v>5</v>
      </c>
      <c r="BU262" s="6">
        <v>5</v>
      </c>
      <c r="BV262" s="6">
        <v>5</v>
      </c>
      <c r="BW262" s="6">
        <v>4</v>
      </c>
      <c r="BX262" s="6">
        <v>4</v>
      </c>
      <c r="BY262" s="6">
        <v>5</v>
      </c>
      <c r="BZ262" s="6">
        <v>6</v>
      </c>
      <c r="CA262" s="6">
        <v>5</v>
      </c>
      <c r="CB262" s="6">
        <v>6</v>
      </c>
      <c r="CC262" s="11">
        <v>6.25</v>
      </c>
      <c r="CD262" s="11">
        <v>24.956499999999998</v>
      </c>
      <c r="CE262" s="11">
        <v>-6.28146</v>
      </c>
      <c r="CF262" s="11">
        <v>7.53111</v>
      </c>
      <c r="CG262" s="11">
        <v>2</v>
      </c>
      <c r="CH262" s="20">
        <v>2.7328600000000001</v>
      </c>
      <c r="CI262" s="20">
        <v>1.53809</v>
      </c>
      <c r="CJ262" s="20">
        <v>3.2481</v>
      </c>
      <c r="CK262" s="20">
        <v>2.2871899999999998</v>
      </c>
      <c r="CL262" s="20">
        <v>2.7049799999999999</v>
      </c>
      <c r="CM262" s="20">
        <v>2.8693200000000001</v>
      </c>
      <c r="CN262" s="20">
        <v>2.9557899999999999</v>
      </c>
      <c r="CO262" s="20">
        <v>3.3729399999999998</v>
      </c>
      <c r="CP262" s="20">
        <v>3.2028099999999999</v>
      </c>
      <c r="CQ262" s="20">
        <v>6.0464700000000002</v>
      </c>
      <c r="CR262" s="20">
        <v>5.6437299999999997</v>
      </c>
      <c r="CS262" s="20">
        <v>5.5075599999999998</v>
      </c>
      <c r="CT262" s="20">
        <v>3.8551600000000001</v>
      </c>
      <c r="CU262" s="20">
        <v>3.4626800000000002</v>
      </c>
      <c r="CV262" s="20">
        <v>3.4136899999999999</v>
      </c>
      <c r="CW262" s="20">
        <v>3.3900800000000002</v>
      </c>
      <c r="CX262" s="20">
        <v>3.4885700000000002</v>
      </c>
      <c r="CY262" s="6" t="s">
        <v>430</v>
      </c>
      <c r="CZ262" s="6" t="s">
        <v>431</v>
      </c>
      <c r="DA262" s="6" t="s">
        <v>102</v>
      </c>
      <c r="DB262" s="6"/>
      <c r="DC262" s="6">
        <v>28140</v>
      </c>
      <c r="DD262" s="6">
        <v>312</v>
      </c>
      <c r="DE262" s="6" t="s">
        <v>402</v>
      </c>
      <c r="DF262" s="6" t="s">
        <v>375</v>
      </c>
      <c r="DG262" s="6" t="s">
        <v>376</v>
      </c>
      <c r="DH262" s="6" t="s">
        <v>328</v>
      </c>
      <c r="DI262" s="6" t="s">
        <v>377</v>
      </c>
      <c r="DJ262" s="6">
        <v>29</v>
      </c>
      <c r="DK262" s="6">
        <v>25</v>
      </c>
      <c r="DL262" s="6">
        <v>1</v>
      </c>
      <c r="DM262" s="6" t="s">
        <v>404</v>
      </c>
      <c r="DN262" s="6">
        <v>1</v>
      </c>
      <c r="DO262" s="6" t="s">
        <v>405</v>
      </c>
      <c r="DP262" s="6"/>
      <c r="DQ262" s="6"/>
    </row>
    <row r="263" spans="1:121" x14ac:dyDescent="0.2">
      <c r="A263" s="6" t="s">
        <v>310</v>
      </c>
      <c r="B263" s="6" t="s">
        <v>310</v>
      </c>
      <c r="C263" s="6" t="s">
        <v>173</v>
      </c>
      <c r="D263" s="6" t="s">
        <v>102</v>
      </c>
      <c r="E263" s="6" t="s">
        <v>243</v>
      </c>
      <c r="F263" s="11">
        <v>1</v>
      </c>
      <c r="G263" s="13">
        <v>1</v>
      </c>
      <c r="H263" s="11">
        <v>-5</v>
      </c>
      <c r="I263" s="13">
        <v>-1</v>
      </c>
      <c r="J263" s="11">
        <v>5</v>
      </c>
      <c r="K263" s="13"/>
      <c r="L263" s="11">
        <v>29.527433031400001</v>
      </c>
      <c r="M263" s="13">
        <v>5.9054866062800002</v>
      </c>
      <c r="N263" s="11">
        <v>34.527433031400001</v>
      </c>
      <c r="O263" s="13"/>
      <c r="P263" s="7">
        <v>5</v>
      </c>
      <c r="Q263" s="7">
        <v>0</v>
      </c>
      <c r="R263" s="7">
        <v>0</v>
      </c>
      <c r="S263" s="7">
        <v>0</v>
      </c>
      <c r="T263" s="7">
        <v>0</v>
      </c>
      <c r="U263" s="7">
        <v>0</v>
      </c>
      <c r="V263" s="7">
        <v>0</v>
      </c>
      <c r="W263" s="7">
        <v>0</v>
      </c>
      <c r="X263" s="7">
        <v>0</v>
      </c>
      <c r="Y263" s="7">
        <v>5</v>
      </c>
      <c r="Z263" s="7">
        <v>5</v>
      </c>
      <c r="AA263" s="7">
        <v>5</v>
      </c>
      <c r="AB263" s="7">
        <v>17.534310999999999</v>
      </c>
      <c r="AC263" s="7">
        <v>22.489540999999999</v>
      </c>
      <c r="AD263" s="7">
        <v>32.198360999999998</v>
      </c>
      <c r="AE263" s="7">
        <v>29.928758500000001</v>
      </c>
      <c r="AF263" s="7">
        <v>34.527433031400001</v>
      </c>
      <c r="AG263" s="9">
        <v>43377.032850600001</v>
      </c>
      <c r="AH263" s="13">
        <v>43377.032850600001</v>
      </c>
      <c r="AI263" s="9">
        <v>-1</v>
      </c>
      <c r="AJ263" s="13">
        <v>-1</v>
      </c>
      <c r="AK263" s="9">
        <v>1</v>
      </c>
      <c r="AL263" s="13"/>
      <c r="AM263" s="9">
        <v>43377.032850600001</v>
      </c>
      <c r="AN263" s="13">
        <v>43377.032850600001</v>
      </c>
      <c r="AO263" s="9">
        <v>43378.032850600001</v>
      </c>
      <c r="AP263" s="13"/>
      <c r="AQ263" s="9">
        <v>1</v>
      </c>
      <c r="AR263" s="9">
        <v>0</v>
      </c>
      <c r="AS263" s="9">
        <v>0</v>
      </c>
      <c r="AT263" s="9">
        <v>0</v>
      </c>
      <c r="AU263" s="9">
        <v>0</v>
      </c>
      <c r="AV263" s="9">
        <v>0</v>
      </c>
      <c r="AW263" s="9">
        <v>0</v>
      </c>
      <c r="AX263" s="9">
        <v>0</v>
      </c>
      <c r="AY263" s="9">
        <v>0</v>
      </c>
      <c r="AZ263" s="9">
        <v>1</v>
      </c>
      <c r="BA263" s="9">
        <v>1</v>
      </c>
      <c r="BB263" s="9">
        <v>1</v>
      </c>
      <c r="BC263" s="9">
        <v>45250.023298300002</v>
      </c>
      <c r="BD263" s="9">
        <v>36852.605932600003</v>
      </c>
      <c r="BE263" s="9">
        <v>39247.732656799999</v>
      </c>
      <c r="BF263" s="9">
        <v>43378.032850600001</v>
      </c>
      <c r="BG263" s="11">
        <v>1</v>
      </c>
      <c r="BH263" s="13" t="e">
        <v>#DIV/0!</v>
      </c>
      <c r="BI263" s="6">
        <v>0</v>
      </c>
      <c r="BJ263" s="13" t="e">
        <v>#DIV/0!</v>
      </c>
      <c r="BK263" s="6">
        <v>1</v>
      </c>
      <c r="BL263" s="13" t="e">
        <v>#DIV/0!</v>
      </c>
      <c r="BM263" s="11">
        <v>0</v>
      </c>
      <c r="BN263" s="13">
        <v>0</v>
      </c>
      <c r="BO263" s="11">
        <v>1</v>
      </c>
      <c r="BP263" s="13" t="e">
        <v>#DIV/0!</v>
      </c>
      <c r="BQ263" s="6">
        <v>0</v>
      </c>
      <c r="BR263" s="6">
        <v>0</v>
      </c>
      <c r="BS263" s="6">
        <v>0</v>
      </c>
      <c r="BT263" s="6">
        <v>0</v>
      </c>
      <c r="BU263" s="6">
        <v>0</v>
      </c>
      <c r="BV263" s="6">
        <v>0</v>
      </c>
      <c r="BW263" s="6">
        <v>1</v>
      </c>
      <c r="BX263" s="6">
        <v>1</v>
      </c>
      <c r="BY263" s="6">
        <v>2</v>
      </c>
      <c r="BZ263" s="6">
        <v>2</v>
      </c>
      <c r="CA263" s="6">
        <v>2</v>
      </c>
      <c r="CB263" s="6">
        <v>2</v>
      </c>
      <c r="CC263" s="11">
        <v>1</v>
      </c>
      <c r="CD263" s="11">
        <v>34.224200000000003</v>
      </c>
      <c r="CE263" s="11">
        <v>2.5937000000000002E-2</v>
      </c>
      <c r="CF263" s="11">
        <v>2.7328000000000002E-2</v>
      </c>
      <c r="CG263" s="11">
        <v>0</v>
      </c>
      <c r="CH263" s="20">
        <v>3.4952200000000003E-2</v>
      </c>
      <c r="CI263" s="20">
        <v>0</v>
      </c>
      <c r="CJ263" s="20">
        <v>0</v>
      </c>
      <c r="CK263" s="20">
        <v>0</v>
      </c>
      <c r="CL263" s="20">
        <v>0</v>
      </c>
      <c r="CM263" s="20">
        <v>0</v>
      </c>
      <c r="CN263" s="20">
        <v>0</v>
      </c>
      <c r="CO263" s="20">
        <v>0</v>
      </c>
      <c r="CP263" s="20">
        <v>0</v>
      </c>
      <c r="CQ263" s="20">
        <v>5.45198E-2</v>
      </c>
      <c r="CR263" s="20">
        <v>3.70032E-2</v>
      </c>
      <c r="CS263" s="20">
        <v>0.413767</v>
      </c>
      <c r="CT263" s="20">
        <v>1.6708099999999999</v>
      </c>
      <c r="CU263" s="20">
        <v>2.0567899999999999</v>
      </c>
      <c r="CV263" s="20">
        <v>3.1561599999999999</v>
      </c>
      <c r="CW263" s="20">
        <v>3.35168</v>
      </c>
      <c r="CX263" s="20">
        <v>3.7467600000000001</v>
      </c>
      <c r="CY263" s="6" t="s">
        <v>430</v>
      </c>
      <c r="CZ263" s="6" t="s">
        <v>431</v>
      </c>
      <c r="DA263" s="6" t="s">
        <v>102</v>
      </c>
      <c r="DB263" s="6"/>
      <c r="DC263" s="6">
        <v>28140</v>
      </c>
      <c r="DD263" s="6">
        <v>312</v>
      </c>
      <c r="DE263" s="6" t="s">
        <v>402</v>
      </c>
      <c r="DF263" s="6" t="s">
        <v>375</v>
      </c>
      <c r="DG263" s="6" t="s">
        <v>376</v>
      </c>
      <c r="DH263" s="6" t="s">
        <v>328</v>
      </c>
      <c r="DI263" s="6" t="s">
        <v>377</v>
      </c>
      <c r="DJ263" s="6">
        <v>29</v>
      </c>
      <c r="DK263" s="6">
        <v>25</v>
      </c>
      <c r="DL263" s="6">
        <v>1</v>
      </c>
      <c r="DM263" s="6" t="s">
        <v>404</v>
      </c>
      <c r="DN263" s="6">
        <v>1</v>
      </c>
      <c r="DO263" s="6" t="s">
        <v>405</v>
      </c>
      <c r="DP263" s="6"/>
      <c r="DQ263" s="6"/>
    </row>
    <row r="264" spans="1:121" x14ac:dyDescent="0.2">
      <c r="A264" s="6" t="s">
        <v>311</v>
      </c>
      <c r="B264" s="6" t="s">
        <v>311</v>
      </c>
      <c r="C264" s="6" t="s">
        <v>174</v>
      </c>
      <c r="D264" s="6" t="s">
        <v>102</v>
      </c>
      <c r="E264" s="6" t="s">
        <v>243</v>
      </c>
      <c r="F264" s="11">
        <v>1</v>
      </c>
      <c r="G264" s="13">
        <v>1</v>
      </c>
      <c r="H264" s="11">
        <v>-8.1798780000000004</v>
      </c>
      <c r="I264" s="13">
        <v>-0.62063381770301673</v>
      </c>
      <c r="J264" s="11">
        <v>0</v>
      </c>
      <c r="K264" s="13">
        <v>0</v>
      </c>
      <c r="L264" s="11">
        <v>0</v>
      </c>
      <c r="M264" s="13">
        <v>0</v>
      </c>
      <c r="N264" s="11">
        <v>0</v>
      </c>
      <c r="O264" s="13">
        <v>0</v>
      </c>
      <c r="P264" s="7">
        <v>13.179878</v>
      </c>
      <c r="Q264" s="7">
        <v>5</v>
      </c>
      <c r="R264" s="7">
        <v>11.495426</v>
      </c>
      <c r="S264" s="7">
        <v>5</v>
      </c>
      <c r="T264" s="7">
        <v>5</v>
      </c>
      <c r="U264" s="7">
        <v>5</v>
      </c>
      <c r="V264" s="7">
        <v>5</v>
      </c>
      <c r="W264" s="7">
        <v>5</v>
      </c>
      <c r="X264" s="7">
        <v>10.828506000000001</v>
      </c>
      <c r="Y264" s="7">
        <v>5</v>
      </c>
      <c r="Z264" s="7">
        <v>5</v>
      </c>
      <c r="AA264" s="7">
        <v>5</v>
      </c>
      <c r="AB264" s="7">
        <v>5</v>
      </c>
      <c r="AC264" s="7">
        <v>5</v>
      </c>
      <c r="AD264" s="7">
        <v>5</v>
      </c>
      <c r="AE264" s="7">
        <v>5</v>
      </c>
      <c r="AF264" s="7">
        <v>5</v>
      </c>
      <c r="AG264" s="9">
        <v>-31878.473793599998</v>
      </c>
      <c r="AH264" s="13">
        <v>-0.99996863185363483</v>
      </c>
      <c r="AI264" s="9">
        <v>-31878.473793599998</v>
      </c>
      <c r="AJ264" s="13">
        <v>-0.99996863185363483</v>
      </c>
      <c r="AK264" s="9">
        <v>0</v>
      </c>
      <c r="AL264" s="13">
        <v>0</v>
      </c>
      <c r="AM264" s="9">
        <v>0</v>
      </c>
      <c r="AN264" s="13">
        <v>0</v>
      </c>
      <c r="AO264" s="9">
        <v>0</v>
      </c>
      <c r="AP264" s="13">
        <v>0</v>
      </c>
      <c r="AQ264" s="9">
        <v>31879.473793599998</v>
      </c>
      <c r="AR264" s="9">
        <v>1</v>
      </c>
      <c r="AS264" s="9">
        <v>26867.3745557</v>
      </c>
      <c r="AT264" s="9">
        <v>1</v>
      </c>
      <c r="AU264" s="9">
        <v>1</v>
      </c>
      <c r="AV264" s="9">
        <v>1</v>
      </c>
      <c r="AW264" s="9">
        <v>1</v>
      </c>
      <c r="AX264" s="9">
        <v>1</v>
      </c>
      <c r="AY264" s="9">
        <v>46509.537141100001</v>
      </c>
      <c r="AZ264" s="9">
        <v>1</v>
      </c>
      <c r="BA264" s="9">
        <v>1</v>
      </c>
      <c r="BB264" s="9">
        <v>1</v>
      </c>
      <c r="BC264" s="9">
        <v>1</v>
      </c>
      <c r="BD264" s="9">
        <v>1</v>
      </c>
      <c r="BE264" s="9">
        <v>1</v>
      </c>
      <c r="BF264" s="9">
        <v>1</v>
      </c>
      <c r="BG264" s="11">
        <v>0</v>
      </c>
      <c r="BH264" s="13">
        <v>0</v>
      </c>
      <c r="BI264" s="6">
        <v>0</v>
      </c>
      <c r="BJ264" s="13">
        <v>0</v>
      </c>
      <c r="BK264" s="6">
        <v>0</v>
      </c>
      <c r="BL264" s="13">
        <v>0</v>
      </c>
      <c r="BM264" s="11">
        <v>0</v>
      </c>
      <c r="BN264" s="13">
        <v>0</v>
      </c>
      <c r="BO264" s="11">
        <v>0</v>
      </c>
      <c r="BP264" s="13">
        <v>0</v>
      </c>
      <c r="BQ264" s="6">
        <v>1</v>
      </c>
      <c r="BR264" s="6">
        <v>1</v>
      </c>
      <c r="BS264" s="6">
        <v>1</v>
      </c>
      <c r="BT264" s="6">
        <v>1</v>
      </c>
      <c r="BU264" s="6">
        <v>1</v>
      </c>
      <c r="BV264" s="6">
        <v>1</v>
      </c>
      <c r="BW264" s="6">
        <v>1</v>
      </c>
      <c r="BX264" s="6">
        <v>1</v>
      </c>
      <c r="BY264" s="6">
        <v>1</v>
      </c>
      <c r="BZ264" s="6">
        <v>1</v>
      </c>
      <c r="CA264" s="6">
        <v>1</v>
      </c>
      <c r="CB264" s="6">
        <v>1</v>
      </c>
      <c r="CC264" s="11">
        <v>1</v>
      </c>
      <c r="CD264" s="11">
        <v>-8.7850699999999993</v>
      </c>
      <c r="CE264" s="11">
        <v>-2.1462599999999998</v>
      </c>
      <c r="CF264" s="11">
        <v>1.44072</v>
      </c>
      <c r="CG264" s="11">
        <v>-1</v>
      </c>
      <c r="CH264" s="20">
        <v>1.6818</v>
      </c>
      <c r="CI264" s="20">
        <v>0.55574699999999999</v>
      </c>
      <c r="CJ264" s="20">
        <v>1.46807</v>
      </c>
      <c r="CK264" s="20">
        <v>0.82692200000000005</v>
      </c>
      <c r="CL264" s="20">
        <v>0.37455300000000002</v>
      </c>
      <c r="CM264" s="20">
        <v>0.45256200000000002</v>
      </c>
      <c r="CN264" s="20">
        <v>3.3410099999999998E-2</v>
      </c>
      <c r="CO264" s="20">
        <v>1.18719</v>
      </c>
      <c r="CP264" s="20">
        <v>1.4118299999999999</v>
      </c>
      <c r="CQ264" s="20">
        <v>1.31342</v>
      </c>
      <c r="CR264" s="20">
        <v>1.12524</v>
      </c>
      <c r="CS264" s="20">
        <v>0.91781100000000004</v>
      </c>
      <c r="CT264" s="20">
        <v>0.68774599999999997</v>
      </c>
      <c r="CU264" s="20">
        <v>0.22070000000000001</v>
      </c>
      <c r="CV264" s="20">
        <v>0.56317899999999999</v>
      </c>
      <c r="CW264" s="20">
        <v>0.46328599999999998</v>
      </c>
      <c r="CX264" s="20">
        <v>0.46831400000000001</v>
      </c>
      <c r="CY264" s="6" t="s">
        <v>430</v>
      </c>
      <c r="CZ264" s="6" t="s">
        <v>431</v>
      </c>
      <c r="DA264" s="6" t="s">
        <v>102</v>
      </c>
      <c r="DB264" s="6"/>
      <c r="DC264" s="6">
        <v>28140</v>
      </c>
      <c r="DD264" s="6">
        <v>312</v>
      </c>
      <c r="DE264" s="6" t="s">
        <v>402</v>
      </c>
      <c r="DF264" s="6" t="s">
        <v>375</v>
      </c>
      <c r="DG264" s="6" t="s">
        <v>376</v>
      </c>
      <c r="DH264" s="6" t="s">
        <v>328</v>
      </c>
      <c r="DI264" s="6" t="s">
        <v>377</v>
      </c>
      <c r="DJ264" s="6">
        <v>29</v>
      </c>
      <c r="DK264" s="6">
        <v>25</v>
      </c>
      <c r="DL264" s="6">
        <v>1</v>
      </c>
      <c r="DM264" s="6" t="s">
        <v>404</v>
      </c>
      <c r="DN264" s="6">
        <v>1</v>
      </c>
      <c r="DO264" s="6" t="s">
        <v>405</v>
      </c>
      <c r="DP264" s="6"/>
      <c r="DQ264" s="6"/>
    </row>
    <row r="265" spans="1:121" x14ac:dyDescent="0.2">
      <c r="A265" s="6" t="s">
        <v>312</v>
      </c>
      <c r="B265" s="6" t="s">
        <v>312</v>
      </c>
      <c r="C265" s="6" t="s">
        <v>175</v>
      </c>
      <c r="D265" s="6" t="s">
        <v>102</v>
      </c>
      <c r="E265" s="6" t="s">
        <v>243</v>
      </c>
      <c r="F265" s="11">
        <v>-49</v>
      </c>
      <c r="G265" s="13">
        <v>-0.186311787072</v>
      </c>
      <c r="H265" s="11">
        <v>24.701058119000038</v>
      </c>
      <c r="I265" s="13">
        <v>9.3758845012020336E-2</v>
      </c>
      <c r="J265" s="11">
        <v>-41.970190983000037</v>
      </c>
      <c r="K265" s="13">
        <v>-0.14565186790359755</v>
      </c>
      <c r="L265" s="11">
        <v>-32.35934211</v>
      </c>
      <c r="M265" s="13">
        <v>-0.13144374444653234</v>
      </c>
      <c r="N265" s="11">
        <v>-74.329533093000038</v>
      </c>
      <c r="O265" s="13">
        <v>-0.2579505854472493</v>
      </c>
      <c r="P265" s="7">
        <v>263.45309731399999</v>
      </c>
      <c r="Q265" s="7">
        <v>324.48564147500002</v>
      </c>
      <c r="R265" s="7">
        <v>284.014842574</v>
      </c>
      <c r="S265" s="7">
        <v>286.329409059</v>
      </c>
      <c r="T265" s="7">
        <v>269.893251883</v>
      </c>
      <c r="U265" s="7">
        <v>261.84849600699999</v>
      </c>
      <c r="V265" s="7">
        <v>288.15415543300003</v>
      </c>
      <c r="W265" s="7">
        <v>235.733550635</v>
      </c>
      <c r="X265" s="7">
        <v>247.760434092</v>
      </c>
      <c r="Y265" s="7">
        <v>246.18396444999999</v>
      </c>
      <c r="Z265" s="7">
        <v>243.17881413800001</v>
      </c>
      <c r="AA265" s="7">
        <v>226.453869051</v>
      </c>
      <c r="AB265" s="7">
        <v>205.918725556</v>
      </c>
      <c r="AC265" s="7">
        <v>190.910554182</v>
      </c>
      <c r="AD265" s="7">
        <v>204.692091127</v>
      </c>
      <c r="AE265" s="7">
        <v>215.07046749</v>
      </c>
      <c r="AF265" s="7">
        <v>213.82462233999999</v>
      </c>
      <c r="AG265" s="9">
        <v>6270.3298546000005</v>
      </c>
      <c r="AH265" s="13">
        <v>0.16666667839917096</v>
      </c>
      <c r="AI265" s="9">
        <v>2070.8280577000041</v>
      </c>
      <c r="AJ265" s="13">
        <v>5.5043042697262318E-2</v>
      </c>
      <c r="AK265" s="9">
        <v>730.76145609999367</v>
      </c>
      <c r="AL265" s="13">
        <v>1.8410426389010855E-2</v>
      </c>
      <c r="AM265" s="9">
        <v>3468.7403408000027</v>
      </c>
      <c r="AN265" s="13">
        <v>8.5809855107802022E-2</v>
      </c>
      <c r="AO265" s="9">
        <v>4199.5017968999964</v>
      </c>
      <c r="AP265" s="13">
        <v>0.10580007751772676</v>
      </c>
      <c r="AQ265" s="9">
        <v>37621.976479199999</v>
      </c>
      <c r="AR265" s="9">
        <v>35308.110291099998</v>
      </c>
      <c r="AS265" s="9">
        <v>33880.516742599997</v>
      </c>
      <c r="AT265" s="9">
        <v>42102.581570000002</v>
      </c>
      <c r="AU265" s="9">
        <v>32454.616681399999</v>
      </c>
      <c r="AV265" s="9">
        <v>33676.658448000002</v>
      </c>
      <c r="AW265" s="9">
        <v>39692.804536900003</v>
      </c>
      <c r="AX265" s="9">
        <v>31006.536856899998</v>
      </c>
      <c r="AY265" s="9">
        <v>36114.159802100003</v>
      </c>
      <c r="AZ265" s="9">
        <v>40423.565992999997</v>
      </c>
      <c r="BA265" s="9">
        <v>43909.847017100001</v>
      </c>
      <c r="BB265" s="9">
        <v>40921.3925609</v>
      </c>
      <c r="BC265" s="9">
        <v>45823.9402243</v>
      </c>
      <c r="BD265" s="9">
        <v>44542.119664799997</v>
      </c>
      <c r="BE265" s="9">
        <v>44109.193946300002</v>
      </c>
      <c r="BF265" s="9">
        <v>43892.306333799999</v>
      </c>
      <c r="BG265" s="11">
        <v>-6.5</v>
      </c>
      <c r="BH265" s="13">
        <v>-0.25</v>
      </c>
      <c r="BI265" s="6">
        <v>8</v>
      </c>
      <c r="BJ265" s="13">
        <v>0.30769230769230771</v>
      </c>
      <c r="BK265" s="6">
        <v>-7</v>
      </c>
      <c r="BL265" s="13">
        <v>-0.20588235294117646</v>
      </c>
      <c r="BM265" s="11">
        <v>-7.5</v>
      </c>
      <c r="BN265" s="13">
        <v>-0.27777777777777779</v>
      </c>
      <c r="BO265" s="11">
        <v>-14.5</v>
      </c>
      <c r="BP265" s="13">
        <v>-0.4264705882352941</v>
      </c>
      <c r="BQ265" s="6">
        <v>26</v>
      </c>
      <c r="BR265" s="6">
        <v>30</v>
      </c>
      <c r="BS265" s="6">
        <v>34</v>
      </c>
      <c r="BT265" s="6">
        <v>34</v>
      </c>
      <c r="BU265" s="6">
        <v>33</v>
      </c>
      <c r="BV265" s="6">
        <v>29</v>
      </c>
      <c r="BW265" s="6">
        <v>27</v>
      </c>
      <c r="BX265" s="6">
        <v>27</v>
      </c>
      <c r="BY265" s="6">
        <v>28</v>
      </c>
      <c r="BZ265" s="6">
        <v>26</v>
      </c>
      <c r="CA265" s="6">
        <v>22</v>
      </c>
      <c r="CB265" s="6">
        <v>20</v>
      </c>
      <c r="CC265" s="11">
        <v>19.5</v>
      </c>
      <c r="CD265" s="11">
        <v>-46.516199999999998</v>
      </c>
      <c r="CE265" s="11">
        <v>-31.910900000000002</v>
      </c>
      <c r="CF265" s="11">
        <v>28.7986</v>
      </c>
      <c r="CG265" s="11">
        <v>-3</v>
      </c>
      <c r="CH265" s="20">
        <v>2.3177599999999998</v>
      </c>
      <c r="CI265" s="20">
        <v>2.7756500000000002</v>
      </c>
      <c r="CJ265" s="20">
        <v>2.3732099999999998</v>
      </c>
      <c r="CK265" s="20">
        <v>2.2032600000000002</v>
      </c>
      <c r="CL265" s="20">
        <v>1.9658199999999999</v>
      </c>
      <c r="CM265" s="20">
        <v>1.84358</v>
      </c>
      <c r="CN265" s="20">
        <v>2.06487</v>
      </c>
      <c r="CO265" s="20">
        <v>1.87452</v>
      </c>
      <c r="CP265" s="20">
        <v>2.2075499999999999</v>
      </c>
      <c r="CQ265" s="20">
        <v>2.3897200000000001</v>
      </c>
      <c r="CR265" s="20">
        <v>2.44957</v>
      </c>
      <c r="CS265" s="20">
        <v>2.29833</v>
      </c>
      <c r="CT265" s="20">
        <v>2.1158700000000001</v>
      </c>
      <c r="CU265" s="20">
        <v>1.8742099999999999</v>
      </c>
      <c r="CV265" s="20">
        <v>1.85545</v>
      </c>
      <c r="CW265" s="20">
        <v>1.8508199999999999</v>
      </c>
      <c r="CX265" s="20">
        <v>1.7923500000000001</v>
      </c>
      <c r="CY265" s="6" t="s">
        <v>430</v>
      </c>
      <c r="CZ265" s="6" t="s">
        <v>431</v>
      </c>
      <c r="DA265" s="6" t="s">
        <v>102</v>
      </c>
      <c r="DB265" s="6"/>
      <c r="DC265" s="6">
        <v>28140</v>
      </c>
      <c r="DD265" s="6">
        <v>312</v>
      </c>
      <c r="DE265" s="6" t="s">
        <v>402</v>
      </c>
      <c r="DF265" s="6" t="s">
        <v>375</v>
      </c>
      <c r="DG265" s="6" t="s">
        <v>376</v>
      </c>
      <c r="DH265" s="6" t="s">
        <v>328</v>
      </c>
      <c r="DI265" s="6" t="s">
        <v>377</v>
      </c>
      <c r="DJ265" s="6">
        <v>29</v>
      </c>
      <c r="DK265" s="6">
        <v>25</v>
      </c>
      <c r="DL265" s="6">
        <v>1</v>
      </c>
      <c r="DM265" s="6" t="s">
        <v>404</v>
      </c>
      <c r="DN265" s="6">
        <v>1</v>
      </c>
      <c r="DO265" s="6" t="s">
        <v>405</v>
      </c>
      <c r="DP265" s="6"/>
      <c r="DQ265" s="6"/>
    </row>
    <row r="266" spans="1:121" x14ac:dyDescent="0.2">
      <c r="A266" s="6" t="s">
        <v>792</v>
      </c>
      <c r="B266" s="6" t="s">
        <v>176</v>
      </c>
      <c r="C266" s="6" t="s">
        <v>177</v>
      </c>
      <c r="D266" s="6" t="s">
        <v>102</v>
      </c>
      <c r="E266" s="6" t="s">
        <v>243</v>
      </c>
      <c r="F266" s="11">
        <v>-4</v>
      </c>
      <c r="G266" s="13">
        <v>-8.3333333333299994E-2</v>
      </c>
      <c r="H266" s="11">
        <v>-14.182265946999998</v>
      </c>
      <c r="I266" s="13">
        <v>-0.29686097609464596</v>
      </c>
      <c r="J266" s="11">
        <v>-4.8100980986000046</v>
      </c>
      <c r="K266" s="13">
        <v>-0.14319248232584034</v>
      </c>
      <c r="L266" s="11">
        <v>15.626990291900004</v>
      </c>
      <c r="M266" s="13">
        <v>0.54294815075977731</v>
      </c>
      <c r="N266" s="11">
        <v>10.816892193299999</v>
      </c>
      <c r="O266" s="13">
        <v>0.32200957495241989</v>
      </c>
      <c r="P266" s="7">
        <v>47.774099962800001</v>
      </c>
      <c r="Q266" s="7">
        <v>38.129324783999998</v>
      </c>
      <c r="R266" s="7">
        <v>16.3424120687</v>
      </c>
      <c r="S266" s="7">
        <v>45.853456483800002</v>
      </c>
      <c r="T266" s="7">
        <v>46.519512602699997</v>
      </c>
      <c r="U266" s="7">
        <v>40.605480527300003</v>
      </c>
      <c r="V266" s="7">
        <v>33.591834015800003</v>
      </c>
      <c r="W266" s="7">
        <v>37.4630208548</v>
      </c>
      <c r="X266" s="7">
        <v>35.581111173099998</v>
      </c>
      <c r="Y266" s="7">
        <v>28.781735917199999</v>
      </c>
      <c r="Z266" s="7">
        <v>31.2966034164</v>
      </c>
      <c r="AA266" s="7">
        <v>25.019096093200002</v>
      </c>
      <c r="AB266" s="7">
        <v>31.283803971200001</v>
      </c>
      <c r="AC266" s="7">
        <v>31.7246072489</v>
      </c>
      <c r="AD266" s="7">
        <v>38.027716176799998</v>
      </c>
      <c r="AE266" s="7">
        <v>40.5654046812</v>
      </c>
      <c r="AF266" s="7">
        <v>44.408726209100003</v>
      </c>
      <c r="AG266" s="9">
        <v>16237.201189999996</v>
      </c>
      <c r="AH266" s="13">
        <v>0.8917460568145642</v>
      </c>
      <c r="AI266" s="9">
        <v>15885.4529764</v>
      </c>
      <c r="AJ266" s="13">
        <v>0.87242806729168132</v>
      </c>
      <c r="AK266" s="9">
        <v>5437.1107540000012</v>
      </c>
      <c r="AL266" s="13">
        <v>0.15947516600205328</v>
      </c>
      <c r="AM266" s="9">
        <v>-5085.3625404000049</v>
      </c>
      <c r="AN266" s="13">
        <v>-0.12864276072339051</v>
      </c>
      <c r="AO266" s="9">
        <v>351.74821359999623</v>
      </c>
      <c r="AP266" s="13">
        <v>1.0317079657337634E-2</v>
      </c>
      <c r="AQ266" s="9">
        <v>18208.324069300001</v>
      </c>
      <c r="AR266" s="9">
        <v>18348.165938099999</v>
      </c>
      <c r="AS266" s="9">
        <v>32074.308329399999</v>
      </c>
      <c r="AT266" s="9">
        <v>23573.595920299998</v>
      </c>
      <c r="AU266" s="9">
        <v>21718.261720899998</v>
      </c>
      <c r="AV266" s="9">
        <v>19859.215119500001</v>
      </c>
      <c r="AW266" s="9">
        <v>34093.777045700001</v>
      </c>
      <c r="AX266" s="9">
        <v>37290.594736200001</v>
      </c>
      <c r="AY266" s="9">
        <v>44198.212546800001</v>
      </c>
      <c r="AZ266" s="9">
        <v>39530.887799700002</v>
      </c>
      <c r="BA266" s="9">
        <v>36533.234966900003</v>
      </c>
      <c r="BB266" s="9">
        <v>34880.864312400001</v>
      </c>
      <c r="BC266" s="9">
        <v>32668.6580751</v>
      </c>
      <c r="BD266" s="9">
        <v>31110.249073999999</v>
      </c>
      <c r="BE266" s="9">
        <v>33301.205656099999</v>
      </c>
      <c r="BF266" s="9">
        <v>34445.525259299997</v>
      </c>
      <c r="BG266" s="11">
        <v>0</v>
      </c>
      <c r="BH266" s="13">
        <v>0</v>
      </c>
      <c r="BI266" s="6">
        <v>-1</v>
      </c>
      <c r="BJ266" s="13">
        <v>-0.1111111111111111</v>
      </c>
      <c r="BK266" s="6">
        <v>-2</v>
      </c>
      <c r="BL266" s="13">
        <v>-0.25</v>
      </c>
      <c r="BM266" s="11">
        <v>3</v>
      </c>
      <c r="BN266" s="13">
        <v>0.5</v>
      </c>
      <c r="BO266" s="11">
        <v>1</v>
      </c>
      <c r="BP266" s="13">
        <v>0.125</v>
      </c>
      <c r="BQ266" s="6">
        <v>9</v>
      </c>
      <c r="BR266" s="6">
        <v>9</v>
      </c>
      <c r="BS266" s="6">
        <v>8</v>
      </c>
      <c r="BT266" s="6">
        <v>8</v>
      </c>
      <c r="BU266" s="6">
        <v>8</v>
      </c>
      <c r="BV266" s="6">
        <v>7</v>
      </c>
      <c r="BW266" s="6">
        <v>6</v>
      </c>
      <c r="BX266" s="6">
        <v>6</v>
      </c>
      <c r="BY266" s="6">
        <v>5</v>
      </c>
      <c r="BZ266" s="6">
        <v>6</v>
      </c>
      <c r="CA266" s="6">
        <v>7</v>
      </c>
      <c r="CB266" s="6">
        <v>9</v>
      </c>
      <c r="CC266" s="11">
        <v>9</v>
      </c>
      <c r="CD266" s="11">
        <v>8.2755299999999998</v>
      </c>
      <c r="CE266" s="11">
        <v>-16.863199999999999</v>
      </c>
      <c r="CF266" s="11">
        <v>5.2222799999999996</v>
      </c>
      <c r="CG266" s="11">
        <v>-12</v>
      </c>
      <c r="CH266" s="20">
        <v>0.21954000000000001</v>
      </c>
      <c r="CI266" s="20">
        <v>0.182061</v>
      </c>
      <c r="CJ266" s="20">
        <v>8.1481799999999993E-2</v>
      </c>
      <c r="CK266" s="20">
        <v>0.22298999999999999</v>
      </c>
      <c r="CL266" s="20">
        <v>0.225495</v>
      </c>
      <c r="CM266" s="20">
        <v>0.19942099999999999</v>
      </c>
      <c r="CN266" s="20">
        <v>0.16999500000000001</v>
      </c>
      <c r="CO266" s="20">
        <v>0.20583499999999999</v>
      </c>
      <c r="CP266" s="20">
        <v>0.21581800000000001</v>
      </c>
      <c r="CQ266" s="20">
        <v>0.179922</v>
      </c>
      <c r="CR266" s="20">
        <v>0.19697500000000001</v>
      </c>
      <c r="CS266" s="20">
        <v>0.15751699999999999</v>
      </c>
      <c r="CT266" s="20">
        <v>0.202544</v>
      </c>
      <c r="CU266" s="20">
        <v>0.20105200000000001</v>
      </c>
      <c r="CV266" s="20">
        <v>0.22875599999999999</v>
      </c>
      <c r="CW266" s="20">
        <v>0.23671900000000001</v>
      </c>
      <c r="CX266" s="20">
        <v>0.25404700000000002</v>
      </c>
      <c r="CY266" s="6" t="s">
        <v>430</v>
      </c>
      <c r="CZ266" s="6" t="s">
        <v>431</v>
      </c>
      <c r="DA266" s="6" t="s">
        <v>102</v>
      </c>
      <c r="DB266" s="6"/>
      <c r="DC266" s="6">
        <v>28140</v>
      </c>
      <c r="DD266" s="6">
        <v>312</v>
      </c>
      <c r="DE266" s="6" t="s">
        <v>402</v>
      </c>
      <c r="DF266" s="6" t="s">
        <v>375</v>
      </c>
      <c r="DG266" s="6" t="s">
        <v>376</v>
      </c>
      <c r="DH266" s="6" t="s">
        <v>328</v>
      </c>
      <c r="DI266" s="6" t="s">
        <v>377</v>
      </c>
      <c r="DJ266" s="6">
        <v>29</v>
      </c>
      <c r="DK266" s="6">
        <v>25</v>
      </c>
      <c r="DL266" s="6">
        <v>1</v>
      </c>
      <c r="DM266" s="6" t="s">
        <v>404</v>
      </c>
      <c r="DN266" s="6">
        <v>1</v>
      </c>
      <c r="DO266" s="6" t="s">
        <v>405</v>
      </c>
      <c r="DP266" s="6"/>
      <c r="DQ266" s="6"/>
    </row>
    <row r="267" spans="1:121" x14ac:dyDescent="0.2">
      <c r="A267" s="6" t="s">
        <v>313</v>
      </c>
      <c r="B267" s="6" t="s">
        <v>313</v>
      </c>
      <c r="C267" s="6" t="s">
        <v>178</v>
      </c>
      <c r="D267" s="6" t="s">
        <v>102</v>
      </c>
      <c r="E267" s="6" t="s">
        <v>243</v>
      </c>
      <c r="F267" s="11">
        <v>6</v>
      </c>
      <c r="G267" s="13">
        <v>0.162162162162</v>
      </c>
      <c r="H267" s="11">
        <v>-3.4351873111000018</v>
      </c>
      <c r="I267" s="13">
        <v>-9.3892354116847543E-2</v>
      </c>
      <c r="J267" s="11">
        <v>-1.977809849299998</v>
      </c>
      <c r="K267" s="13">
        <v>-5.9660178084410147E-2</v>
      </c>
      <c r="L267" s="11">
        <v>11.786735712500001</v>
      </c>
      <c r="M267" s="13">
        <v>0.37810178494708402</v>
      </c>
      <c r="N267" s="11">
        <v>9.8089258632000025</v>
      </c>
      <c r="O267" s="13">
        <v>0.29588398703869739</v>
      </c>
      <c r="P267" s="7">
        <v>36.5864435226</v>
      </c>
      <c r="Q267" s="7">
        <v>41.8526367527</v>
      </c>
      <c r="R267" s="7">
        <v>34.522230982499998</v>
      </c>
      <c r="S267" s="7">
        <v>26.865421457099998</v>
      </c>
      <c r="T267" s="7">
        <v>36.891982546400001</v>
      </c>
      <c r="U267" s="7">
        <v>36.265507009700002</v>
      </c>
      <c r="V267" s="7">
        <v>33.151256211499998</v>
      </c>
      <c r="W267" s="7">
        <v>27.960963842599998</v>
      </c>
      <c r="X267" s="7">
        <v>28.002919633899999</v>
      </c>
      <c r="Y267" s="7">
        <v>31.1734463622</v>
      </c>
      <c r="Z267" s="7">
        <v>29.922828620200001</v>
      </c>
      <c r="AA267" s="7">
        <v>37.234943845899998</v>
      </c>
      <c r="AB267" s="7">
        <v>38.101310123399998</v>
      </c>
      <c r="AC267" s="7">
        <v>40.208211244600001</v>
      </c>
      <c r="AD267" s="7">
        <v>36.347105756399998</v>
      </c>
      <c r="AE267" s="7">
        <v>39.357226206699998</v>
      </c>
      <c r="AF267" s="7">
        <v>42.9601820747</v>
      </c>
      <c r="AG267" s="9">
        <v>13560.434930000003</v>
      </c>
      <c r="AH267" s="13">
        <v>0.40484286394573438</v>
      </c>
      <c r="AI267" s="9">
        <v>12252.785925300006</v>
      </c>
      <c r="AJ267" s="13">
        <v>0.36580338100648502</v>
      </c>
      <c r="AK267" s="9">
        <v>-2498.2985633000062</v>
      </c>
      <c r="AL267" s="13">
        <v>-5.4609603609018433E-2</v>
      </c>
      <c r="AM267" s="9">
        <v>3805.9475680000032</v>
      </c>
      <c r="AN267" s="13">
        <v>8.7998708974047546E-2</v>
      </c>
      <c r="AO267" s="9">
        <v>1307.649004699997</v>
      </c>
      <c r="AP267" s="13">
        <v>2.8583530749851004E-2</v>
      </c>
      <c r="AQ267" s="9">
        <v>33495.551330299997</v>
      </c>
      <c r="AR267" s="9">
        <v>29833.146580799999</v>
      </c>
      <c r="AS267" s="9">
        <v>32732.985824899999</v>
      </c>
      <c r="AT267" s="9">
        <v>37240.607712999998</v>
      </c>
      <c r="AU267" s="9">
        <v>34164.672211500001</v>
      </c>
      <c r="AV267" s="9">
        <v>38407.542379999999</v>
      </c>
      <c r="AW267" s="9">
        <v>45748.337255600003</v>
      </c>
      <c r="AX267" s="9">
        <v>51960.2883764</v>
      </c>
      <c r="AY267" s="9">
        <v>52563.480411199998</v>
      </c>
      <c r="AZ267" s="9">
        <v>43250.038692299997</v>
      </c>
      <c r="BA267" s="9">
        <v>44544.218913899997</v>
      </c>
      <c r="BB267" s="9">
        <v>36819.321496700002</v>
      </c>
      <c r="BC267" s="9">
        <v>42558.376735400001</v>
      </c>
      <c r="BD267" s="9">
        <v>40845.333855999997</v>
      </c>
      <c r="BE267" s="9">
        <v>41754.408885700002</v>
      </c>
      <c r="BF267" s="9">
        <v>47055.9862603</v>
      </c>
      <c r="BG267" s="11">
        <v>0</v>
      </c>
      <c r="BH267" s="13">
        <v>0</v>
      </c>
      <c r="BI267" s="6">
        <v>-1</v>
      </c>
      <c r="BJ267" s="13">
        <v>-0.125</v>
      </c>
      <c r="BK267" s="6">
        <v>0</v>
      </c>
      <c r="BL267" s="13">
        <v>0</v>
      </c>
      <c r="BM267" s="11">
        <v>1</v>
      </c>
      <c r="BN267" s="13">
        <v>0.14285714285714285</v>
      </c>
      <c r="BO267" s="11">
        <v>1</v>
      </c>
      <c r="BP267" s="13">
        <v>0.14285714285714285</v>
      </c>
      <c r="BQ267" s="6">
        <v>8</v>
      </c>
      <c r="BR267" s="6">
        <v>8</v>
      </c>
      <c r="BS267" s="6">
        <v>7</v>
      </c>
      <c r="BT267" s="6">
        <v>7</v>
      </c>
      <c r="BU267" s="6">
        <v>6</v>
      </c>
      <c r="BV267" s="6">
        <v>8</v>
      </c>
      <c r="BW267" s="6">
        <v>7</v>
      </c>
      <c r="BX267" s="6">
        <v>7</v>
      </c>
      <c r="BY267" s="6">
        <v>7</v>
      </c>
      <c r="BZ267" s="6">
        <v>8</v>
      </c>
      <c r="CA267" s="6">
        <v>8</v>
      </c>
      <c r="CB267" s="6">
        <v>8</v>
      </c>
      <c r="CC267" s="11">
        <v>8</v>
      </c>
      <c r="CD267" s="11">
        <v>5.3659800000000004</v>
      </c>
      <c r="CE267" s="11">
        <v>-2.9915799999999999</v>
      </c>
      <c r="CF267" s="11">
        <v>3.9993400000000001</v>
      </c>
      <c r="CG267" s="11">
        <v>1</v>
      </c>
      <c r="CH267" s="20">
        <v>0.47216599999999997</v>
      </c>
      <c r="CI267" s="20">
        <v>0.533022</v>
      </c>
      <c r="CJ267" s="20">
        <v>0.43886199999999997</v>
      </c>
      <c r="CK267" s="20">
        <v>0.32523000000000002</v>
      </c>
      <c r="CL267" s="20">
        <v>0.43460399999999999</v>
      </c>
      <c r="CM267" s="20">
        <v>0.42115000000000002</v>
      </c>
      <c r="CN267" s="20">
        <v>0.38265199999999999</v>
      </c>
      <c r="CO267" s="20">
        <v>0.34142699999999998</v>
      </c>
      <c r="CP267" s="20">
        <v>0.35683300000000001</v>
      </c>
      <c r="CQ267" s="20">
        <v>0.40532000000000001</v>
      </c>
      <c r="CR267" s="20">
        <v>0.393428</v>
      </c>
      <c r="CS267" s="20">
        <v>0.48915399999999998</v>
      </c>
      <c r="CT267" s="20">
        <v>0.51181200000000004</v>
      </c>
      <c r="CU267" s="20">
        <v>0.52934700000000001</v>
      </c>
      <c r="CV267" s="20">
        <v>0.45450299999999999</v>
      </c>
      <c r="CW267" s="20">
        <v>0.47865000000000002</v>
      </c>
      <c r="CX267" s="20">
        <v>0.50801799999999997</v>
      </c>
      <c r="CY267" s="6" t="s">
        <v>430</v>
      </c>
      <c r="CZ267" s="6" t="s">
        <v>431</v>
      </c>
      <c r="DA267" s="6" t="s">
        <v>102</v>
      </c>
      <c r="DB267" s="6"/>
      <c r="DC267" s="6">
        <v>28140</v>
      </c>
      <c r="DD267" s="6">
        <v>312</v>
      </c>
      <c r="DE267" s="6" t="s">
        <v>402</v>
      </c>
      <c r="DF267" s="6" t="s">
        <v>375</v>
      </c>
      <c r="DG267" s="6" t="s">
        <v>376</v>
      </c>
      <c r="DH267" s="6" t="s">
        <v>328</v>
      </c>
      <c r="DI267" s="6" t="s">
        <v>377</v>
      </c>
      <c r="DJ267" s="6">
        <v>29</v>
      </c>
      <c r="DK267" s="6">
        <v>25</v>
      </c>
      <c r="DL267" s="6">
        <v>1</v>
      </c>
      <c r="DM267" s="6" t="s">
        <v>404</v>
      </c>
      <c r="DN267" s="6">
        <v>1</v>
      </c>
      <c r="DO267" s="6" t="s">
        <v>405</v>
      </c>
      <c r="DP267" s="6"/>
      <c r="DQ267" s="6"/>
    </row>
    <row r="268" spans="1:121" x14ac:dyDescent="0.2">
      <c r="A268" s="6" t="s">
        <v>793</v>
      </c>
      <c r="B268" s="6" t="s">
        <v>179</v>
      </c>
      <c r="C268" s="6" t="s">
        <v>180</v>
      </c>
      <c r="D268" s="6" t="s">
        <v>102</v>
      </c>
      <c r="E268" s="6" t="s">
        <v>243</v>
      </c>
      <c r="F268" s="11">
        <v>239</v>
      </c>
      <c r="G268" s="13">
        <v>1.22</v>
      </c>
      <c r="H268" s="11">
        <v>-5</v>
      </c>
      <c r="I268" s="13">
        <v>-2.5510204081632657E-2</v>
      </c>
      <c r="J268" s="11">
        <v>-19</v>
      </c>
      <c r="K268" s="13">
        <v>-9.9476439790575924E-2</v>
      </c>
      <c r="L268" s="11">
        <v>263</v>
      </c>
      <c r="M268" s="13">
        <v>1.5290697674418603</v>
      </c>
      <c r="N268" s="11">
        <v>244</v>
      </c>
      <c r="O268" s="13">
        <v>1.2774869109947644</v>
      </c>
      <c r="P268" s="7">
        <v>196</v>
      </c>
      <c r="Q268" s="7">
        <v>196</v>
      </c>
      <c r="R268" s="7">
        <v>193</v>
      </c>
      <c r="S268" s="7">
        <v>188</v>
      </c>
      <c r="T268" s="7">
        <v>193</v>
      </c>
      <c r="U268" s="7">
        <v>188</v>
      </c>
      <c r="V268" s="7">
        <v>191</v>
      </c>
      <c r="W268" s="7">
        <v>180</v>
      </c>
      <c r="X268" s="7">
        <v>181</v>
      </c>
      <c r="Y268" s="7">
        <v>172</v>
      </c>
      <c r="Z268" s="7">
        <v>177</v>
      </c>
      <c r="AA268" s="7">
        <v>188</v>
      </c>
      <c r="AB268" s="7">
        <v>198</v>
      </c>
      <c r="AC268" s="7">
        <v>257</v>
      </c>
      <c r="AD268" s="7">
        <v>331</v>
      </c>
      <c r="AE268" s="7">
        <v>398</v>
      </c>
      <c r="AF268" s="7">
        <v>435</v>
      </c>
      <c r="AG268" s="9">
        <v>13484</v>
      </c>
      <c r="AH268" s="13">
        <v>0.77708621484555107</v>
      </c>
      <c r="AI268" s="9">
        <v>2296</v>
      </c>
      <c r="AJ268" s="13">
        <v>0.13231904103273398</v>
      </c>
      <c r="AK268" s="9">
        <v>4118</v>
      </c>
      <c r="AL268" s="13">
        <v>0.20958876221498371</v>
      </c>
      <c r="AM268" s="9">
        <v>7070</v>
      </c>
      <c r="AN268" s="13">
        <v>0.29748380038710764</v>
      </c>
      <c r="AO268" s="9">
        <v>11188</v>
      </c>
      <c r="AP268" s="13">
        <v>0.56942182410423448</v>
      </c>
      <c r="AQ268" s="9">
        <v>17352</v>
      </c>
      <c r="AR268" s="9">
        <v>18138</v>
      </c>
      <c r="AS268" s="9">
        <v>18191</v>
      </c>
      <c r="AT268" s="9">
        <v>18578</v>
      </c>
      <c r="AU268" s="9">
        <v>20188</v>
      </c>
      <c r="AV268" s="9">
        <v>19695</v>
      </c>
      <c r="AW268" s="9">
        <v>19648</v>
      </c>
      <c r="AX268" s="9">
        <v>20973</v>
      </c>
      <c r="AY268" s="9">
        <v>21264</v>
      </c>
      <c r="AZ268" s="9">
        <v>23766</v>
      </c>
      <c r="BA268" s="9">
        <v>23093</v>
      </c>
      <c r="BB268" s="9">
        <v>24248</v>
      </c>
      <c r="BC268" s="9">
        <v>25119</v>
      </c>
      <c r="BD268" s="9">
        <v>28504</v>
      </c>
      <c r="BE268" s="9">
        <v>29649</v>
      </c>
      <c r="BF268" s="9">
        <v>30836</v>
      </c>
      <c r="BG268" s="11">
        <v>-2</v>
      </c>
      <c r="BH268" s="13">
        <v>-7.407407407407407E-2</v>
      </c>
      <c r="BI268" s="6">
        <v>-1</v>
      </c>
      <c r="BJ268" s="13">
        <v>-3.7037037037037035E-2</v>
      </c>
      <c r="BK268" s="6">
        <v>4</v>
      </c>
      <c r="BL268" s="13">
        <v>0.15384615384615385</v>
      </c>
      <c r="BM268" s="11">
        <v>-5</v>
      </c>
      <c r="BN268" s="13">
        <v>-0.16666666666666666</v>
      </c>
      <c r="BO268" s="11">
        <v>-1</v>
      </c>
      <c r="BP268" s="13">
        <v>-3.8461538461538464E-2</v>
      </c>
      <c r="BQ268" s="6">
        <v>27</v>
      </c>
      <c r="BR268" s="6">
        <v>26</v>
      </c>
      <c r="BS268" s="6">
        <v>26</v>
      </c>
      <c r="BT268" s="6">
        <v>26</v>
      </c>
      <c r="BU268" s="6">
        <v>27</v>
      </c>
      <c r="BV268" s="6">
        <v>28</v>
      </c>
      <c r="BW268" s="6">
        <v>30</v>
      </c>
      <c r="BX268" s="6">
        <v>26</v>
      </c>
      <c r="BY268" s="6">
        <v>25</v>
      </c>
      <c r="BZ268" s="6">
        <v>25</v>
      </c>
      <c r="CA268" s="6">
        <v>24</v>
      </c>
      <c r="CB268" s="6">
        <v>24</v>
      </c>
      <c r="CC268" s="11">
        <v>25</v>
      </c>
      <c r="CD268" s="11">
        <v>230</v>
      </c>
      <c r="CE268" s="11">
        <v>-13</v>
      </c>
      <c r="CF268" s="11">
        <v>21</v>
      </c>
      <c r="CG268" s="11">
        <v>8</v>
      </c>
      <c r="CH268" s="20">
        <v>0.94</v>
      </c>
      <c r="CI268" s="20">
        <v>0.91</v>
      </c>
      <c r="CJ268" s="20">
        <v>0.9</v>
      </c>
      <c r="CK268" s="20">
        <v>0.84</v>
      </c>
      <c r="CL268" s="20">
        <v>0.84</v>
      </c>
      <c r="CM268" s="20">
        <v>0.82</v>
      </c>
      <c r="CN268" s="20">
        <v>0.83</v>
      </c>
      <c r="CO268" s="20">
        <v>0.84</v>
      </c>
      <c r="CP268" s="20">
        <v>0.87</v>
      </c>
      <c r="CQ268" s="20">
        <v>0.83</v>
      </c>
      <c r="CR268" s="20">
        <v>0.87</v>
      </c>
      <c r="CS268" s="20">
        <v>0.92</v>
      </c>
      <c r="CT268" s="20">
        <v>1</v>
      </c>
      <c r="CU268" s="20">
        <v>1.26</v>
      </c>
      <c r="CV268" s="20">
        <v>1.53</v>
      </c>
      <c r="CW268" s="20">
        <v>1.77</v>
      </c>
      <c r="CX268" s="20">
        <v>1.88</v>
      </c>
      <c r="CY268" s="6" t="s">
        <v>430</v>
      </c>
      <c r="CZ268" s="6" t="s">
        <v>431</v>
      </c>
      <c r="DA268" s="6" t="s">
        <v>102</v>
      </c>
      <c r="DB268" s="6"/>
      <c r="DC268" s="6">
        <v>28140</v>
      </c>
      <c r="DD268" s="6">
        <v>312</v>
      </c>
      <c r="DE268" s="6" t="s">
        <v>402</v>
      </c>
      <c r="DF268" s="6" t="s">
        <v>375</v>
      </c>
      <c r="DG268" s="6" t="s">
        <v>376</v>
      </c>
      <c r="DH268" s="6" t="s">
        <v>328</v>
      </c>
      <c r="DI268" s="6" t="s">
        <v>377</v>
      </c>
      <c r="DJ268" s="6">
        <v>29</v>
      </c>
      <c r="DK268" s="6">
        <v>25</v>
      </c>
      <c r="DL268" s="6">
        <v>1</v>
      </c>
      <c r="DM268" s="6" t="s">
        <v>404</v>
      </c>
      <c r="DN268" s="6">
        <v>1</v>
      </c>
      <c r="DO268" s="6" t="s">
        <v>405</v>
      </c>
      <c r="DP268" s="6"/>
      <c r="DQ268" s="6"/>
    </row>
    <row r="269" spans="1:121" x14ac:dyDescent="0.2">
      <c r="A269" s="6" t="s">
        <v>794</v>
      </c>
      <c r="B269" s="6" t="s">
        <v>181</v>
      </c>
      <c r="C269" s="6" t="s">
        <v>182</v>
      </c>
      <c r="D269" s="6" t="s">
        <v>102</v>
      </c>
      <c r="E269" s="6" t="s">
        <v>243</v>
      </c>
      <c r="F269" s="11">
        <v>64</v>
      </c>
      <c r="G269" s="13">
        <v>0.78048780487799996</v>
      </c>
      <c r="H269" s="11">
        <v>79.387327996099984</v>
      </c>
      <c r="I269" s="13">
        <v>0.9678951819061018</v>
      </c>
      <c r="J269" s="11">
        <v>-17.632943498999992</v>
      </c>
      <c r="K269" s="13">
        <v>-0.10924460448908356</v>
      </c>
      <c r="L269" s="11">
        <v>2.7081644419999975</v>
      </c>
      <c r="M269" s="13">
        <v>1.8836133102730523E-2</v>
      </c>
      <c r="N269" s="11">
        <v>-14.924779056999995</v>
      </c>
      <c r="O269" s="13">
        <v>-9.2466217297264591E-2</v>
      </c>
      <c r="P269" s="7">
        <v>82.020583922900002</v>
      </c>
      <c r="Q269" s="7">
        <v>73.566144325300002</v>
      </c>
      <c r="R269" s="7">
        <v>118.968509161</v>
      </c>
      <c r="S269" s="7">
        <v>121.906314435</v>
      </c>
      <c r="T269" s="7">
        <v>135.48279972500001</v>
      </c>
      <c r="U269" s="7">
        <v>140.74701168300001</v>
      </c>
      <c r="V269" s="7">
        <v>161.40791191899999</v>
      </c>
      <c r="W269" s="7">
        <v>169.34906478600001</v>
      </c>
      <c r="X269" s="7">
        <v>152.67580271</v>
      </c>
      <c r="Y269" s="7">
        <v>143.77496841999999</v>
      </c>
      <c r="Z269" s="7">
        <v>142.326581339</v>
      </c>
      <c r="AA269" s="7">
        <v>142.23494607999999</v>
      </c>
      <c r="AB269" s="7">
        <v>147.69162998100001</v>
      </c>
      <c r="AC269" s="7">
        <v>152.43145639900001</v>
      </c>
      <c r="AD269" s="7">
        <v>139.16922701999999</v>
      </c>
      <c r="AE269" s="7">
        <v>143.25332969499999</v>
      </c>
      <c r="AF269" s="7">
        <v>146.48313286199999</v>
      </c>
      <c r="AG269" s="9">
        <v>21417.584672099998</v>
      </c>
      <c r="AH269" s="13">
        <v>0.64033901179725017</v>
      </c>
      <c r="AI269" s="9">
        <v>5300.0777996000033</v>
      </c>
      <c r="AJ269" s="13">
        <v>0.15846075234923504</v>
      </c>
      <c r="AK269" s="9">
        <v>9108.3886277999991</v>
      </c>
      <c r="AL269" s="13">
        <v>0.23507134729866225</v>
      </c>
      <c r="AM269" s="9">
        <v>7009.1182446999956</v>
      </c>
      <c r="AN269" s="13">
        <v>0.14646352564350559</v>
      </c>
      <c r="AO269" s="9">
        <v>16117.506872499995</v>
      </c>
      <c r="AP269" s="13">
        <v>0.4159642512452989</v>
      </c>
      <c r="AQ269" s="9">
        <v>33447.2588387</v>
      </c>
      <c r="AR269" s="9">
        <v>36417.852832199998</v>
      </c>
      <c r="AS269" s="9">
        <v>38068.555233999999</v>
      </c>
      <c r="AT269" s="9">
        <v>40153.619347699998</v>
      </c>
      <c r="AU269" s="9">
        <v>40065.481786199998</v>
      </c>
      <c r="AV269" s="9">
        <v>39821.700329300002</v>
      </c>
      <c r="AW269" s="9">
        <v>38747.336638300003</v>
      </c>
      <c r="AX269" s="9">
        <v>41851.6446163</v>
      </c>
      <c r="AY269" s="9">
        <v>44623.058203000001</v>
      </c>
      <c r="AZ269" s="9">
        <v>47855.725266100002</v>
      </c>
      <c r="BA269" s="9">
        <v>50490.4807353</v>
      </c>
      <c r="BB269" s="9">
        <v>55311.513833700003</v>
      </c>
      <c r="BC269" s="9">
        <v>54876.2433494</v>
      </c>
      <c r="BD269" s="9">
        <v>53909.606621699997</v>
      </c>
      <c r="BE269" s="9">
        <v>56355.8207463</v>
      </c>
      <c r="BF269" s="9">
        <v>54864.843510799998</v>
      </c>
      <c r="BG269" s="11">
        <v>-3</v>
      </c>
      <c r="BH269" s="13">
        <v>-0.25</v>
      </c>
      <c r="BI269" s="6">
        <v>7</v>
      </c>
      <c r="BJ269" s="13">
        <v>0.58333333333333337</v>
      </c>
      <c r="BK269" s="6">
        <v>-4</v>
      </c>
      <c r="BL269" s="13">
        <v>-0.21052631578947367</v>
      </c>
      <c r="BM269" s="11">
        <v>-6</v>
      </c>
      <c r="BN269" s="13">
        <v>-0.4</v>
      </c>
      <c r="BO269" s="11">
        <v>-10</v>
      </c>
      <c r="BP269" s="13">
        <v>-0.52631578947368418</v>
      </c>
      <c r="BQ269" s="6">
        <v>12</v>
      </c>
      <c r="BR269" s="6">
        <v>14</v>
      </c>
      <c r="BS269" s="6">
        <v>15</v>
      </c>
      <c r="BT269" s="6">
        <v>19</v>
      </c>
      <c r="BU269" s="6">
        <v>16</v>
      </c>
      <c r="BV269" s="6">
        <v>13</v>
      </c>
      <c r="BW269" s="6">
        <v>15</v>
      </c>
      <c r="BX269" s="6">
        <v>8</v>
      </c>
      <c r="BY269" s="6">
        <v>9</v>
      </c>
      <c r="BZ269" s="6">
        <v>9</v>
      </c>
      <c r="CA269" s="6">
        <v>8</v>
      </c>
      <c r="CB269" s="6">
        <v>9</v>
      </c>
      <c r="CC269" s="11">
        <v>9</v>
      </c>
      <c r="CD269" s="11">
        <v>50.326900000000002</v>
      </c>
      <c r="CE269" s="11">
        <v>5.1697899999999999</v>
      </c>
      <c r="CF269" s="11">
        <v>8.96584</v>
      </c>
      <c r="CG269" s="11">
        <v>14</v>
      </c>
      <c r="CH269" s="20">
        <v>1.33718</v>
      </c>
      <c r="CI269" s="20">
        <v>1.1936100000000001</v>
      </c>
      <c r="CJ269" s="20">
        <v>1.93079</v>
      </c>
      <c r="CK269" s="20">
        <v>1.86592</v>
      </c>
      <c r="CL269" s="20">
        <v>2.00589</v>
      </c>
      <c r="CM269" s="20">
        <v>2.0482999999999998</v>
      </c>
      <c r="CN269" s="20">
        <v>2.32972</v>
      </c>
      <c r="CO269" s="20">
        <v>2.5861299999999998</v>
      </c>
      <c r="CP269" s="20">
        <v>2.42597</v>
      </c>
      <c r="CQ269" s="20">
        <v>2.31698</v>
      </c>
      <c r="CR269" s="20">
        <v>2.2893300000000001</v>
      </c>
      <c r="CS269" s="20">
        <v>2.2770000000000001</v>
      </c>
      <c r="CT269" s="20">
        <v>2.4031199999999999</v>
      </c>
      <c r="CU269" s="20">
        <v>2.37663</v>
      </c>
      <c r="CV269" s="20">
        <v>1.9903999999999999</v>
      </c>
      <c r="CW269" s="20">
        <v>1.9417</v>
      </c>
      <c r="CX269" s="20">
        <v>1.91795</v>
      </c>
      <c r="CY269" s="6" t="s">
        <v>430</v>
      </c>
      <c r="CZ269" s="6" t="s">
        <v>431</v>
      </c>
      <c r="DA269" s="6" t="s">
        <v>102</v>
      </c>
      <c r="DB269" s="6"/>
      <c r="DC269" s="6">
        <v>28140</v>
      </c>
      <c r="DD269" s="6">
        <v>312</v>
      </c>
      <c r="DE269" s="6" t="s">
        <v>402</v>
      </c>
      <c r="DF269" s="6" t="s">
        <v>375</v>
      </c>
      <c r="DG269" s="6" t="s">
        <v>376</v>
      </c>
      <c r="DH269" s="6" t="s">
        <v>328</v>
      </c>
      <c r="DI269" s="6" t="s">
        <v>377</v>
      </c>
      <c r="DJ269" s="6">
        <v>29</v>
      </c>
      <c r="DK269" s="6">
        <v>25</v>
      </c>
      <c r="DL269" s="6">
        <v>1</v>
      </c>
      <c r="DM269" s="6" t="s">
        <v>404</v>
      </c>
      <c r="DN269" s="6">
        <v>1</v>
      </c>
      <c r="DO269" s="6" t="s">
        <v>405</v>
      </c>
      <c r="DP269" s="6"/>
      <c r="DQ269" s="6"/>
    </row>
    <row r="270" spans="1:121" x14ac:dyDescent="0.2">
      <c r="A270" s="6" t="s">
        <v>314</v>
      </c>
      <c r="B270" s="6" t="s">
        <v>314</v>
      </c>
      <c r="C270" s="6" t="s">
        <v>183</v>
      </c>
      <c r="D270" s="6" t="s">
        <v>102</v>
      </c>
      <c r="E270" s="6" t="s">
        <v>243</v>
      </c>
      <c r="F270" s="11">
        <v>-11</v>
      </c>
      <c r="G270" s="13">
        <v>-0.23404255319100001</v>
      </c>
      <c r="H270" s="11">
        <v>4.4744097644000007</v>
      </c>
      <c r="I270" s="13">
        <v>9.5634671420458298E-2</v>
      </c>
      <c r="J270" s="11">
        <v>-7.9492290471999993</v>
      </c>
      <c r="K270" s="13">
        <v>-0.15507395374537108</v>
      </c>
      <c r="L270" s="11">
        <v>-7.1492966041999964</v>
      </c>
      <c r="M270" s="13">
        <v>-0.16506631872496597</v>
      </c>
      <c r="N270" s="11">
        <v>-15.098525651399996</v>
      </c>
      <c r="O270" s="13">
        <v>-0.294542785795463</v>
      </c>
      <c r="P270" s="7">
        <v>46.786481282799997</v>
      </c>
      <c r="Q270" s="7">
        <v>53.359983289600002</v>
      </c>
      <c r="R270" s="7">
        <v>51.582144258900001</v>
      </c>
      <c r="S270" s="7">
        <v>52.479879559600001</v>
      </c>
      <c r="T270" s="7">
        <v>51.071969683500001</v>
      </c>
      <c r="U270" s="7">
        <v>52.132356174599998</v>
      </c>
      <c r="V270" s="7">
        <v>51.260891047199998</v>
      </c>
      <c r="W270" s="7">
        <v>41.077154975900001</v>
      </c>
      <c r="X270" s="7">
        <v>43.748724000000003</v>
      </c>
      <c r="Y270" s="7">
        <v>43.311661999999998</v>
      </c>
      <c r="Z270" s="7">
        <v>41.791587356100003</v>
      </c>
      <c r="AA270" s="7">
        <v>41.613294631700001</v>
      </c>
      <c r="AB270" s="7">
        <v>38.311853999999997</v>
      </c>
      <c r="AC270" s="7">
        <v>35.820754000000001</v>
      </c>
      <c r="AD270" s="7">
        <v>37.005842000000001</v>
      </c>
      <c r="AE270" s="7">
        <v>36.902852750000001</v>
      </c>
      <c r="AF270" s="7">
        <v>36.162365395800002</v>
      </c>
      <c r="AG270" s="9">
        <v>36139.408552400004</v>
      </c>
      <c r="AH270" s="13">
        <v>0.8826563947822742</v>
      </c>
      <c r="AI270" s="9">
        <v>9269.5147843999948</v>
      </c>
      <c r="AJ270" s="13">
        <v>0.22639541787509804</v>
      </c>
      <c r="AK270" s="9">
        <v>34607.80630940001</v>
      </c>
      <c r="AL270" s="13">
        <v>0.68921414730462216</v>
      </c>
      <c r="AM270" s="9">
        <v>-7737.9125414000009</v>
      </c>
      <c r="AN270" s="13">
        <v>-9.1226123105731485E-2</v>
      </c>
      <c r="AO270" s="9">
        <v>26869.893768000009</v>
      </c>
      <c r="AP270" s="13">
        <v>0.53511368955066752</v>
      </c>
      <c r="AQ270" s="9">
        <v>40943.915170200002</v>
      </c>
      <c r="AR270" s="9">
        <v>41806.124358499997</v>
      </c>
      <c r="AS270" s="9">
        <v>45044.434263399999</v>
      </c>
      <c r="AT270" s="9">
        <v>50358.148459700002</v>
      </c>
      <c r="AU270" s="9">
        <v>48415.268270300003</v>
      </c>
      <c r="AV270" s="9">
        <v>48530.420830299998</v>
      </c>
      <c r="AW270" s="9">
        <v>50213.429954599997</v>
      </c>
      <c r="AX270" s="9">
        <v>67647.441683199999</v>
      </c>
      <c r="AY270" s="9">
        <v>65457.074175200003</v>
      </c>
      <c r="AZ270" s="9">
        <v>84821.236264000006</v>
      </c>
      <c r="BA270" s="9">
        <v>83924.032687400002</v>
      </c>
      <c r="BB270" s="9">
        <v>80813.230360600006</v>
      </c>
      <c r="BC270" s="9">
        <v>88785.063470199995</v>
      </c>
      <c r="BD270" s="9">
        <v>87304.394379200006</v>
      </c>
      <c r="BE270" s="9">
        <v>77534.690122500004</v>
      </c>
      <c r="BF270" s="9">
        <v>77083.323722600006</v>
      </c>
      <c r="BG270" s="11">
        <v>2</v>
      </c>
      <c r="BH270" s="13">
        <v>0.66666666666666663</v>
      </c>
      <c r="BI270" s="6">
        <v>0</v>
      </c>
      <c r="BJ270" s="13">
        <v>0</v>
      </c>
      <c r="BK270" s="6">
        <v>1</v>
      </c>
      <c r="BL270" s="13">
        <v>0.33333333333333331</v>
      </c>
      <c r="BM270" s="11">
        <v>1</v>
      </c>
      <c r="BN270" s="13">
        <v>0.25</v>
      </c>
      <c r="BO270" s="11">
        <v>2</v>
      </c>
      <c r="BP270" s="13">
        <v>0.66666666666666663</v>
      </c>
      <c r="BQ270" s="6">
        <v>3</v>
      </c>
      <c r="BR270" s="6">
        <v>3</v>
      </c>
      <c r="BS270" s="6">
        <v>3</v>
      </c>
      <c r="BT270" s="6">
        <v>3</v>
      </c>
      <c r="BU270" s="6">
        <v>3</v>
      </c>
      <c r="BV270" s="6">
        <v>3</v>
      </c>
      <c r="BW270" s="6">
        <v>4</v>
      </c>
      <c r="BX270" s="6">
        <v>4</v>
      </c>
      <c r="BY270" s="6">
        <v>4</v>
      </c>
      <c r="BZ270" s="6">
        <v>4</v>
      </c>
      <c r="CA270" s="6">
        <v>4</v>
      </c>
      <c r="CB270" s="6">
        <v>5</v>
      </c>
      <c r="CC270" s="11">
        <v>5</v>
      </c>
      <c r="CD270" s="11">
        <v>-1.4081900000000001</v>
      </c>
      <c r="CE270" s="11">
        <v>-14.330299999999999</v>
      </c>
      <c r="CF270" s="11">
        <v>5.1143299999999998</v>
      </c>
      <c r="CG270" s="11">
        <v>-9</v>
      </c>
      <c r="CH270" s="20">
        <v>0.96860400000000002</v>
      </c>
      <c r="CI270" s="20">
        <v>1.13043</v>
      </c>
      <c r="CJ270" s="20">
        <v>1.14134</v>
      </c>
      <c r="CK270" s="20">
        <v>1.14147</v>
      </c>
      <c r="CL270" s="20">
        <v>1.1152500000000001</v>
      </c>
      <c r="CM270" s="20">
        <v>1.1523399999999999</v>
      </c>
      <c r="CN270" s="20">
        <v>1.1495200000000001</v>
      </c>
      <c r="CO270" s="20">
        <v>0.98306099999999996</v>
      </c>
      <c r="CP270" s="20">
        <v>1.0842499999999999</v>
      </c>
      <c r="CQ270" s="20">
        <v>1.1166799999999999</v>
      </c>
      <c r="CR270" s="20">
        <v>1.1154900000000001</v>
      </c>
      <c r="CS270" s="20">
        <v>1.1277900000000001</v>
      </c>
      <c r="CT270" s="20">
        <v>1.06629</v>
      </c>
      <c r="CU270" s="20">
        <v>0.97581799999999996</v>
      </c>
      <c r="CV270" s="20">
        <v>0.95850199999999997</v>
      </c>
      <c r="CW270" s="20">
        <v>0.91573700000000002</v>
      </c>
      <c r="CX270" s="20">
        <v>0.87779799999999997</v>
      </c>
      <c r="CY270" s="6" t="s">
        <v>430</v>
      </c>
      <c r="CZ270" s="6" t="s">
        <v>431</v>
      </c>
      <c r="DA270" s="6" t="s">
        <v>102</v>
      </c>
      <c r="DB270" s="6"/>
      <c r="DC270" s="6">
        <v>28140</v>
      </c>
      <c r="DD270" s="6">
        <v>312</v>
      </c>
      <c r="DE270" s="6" t="s">
        <v>402</v>
      </c>
      <c r="DF270" s="6" t="s">
        <v>375</v>
      </c>
      <c r="DG270" s="6" t="s">
        <v>376</v>
      </c>
      <c r="DH270" s="6" t="s">
        <v>328</v>
      </c>
      <c r="DI270" s="6" t="s">
        <v>377</v>
      </c>
      <c r="DJ270" s="6">
        <v>29</v>
      </c>
      <c r="DK270" s="6">
        <v>25</v>
      </c>
      <c r="DL270" s="6">
        <v>1</v>
      </c>
      <c r="DM270" s="6" t="s">
        <v>404</v>
      </c>
      <c r="DN270" s="6">
        <v>1</v>
      </c>
      <c r="DO270" s="6" t="s">
        <v>405</v>
      </c>
      <c r="DP270" s="6"/>
      <c r="DQ270" s="6"/>
    </row>
    <row r="271" spans="1:121" x14ac:dyDescent="0.2">
      <c r="A271" s="6" t="s">
        <v>315</v>
      </c>
      <c r="B271" s="6" t="s">
        <v>315</v>
      </c>
      <c r="C271" s="6" t="s">
        <v>184</v>
      </c>
      <c r="D271" s="6" t="s">
        <v>102</v>
      </c>
      <c r="E271" s="6" t="s">
        <v>243</v>
      </c>
      <c r="F271" s="11">
        <v>4</v>
      </c>
      <c r="G271" s="13">
        <v>0.06</v>
      </c>
      <c r="H271" s="11">
        <v>7</v>
      </c>
      <c r="I271" s="13">
        <v>0.10144927536231883</v>
      </c>
      <c r="J271" s="11">
        <v>6</v>
      </c>
      <c r="K271" s="13">
        <v>7.8947368421052627E-2</v>
      </c>
      <c r="L271" s="11">
        <v>-9</v>
      </c>
      <c r="M271" s="13">
        <v>-0.1097560975609756</v>
      </c>
      <c r="N271" s="11">
        <v>-3</v>
      </c>
      <c r="O271" s="13">
        <v>-3.9473684210526314E-2</v>
      </c>
      <c r="P271" s="7">
        <v>69</v>
      </c>
      <c r="Q271" s="7">
        <v>67</v>
      </c>
      <c r="R271" s="7">
        <v>74</v>
      </c>
      <c r="S271" s="7">
        <v>73</v>
      </c>
      <c r="T271" s="7">
        <v>75</v>
      </c>
      <c r="U271" s="7">
        <v>75</v>
      </c>
      <c r="V271" s="7">
        <v>76</v>
      </c>
      <c r="W271" s="7">
        <v>76</v>
      </c>
      <c r="X271" s="7">
        <v>76</v>
      </c>
      <c r="Y271" s="7">
        <v>82</v>
      </c>
      <c r="Z271" s="7">
        <v>80</v>
      </c>
      <c r="AA271" s="7">
        <v>75</v>
      </c>
      <c r="AB271" s="7">
        <v>73</v>
      </c>
      <c r="AC271" s="7">
        <v>72</v>
      </c>
      <c r="AD271" s="7">
        <v>72</v>
      </c>
      <c r="AE271" s="7">
        <v>72</v>
      </c>
      <c r="AF271" s="7">
        <v>73</v>
      </c>
      <c r="AG271" s="9">
        <v>9653</v>
      </c>
      <c r="AH271" s="13">
        <v>0.30304837848868238</v>
      </c>
      <c r="AI271" s="9">
        <v>4808</v>
      </c>
      <c r="AJ271" s="13">
        <v>0.15094339622641509</v>
      </c>
      <c r="AK271" s="9">
        <v>398</v>
      </c>
      <c r="AL271" s="13">
        <v>1.0856223234499878E-2</v>
      </c>
      <c r="AM271" s="9">
        <v>4447</v>
      </c>
      <c r="AN271" s="13">
        <v>0.11999784128012088</v>
      </c>
      <c r="AO271" s="9">
        <v>4845</v>
      </c>
      <c r="AP271" s="13">
        <v>0.13215678786721585</v>
      </c>
      <c r="AQ271" s="9">
        <v>31853</v>
      </c>
      <c r="AR271" s="9">
        <v>32866</v>
      </c>
      <c r="AS271" s="9">
        <v>30911</v>
      </c>
      <c r="AT271" s="9">
        <v>31575</v>
      </c>
      <c r="AU271" s="9">
        <v>33460</v>
      </c>
      <c r="AV271" s="9">
        <v>33780</v>
      </c>
      <c r="AW271" s="9">
        <v>36661</v>
      </c>
      <c r="AX271" s="9">
        <v>36770</v>
      </c>
      <c r="AY271" s="9">
        <v>35710</v>
      </c>
      <c r="AZ271" s="9">
        <v>37059</v>
      </c>
      <c r="BA271" s="9">
        <v>36322</v>
      </c>
      <c r="BB271" s="9">
        <v>38096</v>
      </c>
      <c r="BC271" s="9">
        <v>40742</v>
      </c>
      <c r="BD271" s="9">
        <v>41328</v>
      </c>
      <c r="BE271" s="9">
        <v>42308</v>
      </c>
      <c r="BF271" s="9">
        <v>41506</v>
      </c>
      <c r="BG271" s="11">
        <v>-6</v>
      </c>
      <c r="BH271" s="13">
        <v>-0.375</v>
      </c>
      <c r="BI271" s="6">
        <v>-2</v>
      </c>
      <c r="BJ271" s="13">
        <v>-0.125</v>
      </c>
      <c r="BK271" s="6">
        <v>0</v>
      </c>
      <c r="BL271" s="13">
        <v>0</v>
      </c>
      <c r="BM271" s="11">
        <v>-4</v>
      </c>
      <c r="BN271" s="13">
        <v>-0.2857142857142857</v>
      </c>
      <c r="BO271" s="11">
        <v>-4</v>
      </c>
      <c r="BP271" s="13">
        <v>-0.2857142857142857</v>
      </c>
      <c r="BQ271" s="6">
        <v>16</v>
      </c>
      <c r="BR271" s="6">
        <v>15</v>
      </c>
      <c r="BS271" s="6">
        <v>15</v>
      </c>
      <c r="BT271" s="6">
        <v>14</v>
      </c>
      <c r="BU271" s="6">
        <v>15</v>
      </c>
      <c r="BV271" s="6">
        <v>15</v>
      </c>
      <c r="BW271" s="6">
        <v>14</v>
      </c>
      <c r="BX271" s="6">
        <v>13</v>
      </c>
      <c r="BY271" s="6">
        <v>12</v>
      </c>
      <c r="BZ271" s="6">
        <v>11</v>
      </c>
      <c r="CA271" s="6">
        <v>11</v>
      </c>
      <c r="CB271" s="6">
        <v>11</v>
      </c>
      <c r="CC271" s="11">
        <v>10</v>
      </c>
      <c r="CD271" s="11">
        <v>2</v>
      </c>
      <c r="CE271" s="11">
        <v>-5</v>
      </c>
      <c r="CF271" s="11">
        <v>8</v>
      </c>
      <c r="CG271" s="11">
        <v>3</v>
      </c>
      <c r="CH271" s="20">
        <v>0.88</v>
      </c>
      <c r="CI271" s="20">
        <v>0.83</v>
      </c>
      <c r="CJ271" s="20">
        <v>0.89</v>
      </c>
      <c r="CK271" s="20">
        <v>0.83</v>
      </c>
      <c r="CL271" s="20">
        <v>0.84</v>
      </c>
      <c r="CM271" s="20">
        <v>0.83</v>
      </c>
      <c r="CN271" s="20">
        <v>0.85</v>
      </c>
      <c r="CO271" s="20">
        <v>0.91</v>
      </c>
      <c r="CP271" s="20">
        <v>0.93</v>
      </c>
      <c r="CQ271" s="20">
        <v>1.03</v>
      </c>
      <c r="CR271" s="20">
        <v>1.03</v>
      </c>
      <c r="CS271" s="20">
        <v>0.97</v>
      </c>
      <c r="CT271" s="20">
        <v>0.98</v>
      </c>
      <c r="CU271" s="20">
        <v>0.95</v>
      </c>
      <c r="CV271" s="20">
        <v>0.89</v>
      </c>
      <c r="CW271" s="20">
        <v>0.86</v>
      </c>
      <c r="CX271" s="20">
        <v>0.85</v>
      </c>
      <c r="CY271" s="6" t="s">
        <v>430</v>
      </c>
      <c r="CZ271" s="6" t="s">
        <v>431</v>
      </c>
      <c r="DA271" s="6" t="s">
        <v>102</v>
      </c>
      <c r="DB271" s="6"/>
      <c r="DC271" s="6">
        <v>28140</v>
      </c>
      <c r="DD271" s="6">
        <v>312</v>
      </c>
      <c r="DE271" s="6" t="s">
        <v>402</v>
      </c>
      <c r="DF271" s="6" t="s">
        <v>375</v>
      </c>
      <c r="DG271" s="6" t="s">
        <v>376</v>
      </c>
      <c r="DH271" s="6" t="s">
        <v>328</v>
      </c>
      <c r="DI271" s="6" t="s">
        <v>377</v>
      </c>
      <c r="DJ271" s="6">
        <v>29</v>
      </c>
      <c r="DK271" s="6">
        <v>25</v>
      </c>
      <c r="DL271" s="6">
        <v>1</v>
      </c>
      <c r="DM271" s="6" t="s">
        <v>404</v>
      </c>
      <c r="DN271" s="6">
        <v>1</v>
      </c>
      <c r="DO271" s="6" t="s">
        <v>405</v>
      </c>
      <c r="DP271" s="6"/>
      <c r="DQ271" s="6"/>
    </row>
    <row r="272" spans="1:121" x14ac:dyDescent="0.2">
      <c r="A272" s="6" t="s">
        <v>316</v>
      </c>
      <c r="B272" s="6" t="s">
        <v>316</v>
      </c>
      <c r="C272" s="6" t="s">
        <v>185</v>
      </c>
      <c r="D272" s="6" t="s">
        <v>102</v>
      </c>
      <c r="E272" s="6" t="s">
        <v>243</v>
      </c>
      <c r="F272" s="11">
        <v>-8</v>
      </c>
      <c r="G272" s="13">
        <v>-0.38</v>
      </c>
      <c r="H272" s="11">
        <v>-3</v>
      </c>
      <c r="I272" s="13">
        <v>-0.14285714285714285</v>
      </c>
      <c r="J272" s="11">
        <v>-13</v>
      </c>
      <c r="K272" s="13">
        <v>-0.72222222222222221</v>
      </c>
      <c r="L272" s="11">
        <v>8</v>
      </c>
      <c r="M272" s="13">
        <v>1.6</v>
      </c>
      <c r="N272" s="11">
        <v>-5</v>
      </c>
      <c r="O272" s="13">
        <v>-0.27777777777777779</v>
      </c>
      <c r="P272" s="7">
        <v>21</v>
      </c>
      <c r="Q272" s="7">
        <v>22</v>
      </c>
      <c r="R272" s="7">
        <v>20</v>
      </c>
      <c r="S272" s="7">
        <v>21</v>
      </c>
      <c r="T272" s="7">
        <v>19</v>
      </c>
      <c r="U272" s="7">
        <v>18</v>
      </c>
      <c r="V272" s="7">
        <v>18</v>
      </c>
      <c r="W272" s="7">
        <v>19</v>
      </c>
      <c r="X272" s="7">
        <v>15</v>
      </c>
      <c r="Y272" s="7">
        <v>5</v>
      </c>
      <c r="Z272" s="7">
        <v>5</v>
      </c>
      <c r="AA272" s="7">
        <v>5</v>
      </c>
      <c r="AB272" s="7">
        <v>5</v>
      </c>
      <c r="AC272" s="7">
        <v>5</v>
      </c>
      <c r="AD272" s="7">
        <v>12</v>
      </c>
      <c r="AE272" s="7">
        <v>13</v>
      </c>
      <c r="AF272" s="7">
        <v>13</v>
      </c>
      <c r="AG272" s="9">
        <v>7465</v>
      </c>
      <c r="AH272" s="13">
        <v>0.73815880549787405</v>
      </c>
      <c r="AI272" s="9">
        <v>6458</v>
      </c>
      <c r="AJ272" s="13">
        <v>0.63858400079106103</v>
      </c>
      <c r="AK272" s="9">
        <v>-16570</v>
      </c>
      <c r="AL272" s="13">
        <v>-0.99993965361173132</v>
      </c>
      <c r="AM272" s="9">
        <v>17577</v>
      </c>
      <c r="AN272" s="13">
        <v>17577</v>
      </c>
      <c r="AO272" s="9">
        <v>1007</v>
      </c>
      <c r="AP272" s="13">
        <v>6.0768812986542749E-2</v>
      </c>
      <c r="AQ272" s="9">
        <v>10113</v>
      </c>
      <c r="AR272" s="9">
        <v>10875</v>
      </c>
      <c r="AS272" s="9">
        <v>13179</v>
      </c>
      <c r="AT272" s="9">
        <v>14900</v>
      </c>
      <c r="AU272" s="9">
        <v>14961</v>
      </c>
      <c r="AV272" s="9">
        <v>14781</v>
      </c>
      <c r="AW272" s="9">
        <v>16571</v>
      </c>
      <c r="AX272" s="9">
        <v>15340</v>
      </c>
      <c r="AY272" s="9">
        <v>14870</v>
      </c>
      <c r="AZ272" s="9">
        <v>1</v>
      </c>
      <c r="BA272" s="9">
        <v>1</v>
      </c>
      <c r="BB272" s="9">
        <v>1</v>
      </c>
      <c r="BC272" s="9">
        <v>1</v>
      </c>
      <c r="BD272" s="9">
        <v>1</v>
      </c>
      <c r="BE272" s="9">
        <v>18776</v>
      </c>
      <c r="BF272" s="9">
        <v>17578</v>
      </c>
      <c r="BG272" s="11">
        <v>-2</v>
      </c>
      <c r="BH272" s="13">
        <v>-0.33333333333333331</v>
      </c>
      <c r="BI272" s="6">
        <v>0</v>
      </c>
      <c r="BJ272" s="13">
        <v>0</v>
      </c>
      <c r="BK272" s="6">
        <v>-2</v>
      </c>
      <c r="BL272" s="13">
        <v>-0.33333333333333331</v>
      </c>
      <c r="BM272" s="11">
        <v>0</v>
      </c>
      <c r="BN272" s="13">
        <v>0</v>
      </c>
      <c r="BO272" s="11">
        <v>-2</v>
      </c>
      <c r="BP272" s="13">
        <v>-0.33333333333333331</v>
      </c>
      <c r="BQ272" s="6">
        <v>6</v>
      </c>
      <c r="BR272" s="6">
        <v>5</v>
      </c>
      <c r="BS272" s="6">
        <v>5</v>
      </c>
      <c r="BT272" s="6">
        <v>6</v>
      </c>
      <c r="BU272" s="6">
        <v>5</v>
      </c>
      <c r="BV272" s="6">
        <v>5</v>
      </c>
      <c r="BW272" s="6">
        <v>4</v>
      </c>
      <c r="BX272" s="6">
        <v>3</v>
      </c>
      <c r="BY272" s="6">
        <v>3</v>
      </c>
      <c r="BZ272" s="6">
        <v>3</v>
      </c>
      <c r="CA272" s="6">
        <v>3</v>
      </c>
      <c r="CB272" s="6">
        <v>4</v>
      </c>
      <c r="CC272" s="11">
        <v>4</v>
      </c>
      <c r="CD272" s="11">
        <v>-9</v>
      </c>
      <c r="CE272" s="11">
        <v>-1</v>
      </c>
      <c r="CF272" s="11">
        <v>2</v>
      </c>
      <c r="CG272" s="11">
        <v>1</v>
      </c>
      <c r="CH272" s="20">
        <v>0.63</v>
      </c>
      <c r="CI272" s="20">
        <v>0.66</v>
      </c>
      <c r="CJ272" s="20">
        <v>0.59</v>
      </c>
      <c r="CK272" s="20">
        <v>0.56000000000000005</v>
      </c>
      <c r="CL272" s="20">
        <v>0.49</v>
      </c>
      <c r="CM272" s="20">
        <v>0.45</v>
      </c>
      <c r="CN272" s="20">
        <v>0.46</v>
      </c>
      <c r="CO272" s="20">
        <v>0.53</v>
      </c>
      <c r="CP272" s="20">
        <v>0.43</v>
      </c>
      <c r="CQ272" s="20">
        <v>0.26</v>
      </c>
      <c r="CR272" s="20">
        <v>0.27</v>
      </c>
      <c r="CS272" s="20">
        <v>0.27</v>
      </c>
      <c r="CT272" s="20">
        <v>0.3</v>
      </c>
      <c r="CU272" s="20">
        <v>0.26</v>
      </c>
      <c r="CV272" s="20">
        <v>0.35</v>
      </c>
      <c r="CW272" s="20">
        <v>0.36</v>
      </c>
      <c r="CX272" s="20">
        <v>0.36</v>
      </c>
      <c r="CY272" s="6" t="s">
        <v>430</v>
      </c>
      <c r="CZ272" s="6" t="s">
        <v>431</v>
      </c>
      <c r="DA272" s="6" t="s">
        <v>102</v>
      </c>
      <c r="DB272" s="6"/>
      <c r="DC272" s="6">
        <v>28140</v>
      </c>
      <c r="DD272" s="6">
        <v>312</v>
      </c>
      <c r="DE272" s="6" t="s">
        <v>402</v>
      </c>
      <c r="DF272" s="6" t="s">
        <v>375</v>
      </c>
      <c r="DG272" s="6" t="s">
        <v>376</v>
      </c>
      <c r="DH272" s="6" t="s">
        <v>328</v>
      </c>
      <c r="DI272" s="6" t="s">
        <v>377</v>
      </c>
      <c r="DJ272" s="6">
        <v>29</v>
      </c>
      <c r="DK272" s="6">
        <v>25</v>
      </c>
      <c r="DL272" s="6">
        <v>1</v>
      </c>
      <c r="DM272" s="6" t="s">
        <v>404</v>
      </c>
      <c r="DN272" s="6">
        <v>1</v>
      </c>
      <c r="DO272" s="6" t="s">
        <v>405</v>
      </c>
      <c r="DP272" s="6"/>
      <c r="DQ272" s="6"/>
    </row>
    <row r="273" spans="1:121" x14ac:dyDescent="0.2">
      <c r="A273" s="6" t="s">
        <v>317</v>
      </c>
      <c r="B273" s="6" t="s">
        <v>317</v>
      </c>
      <c r="C273" s="6" t="s">
        <v>186</v>
      </c>
      <c r="D273" s="6" t="s">
        <v>102</v>
      </c>
      <c r="E273" s="6" t="s">
        <v>243</v>
      </c>
      <c r="F273" s="11">
        <v>6</v>
      </c>
      <c r="G273" s="13">
        <v>0.21</v>
      </c>
      <c r="H273" s="11">
        <v>-5</v>
      </c>
      <c r="I273" s="13">
        <v>-0.17241379310344829</v>
      </c>
      <c r="J273" s="11">
        <v>-3</v>
      </c>
      <c r="K273" s="13">
        <v>-0.125</v>
      </c>
      <c r="L273" s="11">
        <v>14</v>
      </c>
      <c r="M273" s="13">
        <v>0.66666666666666663</v>
      </c>
      <c r="N273" s="11">
        <v>11</v>
      </c>
      <c r="O273" s="13">
        <v>0.45833333333333326</v>
      </c>
      <c r="P273" s="7">
        <v>29</v>
      </c>
      <c r="Q273" s="7">
        <v>30</v>
      </c>
      <c r="R273" s="7">
        <v>29</v>
      </c>
      <c r="S273" s="7">
        <v>23</v>
      </c>
      <c r="T273" s="7">
        <v>26</v>
      </c>
      <c r="U273" s="7">
        <v>27</v>
      </c>
      <c r="V273" s="7">
        <v>24</v>
      </c>
      <c r="W273" s="7">
        <v>14</v>
      </c>
      <c r="X273" s="7">
        <v>17</v>
      </c>
      <c r="Y273" s="7">
        <v>21</v>
      </c>
      <c r="Z273" s="7">
        <v>29</v>
      </c>
      <c r="AA273" s="7">
        <v>31</v>
      </c>
      <c r="AB273" s="7">
        <v>30</v>
      </c>
      <c r="AC273" s="7">
        <v>29</v>
      </c>
      <c r="AD273" s="7">
        <v>32</v>
      </c>
      <c r="AE273" s="7">
        <v>34</v>
      </c>
      <c r="AF273" s="7">
        <v>35</v>
      </c>
      <c r="AG273" s="9">
        <v>26072</v>
      </c>
      <c r="AH273" s="13">
        <v>1.2940242207663293</v>
      </c>
      <c r="AI273" s="9">
        <v>9890</v>
      </c>
      <c r="AJ273" s="13">
        <v>0.4908675799086758</v>
      </c>
      <c r="AK273" s="9">
        <v>11467</v>
      </c>
      <c r="AL273" s="13">
        <v>0.38174978360743062</v>
      </c>
      <c r="AM273" s="9">
        <v>4715</v>
      </c>
      <c r="AN273" s="13">
        <v>0.11360077099144682</v>
      </c>
      <c r="AO273" s="9">
        <v>16182</v>
      </c>
      <c r="AP273" s="13">
        <v>0.53871762434249948</v>
      </c>
      <c r="AQ273" s="9">
        <v>20148</v>
      </c>
      <c r="AR273" s="9">
        <v>18105</v>
      </c>
      <c r="AS273" s="9">
        <v>20197</v>
      </c>
      <c r="AT273" s="9">
        <v>24384</v>
      </c>
      <c r="AU273" s="9">
        <v>39224</v>
      </c>
      <c r="AV273" s="9">
        <v>30798</v>
      </c>
      <c r="AW273" s="9">
        <v>30038</v>
      </c>
      <c r="AX273" s="9">
        <v>38869</v>
      </c>
      <c r="AY273" s="9">
        <v>39555</v>
      </c>
      <c r="AZ273" s="9">
        <v>41505</v>
      </c>
      <c r="BA273" s="9">
        <v>44978</v>
      </c>
      <c r="BB273" s="9">
        <v>38075</v>
      </c>
      <c r="BC273" s="9">
        <v>58502</v>
      </c>
      <c r="BD273" s="9">
        <v>51763</v>
      </c>
      <c r="BE273" s="9">
        <v>49218</v>
      </c>
      <c r="BF273" s="9">
        <v>46220</v>
      </c>
      <c r="BG273" s="11">
        <v>1</v>
      </c>
      <c r="BH273" s="13">
        <v>0.14285714285714285</v>
      </c>
      <c r="BI273" s="6">
        <v>1</v>
      </c>
      <c r="BJ273" s="13">
        <v>0.14285714285714285</v>
      </c>
      <c r="BK273" s="6">
        <v>-2</v>
      </c>
      <c r="BL273" s="13">
        <v>-0.25</v>
      </c>
      <c r="BM273" s="11">
        <v>2</v>
      </c>
      <c r="BN273" s="13">
        <v>0.33333333333333331</v>
      </c>
      <c r="BO273" s="11">
        <v>0</v>
      </c>
      <c r="BP273" s="13">
        <v>0</v>
      </c>
      <c r="BQ273" s="6">
        <v>7</v>
      </c>
      <c r="BR273" s="6">
        <v>7</v>
      </c>
      <c r="BS273" s="6">
        <v>8</v>
      </c>
      <c r="BT273" s="6">
        <v>8</v>
      </c>
      <c r="BU273" s="6">
        <v>6</v>
      </c>
      <c r="BV273" s="6">
        <v>6</v>
      </c>
      <c r="BW273" s="6">
        <v>6</v>
      </c>
      <c r="BX273" s="6">
        <v>6</v>
      </c>
      <c r="BY273" s="6">
        <v>6</v>
      </c>
      <c r="BZ273" s="6">
        <v>6</v>
      </c>
      <c r="CA273" s="6">
        <v>7</v>
      </c>
      <c r="CB273" s="6">
        <v>8</v>
      </c>
      <c r="CC273" s="11">
        <v>8</v>
      </c>
      <c r="CD273" s="11">
        <v>-3</v>
      </c>
      <c r="CE273" s="11">
        <v>6</v>
      </c>
      <c r="CF273" s="11">
        <v>3</v>
      </c>
      <c r="CG273" s="11">
        <v>9</v>
      </c>
      <c r="CH273" s="20">
        <v>0.28999999999999998</v>
      </c>
      <c r="CI273" s="20">
        <v>0.28000000000000003</v>
      </c>
      <c r="CJ273" s="20">
        <v>0.27</v>
      </c>
      <c r="CK273" s="20">
        <v>0.21</v>
      </c>
      <c r="CL273" s="20">
        <v>0.22</v>
      </c>
      <c r="CM273" s="20">
        <v>0.22</v>
      </c>
      <c r="CN273" s="20">
        <v>0.19</v>
      </c>
      <c r="CO273" s="20">
        <v>0.12</v>
      </c>
      <c r="CP273" s="20">
        <v>0.15</v>
      </c>
      <c r="CQ273" s="20">
        <v>0.18</v>
      </c>
      <c r="CR273" s="20">
        <v>0.24</v>
      </c>
      <c r="CS273" s="20">
        <v>0.26</v>
      </c>
      <c r="CT273" s="20">
        <v>0.26</v>
      </c>
      <c r="CU273" s="20">
        <v>0.24</v>
      </c>
      <c r="CV273" s="20">
        <v>0.24</v>
      </c>
      <c r="CW273" s="20">
        <v>0.25</v>
      </c>
      <c r="CX273" s="20">
        <v>0.25</v>
      </c>
      <c r="CY273" s="6" t="s">
        <v>430</v>
      </c>
      <c r="CZ273" s="6" t="s">
        <v>431</v>
      </c>
      <c r="DA273" s="6" t="s">
        <v>102</v>
      </c>
      <c r="DB273" s="6"/>
      <c r="DC273" s="6">
        <v>28140</v>
      </c>
      <c r="DD273" s="6">
        <v>312</v>
      </c>
      <c r="DE273" s="6" t="s">
        <v>402</v>
      </c>
      <c r="DF273" s="6" t="s">
        <v>375</v>
      </c>
      <c r="DG273" s="6" t="s">
        <v>376</v>
      </c>
      <c r="DH273" s="6" t="s">
        <v>328</v>
      </c>
      <c r="DI273" s="6" t="s">
        <v>377</v>
      </c>
      <c r="DJ273" s="6">
        <v>29</v>
      </c>
      <c r="DK273" s="6">
        <v>25</v>
      </c>
      <c r="DL273" s="6">
        <v>1</v>
      </c>
      <c r="DM273" s="6" t="s">
        <v>404</v>
      </c>
      <c r="DN273" s="6">
        <v>1</v>
      </c>
      <c r="DO273" s="6" t="s">
        <v>405</v>
      </c>
      <c r="DP273" s="6"/>
      <c r="DQ273" s="6"/>
    </row>
    <row r="274" spans="1:121" x14ac:dyDescent="0.2">
      <c r="A274" s="6" t="s">
        <v>318</v>
      </c>
      <c r="B274" s="6" t="s">
        <v>318</v>
      </c>
      <c r="C274" s="6" t="s">
        <v>187</v>
      </c>
      <c r="D274" s="6" t="s">
        <v>102</v>
      </c>
      <c r="E274" s="6" t="s">
        <v>243</v>
      </c>
      <c r="F274" s="11">
        <v>1</v>
      </c>
      <c r="G274" s="13">
        <v>1</v>
      </c>
      <c r="H274" s="11">
        <v>0</v>
      </c>
      <c r="I274" s="13">
        <v>0</v>
      </c>
      <c r="J274" s="11">
        <v>-5</v>
      </c>
      <c r="K274" s="13">
        <v>-1</v>
      </c>
      <c r="L274" s="11">
        <v>0</v>
      </c>
      <c r="M274" s="13"/>
      <c r="N274" s="11">
        <v>-5</v>
      </c>
      <c r="O274" s="13">
        <v>-1</v>
      </c>
      <c r="P274" s="7">
        <v>5</v>
      </c>
      <c r="Q274" s="7">
        <v>5</v>
      </c>
      <c r="R274" s="7">
        <v>5</v>
      </c>
      <c r="S274" s="7">
        <v>5</v>
      </c>
      <c r="T274" s="7">
        <v>5</v>
      </c>
      <c r="U274" s="7">
        <v>5</v>
      </c>
      <c r="V274" s="7">
        <v>5</v>
      </c>
      <c r="W274" s="7">
        <v>5</v>
      </c>
      <c r="X274" s="7">
        <v>0</v>
      </c>
      <c r="Y274" s="7">
        <v>0</v>
      </c>
      <c r="Z274" s="7">
        <v>0</v>
      </c>
      <c r="AA274" s="7">
        <v>0</v>
      </c>
      <c r="AB274" s="7">
        <v>0</v>
      </c>
      <c r="AC274" s="7">
        <v>0</v>
      </c>
      <c r="AD274" s="7">
        <v>0</v>
      </c>
      <c r="AE274" s="7">
        <v>0</v>
      </c>
      <c r="AF274" s="7">
        <v>0</v>
      </c>
      <c r="AG274" s="9">
        <v>-1</v>
      </c>
      <c r="AH274" s="13">
        <v>-1</v>
      </c>
      <c r="AI274" s="9">
        <v>0</v>
      </c>
      <c r="AJ274" s="13">
        <v>0</v>
      </c>
      <c r="AK274" s="9">
        <v>-1</v>
      </c>
      <c r="AL274" s="13">
        <v>-1</v>
      </c>
      <c r="AM274" s="9">
        <v>0</v>
      </c>
      <c r="AN274" s="13"/>
      <c r="AO274" s="9">
        <v>-1</v>
      </c>
      <c r="AP274" s="13">
        <v>-1</v>
      </c>
      <c r="AQ274" s="9">
        <v>1</v>
      </c>
      <c r="AR274" s="9">
        <v>1</v>
      </c>
      <c r="AS274" s="9">
        <v>1</v>
      </c>
      <c r="AT274" s="9">
        <v>1</v>
      </c>
      <c r="AU274" s="9">
        <v>1</v>
      </c>
      <c r="AV274" s="9">
        <v>1</v>
      </c>
      <c r="AW274" s="9">
        <v>1</v>
      </c>
      <c r="AX274" s="9">
        <v>1</v>
      </c>
      <c r="AY274" s="9">
        <v>0</v>
      </c>
      <c r="AZ274" s="9">
        <v>0</v>
      </c>
      <c r="BA274" s="9">
        <v>0</v>
      </c>
      <c r="BB274" s="9">
        <v>0</v>
      </c>
      <c r="BC274" s="9">
        <v>0</v>
      </c>
      <c r="BD274" s="9">
        <v>0</v>
      </c>
      <c r="BE274" s="9">
        <v>0</v>
      </c>
      <c r="BF274" s="9">
        <v>0</v>
      </c>
      <c r="BG274" s="11">
        <v>-1</v>
      </c>
      <c r="BH274" s="13">
        <v>-1</v>
      </c>
      <c r="BI274" s="6">
        <v>0</v>
      </c>
      <c r="BJ274" s="13">
        <v>0</v>
      </c>
      <c r="BK274" s="6">
        <v>-1</v>
      </c>
      <c r="BL274" s="13">
        <v>-1</v>
      </c>
      <c r="BM274" s="11">
        <v>0</v>
      </c>
      <c r="BN274" s="13" t="e">
        <v>#DIV/0!</v>
      </c>
      <c r="BO274" s="11">
        <v>-1</v>
      </c>
      <c r="BP274" s="13">
        <v>-1</v>
      </c>
      <c r="BQ274" s="6">
        <v>1</v>
      </c>
      <c r="BR274" s="6">
        <v>1</v>
      </c>
      <c r="BS274" s="6">
        <v>1</v>
      </c>
      <c r="BT274" s="6">
        <v>1</v>
      </c>
      <c r="BU274" s="6">
        <v>1</v>
      </c>
      <c r="BV274" s="6">
        <v>0</v>
      </c>
      <c r="BW274" s="6">
        <v>0</v>
      </c>
      <c r="BX274" s="6">
        <v>0</v>
      </c>
      <c r="BY274" s="6">
        <v>0</v>
      </c>
      <c r="BZ274" s="6">
        <v>0</v>
      </c>
      <c r="CA274" s="6">
        <v>0</v>
      </c>
      <c r="CB274" s="6">
        <v>0</v>
      </c>
      <c r="CC274" s="11">
        <v>0</v>
      </c>
      <c r="CD274" s="11">
        <v>-5.8696000000000002</v>
      </c>
      <c r="CE274" s="11">
        <v>0.94960699999999998</v>
      </c>
      <c r="CF274" s="11">
        <v>0.48481800000000003</v>
      </c>
      <c r="CG274" s="11">
        <v>1</v>
      </c>
      <c r="CH274" s="20">
        <v>0.19783500000000001</v>
      </c>
      <c r="CI274" s="20">
        <v>1.3162E-2</v>
      </c>
      <c r="CJ274" s="20">
        <v>1.1075099999999999E-2</v>
      </c>
      <c r="CK274" s="20">
        <v>6.9424E-2</v>
      </c>
      <c r="CL274" s="20">
        <v>9.3324900000000002E-2</v>
      </c>
      <c r="CM274" s="20">
        <v>7.0572200000000002E-2</v>
      </c>
      <c r="CN274" s="20">
        <v>9.5572699999999997E-2</v>
      </c>
      <c r="CO274" s="20">
        <v>0.19170599999999999</v>
      </c>
      <c r="CP274" s="20">
        <v>0</v>
      </c>
      <c r="CQ274" s="20">
        <v>0</v>
      </c>
      <c r="CR274" s="20">
        <v>0</v>
      </c>
      <c r="CS274" s="20">
        <v>0</v>
      </c>
      <c r="CT274" s="20">
        <v>0</v>
      </c>
      <c r="CU274" s="20">
        <v>0</v>
      </c>
      <c r="CV274" s="20">
        <v>0</v>
      </c>
      <c r="CW274" s="20">
        <v>0</v>
      </c>
      <c r="CX274" s="20">
        <v>0</v>
      </c>
      <c r="CY274" s="6" t="s">
        <v>430</v>
      </c>
      <c r="CZ274" s="6" t="s">
        <v>431</v>
      </c>
      <c r="DA274" s="6" t="s">
        <v>102</v>
      </c>
      <c r="DB274" s="6"/>
      <c r="DC274" s="6">
        <v>28140</v>
      </c>
      <c r="DD274" s="6">
        <v>312</v>
      </c>
      <c r="DE274" s="6" t="s">
        <v>402</v>
      </c>
      <c r="DF274" s="6" t="s">
        <v>375</v>
      </c>
      <c r="DG274" s="6" t="s">
        <v>376</v>
      </c>
      <c r="DH274" s="6" t="s">
        <v>328</v>
      </c>
      <c r="DI274" s="6" t="s">
        <v>377</v>
      </c>
      <c r="DJ274" s="6">
        <v>29</v>
      </c>
      <c r="DK274" s="6">
        <v>25</v>
      </c>
      <c r="DL274" s="6">
        <v>1</v>
      </c>
      <c r="DM274" s="6" t="s">
        <v>404</v>
      </c>
      <c r="DN274" s="6">
        <v>1</v>
      </c>
      <c r="DO274" s="6" t="s">
        <v>405</v>
      </c>
      <c r="DP274" s="6"/>
      <c r="DQ274" s="6"/>
    </row>
    <row r="275" spans="1:121" x14ac:dyDescent="0.2">
      <c r="A275" s="6" t="s">
        <v>319</v>
      </c>
      <c r="B275" s="6" t="s">
        <v>319</v>
      </c>
      <c r="C275" s="6" t="s">
        <v>188</v>
      </c>
      <c r="D275" s="6" t="s">
        <v>102</v>
      </c>
      <c r="E275" s="6" t="s">
        <v>243</v>
      </c>
      <c r="F275" s="11">
        <v>35</v>
      </c>
      <c r="G275" s="13">
        <v>1.2962962963</v>
      </c>
      <c r="H275" s="11">
        <v>12.244602579799999</v>
      </c>
      <c r="I275" s="13">
        <v>0.44816726476623014</v>
      </c>
      <c r="J275" s="11">
        <v>8.9530058773000007</v>
      </c>
      <c r="K275" s="13">
        <v>0.22627969303487</v>
      </c>
      <c r="L275" s="11">
        <v>13.3204488326</v>
      </c>
      <c r="M275" s="13">
        <v>0.27454025547141286</v>
      </c>
      <c r="N275" s="11">
        <v>22.273454709900001</v>
      </c>
      <c r="O275" s="13">
        <v>0.562942833240069</v>
      </c>
      <c r="P275" s="7">
        <v>27.321501462600001</v>
      </c>
      <c r="Q275" s="7">
        <v>42.805078325899999</v>
      </c>
      <c r="R275" s="7">
        <v>46.102395801100002</v>
      </c>
      <c r="S275" s="7">
        <v>42.389847422099997</v>
      </c>
      <c r="T275" s="7">
        <v>41.505576055100001</v>
      </c>
      <c r="U275" s="7">
        <v>36.846212119999997</v>
      </c>
      <c r="V275" s="7">
        <v>39.566104042399999</v>
      </c>
      <c r="W275" s="7">
        <v>32.648557867699999</v>
      </c>
      <c r="X275" s="7">
        <v>37.178836576800002</v>
      </c>
      <c r="Y275" s="7">
        <v>48.5191099197</v>
      </c>
      <c r="Z275" s="7">
        <v>61.984747746499998</v>
      </c>
      <c r="AA275" s="7">
        <v>76.611503633699996</v>
      </c>
      <c r="AB275" s="7">
        <v>65.747711452800004</v>
      </c>
      <c r="AC275" s="7">
        <v>65.717284071099996</v>
      </c>
      <c r="AD275" s="7">
        <v>70.567106212400006</v>
      </c>
      <c r="AE275" s="7">
        <v>58.962947025200002</v>
      </c>
      <c r="AF275" s="7">
        <v>61.8395587523</v>
      </c>
      <c r="AG275" s="9">
        <v>15345.2440257</v>
      </c>
      <c r="AH275" s="13">
        <v>1.1153828239900876</v>
      </c>
      <c r="AI275" s="9">
        <v>3447.3840470999985</v>
      </c>
      <c r="AJ275" s="13">
        <v>0.25057620115997925</v>
      </c>
      <c r="AK275" s="9">
        <v>8831.3623635000004</v>
      </c>
      <c r="AL275" s="13">
        <v>0.51329578555285471</v>
      </c>
      <c r="AM275" s="9">
        <v>3066.497615100001</v>
      </c>
      <c r="AN275" s="13">
        <v>0.117776542894692</v>
      </c>
      <c r="AO275" s="9">
        <v>11897.859978600001</v>
      </c>
      <c r="AP275" s="13">
        <v>0.69152653155237709</v>
      </c>
      <c r="AQ275" s="9">
        <v>13757.8270847</v>
      </c>
      <c r="AR275" s="9">
        <v>17995.0913167</v>
      </c>
      <c r="AS275" s="9">
        <v>18871.472758600001</v>
      </c>
      <c r="AT275" s="9">
        <v>15191.451917599999</v>
      </c>
      <c r="AU275" s="9">
        <v>21197.899370800002</v>
      </c>
      <c r="AV275" s="9">
        <v>18868.9137467</v>
      </c>
      <c r="AW275" s="9">
        <v>17205.211131799999</v>
      </c>
      <c r="AX275" s="9">
        <v>18850.789397100001</v>
      </c>
      <c r="AY275" s="9">
        <v>19955.872574000001</v>
      </c>
      <c r="AZ275" s="9">
        <v>26036.573495299999</v>
      </c>
      <c r="BA275" s="9">
        <v>24556.0122357</v>
      </c>
      <c r="BB275" s="9">
        <v>27375.489273800002</v>
      </c>
      <c r="BC275" s="9">
        <v>29408.147295300001</v>
      </c>
      <c r="BD275" s="9">
        <v>28705.826859000001</v>
      </c>
      <c r="BE275" s="9">
        <v>29175.058602500001</v>
      </c>
      <c r="BF275" s="9">
        <v>29103.0711104</v>
      </c>
      <c r="BG275" s="11">
        <v>1.75</v>
      </c>
      <c r="BH275" s="13">
        <v>0.29166666666666669</v>
      </c>
      <c r="BI275" s="6">
        <v>2</v>
      </c>
      <c r="BJ275" s="13">
        <v>0.33333333333333331</v>
      </c>
      <c r="BK275" s="6">
        <v>3</v>
      </c>
      <c r="BL275" s="13">
        <v>0.375</v>
      </c>
      <c r="BM275" s="11">
        <v>-3.25</v>
      </c>
      <c r="BN275" s="13">
        <v>-0.29545454545454547</v>
      </c>
      <c r="BO275" s="11">
        <v>-0.25</v>
      </c>
      <c r="BP275" s="13">
        <v>-3.125E-2</v>
      </c>
      <c r="BQ275" s="6">
        <v>6</v>
      </c>
      <c r="BR275" s="6">
        <v>6</v>
      </c>
      <c r="BS275" s="6">
        <v>6</v>
      </c>
      <c r="BT275" s="6">
        <v>8</v>
      </c>
      <c r="BU275" s="6">
        <v>7</v>
      </c>
      <c r="BV275" s="6">
        <v>7</v>
      </c>
      <c r="BW275" s="6">
        <v>11</v>
      </c>
      <c r="BX275" s="6">
        <v>11</v>
      </c>
      <c r="BY275" s="6">
        <v>10</v>
      </c>
      <c r="BZ275" s="6">
        <v>9</v>
      </c>
      <c r="CA275" s="6">
        <v>10</v>
      </c>
      <c r="CB275" s="6">
        <v>10</v>
      </c>
      <c r="CC275" s="11">
        <v>7.75</v>
      </c>
      <c r="CD275" s="11">
        <v>29.0733</v>
      </c>
      <c r="CE275" s="11">
        <v>2.4581900000000001</v>
      </c>
      <c r="CF275" s="11">
        <v>2.9865699999999999</v>
      </c>
      <c r="CG275" s="11">
        <v>5</v>
      </c>
      <c r="CH275" s="20">
        <v>0.248449</v>
      </c>
      <c r="CI275" s="20">
        <v>0.37703300000000001</v>
      </c>
      <c r="CJ275" s="20">
        <v>0.404974</v>
      </c>
      <c r="CK275" s="20">
        <v>0.346354</v>
      </c>
      <c r="CL275" s="20">
        <v>0.32486500000000001</v>
      </c>
      <c r="CM275" s="20">
        <v>0.28241300000000003</v>
      </c>
      <c r="CN275" s="20">
        <v>0.303425</v>
      </c>
      <c r="CO275" s="20">
        <v>0.27490900000000001</v>
      </c>
      <c r="CP275" s="20">
        <v>0.33611600000000003</v>
      </c>
      <c r="CQ275" s="20">
        <v>0.42711300000000002</v>
      </c>
      <c r="CR275" s="20">
        <v>0.53872299999999995</v>
      </c>
      <c r="CS275" s="20">
        <v>0.65583899999999995</v>
      </c>
      <c r="CT275" s="20">
        <v>0.56592100000000001</v>
      </c>
      <c r="CU275" s="20">
        <v>0.54308199999999995</v>
      </c>
      <c r="CV275" s="20">
        <v>0.54686599999999996</v>
      </c>
      <c r="CW275" s="20">
        <v>0.43686799999999998</v>
      </c>
      <c r="CX275" s="20">
        <v>0.44148500000000002</v>
      </c>
      <c r="CY275" s="6" t="s">
        <v>430</v>
      </c>
      <c r="CZ275" s="6" t="s">
        <v>431</v>
      </c>
      <c r="DA275" s="6" t="s">
        <v>102</v>
      </c>
      <c r="DB275" s="6"/>
      <c r="DC275" s="6">
        <v>28140</v>
      </c>
      <c r="DD275" s="6">
        <v>312</v>
      </c>
      <c r="DE275" s="6" t="s">
        <v>402</v>
      </c>
      <c r="DF275" s="6" t="s">
        <v>375</v>
      </c>
      <c r="DG275" s="6" t="s">
        <v>376</v>
      </c>
      <c r="DH275" s="6" t="s">
        <v>328</v>
      </c>
      <c r="DI275" s="6" t="s">
        <v>377</v>
      </c>
      <c r="DJ275" s="6">
        <v>29</v>
      </c>
      <c r="DK275" s="6">
        <v>25</v>
      </c>
      <c r="DL275" s="6">
        <v>1</v>
      </c>
      <c r="DM275" s="6" t="s">
        <v>404</v>
      </c>
      <c r="DN275" s="6">
        <v>1</v>
      </c>
      <c r="DO275" s="6" t="s">
        <v>405</v>
      </c>
      <c r="DP275" s="6"/>
      <c r="DQ275" s="6"/>
    </row>
    <row r="276" spans="1:121" x14ac:dyDescent="0.2">
      <c r="A276" s="6" t="s">
        <v>320</v>
      </c>
      <c r="B276" s="6" t="s">
        <v>320</v>
      </c>
      <c r="C276" s="6" t="s">
        <v>189</v>
      </c>
      <c r="D276" s="6" t="s">
        <v>102</v>
      </c>
      <c r="E276" s="6" t="s">
        <v>243</v>
      </c>
      <c r="F276" s="11">
        <v>1</v>
      </c>
      <c r="G276" s="13">
        <v>1</v>
      </c>
      <c r="H276" s="11">
        <v>71.736469000599996</v>
      </c>
      <c r="I276" s="13">
        <v>14.347293800119999</v>
      </c>
      <c r="J276" s="11">
        <v>-61.968582078799997</v>
      </c>
      <c r="K276" s="13">
        <v>-0.80755060645695675</v>
      </c>
      <c r="L276" s="11">
        <v>-9.7678869218000006</v>
      </c>
      <c r="M276" s="13">
        <v>-0.66142752673579053</v>
      </c>
      <c r="N276" s="11">
        <v>-71.736469000599996</v>
      </c>
      <c r="O276" s="13">
        <v>-0.93484193284993466</v>
      </c>
      <c r="P276" s="7">
        <v>5</v>
      </c>
      <c r="Q276" s="7">
        <v>5</v>
      </c>
      <c r="R276" s="7">
        <v>5</v>
      </c>
      <c r="S276" s="7">
        <v>81.408041788199995</v>
      </c>
      <c r="T276" s="7">
        <v>67.237896554499997</v>
      </c>
      <c r="U276" s="7">
        <v>72.757851326899996</v>
      </c>
      <c r="V276" s="7">
        <v>76.736469000599996</v>
      </c>
      <c r="W276" s="7">
        <v>47.651542183499998</v>
      </c>
      <c r="X276" s="7">
        <v>38.411481461299999</v>
      </c>
      <c r="Y276" s="7">
        <v>14.767886921800001</v>
      </c>
      <c r="Z276" s="7">
        <v>10.5432747227</v>
      </c>
      <c r="AA276" s="7">
        <v>11.062976049</v>
      </c>
      <c r="AB276" s="7">
        <v>12.392313293000001</v>
      </c>
      <c r="AC276" s="7">
        <v>5</v>
      </c>
      <c r="AD276" s="7">
        <v>5</v>
      </c>
      <c r="AE276" s="7">
        <v>5</v>
      </c>
      <c r="AF276" s="7">
        <v>5</v>
      </c>
      <c r="AG276" s="9">
        <v>0</v>
      </c>
      <c r="AH276" s="13">
        <v>0</v>
      </c>
      <c r="AI276" s="9">
        <v>23174.553763600001</v>
      </c>
      <c r="AJ276" s="13">
        <v>23174.553763600001</v>
      </c>
      <c r="AK276" s="9">
        <v>19545.5300192</v>
      </c>
      <c r="AL276" s="13">
        <v>0.84336841391460549</v>
      </c>
      <c r="AM276" s="9">
        <v>-42720.0837828</v>
      </c>
      <c r="AN276" s="13">
        <v>-0.99997659235413872</v>
      </c>
      <c r="AO276" s="9">
        <v>-23174.553763600001</v>
      </c>
      <c r="AP276" s="13">
        <v>-0.99995685108497501</v>
      </c>
      <c r="AQ276" s="9">
        <v>1</v>
      </c>
      <c r="AR276" s="9">
        <v>1</v>
      </c>
      <c r="AS276" s="9">
        <v>1</v>
      </c>
      <c r="AT276" s="9">
        <v>22455.181189999999</v>
      </c>
      <c r="AU276" s="9">
        <v>24893.1646745</v>
      </c>
      <c r="AV276" s="9">
        <v>23864.0255784</v>
      </c>
      <c r="AW276" s="9">
        <v>23175.553763600001</v>
      </c>
      <c r="AX276" s="9">
        <v>18490.478650900001</v>
      </c>
      <c r="AY276" s="9">
        <v>25907.102492400001</v>
      </c>
      <c r="AZ276" s="9">
        <v>42721.0837828</v>
      </c>
      <c r="BA276" s="9">
        <v>26704.134722999999</v>
      </c>
      <c r="BB276" s="9">
        <v>30094.119885100001</v>
      </c>
      <c r="BC276" s="9">
        <v>58744.634844200002</v>
      </c>
      <c r="BD276" s="9">
        <v>1</v>
      </c>
      <c r="BE276" s="9">
        <v>1</v>
      </c>
      <c r="BF276" s="9">
        <v>1</v>
      </c>
      <c r="BG276" s="11">
        <v>-1</v>
      </c>
      <c r="BH276" s="13">
        <v>-1</v>
      </c>
      <c r="BI276" s="6">
        <v>1</v>
      </c>
      <c r="BJ276" s="13">
        <v>1</v>
      </c>
      <c r="BK276" s="6">
        <v>0</v>
      </c>
      <c r="BL276" s="13">
        <v>0</v>
      </c>
      <c r="BM276" s="11">
        <v>-2</v>
      </c>
      <c r="BN276" s="13">
        <v>-1</v>
      </c>
      <c r="BO276" s="11">
        <v>-2</v>
      </c>
      <c r="BP276" s="13">
        <v>-1</v>
      </c>
      <c r="BQ276" s="6">
        <v>1</v>
      </c>
      <c r="BR276" s="6">
        <v>2</v>
      </c>
      <c r="BS276" s="6">
        <v>3</v>
      </c>
      <c r="BT276" s="6">
        <v>2</v>
      </c>
      <c r="BU276" s="6">
        <v>2</v>
      </c>
      <c r="BV276" s="6">
        <v>1</v>
      </c>
      <c r="BW276" s="6">
        <v>2</v>
      </c>
      <c r="BX276" s="6">
        <v>1</v>
      </c>
      <c r="BY276" s="6">
        <v>1</v>
      </c>
      <c r="BZ276" s="6">
        <v>1</v>
      </c>
      <c r="CA276" s="6">
        <v>0</v>
      </c>
      <c r="CB276" s="6">
        <v>0</v>
      </c>
      <c r="CC276" s="11">
        <v>0</v>
      </c>
      <c r="CD276" s="11">
        <v>4.1360999999999999</v>
      </c>
      <c r="CE276" s="11">
        <v>1.20333</v>
      </c>
      <c r="CF276" s="11">
        <v>0.363261</v>
      </c>
      <c r="CG276" s="11">
        <v>1</v>
      </c>
      <c r="CH276" s="20">
        <v>9.0577699999999997E-2</v>
      </c>
      <c r="CI276" s="20">
        <v>6.3817600000000002E-2</v>
      </c>
      <c r="CJ276" s="20">
        <v>7.3935399999999998E-2</v>
      </c>
      <c r="CK276" s="20">
        <v>1.84318</v>
      </c>
      <c r="CL276" s="20">
        <v>1.49098</v>
      </c>
      <c r="CM276" s="20">
        <v>1.5876600000000001</v>
      </c>
      <c r="CN276" s="20">
        <v>1.6492500000000001</v>
      </c>
      <c r="CO276" s="20">
        <v>1.0451299999999999</v>
      </c>
      <c r="CP276" s="20">
        <v>0.80078899999999997</v>
      </c>
      <c r="CQ276" s="20">
        <v>0.30203600000000003</v>
      </c>
      <c r="CR276" s="20">
        <v>0.21445400000000001</v>
      </c>
      <c r="CS276" s="20">
        <v>0.22378100000000001</v>
      </c>
      <c r="CT276" s="20">
        <v>0.25533699999999998</v>
      </c>
      <c r="CU276" s="20">
        <v>0.18740200000000001</v>
      </c>
      <c r="CV276" s="20">
        <v>0.16589300000000001</v>
      </c>
      <c r="CW276" s="20">
        <v>0.16414400000000001</v>
      </c>
      <c r="CX276" s="20">
        <v>0.15742100000000001</v>
      </c>
      <c r="CY276" s="6" t="s">
        <v>430</v>
      </c>
      <c r="CZ276" s="6" t="s">
        <v>431</v>
      </c>
      <c r="DA276" s="6" t="s">
        <v>102</v>
      </c>
      <c r="DB276" s="6"/>
      <c r="DC276" s="6">
        <v>28140</v>
      </c>
      <c r="DD276" s="6">
        <v>312</v>
      </c>
      <c r="DE276" s="6" t="s">
        <v>402</v>
      </c>
      <c r="DF276" s="6" t="s">
        <v>375</v>
      </c>
      <c r="DG276" s="6" t="s">
        <v>376</v>
      </c>
      <c r="DH276" s="6" t="s">
        <v>328</v>
      </c>
      <c r="DI276" s="6" t="s">
        <v>377</v>
      </c>
      <c r="DJ276" s="6">
        <v>29</v>
      </c>
      <c r="DK276" s="6">
        <v>25</v>
      </c>
      <c r="DL276" s="6">
        <v>1</v>
      </c>
      <c r="DM276" s="6" t="s">
        <v>404</v>
      </c>
      <c r="DN276" s="6">
        <v>1</v>
      </c>
      <c r="DO276" s="6" t="s">
        <v>405</v>
      </c>
      <c r="DP276" s="6"/>
      <c r="DQ276" s="6"/>
    </row>
    <row r="277" spans="1:121" x14ac:dyDescent="0.2">
      <c r="A277" s="6" t="s">
        <v>321</v>
      </c>
      <c r="B277" s="6" t="s">
        <v>321</v>
      </c>
      <c r="C277" s="6" t="s">
        <v>190</v>
      </c>
      <c r="D277" s="6" t="s">
        <v>102</v>
      </c>
      <c r="E277" s="6" t="s">
        <v>243</v>
      </c>
      <c r="F277" s="11">
        <v>27</v>
      </c>
      <c r="G277" s="13">
        <v>0.24545454545500001</v>
      </c>
      <c r="H277" s="11">
        <v>27.579566523999986</v>
      </c>
      <c r="I277" s="13">
        <v>0.25105744835180399</v>
      </c>
      <c r="J277" s="11">
        <v>-44.860903199399985</v>
      </c>
      <c r="K277" s="13">
        <v>-0.32641975523966188</v>
      </c>
      <c r="L277" s="11">
        <v>44.607874053399996</v>
      </c>
      <c r="M277" s="13">
        <v>0.48187079566202368</v>
      </c>
      <c r="N277" s="11">
        <v>-0.25302914599998871</v>
      </c>
      <c r="O277" s="13">
        <v>-1.8411067547771016E-3</v>
      </c>
      <c r="P277" s="7">
        <v>109.853608029</v>
      </c>
      <c r="Q277" s="7">
        <v>119.406928209</v>
      </c>
      <c r="R277" s="7">
        <v>123.846068907</v>
      </c>
      <c r="S277" s="7">
        <v>138.89373866099999</v>
      </c>
      <c r="T277" s="7">
        <v>153.563834972</v>
      </c>
      <c r="U277" s="7">
        <v>152.809861665</v>
      </c>
      <c r="V277" s="7">
        <v>137.43317455299999</v>
      </c>
      <c r="W277" s="7">
        <v>123.62656837500001</v>
      </c>
      <c r="X277" s="7">
        <v>127.04956668299999</v>
      </c>
      <c r="Y277" s="7">
        <v>92.572271353600001</v>
      </c>
      <c r="Z277" s="7">
        <v>91.335336792000007</v>
      </c>
      <c r="AA277" s="7">
        <v>99.229083856399996</v>
      </c>
      <c r="AB277" s="7">
        <v>118.02155451599999</v>
      </c>
      <c r="AC277" s="7">
        <v>129.2194226</v>
      </c>
      <c r="AD277" s="7">
        <v>133.66688583499999</v>
      </c>
      <c r="AE277" s="7">
        <v>132.789444804</v>
      </c>
      <c r="AF277" s="7">
        <v>137.180145407</v>
      </c>
      <c r="AG277" s="9">
        <v>14389.333020400005</v>
      </c>
      <c r="AH277" s="13">
        <v>0.67628404922790653</v>
      </c>
      <c r="AI277" s="9">
        <v>6002.4795933000023</v>
      </c>
      <c r="AJ277" s="13">
        <v>0.28211044938703889</v>
      </c>
      <c r="AK277" s="9">
        <v>604.26446059999944</v>
      </c>
      <c r="AL277" s="13">
        <v>2.215083453684067E-2</v>
      </c>
      <c r="AM277" s="9">
        <v>7782.5889665000032</v>
      </c>
      <c r="AN277" s="13">
        <v>0.27910791159857151</v>
      </c>
      <c r="AO277" s="9">
        <v>8386.8534271000026</v>
      </c>
      <c r="AP277" s="13">
        <v>0.30744121930315532</v>
      </c>
      <c r="AQ277" s="9">
        <v>21277.055161699998</v>
      </c>
      <c r="AR277" s="9">
        <v>20415.9345847</v>
      </c>
      <c r="AS277" s="9">
        <v>20762.238878299999</v>
      </c>
      <c r="AT277" s="9">
        <v>25357.1541249</v>
      </c>
      <c r="AU277" s="9">
        <v>28077.8954318</v>
      </c>
      <c r="AV277" s="9">
        <v>28758.431065199999</v>
      </c>
      <c r="AW277" s="9">
        <v>27279.534755000001</v>
      </c>
      <c r="AX277" s="9">
        <v>37806.435386500001</v>
      </c>
      <c r="AY277" s="9">
        <v>37686.872872799999</v>
      </c>
      <c r="AZ277" s="9">
        <v>27883.7992156</v>
      </c>
      <c r="BA277" s="9">
        <v>34193.958453500003</v>
      </c>
      <c r="BB277" s="9">
        <v>33270.022236700002</v>
      </c>
      <c r="BC277" s="9">
        <v>28820.344225199999</v>
      </c>
      <c r="BD277" s="9">
        <v>34550.650392900003</v>
      </c>
      <c r="BE277" s="9">
        <v>35786.396203299999</v>
      </c>
      <c r="BF277" s="9">
        <v>35666.388182100003</v>
      </c>
      <c r="BG277" s="11">
        <v>10.5</v>
      </c>
      <c r="BH277" s="13">
        <v>0.95454545454545459</v>
      </c>
      <c r="BI277" s="6">
        <v>1</v>
      </c>
      <c r="BJ277" s="13">
        <v>9.0909090909090912E-2</v>
      </c>
      <c r="BK277" s="6">
        <v>-2</v>
      </c>
      <c r="BL277" s="13">
        <v>-0.16666666666666666</v>
      </c>
      <c r="BM277" s="11">
        <v>11.5</v>
      </c>
      <c r="BN277" s="13">
        <v>1.1499999999999999</v>
      </c>
      <c r="BO277" s="11">
        <v>9.5</v>
      </c>
      <c r="BP277" s="13">
        <v>0.79166666666666663</v>
      </c>
      <c r="BQ277" s="6">
        <v>11</v>
      </c>
      <c r="BR277" s="6">
        <v>12</v>
      </c>
      <c r="BS277" s="6">
        <v>12</v>
      </c>
      <c r="BT277" s="6">
        <v>12</v>
      </c>
      <c r="BU277" s="6">
        <v>12</v>
      </c>
      <c r="BV277" s="6">
        <v>12</v>
      </c>
      <c r="BW277" s="6">
        <v>10</v>
      </c>
      <c r="BX277" s="6">
        <v>9</v>
      </c>
      <c r="BY277" s="6">
        <v>10</v>
      </c>
      <c r="BZ277" s="6">
        <v>26</v>
      </c>
      <c r="CA277" s="6">
        <v>25</v>
      </c>
      <c r="CB277" s="6">
        <v>23</v>
      </c>
      <c r="CC277" s="11">
        <v>21.5</v>
      </c>
      <c r="CD277" s="11">
        <v>-24.686800000000002</v>
      </c>
      <c r="CE277" s="11">
        <v>40.005000000000003</v>
      </c>
      <c r="CF277" s="11">
        <v>12.0083</v>
      </c>
      <c r="CG277" s="11">
        <v>52</v>
      </c>
      <c r="CH277" s="20">
        <v>0.60627600000000004</v>
      </c>
      <c r="CI277" s="20">
        <v>0.61442399999999997</v>
      </c>
      <c r="CJ277" s="20">
        <v>0.616124</v>
      </c>
      <c r="CK277" s="20">
        <v>0.65066400000000002</v>
      </c>
      <c r="CL277" s="20">
        <v>0.69693899999999998</v>
      </c>
      <c r="CM277" s="20">
        <v>0.68029700000000004</v>
      </c>
      <c r="CN277" s="20">
        <v>0.60129500000000002</v>
      </c>
      <c r="CO277" s="20">
        <v>0.55383000000000004</v>
      </c>
      <c r="CP277" s="20">
        <v>0.54515999999999998</v>
      </c>
      <c r="CQ277" s="20">
        <v>0.39213799999999999</v>
      </c>
      <c r="CR277" s="20">
        <v>0.39165</v>
      </c>
      <c r="CS277" s="20">
        <v>0.41617999999999999</v>
      </c>
      <c r="CT277" s="20">
        <v>0.50155899999999998</v>
      </c>
      <c r="CU277" s="20">
        <v>0.53464199999999995</v>
      </c>
      <c r="CV277" s="20">
        <v>0.51900299999999999</v>
      </c>
      <c r="CW277" s="20">
        <v>0.49062299999999998</v>
      </c>
      <c r="CX277" s="20">
        <v>0.48377399999999998</v>
      </c>
      <c r="CY277" s="6" t="s">
        <v>430</v>
      </c>
      <c r="CZ277" s="6" t="s">
        <v>431</v>
      </c>
      <c r="DA277" s="6" t="s">
        <v>102</v>
      </c>
      <c r="DB277" s="6"/>
      <c r="DC277" s="6">
        <v>28140</v>
      </c>
      <c r="DD277" s="6">
        <v>312</v>
      </c>
      <c r="DE277" s="6" t="s">
        <v>402</v>
      </c>
      <c r="DF277" s="6" t="s">
        <v>375</v>
      </c>
      <c r="DG277" s="6" t="s">
        <v>376</v>
      </c>
      <c r="DH277" s="6" t="s">
        <v>328</v>
      </c>
      <c r="DI277" s="6" t="s">
        <v>377</v>
      </c>
      <c r="DJ277" s="6">
        <v>29</v>
      </c>
      <c r="DK277" s="6">
        <v>25</v>
      </c>
      <c r="DL277" s="6">
        <v>1</v>
      </c>
      <c r="DM277" s="6" t="s">
        <v>404</v>
      </c>
      <c r="DN277" s="6">
        <v>1</v>
      </c>
      <c r="DO277" s="6" t="s">
        <v>405</v>
      </c>
      <c r="DP277" s="6"/>
      <c r="DQ277" s="6"/>
    </row>
    <row r="278" spans="1:121" x14ac:dyDescent="0.2">
      <c r="A278" s="6" t="s">
        <v>322</v>
      </c>
      <c r="B278" s="6" t="s">
        <v>322</v>
      </c>
      <c r="C278" s="6" t="s">
        <v>191</v>
      </c>
      <c r="D278" s="6" t="s">
        <v>102</v>
      </c>
      <c r="E278" s="6" t="s">
        <v>243</v>
      </c>
      <c r="F278" s="11">
        <v>1</v>
      </c>
      <c r="G278" s="13">
        <v>1</v>
      </c>
      <c r="H278" s="11">
        <v>-5</v>
      </c>
      <c r="I278" s="13">
        <v>-0.5</v>
      </c>
      <c r="J278" s="11">
        <v>0</v>
      </c>
      <c r="K278" s="13">
        <v>0</v>
      </c>
      <c r="L278" s="11">
        <v>0</v>
      </c>
      <c r="M278" s="13">
        <v>0</v>
      </c>
      <c r="N278" s="11">
        <v>0</v>
      </c>
      <c r="O278" s="13">
        <v>0</v>
      </c>
      <c r="P278" s="7">
        <v>10</v>
      </c>
      <c r="Q278" s="7">
        <v>16</v>
      </c>
      <c r="R278" s="7">
        <v>5</v>
      </c>
      <c r="S278" s="7">
        <v>5</v>
      </c>
      <c r="T278" s="7">
        <v>10</v>
      </c>
      <c r="U278" s="7">
        <v>5</v>
      </c>
      <c r="V278" s="7">
        <v>5</v>
      </c>
      <c r="W278" s="7">
        <v>29</v>
      </c>
      <c r="X278" s="7">
        <v>31</v>
      </c>
      <c r="Y278" s="7">
        <v>5</v>
      </c>
      <c r="Z278" s="7">
        <v>10</v>
      </c>
      <c r="AA278" s="7">
        <v>5</v>
      </c>
      <c r="AB278" s="7">
        <v>5</v>
      </c>
      <c r="AC278" s="7">
        <v>5</v>
      </c>
      <c r="AD278" s="7">
        <v>5</v>
      </c>
      <c r="AE278" s="7">
        <v>5</v>
      </c>
      <c r="AF278" s="7">
        <v>5</v>
      </c>
      <c r="AG278" s="9">
        <v>-10801</v>
      </c>
      <c r="AH278" s="13">
        <v>-0.99990742455100912</v>
      </c>
      <c r="AI278" s="9">
        <v>-10801</v>
      </c>
      <c r="AJ278" s="13">
        <v>-0.99990742455100912</v>
      </c>
      <c r="AK278" s="9">
        <v>0</v>
      </c>
      <c r="AL278" s="13">
        <v>0</v>
      </c>
      <c r="AM278" s="9">
        <v>0</v>
      </c>
      <c r="AN278" s="13">
        <v>0</v>
      </c>
      <c r="AO278" s="9">
        <v>0</v>
      </c>
      <c r="AP278" s="13">
        <v>0</v>
      </c>
      <c r="AQ278" s="9">
        <v>10802</v>
      </c>
      <c r="AR278" s="9">
        <v>10045</v>
      </c>
      <c r="AS278" s="9">
        <v>1</v>
      </c>
      <c r="AT278" s="9">
        <v>1</v>
      </c>
      <c r="AU278" s="9">
        <v>12663</v>
      </c>
      <c r="AV278" s="9">
        <v>1</v>
      </c>
      <c r="AW278" s="9">
        <v>1</v>
      </c>
      <c r="AX278" s="9">
        <v>14513</v>
      </c>
      <c r="AY278" s="9">
        <v>14024</v>
      </c>
      <c r="AZ278" s="9">
        <v>1</v>
      </c>
      <c r="BA278" s="9">
        <v>11161</v>
      </c>
      <c r="BB278" s="9">
        <v>1</v>
      </c>
      <c r="BC278" s="9">
        <v>1</v>
      </c>
      <c r="BD278" s="9">
        <v>1</v>
      </c>
      <c r="BE278" s="9">
        <v>1</v>
      </c>
      <c r="BF278" s="9">
        <v>1</v>
      </c>
      <c r="BG278" s="11">
        <v>0</v>
      </c>
      <c r="BH278" s="13">
        <v>0</v>
      </c>
      <c r="BI278" s="6">
        <v>1</v>
      </c>
      <c r="BJ278" s="13">
        <v>1</v>
      </c>
      <c r="BK278" s="6">
        <v>-1</v>
      </c>
      <c r="BL278" s="13">
        <v>-0.5</v>
      </c>
      <c r="BM278" s="11">
        <v>0</v>
      </c>
      <c r="BN278" s="13">
        <v>0</v>
      </c>
      <c r="BO278" s="11">
        <v>-1</v>
      </c>
      <c r="BP278" s="13">
        <v>-0.5</v>
      </c>
      <c r="BQ278" s="6">
        <v>1</v>
      </c>
      <c r="BR278" s="6">
        <v>2</v>
      </c>
      <c r="BS278" s="6">
        <v>2</v>
      </c>
      <c r="BT278" s="6">
        <v>2</v>
      </c>
      <c r="BU278" s="6">
        <v>2</v>
      </c>
      <c r="BV278" s="6">
        <v>2</v>
      </c>
      <c r="BW278" s="6">
        <v>1</v>
      </c>
      <c r="BX278" s="6">
        <v>1</v>
      </c>
      <c r="BY278" s="6">
        <v>1</v>
      </c>
      <c r="BZ278" s="6">
        <v>1</v>
      </c>
      <c r="CA278" s="6">
        <v>0</v>
      </c>
      <c r="CB278" s="6">
        <v>1</v>
      </c>
      <c r="CC278" s="11">
        <v>1</v>
      </c>
      <c r="CD278" s="11">
        <v>-7</v>
      </c>
      <c r="CE278" s="11">
        <v>2</v>
      </c>
      <c r="CF278" s="11">
        <v>1</v>
      </c>
      <c r="CG278" s="11">
        <v>3</v>
      </c>
      <c r="CH278" s="20">
        <v>0.36</v>
      </c>
      <c r="CI278" s="20">
        <v>0.55000000000000004</v>
      </c>
      <c r="CJ278" s="20">
        <v>0.32</v>
      </c>
      <c r="CK278" s="20">
        <v>0.28999999999999998</v>
      </c>
      <c r="CL278" s="20">
        <v>0.32</v>
      </c>
      <c r="CM278" s="20">
        <v>0.15</v>
      </c>
      <c r="CN278" s="20">
        <v>0.18</v>
      </c>
      <c r="CO278" s="20">
        <v>0.9</v>
      </c>
      <c r="CP278" s="20">
        <v>0.98</v>
      </c>
      <c r="CQ278" s="20">
        <v>0.11</v>
      </c>
      <c r="CR278" s="20">
        <v>0.32</v>
      </c>
      <c r="CS278" s="20">
        <v>0.24</v>
      </c>
      <c r="CT278" s="20">
        <v>0.3</v>
      </c>
      <c r="CU278" s="20">
        <v>0.08</v>
      </c>
      <c r="CV278" s="20">
        <v>0.09</v>
      </c>
      <c r="CW278" s="20">
        <v>0.15</v>
      </c>
      <c r="CX278" s="20">
        <v>0.15</v>
      </c>
      <c r="CY278" s="6" t="s">
        <v>430</v>
      </c>
      <c r="CZ278" s="6" t="s">
        <v>431</v>
      </c>
      <c r="DA278" s="6" t="s">
        <v>102</v>
      </c>
      <c r="DB278" s="6"/>
      <c r="DC278" s="6">
        <v>28140</v>
      </c>
      <c r="DD278" s="6">
        <v>312</v>
      </c>
      <c r="DE278" s="6" t="s">
        <v>402</v>
      </c>
      <c r="DF278" s="6" t="s">
        <v>375</v>
      </c>
      <c r="DG278" s="6" t="s">
        <v>376</v>
      </c>
      <c r="DH278" s="6" t="s">
        <v>328</v>
      </c>
      <c r="DI278" s="6" t="s">
        <v>377</v>
      </c>
      <c r="DJ278" s="6">
        <v>29</v>
      </c>
      <c r="DK278" s="6">
        <v>25</v>
      </c>
      <c r="DL278" s="6">
        <v>1</v>
      </c>
      <c r="DM278" s="6" t="s">
        <v>404</v>
      </c>
      <c r="DN278" s="6">
        <v>1</v>
      </c>
      <c r="DO278" s="6" t="s">
        <v>405</v>
      </c>
      <c r="DP278" s="6"/>
      <c r="DQ278" s="6"/>
    </row>
    <row r="279" spans="1:121" x14ac:dyDescent="0.2">
      <c r="A279" s="6" t="s">
        <v>323</v>
      </c>
      <c r="B279" s="6" t="s">
        <v>323</v>
      </c>
      <c r="C279" s="6" t="s">
        <v>192</v>
      </c>
      <c r="D279" s="6" t="s">
        <v>102</v>
      </c>
      <c r="E279" s="6" t="s">
        <v>243</v>
      </c>
      <c r="F279" s="11">
        <v>-5</v>
      </c>
      <c r="G279" s="13">
        <v>-6.7567567567600004E-2</v>
      </c>
      <c r="H279" s="11">
        <v>-0.2044035618999942</v>
      </c>
      <c r="I279" s="13">
        <v>-2.7678935939683047E-3</v>
      </c>
      <c r="J279" s="11">
        <v>-6.5553761776999977</v>
      </c>
      <c r="K279" s="13">
        <v>-8.9014815749779513E-2</v>
      </c>
      <c r="L279" s="11">
        <v>1.4777061524999908</v>
      </c>
      <c r="M279" s="13">
        <v>2.2026294737879731E-2</v>
      </c>
      <c r="N279" s="11">
        <v>-5.0776700252000069</v>
      </c>
      <c r="O279" s="13">
        <v>-6.8949187579642496E-2</v>
      </c>
      <c r="P279" s="7">
        <v>73.848056278399994</v>
      </c>
      <c r="Q279" s="7">
        <v>78.344122823199996</v>
      </c>
      <c r="R279" s="7">
        <v>92.656693067299997</v>
      </c>
      <c r="S279" s="7">
        <v>89.056528821399993</v>
      </c>
      <c r="T279" s="7">
        <v>84.360842369500006</v>
      </c>
      <c r="U279" s="7">
        <v>89.646374275400007</v>
      </c>
      <c r="V279" s="7">
        <v>73.6436527165</v>
      </c>
      <c r="W279" s="7">
        <v>51.5459320183</v>
      </c>
      <c r="X279" s="7">
        <v>50.938010044099997</v>
      </c>
      <c r="Y279" s="7">
        <v>67.088276538800002</v>
      </c>
      <c r="Z279" s="7">
        <v>48.593865335899999</v>
      </c>
      <c r="AA279" s="7">
        <v>41.954141217699998</v>
      </c>
      <c r="AB279" s="7">
        <v>26.9607327969</v>
      </c>
      <c r="AC279" s="7">
        <v>43.465831241799997</v>
      </c>
      <c r="AD279" s="7">
        <v>52.9830024786</v>
      </c>
      <c r="AE279" s="7">
        <v>66.603706094399996</v>
      </c>
      <c r="AF279" s="7">
        <v>68.565982691299993</v>
      </c>
      <c r="AG279" s="9">
        <v>6587.613685119999</v>
      </c>
      <c r="AH279" s="13">
        <v>0.68128514828231057</v>
      </c>
      <c r="AI279" s="9">
        <v>2855.2646046199989</v>
      </c>
      <c r="AJ279" s="13">
        <v>0.2952889259334785</v>
      </c>
      <c r="AK279" s="9">
        <v>-131.72904799999924</v>
      </c>
      <c r="AL279" s="13">
        <v>-1.0517576975610262E-2</v>
      </c>
      <c r="AM279" s="9">
        <v>3864.0781284999994</v>
      </c>
      <c r="AN279" s="13">
        <v>0.31179702065333581</v>
      </c>
      <c r="AO279" s="9">
        <v>3732.3490805000001</v>
      </c>
      <c r="AP279" s="13">
        <v>0.29800009451223813</v>
      </c>
      <c r="AQ279" s="9">
        <v>9669.3927670800003</v>
      </c>
      <c r="AR279" s="9">
        <v>9735.3017886399994</v>
      </c>
      <c r="AS279" s="9">
        <v>8852.9434433400002</v>
      </c>
      <c r="AT279" s="9">
        <v>8569.4987477499999</v>
      </c>
      <c r="AU279" s="9">
        <v>9179.3745827000002</v>
      </c>
      <c r="AV279" s="9">
        <v>9281.0724150099995</v>
      </c>
      <c r="AW279" s="9">
        <v>12524.657371699999</v>
      </c>
      <c r="AX279" s="9">
        <v>13764.5365886</v>
      </c>
      <c r="AY279" s="9">
        <v>11741.753044999999</v>
      </c>
      <c r="AZ279" s="9">
        <v>12392.9283237</v>
      </c>
      <c r="BA279" s="9">
        <v>13543.7114728</v>
      </c>
      <c r="BB279" s="9">
        <v>15104.734692</v>
      </c>
      <c r="BC279" s="9">
        <v>13737.938976900001</v>
      </c>
      <c r="BD279" s="9">
        <v>12564.132802</v>
      </c>
      <c r="BE279" s="9">
        <v>14245.8250813</v>
      </c>
      <c r="BF279" s="9">
        <v>16257.006452199999</v>
      </c>
      <c r="BG279" s="11">
        <v>0</v>
      </c>
      <c r="BH279" s="13">
        <v>0</v>
      </c>
      <c r="BI279" s="6">
        <v>2</v>
      </c>
      <c r="BJ279" s="13">
        <v>0.25</v>
      </c>
      <c r="BK279" s="6">
        <v>1</v>
      </c>
      <c r="BL279" s="13">
        <v>0.1</v>
      </c>
      <c r="BM279" s="11">
        <v>-3</v>
      </c>
      <c r="BN279" s="13">
        <v>-0.27272727272727271</v>
      </c>
      <c r="BO279" s="11">
        <v>-2</v>
      </c>
      <c r="BP279" s="13">
        <v>-0.2</v>
      </c>
      <c r="BQ279" s="6">
        <v>8</v>
      </c>
      <c r="BR279" s="6">
        <v>9</v>
      </c>
      <c r="BS279" s="6">
        <v>11</v>
      </c>
      <c r="BT279" s="6">
        <v>10</v>
      </c>
      <c r="BU279" s="6">
        <v>9</v>
      </c>
      <c r="BV279" s="6">
        <v>11</v>
      </c>
      <c r="BW279" s="6">
        <v>11</v>
      </c>
      <c r="BX279" s="6">
        <v>10</v>
      </c>
      <c r="BY279" s="6">
        <v>9</v>
      </c>
      <c r="BZ279" s="6">
        <v>7</v>
      </c>
      <c r="CA279" s="6">
        <v>7</v>
      </c>
      <c r="CB279" s="6">
        <v>10</v>
      </c>
      <c r="CC279" s="11">
        <v>8</v>
      </c>
      <c r="CD279" s="11">
        <v>-30.148</v>
      </c>
      <c r="CE279" s="11">
        <v>16.793500000000002</v>
      </c>
      <c r="CF279" s="11">
        <v>8.0724800000000005</v>
      </c>
      <c r="CG279" s="11">
        <v>25</v>
      </c>
      <c r="CH279" s="20">
        <v>0.54918599999999995</v>
      </c>
      <c r="CI279" s="20">
        <v>0.55702600000000002</v>
      </c>
      <c r="CJ279" s="20">
        <v>0.644729</v>
      </c>
      <c r="CK279" s="20">
        <v>0.58047099999999996</v>
      </c>
      <c r="CL279" s="20">
        <v>0.53230500000000003</v>
      </c>
      <c r="CM279" s="20">
        <v>0.55706900000000004</v>
      </c>
      <c r="CN279" s="20">
        <v>0.45226</v>
      </c>
      <c r="CO279" s="20">
        <v>0.33155000000000001</v>
      </c>
      <c r="CP279" s="20">
        <v>0.329378</v>
      </c>
      <c r="CQ279" s="20">
        <v>0.43386200000000003</v>
      </c>
      <c r="CR279" s="20">
        <v>0.314635</v>
      </c>
      <c r="CS279" s="20">
        <v>0.26734200000000002</v>
      </c>
      <c r="CT279" s="20">
        <v>0.17222000000000001</v>
      </c>
      <c r="CU279" s="20">
        <v>0.26747100000000001</v>
      </c>
      <c r="CV279" s="20">
        <v>0.303037</v>
      </c>
      <c r="CW279" s="20">
        <v>0.36163800000000001</v>
      </c>
      <c r="CX279" s="20">
        <v>0.35915999999999998</v>
      </c>
      <c r="CY279" s="6" t="s">
        <v>430</v>
      </c>
      <c r="CZ279" s="6" t="s">
        <v>431</v>
      </c>
      <c r="DA279" s="6" t="s">
        <v>102</v>
      </c>
      <c r="DB279" s="6"/>
      <c r="DC279" s="6">
        <v>28140</v>
      </c>
      <c r="DD279" s="6">
        <v>312</v>
      </c>
      <c r="DE279" s="6" t="s">
        <v>402</v>
      </c>
      <c r="DF279" s="6" t="s">
        <v>375</v>
      </c>
      <c r="DG279" s="6" t="s">
        <v>376</v>
      </c>
      <c r="DH279" s="6" t="s">
        <v>328</v>
      </c>
      <c r="DI279" s="6" t="s">
        <v>377</v>
      </c>
      <c r="DJ279" s="6">
        <v>29</v>
      </c>
      <c r="DK279" s="6">
        <v>25</v>
      </c>
      <c r="DL279" s="6">
        <v>1</v>
      </c>
      <c r="DM279" s="6" t="s">
        <v>404</v>
      </c>
      <c r="DN279" s="6">
        <v>1</v>
      </c>
      <c r="DO279" s="6" t="s">
        <v>405</v>
      </c>
      <c r="DP279" s="6"/>
      <c r="DQ279" s="6"/>
    </row>
    <row r="280" spans="1:121" x14ac:dyDescent="0.2">
      <c r="A280" s="6" t="s">
        <v>325</v>
      </c>
      <c r="B280" s="6" t="s">
        <v>325</v>
      </c>
      <c r="C280" s="6" t="s">
        <v>193</v>
      </c>
      <c r="D280" s="6" t="s">
        <v>102</v>
      </c>
      <c r="E280" s="6" t="s">
        <v>243</v>
      </c>
      <c r="F280" s="11">
        <v>-11</v>
      </c>
      <c r="G280" s="13">
        <v>-9.7345132743399995E-2</v>
      </c>
      <c r="H280" s="11">
        <v>22.435917679000013</v>
      </c>
      <c r="I280" s="13">
        <v>0.1977443417250489</v>
      </c>
      <c r="J280" s="11">
        <v>-13.370819166000004</v>
      </c>
      <c r="K280" s="13">
        <v>-9.8390714619916123E-2</v>
      </c>
      <c r="L280" s="11">
        <v>-20.120696246000009</v>
      </c>
      <c r="M280" s="13">
        <v>-0.16421798870213314</v>
      </c>
      <c r="N280" s="11">
        <v>-33.491515412000012</v>
      </c>
      <c r="O280" s="13">
        <v>-0.24645117806020103</v>
      </c>
      <c r="P280" s="7">
        <v>113.459214475</v>
      </c>
      <c r="Q280" s="7">
        <v>122.95544809800001</v>
      </c>
      <c r="R280" s="7">
        <v>114.63000465099999</v>
      </c>
      <c r="S280" s="7">
        <v>127.855059037</v>
      </c>
      <c r="T280" s="7">
        <v>133.095695087</v>
      </c>
      <c r="U280" s="7">
        <v>151.025270912</v>
      </c>
      <c r="V280" s="7">
        <v>135.89513215400001</v>
      </c>
      <c r="W280" s="7">
        <v>129.43141357499999</v>
      </c>
      <c r="X280" s="7">
        <v>115.85069676400001</v>
      </c>
      <c r="Y280" s="7">
        <v>122.52431298800001</v>
      </c>
      <c r="Z280" s="7">
        <v>121.99380053900001</v>
      </c>
      <c r="AA280" s="7">
        <v>130.49784704000001</v>
      </c>
      <c r="AB280" s="7">
        <v>105.036095751</v>
      </c>
      <c r="AC280" s="7">
        <v>97.195750586599999</v>
      </c>
      <c r="AD280" s="7">
        <v>96.003856909700005</v>
      </c>
      <c r="AE280" s="7">
        <v>102.181998049</v>
      </c>
      <c r="AF280" s="7">
        <v>102.403616742</v>
      </c>
      <c r="AG280" s="9">
        <v>7627.6979673000005</v>
      </c>
      <c r="AH280" s="13">
        <v>0.48765683983183306</v>
      </c>
      <c r="AI280" s="9">
        <v>4088.9094415000018</v>
      </c>
      <c r="AJ280" s="13">
        <v>0.26141368800241749</v>
      </c>
      <c r="AK280" s="9">
        <v>-192.27680420000252</v>
      </c>
      <c r="AL280" s="13">
        <v>-9.7451872374404794E-3</v>
      </c>
      <c r="AM280" s="9">
        <v>3731.0653300000013</v>
      </c>
      <c r="AN280" s="13">
        <v>0.19096298044387039</v>
      </c>
      <c r="AO280" s="9">
        <v>3538.7885257999988</v>
      </c>
      <c r="AP280" s="13">
        <v>0.17935682320658469</v>
      </c>
      <c r="AQ280" s="9">
        <v>15641.527697899999</v>
      </c>
      <c r="AR280" s="9">
        <v>14134.2523667</v>
      </c>
      <c r="AS280" s="9">
        <v>14173.0922458</v>
      </c>
      <c r="AT280" s="9">
        <v>14324.105404</v>
      </c>
      <c r="AU280" s="9">
        <v>16949.632698400001</v>
      </c>
      <c r="AV280" s="9">
        <v>16350.0365241</v>
      </c>
      <c r="AW280" s="9">
        <v>19730.437139400001</v>
      </c>
      <c r="AX280" s="9">
        <v>20883.029602499999</v>
      </c>
      <c r="AY280" s="9">
        <v>22226.322910399998</v>
      </c>
      <c r="AZ280" s="9">
        <v>19538.160335199998</v>
      </c>
      <c r="BA280" s="9">
        <v>21728.304877899998</v>
      </c>
      <c r="BB280" s="9">
        <v>20834.3547402</v>
      </c>
      <c r="BC280" s="9">
        <v>23763.3875501</v>
      </c>
      <c r="BD280" s="9">
        <v>22547.011326</v>
      </c>
      <c r="BE280" s="9">
        <v>21852.1017336</v>
      </c>
      <c r="BF280" s="9">
        <v>23269.2256652</v>
      </c>
      <c r="BG280" s="11">
        <v>-10.75</v>
      </c>
      <c r="BH280" s="13">
        <v>-0.51190476190476186</v>
      </c>
      <c r="BI280" s="6">
        <v>5</v>
      </c>
      <c r="BJ280" s="13">
        <v>0.23809523809523808</v>
      </c>
      <c r="BK280" s="6">
        <v>-2</v>
      </c>
      <c r="BL280" s="13">
        <v>-7.6923076923076927E-2</v>
      </c>
      <c r="BM280" s="11">
        <v>-13.75</v>
      </c>
      <c r="BN280" s="13">
        <v>-0.57291666666666663</v>
      </c>
      <c r="BO280" s="11">
        <v>-15.75</v>
      </c>
      <c r="BP280" s="13">
        <v>-0.60576923076923073</v>
      </c>
      <c r="BQ280" s="6">
        <v>21</v>
      </c>
      <c r="BR280" s="6">
        <v>26</v>
      </c>
      <c r="BS280" s="6">
        <v>23</v>
      </c>
      <c r="BT280" s="6">
        <v>26</v>
      </c>
      <c r="BU280" s="6">
        <v>22</v>
      </c>
      <c r="BV280" s="6">
        <v>22</v>
      </c>
      <c r="BW280" s="6">
        <v>24</v>
      </c>
      <c r="BX280" s="6">
        <v>20</v>
      </c>
      <c r="BY280" s="6">
        <v>26</v>
      </c>
      <c r="BZ280" s="6">
        <v>11</v>
      </c>
      <c r="CA280" s="6">
        <v>9</v>
      </c>
      <c r="CB280" s="6">
        <v>9</v>
      </c>
      <c r="CC280" s="11">
        <v>10.25</v>
      </c>
      <c r="CD280" s="11">
        <v>-22.4132</v>
      </c>
      <c r="CE280" s="11">
        <v>-1.0448500000000001</v>
      </c>
      <c r="CF280" s="11">
        <v>12.4025</v>
      </c>
      <c r="CG280" s="11">
        <v>11</v>
      </c>
      <c r="CH280" s="20">
        <v>1.2421899999999999</v>
      </c>
      <c r="CI280" s="20">
        <v>1.2816799999999999</v>
      </c>
      <c r="CJ280" s="20">
        <v>1.17611</v>
      </c>
      <c r="CK280" s="20">
        <v>1.25105</v>
      </c>
      <c r="CL280" s="20">
        <v>1.2816399999999999</v>
      </c>
      <c r="CM280" s="20">
        <v>1.4456100000000001</v>
      </c>
      <c r="CN280" s="20">
        <v>1.29189</v>
      </c>
      <c r="CO280" s="20">
        <v>1.2875099999999999</v>
      </c>
      <c r="CP280" s="20">
        <v>1.1349100000000001</v>
      </c>
      <c r="CQ280" s="20">
        <v>1.20933</v>
      </c>
      <c r="CR280" s="20">
        <v>1.2231300000000001</v>
      </c>
      <c r="CS280" s="20">
        <v>1.2976300000000001</v>
      </c>
      <c r="CT280" s="20">
        <v>1.14211</v>
      </c>
      <c r="CU280" s="20">
        <v>1.02894</v>
      </c>
      <c r="CV280" s="20">
        <v>0.96333199999999997</v>
      </c>
      <c r="CW280" s="20">
        <v>0.98370899999999994</v>
      </c>
      <c r="CX280" s="20">
        <v>0.95955199999999996</v>
      </c>
      <c r="CY280" s="6" t="s">
        <v>430</v>
      </c>
      <c r="CZ280" s="6" t="s">
        <v>431</v>
      </c>
      <c r="DA280" s="6" t="s">
        <v>102</v>
      </c>
      <c r="DB280" s="6"/>
      <c r="DC280" s="6">
        <v>28140</v>
      </c>
      <c r="DD280" s="6">
        <v>312</v>
      </c>
      <c r="DE280" s="6" t="s">
        <v>402</v>
      </c>
      <c r="DF280" s="6" t="s">
        <v>375</v>
      </c>
      <c r="DG280" s="6" t="s">
        <v>376</v>
      </c>
      <c r="DH280" s="6" t="s">
        <v>328</v>
      </c>
      <c r="DI280" s="6" t="s">
        <v>377</v>
      </c>
      <c r="DJ280" s="6">
        <v>29</v>
      </c>
      <c r="DK280" s="6">
        <v>25</v>
      </c>
      <c r="DL280" s="6">
        <v>1</v>
      </c>
      <c r="DM280" s="6" t="s">
        <v>404</v>
      </c>
      <c r="DN280" s="6">
        <v>1</v>
      </c>
      <c r="DO280" s="6" t="s">
        <v>405</v>
      </c>
      <c r="DP280" s="6"/>
      <c r="DQ280" s="6"/>
    </row>
    <row r="281" spans="1:121" x14ac:dyDescent="0.2">
      <c r="A281" s="6" t="s">
        <v>327</v>
      </c>
      <c r="B281" s="6" t="s">
        <v>327</v>
      </c>
      <c r="C281" s="6" t="s">
        <v>194</v>
      </c>
      <c r="D281" s="6" t="s">
        <v>102</v>
      </c>
      <c r="E281" s="6" t="s">
        <v>243</v>
      </c>
      <c r="F281" s="11">
        <v>-5</v>
      </c>
      <c r="G281" s="13">
        <v>-7.4074074074100002E-3</v>
      </c>
      <c r="H281" s="11">
        <v>35.679834000000028</v>
      </c>
      <c r="I281" s="13">
        <v>5.2879669934235478E-2</v>
      </c>
      <c r="J281" s="11">
        <v>-28.528933000000052</v>
      </c>
      <c r="K281" s="13">
        <v>-4.0158057723000393E-2</v>
      </c>
      <c r="L281" s="11">
        <v>-11.537252867999996</v>
      </c>
      <c r="M281" s="13">
        <v>-1.6919590921855413E-2</v>
      </c>
      <c r="N281" s="11">
        <v>-40.066185868000048</v>
      </c>
      <c r="O281" s="13">
        <v>-5.6398190735966379E-2</v>
      </c>
      <c r="P281" s="7">
        <v>674.73632199999997</v>
      </c>
      <c r="Q281" s="7">
        <v>674.48331900000005</v>
      </c>
      <c r="R281" s="7">
        <v>649.91858999999999</v>
      </c>
      <c r="S281" s="7">
        <v>664.98388599999998</v>
      </c>
      <c r="T281" s="7">
        <v>693.71980799999994</v>
      </c>
      <c r="U281" s="7">
        <v>705.82447000000002</v>
      </c>
      <c r="V281" s="7">
        <v>710.416156</v>
      </c>
      <c r="W281" s="7">
        <v>710.98200599999996</v>
      </c>
      <c r="X281" s="7">
        <v>700.31980599999997</v>
      </c>
      <c r="Y281" s="7">
        <v>681.88722299999995</v>
      </c>
      <c r="Z281" s="7">
        <v>666.14686300000005</v>
      </c>
      <c r="AA281" s="7">
        <v>656.11595399999999</v>
      </c>
      <c r="AB281" s="7">
        <v>674.65775299999996</v>
      </c>
      <c r="AC281" s="7">
        <v>676.65195800000004</v>
      </c>
      <c r="AD281" s="7">
        <v>679.95873700000004</v>
      </c>
      <c r="AE281" s="7">
        <v>669.93013800000006</v>
      </c>
      <c r="AF281" s="7">
        <v>670.34997013199995</v>
      </c>
      <c r="AG281" s="9">
        <v>10440.014572699998</v>
      </c>
      <c r="AH281" s="13">
        <v>0.39165116598532546</v>
      </c>
      <c r="AI281" s="9">
        <v>6874.0939609999987</v>
      </c>
      <c r="AJ281" s="13">
        <v>0.25787769702528912</v>
      </c>
      <c r="AK281" s="9">
        <v>2653.6673359999986</v>
      </c>
      <c r="AL281" s="13">
        <v>7.9141883312442443E-2</v>
      </c>
      <c r="AM281" s="9">
        <v>912.25327570000081</v>
      </c>
      <c r="AN281" s="13">
        <v>2.5211389672203217E-2</v>
      </c>
      <c r="AO281" s="9">
        <v>3565.9206116999994</v>
      </c>
      <c r="AP281" s="13">
        <v>0.10634854984422767</v>
      </c>
      <c r="AQ281" s="9">
        <v>26656.411315500001</v>
      </c>
      <c r="AR281" s="9">
        <v>27421.513776299998</v>
      </c>
      <c r="AS281" s="9">
        <v>28997.731990299999</v>
      </c>
      <c r="AT281" s="9">
        <v>29765.812791600001</v>
      </c>
      <c r="AU281" s="9">
        <v>30882.946683599999</v>
      </c>
      <c r="AV281" s="9">
        <v>31582.636631900001</v>
      </c>
      <c r="AW281" s="9">
        <v>33530.5052765</v>
      </c>
      <c r="AX281" s="9">
        <v>34085.707368299998</v>
      </c>
      <c r="AY281" s="9">
        <v>35096.926397800002</v>
      </c>
      <c r="AZ281" s="9">
        <v>36184.172612499999</v>
      </c>
      <c r="BA281" s="9">
        <v>36381.0824335</v>
      </c>
      <c r="BB281" s="9">
        <v>36469.631872999998</v>
      </c>
      <c r="BC281" s="9">
        <v>36102.733642500003</v>
      </c>
      <c r="BD281" s="9">
        <v>35824.296285500001</v>
      </c>
      <c r="BE281" s="9">
        <v>36825.228026800003</v>
      </c>
      <c r="BF281" s="9">
        <v>37096.425888199999</v>
      </c>
      <c r="BG281" s="11">
        <v>6</v>
      </c>
      <c r="BH281" s="13">
        <v>0.11538461538461539</v>
      </c>
      <c r="BI281" s="6">
        <v>1</v>
      </c>
      <c r="BJ281" s="13">
        <v>1.9230769230769232E-2</v>
      </c>
      <c r="BK281" s="6">
        <v>3</v>
      </c>
      <c r="BL281" s="13">
        <v>5.6603773584905662E-2</v>
      </c>
      <c r="BM281" s="11">
        <v>2</v>
      </c>
      <c r="BN281" s="13">
        <v>3.5714285714285712E-2</v>
      </c>
      <c r="BO281" s="11">
        <v>5</v>
      </c>
      <c r="BP281" s="13">
        <v>9.4339622641509441E-2</v>
      </c>
      <c r="BQ281" s="6">
        <v>52</v>
      </c>
      <c r="BR281" s="6">
        <v>51</v>
      </c>
      <c r="BS281" s="6">
        <v>51</v>
      </c>
      <c r="BT281" s="6">
        <v>53</v>
      </c>
      <c r="BU281" s="6">
        <v>52</v>
      </c>
      <c r="BV281" s="6">
        <v>53</v>
      </c>
      <c r="BW281" s="6">
        <v>56</v>
      </c>
      <c r="BX281" s="6">
        <v>57</v>
      </c>
      <c r="BY281" s="6">
        <v>56</v>
      </c>
      <c r="BZ281" s="6">
        <v>58</v>
      </c>
      <c r="CA281" s="6">
        <v>58</v>
      </c>
      <c r="CB281" s="6">
        <v>58</v>
      </c>
      <c r="CC281" s="11">
        <v>58</v>
      </c>
      <c r="CD281" s="11">
        <v>-38.587000000000003</v>
      </c>
      <c r="CE281" s="11">
        <v>-39.556199999999997</v>
      </c>
      <c r="CF281" s="11">
        <v>73.756799999999998</v>
      </c>
      <c r="CG281" s="11">
        <v>34</v>
      </c>
      <c r="CH281" s="20">
        <v>2.2238699999999998</v>
      </c>
      <c r="CI281" s="20">
        <v>2.1123799999999999</v>
      </c>
      <c r="CJ281" s="20">
        <v>2.01823</v>
      </c>
      <c r="CK281" s="20">
        <v>1.9836400000000001</v>
      </c>
      <c r="CL281" s="20">
        <v>2.0411899999999998</v>
      </c>
      <c r="CM281" s="20">
        <v>2.07803</v>
      </c>
      <c r="CN281" s="20">
        <v>2.0921500000000002</v>
      </c>
      <c r="CO281" s="20">
        <v>2.169</v>
      </c>
      <c r="CP281" s="20">
        <v>2.0804999999999998</v>
      </c>
      <c r="CQ281" s="20">
        <v>2.0293100000000002</v>
      </c>
      <c r="CR281" s="20">
        <v>2.06108</v>
      </c>
      <c r="CS281" s="20">
        <v>2.0816300000000001</v>
      </c>
      <c r="CT281" s="20">
        <v>2.2231800000000002</v>
      </c>
      <c r="CU281" s="20">
        <v>2.21191</v>
      </c>
      <c r="CV281" s="20">
        <v>2.1249199999999999</v>
      </c>
      <c r="CW281" s="20">
        <v>2.0187599999999999</v>
      </c>
      <c r="CX281" s="20">
        <v>1.9798899999999999</v>
      </c>
      <c r="CY281" s="6" t="s">
        <v>430</v>
      </c>
      <c r="CZ281" s="6" t="s">
        <v>431</v>
      </c>
      <c r="DA281" s="6" t="s">
        <v>102</v>
      </c>
      <c r="DB281" s="6"/>
      <c r="DC281" s="6">
        <v>28140</v>
      </c>
      <c r="DD281" s="6">
        <v>312</v>
      </c>
      <c r="DE281" s="6" t="s">
        <v>402</v>
      </c>
      <c r="DF281" s="6" t="s">
        <v>375</v>
      </c>
      <c r="DG281" s="6" t="s">
        <v>376</v>
      </c>
      <c r="DH281" s="6" t="s">
        <v>328</v>
      </c>
      <c r="DI281" s="6" t="s">
        <v>377</v>
      </c>
      <c r="DJ281" s="6">
        <v>29</v>
      </c>
      <c r="DK281" s="6">
        <v>25</v>
      </c>
      <c r="DL281" s="6">
        <v>1</v>
      </c>
      <c r="DM281" s="6" t="s">
        <v>404</v>
      </c>
      <c r="DN281" s="6">
        <v>1</v>
      </c>
      <c r="DO281" s="6" t="s">
        <v>405</v>
      </c>
      <c r="DP281" s="6"/>
      <c r="DQ281" s="6"/>
    </row>
    <row r="282" spans="1:121" x14ac:dyDescent="0.2">
      <c r="A282" s="6" t="s">
        <v>1</v>
      </c>
      <c r="B282" s="6" t="s">
        <v>1</v>
      </c>
      <c r="C282" s="6" t="s">
        <v>2</v>
      </c>
      <c r="D282" s="6" t="s">
        <v>77</v>
      </c>
      <c r="E282" s="6" t="s">
        <v>218</v>
      </c>
      <c r="F282" s="11">
        <v>81</v>
      </c>
      <c r="G282" s="13">
        <v>0.22816901408500001</v>
      </c>
      <c r="H282" s="11">
        <v>-36.603923695999981</v>
      </c>
      <c r="I282" s="13">
        <v>-0.10319154971846688</v>
      </c>
      <c r="J282" s="11">
        <v>172.68278163799999</v>
      </c>
      <c r="K282" s="13">
        <v>0.54283249484855045</v>
      </c>
      <c r="L282" s="11">
        <v>-55.264320063000014</v>
      </c>
      <c r="M282" s="13">
        <v>-0.11260115760145586</v>
      </c>
      <c r="N282" s="11">
        <v>117.41846157499998</v>
      </c>
      <c r="O282" s="13">
        <v>0.36910776994346145</v>
      </c>
      <c r="P282" s="7">
        <v>354.71822834199997</v>
      </c>
      <c r="Q282" s="7">
        <v>368.26327121999998</v>
      </c>
      <c r="R282" s="7">
        <v>307.02850587900002</v>
      </c>
      <c r="S282" s="7">
        <v>292.69055900299998</v>
      </c>
      <c r="T282" s="7">
        <v>286.378707932</v>
      </c>
      <c r="U282" s="7">
        <v>291.28623015400001</v>
      </c>
      <c r="V282" s="7">
        <v>318.11430464599999</v>
      </c>
      <c r="W282" s="7">
        <v>349.63282618599999</v>
      </c>
      <c r="X282" s="7">
        <v>412.42214419499999</v>
      </c>
      <c r="Y282" s="7">
        <v>490.79708628399999</v>
      </c>
      <c r="Z282" s="7">
        <v>471.014952908</v>
      </c>
      <c r="AA282" s="7">
        <v>439.24281486699999</v>
      </c>
      <c r="AB282" s="7">
        <v>433.16859346000001</v>
      </c>
      <c r="AC282" s="7">
        <v>390.09775425599997</v>
      </c>
      <c r="AD282" s="7">
        <v>446.26554013800001</v>
      </c>
      <c r="AE282" s="7">
        <v>432.36631682400002</v>
      </c>
      <c r="AF282" s="7">
        <v>435.53276622099997</v>
      </c>
      <c r="AG282" s="9">
        <v>10676.223419999998</v>
      </c>
      <c r="AH282" s="13">
        <v>0.52500196328430548</v>
      </c>
      <c r="AI282" s="9">
        <v>2141.6653167999975</v>
      </c>
      <c r="AJ282" s="13">
        <v>0.10531612647891768</v>
      </c>
      <c r="AK282" s="9">
        <v>2275.0923875000008</v>
      </c>
      <c r="AL282" s="13">
        <v>0.10121754623968678</v>
      </c>
      <c r="AM282" s="9">
        <v>6259.4657157000001</v>
      </c>
      <c r="AN282" s="13">
        <v>0.25288374237339883</v>
      </c>
      <c r="AO282" s="9">
        <v>8534.5581032000009</v>
      </c>
      <c r="AP282" s="13">
        <v>0.37969756050003006</v>
      </c>
      <c r="AQ282" s="9">
        <v>20335.587610400002</v>
      </c>
      <c r="AR282" s="9">
        <v>20773.8864454</v>
      </c>
      <c r="AS282" s="9">
        <v>21424.3732977</v>
      </c>
      <c r="AT282" s="9">
        <v>22129.132606300001</v>
      </c>
      <c r="AU282" s="9">
        <v>21919.028978499999</v>
      </c>
      <c r="AV282" s="9">
        <v>22615.9061219</v>
      </c>
      <c r="AW282" s="9">
        <v>22477.252927199999</v>
      </c>
      <c r="AX282" s="9">
        <v>23809.1812221</v>
      </c>
      <c r="AY282" s="9">
        <v>24077.251408100001</v>
      </c>
      <c r="AZ282" s="9">
        <v>24752.3453147</v>
      </c>
      <c r="BA282" s="9">
        <v>25582.292858600002</v>
      </c>
      <c r="BB282" s="9">
        <v>26503.551884500001</v>
      </c>
      <c r="BC282" s="9">
        <v>28274.796622900001</v>
      </c>
      <c r="BD282" s="9">
        <v>28962.0232077</v>
      </c>
      <c r="BE282" s="9">
        <v>30358.764417900002</v>
      </c>
      <c r="BF282" s="9">
        <v>31011.8110304</v>
      </c>
      <c r="BG282" s="11">
        <v>8</v>
      </c>
      <c r="BH282" s="13">
        <v>0.88888888888888884</v>
      </c>
      <c r="BI282" s="6">
        <v>0</v>
      </c>
      <c r="BJ282" s="13">
        <v>0</v>
      </c>
      <c r="BK282" s="6">
        <v>9</v>
      </c>
      <c r="BL282" s="13">
        <v>1</v>
      </c>
      <c r="BM282" s="11">
        <v>-1</v>
      </c>
      <c r="BN282" s="13">
        <v>-5.5555555555555552E-2</v>
      </c>
      <c r="BO282" s="11">
        <v>8</v>
      </c>
      <c r="BP282" s="13">
        <v>0.88888888888888884</v>
      </c>
      <c r="BQ282" s="6">
        <v>9</v>
      </c>
      <c r="BR282" s="6">
        <v>7</v>
      </c>
      <c r="BS282" s="6">
        <v>7</v>
      </c>
      <c r="BT282" s="6">
        <v>9</v>
      </c>
      <c r="BU282" s="6">
        <v>10</v>
      </c>
      <c r="BV282" s="6">
        <v>14</v>
      </c>
      <c r="BW282" s="6">
        <v>18</v>
      </c>
      <c r="BX282" s="6">
        <v>17</v>
      </c>
      <c r="BY282" s="6">
        <v>17</v>
      </c>
      <c r="BZ282" s="6">
        <v>17</v>
      </c>
      <c r="CA282" s="6">
        <v>15</v>
      </c>
      <c r="CB282" s="6">
        <v>17</v>
      </c>
      <c r="CC282" s="11">
        <v>17</v>
      </c>
      <c r="CD282" s="11">
        <v>74.380499999999998</v>
      </c>
      <c r="CE282" s="11">
        <v>-32.341000000000001</v>
      </c>
      <c r="CF282" s="11">
        <v>38.774999999999999</v>
      </c>
      <c r="CG282" s="11">
        <v>7</v>
      </c>
      <c r="CH282" s="20">
        <v>1.6910700000000001</v>
      </c>
      <c r="CI282" s="20">
        <v>1.7474400000000001</v>
      </c>
      <c r="CJ282" s="20">
        <v>1.44031</v>
      </c>
      <c r="CK282" s="20">
        <v>1.35945</v>
      </c>
      <c r="CL282" s="20">
        <v>1.3271900000000001</v>
      </c>
      <c r="CM282" s="20">
        <v>1.3547</v>
      </c>
      <c r="CN282" s="20">
        <v>1.49088</v>
      </c>
      <c r="CO282" s="20">
        <v>1.65574</v>
      </c>
      <c r="CP282" s="20">
        <v>1.93719</v>
      </c>
      <c r="CQ282" s="20">
        <v>2.3351299999999999</v>
      </c>
      <c r="CR282" s="20">
        <v>2.3430599999999999</v>
      </c>
      <c r="CS282" s="20">
        <v>2.2098900000000001</v>
      </c>
      <c r="CT282" s="20">
        <v>2.08765</v>
      </c>
      <c r="CU282" s="20">
        <v>1.90737</v>
      </c>
      <c r="CV282" s="20">
        <v>2.1807599999999998</v>
      </c>
      <c r="CW282" s="20">
        <v>2.1244800000000001</v>
      </c>
      <c r="CX282" s="20">
        <v>2.145</v>
      </c>
      <c r="CY282" s="6" t="s">
        <v>433</v>
      </c>
      <c r="CZ282" s="6" t="s">
        <v>434</v>
      </c>
      <c r="DA282" s="6" t="s">
        <v>77</v>
      </c>
      <c r="DB282" s="6"/>
      <c r="DC282" s="6">
        <v>27620</v>
      </c>
      <c r="DD282" s="6"/>
      <c r="DE282" s="6" t="s">
        <v>436</v>
      </c>
      <c r="DF282" s="6" t="s">
        <v>375</v>
      </c>
      <c r="DG282" s="6" t="s">
        <v>376</v>
      </c>
      <c r="DH282" s="6" t="s">
        <v>328</v>
      </c>
      <c r="DI282" s="6"/>
      <c r="DJ282" s="6">
        <v>29</v>
      </c>
      <c r="DK282" s="6">
        <v>27</v>
      </c>
      <c r="DL282" s="6">
        <v>2</v>
      </c>
      <c r="DM282" s="6" t="s">
        <v>379</v>
      </c>
      <c r="DN282" s="6">
        <v>3</v>
      </c>
      <c r="DO282" s="6" t="s">
        <v>380</v>
      </c>
      <c r="DP282" s="6"/>
      <c r="DQ282" s="6"/>
    </row>
    <row r="283" spans="1:121" x14ac:dyDescent="0.2">
      <c r="A283" s="6" t="s">
        <v>310</v>
      </c>
      <c r="B283" s="6" t="s">
        <v>310</v>
      </c>
      <c r="C283" s="6" t="s">
        <v>173</v>
      </c>
      <c r="D283" s="6" t="s">
        <v>77</v>
      </c>
      <c r="E283" s="6" t="s">
        <v>218</v>
      </c>
      <c r="F283" s="11">
        <v>-17</v>
      </c>
      <c r="G283" s="13">
        <v>-0.22368421052599999</v>
      </c>
      <c r="H283" s="11">
        <v>24.46456400000001</v>
      </c>
      <c r="I283" s="13">
        <v>0.32400525468677366</v>
      </c>
      <c r="J283" s="11">
        <v>-46.566554517000007</v>
      </c>
      <c r="K283" s="13">
        <v>-0.46579944853747113</v>
      </c>
      <c r="L283" s="11">
        <v>5.5718539134000054</v>
      </c>
      <c r="M283" s="13">
        <v>0.10433265371161415</v>
      </c>
      <c r="N283" s="11">
        <v>-40.994700603600002</v>
      </c>
      <c r="O283" s="13">
        <v>-0.41006488738917773</v>
      </c>
      <c r="P283" s="7">
        <v>75.506688999999994</v>
      </c>
      <c r="Q283" s="7">
        <v>80.794933999999998</v>
      </c>
      <c r="R283" s="7">
        <v>97.474637000000001</v>
      </c>
      <c r="S283" s="7">
        <v>97.399630999999999</v>
      </c>
      <c r="T283" s="7">
        <v>117.228449</v>
      </c>
      <c r="U283" s="7">
        <v>105.745446</v>
      </c>
      <c r="V283" s="7">
        <v>99.971253000000004</v>
      </c>
      <c r="W283" s="7">
        <v>94.490746999999999</v>
      </c>
      <c r="X283" s="7">
        <v>90.629050706000001</v>
      </c>
      <c r="Y283" s="7">
        <v>53.404698482999997</v>
      </c>
      <c r="Z283" s="7">
        <v>53.438117721600001</v>
      </c>
      <c r="AA283" s="7">
        <v>59.141924000000003</v>
      </c>
      <c r="AB283" s="7">
        <v>63.459479999999999</v>
      </c>
      <c r="AC283" s="7">
        <v>68.486001000000002</v>
      </c>
      <c r="AD283" s="7">
        <v>57.534669000000001</v>
      </c>
      <c r="AE283" s="7">
        <v>60.591330749999997</v>
      </c>
      <c r="AF283" s="7">
        <v>58.976552396400002</v>
      </c>
      <c r="AG283" s="9">
        <v>6053.7955748999957</v>
      </c>
      <c r="AH283" s="13">
        <v>0.13496638113029219</v>
      </c>
      <c r="AI283" s="9">
        <v>-629.65869580000435</v>
      </c>
      <c r="AJ283" s="13">
        <v>-1.4037929505201364E-2</v>
      </c>
      <c r="AK283" s="9">
        <v>-2521.0570989999978</v>
      </c>
      <c r="AL283" s="13">
        <v>-5.7005968116482023E-2</v>
      </c>
      <c r="AM283" s="9">
        <v>9204.5113696999979</v>
      </c>
      <c r="AN283" s="13">
        <v>0.22071377452886839</v>
      </c>
      <c r="AO283" s="9">
        <v>6683.4542707000001</v>
      </c>
      <c r="AP283" s="13">
        <v>0.1511258040187253</v>
      </c>
      <c r="AQ283" s="9">
        <v>44854.100141100003</v>
      </c>
      <c r="AR283" s="9">
        <v>40176.853584199998</v>
      </c>
      <c r="AS283" s="9">
        <v>42818.687956100002</v>
      </c>
      <c r="AT283" s="9">
        <v>44851.803851800003</v>
      </c>
      <c r="AU283" s="9">
        <v>42165.175052799998</v>
      </c>
      <c r="AV283" s="9">
        <v>45261.518172299999</v>
      </c>
      <c r="AW283" s="9">
        <v>44224.441445299999</v>
      </c>
      <c r="AX283" s="9">
        <v>46526.403237500002</v>
      </c>
      <c r="AY283" s="9">
        <v>49566.554436400002</v>
      </c>
      <c r="AZ283" s="9">
        <v>41703.384346300001</v>
      </c>
      <c r="BA283" s="9">
        <v>42068.8290442</v>
      </c>
      <c r="BB283" s="9">
        <v>43458.420902700003</v>
      </c>
      <c r="BC283" s="9">
        <v>43437.361910699998</v>
      </c>
      <c r="BD283" s="9">
        <v>47008.373436499998</v>
      </c>
      <c r="BE283" s="9">
        <v>49359.890985799997</v>
      </c>
      <c r="BF283" s="9">
        <v>50907.895715999999</v>
      </c>
      <c r="BG283" s="11">
        <v>-3</v>
      </c>
      <c r="BH283" s="13">
        <v>-0.375</v>
      </c>
      <c r="BI283" s="6">
        <v>-1</v>
      </c>
      <c r="BJ283" s="13">
        <v>-0.125</v>
      </c>
      <c r="BK283" s="6">
        <v>-2</v>
      </c>
      <c r="BL283" s="13">
        <v>-0.2857142857142857</v>
      </c>
      <c r="BM283" s="11">
        <v>0</v>
      </c>
      <c r="BN283" s="13">
        <v>0</v>
      </c>
      <c r="BO283" s="11">
        <v>-2</v>
      </c>
      <c r="BP283" s="13">
        <v>-0.2857142857142857</v>
      </c>
      <c r="BQ283" s="6">
        <v>8</v>
      </c>
      <c r="BR283" s="6">
        <v>8</v>
      </c>
      <c r="BS283" s="6">
        <v>7</v>
      </c>
      <c r="BT283" s="6">
        <v>7</v>
      </c>
      <c r="BU283" s="6">
        <v>7</v>
      </c>
      <c r="BV283" s="6">
        <v>7</v>
      </c>
      <c r="BW283" s="6">
        <v>5</v>
      </c>
      <c r="BX283" s="6">
        <v>5</v>
      </c>
      <c r="BY283" s="6">
        <v>6</v>
      </c>
      <c r="BZ283" s="6">
        <v>6</v>
      </c>
      <c r="CA283" s="6">
        <v>6</v>
      </c>
      <c r="CB283" s="6">
        <v>5</v>
      </c>
      <c r="CC283" s="11">
        <v>5</v>
      </c>
      <c r="CD283" s="11">
        <v>-32.617600000000003</v>
      </c>
      <c r="CE283" s="11">
        <v>7.8336600000000001</v>
      </c>
      <c r="CF283" s="11">
        <v>8.2537900000000004</v>
      </c>
      <c r="CG283" s="11">
        <v>16</v>
      </c>
      <c r="CH283" s="20">
        <v>1.26874</v>
      </c>
      <c r="CI283" s="20">
        <v>1.4114899999999999</v>
      </c>
      <c r="CJ283" s="20">
        <v>1.7073700000000001</v>
      </c>
      <c r="CK283" s="20">
        <v>1.63445</v>
      </c>
      <c r="CL283" s="20">
        <v>1.83131</v>
      </c>
      <c r="CM283" s="20">
        <v>1.50485</v>
      </c>
      <c r="CN283" s="20">
        <v>1.3303799999999999</v>
      </c>
      <c r="CO283" s="20">
        <v>1.14638</v>
      </c>
      <c r="CP283" s="20">
        <v>1.1980200000000001</v>
      </c>
      <c r="CQ283" s="20">
        <v>0.70122899999999999</v>
      </c>
      <c r="CR283" s="20">
        <v>0.66041300000000003</v>
      </c>
      <c r="CS283" s="20">
        <v>0.68599699999999997</v>
      </c>
      <c r="CT283" s="20">
        <v>0.69978200000000002</v>
      </c>
      <c r="CU283" s="20">
        <v>0.75189600000000001</v>
      </c>
      <c r="CV283" s="20">
        <v>0.71356900000000001</v>
      </c>
      <c r="CW283" s="20">
        <v>0.88943000000000005</v>
      </c>
      <c r="CX283" s="20">
        <v>0.85924500000000004</v>
      </c>
      <c r="CY283" s="6" t="s">
        <v>433</v>
      </c>
      <c r="CZ283" s="6" t="s">
        <v>434</v>
      </c>
      <c r="DA283" s="6" t="s">
        <v>77</v>
      </c>
      <c r="DB283" s="6"/>
      <c r="DC283" s="6">
        <v>27620</v>
      </c>
      <c r="DD283" s="6"/>
      <c r="DE283" s="6" t="s">
        <v>436</v>
      </c>
      <c r="DF283" s="6" t="s">
        <v>375</v>
      </c>
      <c r="DG283" s="6" t="s">
        <v>376</v>
      </c>
      <c r="DH283" s="6" t="s">
        <v>328</v>
      </c>
      <c r="DI283" s="6"/>
      <c r="DJ283" s="6">
        <v>29</v>
      </c>
      <c r="DK283" s="6">
        <v>27</v>
      </c>
      <c r="DL283" s="6">
        <v>2</v>
      </c>
      <c r="DM283" s="6" t="s">
        <v>379</v>
      </c>
      <c r="DN283" s="6">
        <v>3</v>
      </c>
      <c r="DO283" s="6" t="s">
        <v>380</v>
      </c>
      <c r="DP283" s="6"/>
      <c r="DQ283" s="6"/>
    </row>
    <row r="284" spans="1:121" x14ac:dyDescent="0.2">
      <c r="A284" s="6" t="s">
        <v>311</v>
      </c>
      <c r="B284" s="6" t="s">
        <v>311</v>
      </c>
      <c r="C284" s="6" t="s">
        <v>174</v>
      </c>
      <c r="D284" s="6" t="s">
        <v>77</v>
      </c>
      <c r="E284" s="6" t="s">
        <v>218</v>
      </c>
      <c r="F284" s="11">
        <v>-29</v>
      </c>
      <c r="G284" s="13">
        <v>-3.5626535626499999E-2</v>
      </c>
      <c r="H284" s="11">
        <v>-3.7998810000000276</v>
      </c>
      <c r="I284" s="13">
        <v>-4.6681562458074297E-3</v>
      </c>
      <c r="J284" s="11">
        <v>139.64901858500002</v>
      </c>
      <c r="K284" s="13">
        <v>0.17236352878835767</v>
      </c>
      <c r="L284" s="11">
        <v>-164.41295054600005</v>
      </c>
      <c r="M284" s="13">
        <v>-0.17309368057182167</v>
      </c>
      <c r="N284" s="11">
        <v>-24.763931961000026</v>
      </c>
      <c r="O284" s="13">
        <v>-3.0565189377787981E-2</v>
      </c>
      <c r="P284" s="7">
        <v>814.00038900000004</v>
      </c>
      <c r="Q284" s="7">
        <v>840.32331899999997</v>
      </c>
      <c r="R284" s="7">
        <v>852.25521700000002</v>
      </c>
      <c r="S284" s="7">
        <v>833.20919100000003</v>
      </c>
      <c r="T284" s="7">
        <v>862.14816199999996</v>
      </c>
      <c r="U284" s="7">
        <v>826.71377600000005</v>
      </c>
      <c r="V284" s="7">
        <v>810.20050800000001</v>
      </c>
      <c r="W284" s="7">
        <v>839.97599000000002</v>
      </c>
      <c r="X284" s="7">
        <v>998.20165499999996</v>
      </c>
      <c r="Y284" s="7">
        <v>949.84952658500004</v>
      </c>
      <c r="Z284" s="7">
        <v>927.04927752699996</v>
      </c>
      <c r="AA284" s="7">
        <v>854.65867462200004</v>
      </c>
      <c r="AB284" s="7">
        <v>857.37977636599999</v>
      </c>
      <c r="AC284" s="7">
        <v>839.229540026</v>
      </c>
      <c r="AD284" s="7">
        <v>816.37852490399996</v>
      </c>
      <c r="AE284" s="7">
        <v>807.63593586599995</v>
      </c>
      <c r="AF284" s="7">
        <v>785.43657603899999</v>
      </c>
      <c r="AG284" s="9">
        <v>95193.303755000001</v>
      </c>
      <c r="AH284" s="13">
        <v>0.93411328869081012</v>
      </c>
      <c r="AI284" s="9">
        <v>27029.203493000008</v>
      </c>
      <c r="AJ284" s="13">
        <v>0.26523229228939549</v>
      </c>
      <c r="AK284" s="9">
        <v>18846.702808000002</v>
      </c>
      <c r="AL284" s="13">
        <v>0.14617000615596029</v>
      </c>
      <c r="AM284" s="9">
        <v>49317.397453999991</v>
      </c>
      <c r="AN284" s="13">
        <v>0.33371366750474357</v>
      </c>
      <c r="AO284" s="9">
        <v>68164.100261999993</v>
      </c>
      <c r="AP284" s="13">
        <v>0.52866260249420027</v>
      </c>
      <c r="AQ284" s="9">
        <v>101907.66463499999</v>
      </c>
      <c r="AR284" s="9">
        <v>88079.335886999994</v>
      </c>
      <c r="AS284" s="9">
        <v>108839.41970899999</v>
      </c>
      <c r="AT284" s="9">
        <v>136653.78852999999</v>
      </c>
      <c r="AU284" s="9">
        <v>130474.188415</v>
      </c>
      <c r="AV284" s="9">
        <v>134487.38385700001</v>
      </c>
      <c r="AW284" s="9">
        <v>128936.868128</v>
      </c>
      <c r="AX284" s="9">
        <v>140955.89519099999</v>
      </c>
      <c r="AY284" s="9">
        <v>131021.432315</v>
      </c>
      <c r="AZ284" s="9">
        <v>147783.570936</v>
      </c>
      <c r="BA284" s="9">
        <v>152867.861045</v>
      </c>
      <c r="BB284" s="9">
        <v>146771.32319600001</v>
      </c>
      <c r="BC284" s="9">
        <v>178253.79215699999</v>
      </c>
      <c r="BD284" s="9">
        <v>180379.22920500001</v>
      </c>
      <c r="BE284" s="9">
        <v>185142.51562600001</v>
      </c>
      <c r="BF284" s="9">
        <v>197100.96838999999</v>
      </c>
      <c r="BG284" s="11">
        <v>-1</v>
      </c>
      <c r="BH284" s="13">
        <v>-0.33333333333333331</v>
      </c>
      <c r="BI284" s="6">
        <v>0</v>
      </c>
      <c r="BJ284" s="13">
        <v>0</v>
      </c>
      <c r="BK284" s="6">
        <v>-1</v>
      </c>
      <c r="BL284" s="13">
        <v>-0.33333333333333331</v>
      </c>
      <c r="BM284" s="11">
        <v>0</v>
      </c>
      <c r="BN284" s="13">
        <v>0</v>
      </c>
      <c r="BO284" s="11">
        <v>-1</v>
      </c>
      <c r="BP284" s="13">
        <v>-0.33333333333333331</v>
      </c>
      <c r="BQ284" s="6">
        <v>3</v>
      </c>
      <c r="BR284" s="6">
        <v>3</v>
      </c>
      <c r="BS284" s="6">
        <v>3</v>
      </c>
      <c r="BT284" s="6">
        <v>3</v>
      </c>
      <c r="BU284" s="6">
        <v>2</v>
      </c>
      <c r="BV284" s="6">
        <v>2</v>
      </c>
      <c r="BW284" s="6">
        <v>2</v>
      </c>
      <c r="BX284" s="6">
        <v>2</v>
      </c>
      <c r="BY284" s="6">
        <v>2</v>
      </c>
      <c r="BZ284" s="6">
        <v>2</v>
      </c>
      <c r="CA284" s="6">
        <v>2</v>
      </c>
      <c r="CB284" s="6">
        <v>2</v>
      </c>
      <c r="CC284" s="11">
        <v>2</v>
      </c>
      <c r="CD284" s="11">
        <v>15.010999999999999</v>
      </c>
      <c r="CE284" s="11">
        <v>-132.55500000000001</v>
      </c>
      <c r="CF284" s="11">
        <v>88.98</v>
      </c>
      <c r="CG284" s="11">
        <v>-44</v>
      </c>
      <c r="CH284" s="20">
        <v>12.483599999999999</v>
      </c>
      <c r="CI284" s="20">
        <v>12.8698</v>
      </c>
      <c r="CJ284" s="20">
        <v>13.3247</v>
      </c>
      <c r="CK284" s="20">
        <v>13.248799999999999</v>
      </c>
      <c r="CL284" s="20">
        <v>14.0982</v>
      </c>
      <c r="CM284" s="20">
        <v>13.637600000000001</v>
      </c>
      <c r="CN284" s="20">
        <v>13.2866</v>
      </c>
      <c r="CO284" s="20">
        <v>13.3301</v>
      </c>
      <c r="CP284" s="20">
        <v>15.4963</v>
      </c>
      <c r="CQ284" s="20">
        <v>15.0931</v>
      </c>
      <c r="CR284" s="20">
        <v>15.533799999999999</v>
      </c>
      <c r="CS284" s="20">
        <v>14.674200000000001</v>
      </c>
      <c r="CT284" s="20">
        <v>14.276300000000001</v>
      </c>
      <c r="CU284" s="20">
        <v>14.283099999999999</v>
      </c>
      <c r="CV284" s="20">
        <v>13.906700000000001</v>
      </c>
      <c r="CW284" s="20">
        <v>13.815899999999999</v>
      </c>
      <c r="CX284" s="20">
        <v>13.386100000000001</v>
      </c>
      <c r="CY284" s="6" t="s">
        <v>433</v>
      </c>
      <c r="CZ284" s="6" t="s">
        <v>434</v>
      </c>
      <c r="DA284" s="6" t="s">
        <v>77</v>
      </c>
      <c r="DB284" s="6"/>
      <c r="DC284" s="6">
        <v>27620</v>
      </c>
      <c r="DD284" s="6"/>
      <c r="DE284" s="6" t="s">
        <v>436</v>
      </c>
      <c r="DF284" s="6" t="s">
        <v>375</v>
      </c>
      <c r="DG284" s="6" t="s">
        <v>376</v>
      </c>
      <c r="DH284" s="6" t="s">
        <v>328</v>
      </c>
      <c r="DI284" s="6"/>
      <c r="DJ284" s="6">
        <v>29</v>
      </c>
      <c r="DK284" s="6">
        <v>27</v>
      </c>
      <c r="DL284" s="6">
        <v>2</v>
      </c>
      <c r="DM284" s="6" t="s">
        <v>379</v>
      </c>
      <c r="DN284" s="6">
        <v>3</v>
      </c>
      <c r="DO284" s="6" t="s">
        <v>380</v>
      </c>
      <c r="DP284" s="6"/>
      <c r="DQ284" s="6"/>
    </row>
    <row r="285" spans="1:121" x14ac:dyDescent="0.2">
      <c r="A285" s="6" t="s">
        <v>312</v>
      </c>
      <c r="B285" s="6" t="s">
        <v>312</v>
      </c>
      <c r="C285" s="6" t="s">
        <v>175</v>
      </c>
      <c r="D285" s="6" t="s">
        <v>77</v>
      </c>
      <c r="E285" s="6" t="s">
        <v>218</v>
      </c>
      <c r="F285" s="11">
        <v>22</v>
      </c>
      <c r="G285" s="13">
        <v>2.50569476082E-2</v>
      </c>
      <c r="H285" s="11">
        <v>188.30941943100004</v>
      </c>
      <c r="I285" s="13">
        <v>0.21440643831588971</v>
      </c>
      <c r="J285" s="11">
        <v>-68.969428001000097</v>
      </c>
      <c r="K285" s="13">
        <v>-6.4663370984179763E-2</v>
      </c>
      <c r="L285" s="11">
        <v>-97.872503452999922</v>
      </c>
      <c r="M285" s="13">
        <v>-9.8105752197185758E-2</v>
      </c>
      <c r="N285" s="11">
        <v>-166.84193145400002</v>
      </c>
      <c r="O285" s="13">
        <v>-0.15642527453135693</v>
      </c>
      <c r="P285" s="7">
        <v>878.28248493900003</v>
      </c>
      <c r="Q285" s="7">
        <v>988.39316758999996</v>
      </c>
      <c r="R285" s="7">
        <v>1029.3740980600001</v>
      </c>
      <c r="S285" s="7">
        <v>1134.8227260599999</v>
      </c>
      <c r="T285" s="7">
        <v>1325.16025094</v>
      </c>
      <c r="U285" s="7">
        <v>1166.58164586</v>
      </c>
      <c r="V285" s="7">
        <v>1066.5919043700001</v>
      </c>
      <c r="W285" s="7">
        <v>1065.26915014</v>
      </c>
      <c r="X285" s="7">
        <v>970.068333489</v>
      </c>
      <c r="Y285" s="7">
        <v>997.62247636899997</v>
      </c>
      <c r="Z285" s="7">
        <v>957.42233450900005</v>
      </c>
      <c r="AA285" s="7">
        <v>857.17435209300004</v>
      </c>
      <c r="AB285" s="7">
        <v>895.56275952099998</v>
      </c>
      <c r="AC285" s="7">
        <v>822.96002630299995</v>
      </c>
      <c r="AD285" s="7">
        <v>840.37366137000004</v>
      </c>
      <c r="AE285" s="7">
        <v>907.28035725300003</v>
      </c>
      <c r="AF285" s="7">
        <v>899.74997291600005</v>
      </c>
      <c r="AG285" s="9">
        <v>17977.593708999997</v>
      </c>
      <c r="AH285" s="13">
        <v>0.57072496638491277</v>
      </c>
      <c r="AI285" s="9">
        <v>5963.8392409999979</v>
      </c>
      <c r="AJ285" s="13">
        <v>0.1893307861686056</v>
      </c>
      <c r="AK285" s="9">
        <v>10148.960168400001</v>
      </c>
      <c r="AL285" s="13">
        <v>0.27090323870939043</v>
      </c>
      <c r="AM285" s="9">
        <v>1864.7942995999983</v>
      </c>
      <c r="AN285" s="13">
        <v>3.9166169187596765E-2</v>
      </c>
      <c r="AO285" s="9">
        <v>12013.754467999999</v>
      </c>
      <c r="AP285" s="13">
        <v>0.32067964997774706</v>
      </c>
      <c r="AQ285" s="9">
        <v>31499.5746951</v>
      </c>
      <c r="AR285" s="9">
        <v>34562.741516100003</v>
      </c>
      <c r="AS285" s="9">
        <v>37594.999904999997</v>
      </c>
      <c r="AT285" s="9">
        <v>38948.743659</v>
      </c>
      <c r="AU285" s="9">
        <v>44116.589279799999</v>
      </c>
      <c r="AV285" s="9">
        <v>36072.291005200001</v>
      </c>
      <c r="AW285" s="9">
        <v>37463.413936099998</v>
      </c>
      <c r="AX285" s="9">
        <v>38740.601572300002</v>
      </c>
      <c r="AY285" s="9">
        <v>41796.806789399998</v>
      </c>
      <c r="AZ285" s="9">
        <v>47612.374104499999</v>
      </c>
      <c r="BA285" s="9">
        <v>45912.121748199999</v>
      </c>
      <c r="BB285" s="9">
        <v>41496.262233000001</v>
      </c>
      <c r="BC285" s="9">
        <v>45613.202785000001</v>
      </c>
      <c r="BD285" s="9">
        <v>45778.751227699999</v>
      </c>
      <c r="BE285" s="9">
        <v>42756.856929200003</v>
      </c>
      <c r="BF285" s="9">
        <v>49477.168404099997</v>
      </c>
      <c r="BG285" s="11">
        <v>-12.5</v>
      </c>
      <c r="BH285" s="13">
        <v>-0.10869565217391304</v>
      </c>
      <c r="BI285" s="6">
        <v>15</v>
      </c>
      <c r="BJ285" s="13">
        <v>0.13043478260869565</v>
      </c>
      <c r="BK285" s="6">
        <v>-20</v>
      </c>
      <c r="BL285" s="13">
        <v>-0.15384615384615385</v>
      </c>
      <c r="BM285" s="11">
        <v>-7.5</v>
      </c>
      <c r="BN285" s="13">
        <v>-6.8181818181818177E-2</v>
      </c>
      <c r="BO285" s="11">
        <v>-27.5</v>
      </c>
      <c r="BP285" s="13">
        <v>-0.21153846153846154</v>
      </c>
      <c r="BQ285" s="6">
        <v>115</v>
      </c>
      <c r="BR285" s="6">
        <v>120</v>
      </c>
      <c r="BS285" s="6">
        <v>131</v>
      </c>
      <c r="BT285" s="6">
        <v>130</v>
      </c>
      <c r="BU285" s="6">
        <v>131</v>
      </c>
      <c r="BV285" s="6">
        <v>119</v>
      </c>
      <c r="BW285" s="6">
        <v>110</v>
      </c>
      <c r="BX285" s="6">
        <v>97</v>
      </c>
      <c r="BY285" s="6">
        <v>96</v>
      </c>
      <c r="BZ285" s="6">
        <v>98</v>
      </c>
      <c r="CA285" s="6">
        <v>98</v>
      </c>
      <c r="CB285" s="6">
        <v>102</v>
      </c>
      <c r="CC285" s="11">
        <v>102.5</v>
      </c>
      <c r="CD285" s="11">
        <v>31.843</v>
      </c>
      <c r="CE285" s="11">
        <v>-106.38200000000001</v>
      </c>
      <c r="CF285" s="11">
        <v>96.006900000000002</v>
      </c>
      <c r="CG285" s="11">
        <v>-10</v>
      </c>
      <c r="CH285" s="20">
        <v>0.92864899999999995</v>
      </c>
      <c r="CI285" s="20">
        <v>1.03644</v>
      </c>
      <c r="CJ285" s="20">
        <v>1.0530200000000001</v>
      </c>
      <c r="CK285" s="20">
        <v>1.1069899999999999</v>
      </c>
      <c r="CL285" s="20">
        <v>1.2393700000000001</v>
      </c>
      <c r="CM285" s="20">
        <v>1.04823</v>
      </c>
      <c r="CN285" s="20">
        <v>0.96557999999999999</v>
      </c>
      <c r="CO285" s="20">
        <v>1.00156</v>
      </c>
      <c r="CP285" s="20">
        <v>1.02915</v>
      </c>
      <c r="CQ285" s="20">
        <v>1.1589799999999999</v>
      </c>
      <c r="CR285" s="20">
        <v>1.1852499999999999</v>
      </c>
      <c r="CS285" s="20">
        <v>1.0770900000000001</v>
      </c>
      <c r="CT285" s="20">
        <v>1.0649200000000001</v>
      </c>
      <c r="CU285" s="20">
        <v>0.96987100000000004</v>
      </c>
      <c r="CV285" s="20">
        <v>0.963835</v>
      </c>
      <c r="CW285" s="20">
        <v>1.0234099999999999</v>
      </c>
      <c r="CX285" s="20">
        <v>1.0125900000000001</v>
      </c>
      <c r="CY285" s="6" t="s">
        <v>433</v>
      </c>
      <c r="CZ285" s="6" t="s">
        <v>434</v>
      </c>
      <c r="DA285" s="6" t="s">
        <v>77</v>
      </c>
      <c r="DB285" s="6"/>
      <c r="DC285" s="6">
        <v>27620</v>
      </c>
      <c r="DD285" s="6"/>
      <c r="DE285" s="6" t="s">
        <v>436</v>
      </c>
      <c r="DF285" s="6" t="s">
        <v>375</v>
      </c>
      <c r="DG285" s="6" t="s">
        <v>376</v>
      </c>
      <c r="DH285" s="6" t="s">
        <v>328</v>
      </c>
      <c r="DI285" s="6"/>
      <c r="DJ285" s="6">
        <v>29</v>
      </c>
      <c r="DK285" s="6">
        <v>27</v>
      </c>
      <c r="DL285" s="6">
        <v>2</v>
      </c>
      <c r="DM285" s="6" t="s">
        <v>379</v>
      </c>
      <c r="DN285" s="6">
        <v>3</v>
      </c>
      <c r="DO285" s="6" t="s">
        <v>380</v>
      </c>
      <c r="DP285" s="6"/>
      <c r="DQ285" s="6"/>
    </row>
    <row r="286" spans="1:121" x14ac:dyDescent="0.2">
      <c r="A286" s="6" t="s">
        <v>792</v>
      </c>
      <c r="B286" s="6" t="s">
        <v>176</v>
      </c>
      <c r="C286" s="6" t="s">
        <v>177</v>
      </c>
      <c r="D286" s="6" t="s">
        <v>77</v>
      </c>
      <c r="E286" s="6" t="s">
        <v>218</v>
      </c>
      <c r="F286" s="11">
        <v>-282</v>
      </c>
      <c r="G286" s="13">
        <v>-0.13709285366999999</v>
      </c>
      <c r="H286" s="11">
        <v>-277.37564273000021</v>
      </c>
      <c r="I286" s="13">
        <v>-0.13487343926870257</v>
      </c>
      <c r="J286" s="11">
        <v>-270.87417843999992</v>
      </c>
      <c r="K286" s="13">
        <v>-0.15224606338830518</v>
      </c>
      <c r="L286" s="11">
        <v>266.39448073999984</v>
      </c>
      <c r="M286" s="13">
        <v>0.17661755665767126</v>
      </c>
      <c r="N286" s="11">
        <v>-4.4796977000000879</v>
      </c>
      <c r="O286" s="13">
        <v>-2.5178344570253256E-3</v>
      </c>
      <c r="P286" s="7">
        <v>2056.5623908900002</v>
      </c>
      <c r="Q286" s="7">
        <v>1790.4213918600001</v>
      </c>
      <c r="R286" s="7">
        <v>1687.6995175500001</v>
      </c>
      <c r="S286" s="7">
        <v>1644.3991021100001</v>
      </c>
      <c r="T286" s="7">
        <v>1657.32452311</v>
      </c>
      <c r="U286" s="7">
        <v>1674.59605416</v>
      </c>
      <c r="V286" s="7">
        <v>1779.18674816</v>
      </c>
      <c r="W286" s="7">
        <v>1867.0592511499999</v>
      </c>
      <c r="X286" s="7">
        <v>1621.2210849200001</v>
      </c>
      <c r="Y286" s="7">
        <v>1508.3125697200001</v>
      </c>
      <c r="Z286" s="7">
        <v>1517.9840662399999</v>
      </c>
      <c r="AA286" s="7">
        <v>1547.04145819</v>
      </c>
      <c r="AB286" s="7">
        <v>1567.2512713199999</v>
      </c>
      <c r="AC286" s="7">
        <v>1632.31502153</v>
      </c>
      <c r="AD286" s="7">
        <v>1674.80861316</v>
      </c>
      <c r="AE286" s="7">
        <v>1732.3887294599999</v>
      </c>
      <c r="AF286" s="7">
        <v>1774.7070504599999</v>
      </c>
      <c r="AG286" s="9">
        <v>22348.153191499994</v>
      </c>
      <c r="AH286" s="13">
        <v>0.51455097395489469</v>
      </c>
      <c r="AI286" s="9">
        <v>11223.619937700001</v>
      </c>
      <c r="AJ286" s="13">
        <v>0.25841618861104143</v>
      </c>
      <c r="AK286" s="9">
        <v>7445.457516100003</v>
      </c>
      <c r="AL286" s="13">
        <v>0.1362240720624876</v>
      </c>
      <c r="AM286" s="9">
        <v>3679.07573769999</v>
      </c>
      <c r="AN286" s="13">
        <v>5.9243022929454846E-2</v>
      </c>
      <c r="AO286" s="9">
        <v>11124.533253799993</v>
      </c>
      <c r="AP286" s="13">
        <v>0.20353742081668413</v>
      </c>
      <c r="AQ286" s="9">
        <v>43432.340667299999</v>
      </c>
      <c r="AR286" s="9">
        <v>45633.389964200003</v>
      </c>
      <c r="AS286" s="9">
        <v>46743.575198899998</v>
      </c>
      <c r="AT286" s="9">
        <v>48556.424397000003</v>
      </c>
      <c r="AU286" s="9">
        <v>48994.072222000003</v>
      </c>
      <c r="AV286" s="9">
        <v>52192.124352400002</v>
      </c>
      <c r="AW286" s="9">
        <v>54655.960605</v>
      </c>
      <c r="AX286" s="9">
        <v>55136.7583199</v>
      </c>
      <c r="AY286" s="9">
        <v>57520.523908900002</v>
      </c>
      <c r="AZ286" s="9">
        <v>62101.418121100003</v>
      </c>
      <c r="BA286" s="9">
        <v>58661.880364099998</v>
      </c>
      <c r="BB286" s="9">
        <v>60507.112708400004</v>
      </c>
      <c r="BC286" s="9">
        <v>64261.818525900002</v>
      </c>
      <c r="BD286" s="9">
        <v>63703.831974100001</v>
      </c>
      <c r="BE286" s="9">
        <v>66322.928561699999</v>
      </c>
      <c r="BF286" s="9">
        <v>65780.493858799993</v>
      </c>
      <c r="BG286" s="11">
        <v>-9</v>
      </c>
      <c r="BH286" s="13">
        <v>-0.21951219512195122</v>
      </c>
      <c r="BI286" s="6">
        <v>-2</v>
      </c>
      <c r="BJ286" s="13">
        <v>-4.878048780487805E-2</v>
      </c>
      <c r="BK286" s="6">
        <v>-5</v>
      </c>
      <c r="BL286" s="13">
        <v>-0.12820512820512819</v>
      </c>
      <c r="BM286" s="11">
        <v>-2</v>
      </c>
      <c r="BN286" s="13">
        <v>-5.8823529411764705E-2</v>
      </c>
      <c r="BO286" s="11">
        <v>-7</v>
      </c>
      <c r="BP286" s="13">
        <v>-0.17948717948717949</v>
      </c>
      <c r="BQ286" s="6">
        <v>41</v>
      </c>
      <c r="BR286" s="6">
        <v>38</v>
      </c>
      <c r="BS286" s="6">
        <v>38</v>
      </c>
      <c r="BT286" s="6">
        <v>39</v>
      </c>
      <c r="BU286" s="6">
        <v>38</v>
      </c>
      <c r="BV286" s="6">
        <v>36</v>
      </c>
      <c r="BW286" s="6">
        <v>34</v>
      </c>
      <c r="BX286" s="6">
        <v>34</v>
      </c>
      <c r="BY286" s="6">
        <v>33</v>
      </c>
      <c r="BZ286" s="6">
        <v>32</v>
      </c>
      <c r="CA286" s="6">
        <v>33</v>
      </c>
      <c r="CB286" s="6">
        <v>33</v>
      </c>
      <c r="CC286" s="11">
        <v>32</v>
      </c>
      <c r="CD286" s="11">
        <v>219.25800000000001</v>
      </c>
      <c r="CE286" s="11">
        <v>-725.92100000000005</v>
      </c>
      <c r="CF286" s="11">
        <v>224.80699999999999</v>
      </c>
      <c r="CG286" s="11">
        <v>-501</v>
      </c>
      <c r="CH286" s="20">
        <v>1.1358299999999999</v>
      </c>
      <c r="CI286" s="20">
        <v>1.04799</v>
      </c>
      <c r="CJ286" s="20">
        <v>1.03016</v>
      </c>
      <c r="CK286" s="20">
        <v>1.01376</v>
      </c>
      <c r="CL286" s="20">
        <v>1.03155</v>
      </c>
      <c r="CM286" s="20">
        <v>1.0496099999999999</v>
      </c>
      <c r="CN286" s="20">
        <v>1.13748</v>
      </c>
      <c r="CO286" s="20">
        <v>1.2129000000000001</v>
      </c>
      <c r="CP286" s="20">
        <v>1.17086</v>
      </c>
      <c r="CQ286" s="20">
        <v>1.12845</v>
      </c>
      <c r="CR286" s="20">
        <v>1.17415</v>
      </c>
      <c r="CS286" s="20">
        <v>1.2058899999999999</v>
      </c>
      <c r="CT286" s="20">
        <v>1.1742699999999999</v>
      </c>
      <c r="CU286" s="20">
        <v>1.24183</v>
      </c>
      <c r="CV286" s="20">
        <v>1.2747299999999999</v>
      </c>
      <c r="CW286" s="20">
        <v>1.3250999999999999</v>
      </c>
      <c r="CX286" s="20">
        <v>1.36307</v>
      </c>
      <c r="CY286" s="6" t="s">
        <v>433</v>
      </c>
      <c r="CZ286" s="6" t="s">
        <v>434</v>
      </c>
      <c r="DA286" s="6" t="s">
        <v>77</v>
      </c>
      <c r="DB286" s="6"/>
      <c r="DC286" s="6">
        <v>27620</v>
      </c>
      <c r="DD286" s="6"/>
      <c r="DE286" s="6" t="s">
        <v>436</v>
      </c>
      <c r="DF286" s="6" t="s">
        <v>375</v>
      </c>
      <c r="DG286" s="6" t="s">
        <v>376</v>
      </c>
      <c r="DH286" s="6" t="s">
        <v>328</v>
      </c>
      <c r="DI286" s="6"/>
      <c r="DJ286" s="6">
        <v>29</v>
      </c>
      <c r="DK286" s="6">
        <v>27</v>
      </c>
      <c r="DL286" s="6">
        <v>2</v>
      </c>
      <c r="DM286" s="6" t="s">
        <v>379</v>
      </c>
      <c r="DN286" s="6">
        <v>3</v>
      </c>
      <c r="DO286" s="6" t="s">
        <v>380</v>
      </c>
      <c r="DP286" s="6"/>
      <c r="DQ286" s="6"/>
    </row>
    <row r="287" spans="1:121" x14ac:dyDescent="0.2">
      <c r="A287" s="6" t="s">
        <v>313</v>
      </c>
      <c r="B287" s="6" t="s">
        <v>313</v>
      </c>
      <c r="C287" s="6" t="s">
        <v>178</v>
      </c>
      <c r="D287" s="6" t="s">
        <v>77</v>
      </c>
      <c r="E287" s="6" t="s">
        <v>218</v>
      </c>
      <c r="F287" s="11">
        <v>70</v>
      </c>
      <c r="G287" s="13">
        <v>0.23178807946999999</v>
      </c>
      <c r="H287" s="11">
        <v>-9.0170533450000221</v>
      </c>
      <c r="I287" s="13">
        <v>-2.9901593828078134E-2</v>
      </c>
      <c r="J287" s="11">
        <v>24.970668202000013</v>
      </c>
      <c r="K287" s="13">
        <v>8.5357968781909169E-2</v>
      </c>
      <c r="L287" s="11">
        <v>54.606766478999987</v>
      </c>
      <c r="M287" s="13">
        <v>0.17198373221914556</v>
      </c>
      <c r="N287" s="11">
        <v>79.577434681</v>
      </c>
      <c r="O287" s="13">
        <v>0.2720218830468128</v>
      </c>
      <c r="P287" s="7">
        <v>301.55761585300002</v>
      </c>
      <c r="Q287" s="7">
        <v>257.72826859200001</v>
      </c>
      <c r="R287" s="7">
        <v>264.781466276</v>
      </c>
      <c r="S287" s="7">
        <v>251.63809497599999</v>
      </c>
      <c r="T287" s="7">
        <v>338.37508693500001</v>
      </c>
      <c r="U287" s="7">
        <v>350.56806672900001</v>
      </c>
      <c r="V287" s="7">
        <v>292.54056250799999</v>
      </c>
      <c r="W287" s="7">
        <v>307.39764845899998</v>
      </c>
      <c r="X287" s="7">
        <v>290.01237232900002</v>
      </c>
      <c r="Y287" s="7">
        <v>317.51123071000001</v>
      </c>
      <c r="Z287" s="7">
        <v>314.16977828699999</v>
      </c>
      <c r="AA287" s="7">
        <v>330.59374656599999</v>
      </c>
      <c r="AB287" s="7">
        <v>337.67137552299999</v>
      </c>
      <c r="AC287" s="7">
        <v>352.76449377199998</v>
      </c>
      <c r="AD287" s="7">
        <v>349.57715876200001</v>
      </c>
      <c r="AE287" s="7">
        <v>349.10481084000003</v>
      </c>
      <c r="AF287" s="7">
        <v>372.11799718899999</v>
      </c>
      <c r="AG287" s="9">
        <v>15439.303001499997</v>
      </c>
      <c r="AH287" s="13">
        <v>0.46518065779169582</v>
      </c>
      <c r="AI287" s="9">
        <v>-2627.7425250000015</v>
      </c>
      <c r="AJ287" s="13">
        <v>-7.9172939100162307E-2</v>
      </c>
      <c r="AK287" s="9">
        <v>13206.316654499999</v>
      </c>
      <c r="AL287" s="13">
        <v>0.43211325724467392</v>
      </c>
      <c r="AM287" s="9">
        <v>4860.7288719999997</v>
      </c>
      <c r="AN287" s="13">
        <v>0.11105546026200348</v>
      </c>
      <c r="AO287" s="9">
        <v>18067.045526499998</v>
      </c>
      <c r="AP287" s="13">
        <v>0.59115725417529819</v>
      </c>
      <c r="AQ287" s="9">
        <v>33189.907497</v>
      </c>
      <c r="AR287" s="9">
        <v>31342.925569200001</v>
      </c>
      <c r="AS287" s="9">
        <v>29652.603209100002</v>
      </c>
      <c r="AT287" s="9">
        <v>29833.184391499999</v>
      </c>
      <c r="AU287" s="9">
        <v>32105.091168700001</v>
      </c>
      <c r="AV287" s="9">
        <v>31722.325352899999</v>
      </c>
      <c r="AW287" s="9">
        <v>30562.164971999999</v>
      </c>
      <c r="AX287" s="9">
        <v>33349.7979882</v>
      </c>
      <c r="AY287" s="9">
        <v>33264.262164200001</v>
      </c>
      <c r="AZ287" s="9">
        <v>43768.481626499997</v>
      </c>
      <c r="BA287" s="9">
        <v>42928.056372500003</v>
      </c>
      <c r="BB287" s="9">
        <v>40354.899112400002</v>
      </c>
      <c r="BC287" s="9">
        <v>41894.996109200001</v>
      </c>
      <c r="BD287" s="9">
        <v>47358.778989699997</v>
      </c>
      <c r="BE287" s="9">
        <v>51105.025378500002</v>
      </c>
      <c r="BF287" s="9">
        <v>48629.210498499997</v>
      </c>
      <c r="BG287" s="11">
        <v>4.25</v>
      </c>
      <c r="BH287" s="13">
        <v>0.14655172413793102</v>
      </c>
      <c r="BI287" s="6">
        <v>0</v>
      </c>
      <c r="BJ287" s="13">
        <v>0</v>
      </c>
      <c r="BK287" s="6">
        <v>8</v>
      </c>
      <c r="BL287" s="13">
        <v>0.27586206896551724</v>
      </c>
      <c r="BM287" s="11">
        <v>-3.75</v>
      </c>
      <c r="BN287" s="13">
        <v>-0.10135135135135136</v>
      </c>
      <c r="BO287" s="11">
        <v>4.25</v>
      </c>
      <c r="BP287" s="13">
        <v>0.14655172413793102</v>
      </c>
      <c r="BQ287" s="6">
        <v>29</v>
      </c>
      <c r="BR287" s="6">
        <v>30</v>
      </c>
      <c r="BS287" s="6">
        <v>30</v>
      </c>
      <c r="BT287" s="6">
        <v>29</v>
      </c>
      <c r="BU287" s="6">
        <v>32</v>
      </c>
      <c r="BV287" s="6">
        <v>34</v>
      </c>
      <c r="BW287" s="6">
        <v>37</v>
      </c>
      <c r="BX287" s="6">
        <v>34</v>
      </c>
      <c r="BY287" s="6">
        <v>37</v>
      </c>
      <c r="BZ287" s="6">
        <v>37</v>
      </c>
      <c r="CA287" s="6">
        <v>36</v>
      </c>
      <c r="CB287" s="6">
        <v>32</v>
      </c>
      <c r="CC287" s="11">
        <v>33.25</v>
      </c>
      <c r="CD287" s="11">
        <v>62.254100000000001</v>
      </c>
      <c r="CE287" s="11">
        <v>-24.657599999999999</v>
      </c>
      <c r="CF287" s="11">
        <v>32.963900000000002</v>
      </c>
      <c r="CG287" s="11">
        <v>8</v>
      </c>
      <c r="CH287" s="20">
        <v>0.46773100000000001</v>
      </c>
      <c r="CI287" s="20">
        <v>0.40237499999999998</v>
      </c>
      <c r="CJ287" s="20">
        <v>0.41208099999999998</v>
      </c>
      <c r="CK287" s="20">
        <v>0.38617899999999999</v>
      </c>
      <c r="CL287" s="20">
        <v>0.51184700000000005</v>
      </c>
      <c r="CM287" s="20">
        <v>0.51957100000000001</v>
      </c>
      <c r="CN287" s="20">
        <v>0.426591</v>
      </c>
      <c r="CO287" s="20">
        <v>0.44380900000000001</v>
      </c>
      <c r="CP287" s="20">
        <v>0.44002200000000002</v>
      </c>
      <c r="CQ287" s="20">
        <v>0.49407899999999999</v>
      </c>
      <c r="CR287" s="20">
        <v>0.50765499999999997</v>
      </c>
      <c r="CS287" s="20">
        <v>0.53770099999999998</v>
      </c>
      <c r="CT287" s="20">
        <v>0.52492000000000005</v>
      </c>
      <c r="CU287" s="20">
        <v>0.55751499999999998</v>
      </c>
      <c r="CV287" s="20">
        <v>0.55308400000000002</v>
      </c>
      <c r="CW287" s="20">
        <v>0.55651399999999995</v>
      </c>
      <c r="CX287" s="20">
        <v>0.59079899999999996</v>
      </c>
      <c r="CY287" s="6" t="s">
        <v>433</v>
      </c>
      <c r="CZ287" s="6" t="s">
        <v>434</v>
      </c>
      <c r="DA287" s="6" t="s">
        <v>77</v>
      </c>
      <c r="DB287" s="6"/>
      <c r="DC287" s="6">
        <v>27620</v>
      </c>
      <c r="DD287" s="6"/>
      <c r="DE287" s="6" t="s">
        <v>436</v>
      </c>
      <c r="DF287" s="6" t="s">
        <v>375</v>
      </c>
      <c r="DG287" s="6" t="s">
        <v>376</v>
      </c>
      <c r="DH287" s="6" t="s">
        <v>328</v>
      </c>
      <c r="DI287" s="6"/>
      <c r="DJ287" s="6">
        <v>29</v>
      </c>
      <c r="DK287" s="6">
        <v>27</v>
      </c>
      <c r="DL287" s="6">
        <v>2</v>
      </c>
      <c r="DM287" s="6" t="s">
        <v>379</v>
      </c>
      <c r="DN287" s="6">
        <v>3</v>
      </c>
      <c r="DO287" s="6" t="s">
        <v>380</v>
      </c>
      <c r="DP287" s="6"/>
      <c r="DQ287" s="6"/>
    </row>
    <row r="288" spans="1:121" x14ac:dyDescent="0.2">
      <c r="A288" s="6" t="s">
        <v>793</v>
      </c>
      <c r="B288" s="6" t="s">
        <v>179</v>
      </c>
      <c r="C288" s="6" t="s">
        <v>180</v>
      </c>
      <c r="D288" s="6" t="s">
        <v>77</v>
      </c>
      <c r="E288" s="6" t="s">
        <v>218</v>
      </c>
      <c r="F288" s="11">
        <v>-51</v>
      </c>
      <c r="G288" s="13">
        <v>-0.04</v>
      </c>
      <c r="H288" s="11">
        <v>-12</v>
      </c>
      <c r="I288" s="13">
        <v>-8.4685956245589278E-3</v>
      </c>
      <c r="J288" s="11">
        <v>-103</v>
      </c>
      <c r="K288" s="13">
        <v>-7.3309608540925261E-2</v>
      </c>
      <c r="L288" s="11">
        <v>64</v>
      </c>
      <c r="M288" s="13">
        <v>4.9155145929339478E-2</v>
      </c>
      <c r="N288" s="11">
        <v>-39</v>
      </c>
      <c r="O288" s="13">
        <v>-2.7758007117437724E-2</v>
      </c>
      <c r="P288" s="7">
        <v>1417</v>
      </c>
      <c r="Q288" s="7">
        <v>1398</v>
      </c>
      <c r="R288" s="7">
        <v>1374</v>
      </c>
      <c r="S288" s="7">
        <v>1380</v>
      </c>
      <c r="T288" s="7">
        <v>1404</v>
      </c>
      <c r="U288" s="7">
        <v>1367</v>
      </c>
      <c r="V288" s="7">
        <v>1405</v>
      </c>
      <c r="W288" s="7">
        <v>1474</v>
      </c>
      <c r="X288" s="7">
        <v>1306</v>
      </c>
      <c r="Y288" s="7">
        <v>1302</v>
      </c>
      <c r="Z288" s="7">
        <v>1289</v>
      </c>
      <c r="AA288" s="7">
        <v>1267</v>
      </c>
      <c r="AB288" s="7">
        <v>1279</v>
      </c>
      <c r="AC288" s="7">
        <v>1318</v>
      </c>
      <c r="AD288" s="7">
        <v>1347</v>
      </c>
      <c r="AE288" s="7">
        <v>1355</v>
      </c>
      <c r="AF288" s="7">
        <v>1366</v>
      </c>
      <c r="AG288" s="9">
        <v>8006</v>
      </c>
      <c r="AH288" s="13">
        <v>0.42297125950972103</v>
      </c>
      <c r="AI288" s="9">
        <v>4459</v>
      </c>
      <c r="AJ288" s="13">
        <v>0.23557692307692307</v>
      </c>
      <c r="AK288" s="9">
        <v>1177</v>
      </c>
      <c r="AL288" s="13">
        <v>5.0327104801812975E-2</v>
      </c>
      <c r="AM288" s="9">
        <v>2370</v>
      </c>
      <c r="AN288" s="13">
        <v>9.6482657547630676E-2</v>
      </c>
      <c r="AO288" s="9">
        <v>3547</v>
      </c>
      <c r="AP288" s="13">
        <v>0.15166545516740068</v>
      </c>
      <c r="AQ288" s="9">
        <v>18928</v>
      </c>
      <c r="AR288" s="9">
        <v>20380</v>
      </c>
      <c r="AS288" s="9">
        <v>21915</v>
      </c>
      <c r="AT288" s="9">
        <v>22186</v>
      </c>
      <c r="AU288" s="9">
        <v>22554</v>
      </c>
      <c r="AV288" s="9">
        <v>22821</v>
      </c>
      <c r="AW288" s="9">
        <v>23387</v>
      </c>
      <c r="AX288" s="9">
        <v>23233</v>
      </c>
      <c r="AY288" s="9">
        <v>24891</v>
      </c>
      <c r="AZ288" s="9">
        <v>24564</v>
      </c>
      <c r="BA288" s="9">
        <v>23936</v>
      </c>
      <c r="BB288" s="9">
        <v>24852</v>
      </c>
      <c r="BC288" s="9">
        <v>25034</v>
      </c>
      <c r="BD288" s="9">
        <v>25272</v>
      </c>
      <c r="BE288" s="9">
        <v>25923</v>
      </c>
      <c r="BF288" s="9">
        <v>26934</v>
      </c>
      <c r="BG288" s="11">
        <v>-3</v>
      </c>
      <c r="BH288" s="13">
        <v>-2.7027027027027029E-2</v>
      </c>
      <c r="BI288" s="6">
        <v>-3</v>
      </c>
      <c r="BJ288" s="13">
        <v>-2.7027027027027029E-2</v>
      </c>
      <c r="BK288" s="6">
        <v>10</v>
      </c>
      <c r="BL288" s="13">
        <v>9.2592592592592587E-2</v>
      </c>
      <c r="BM288" s="11">
        <v>-10</v>
      </c>
      <c r="BN288" s="13">
        <v>-8.4745762711864403E-2</v>
      </c>
      <c r="BO288" s="11">
        <v>0</v>
      </c>
      <c r="BP288" s="13">
        <v>0</v>
      </c>
      <c r="BQ288" s="6">
        <v>111</v>
      </c>
      <c r="BR288" s="6">
        <v>105</v>
      </c>
      <c r="BS288" s="6">
        <v>104</v>
      </c>
      <c r="BT288" s="6">
        <v>108</v>
      </c>
      <c r="BU288" s="6">
        <v>117</v>
      </c>
      <c r="BV288" s="6">
        <v>114</v>
      </c>
      <c r="BW288" s="6">
        <v>118</v>
      </c>
      <c r="BX288" s="6">
        <v>115</v>
      </c>
      <c r="BY288" s="6">
        <v>112</v>
      </c>
      <c r="BZ288" s="6">
        <v>110</v>
      </c>
      <c r="CA288" s="6">
        <v>110</v>
      </c>
      <c r="CB288" s="6">
        <v>114</v>
      </c>
      <c r="CC288" s="11">
        <v>108</v>
      </c>
      <c r="CD288" s="11">
        <v>-115</v>
      </c>
      <c r="CE288" s="11">
        <v>-91</v>
      </c>
      <c r="CF288" s="11">
        <v>155</v>
      </c>
      <c r="CG288" s="11">
        <v>64</v>
      </c>
      <c r="CH288" s="20">
        <v>0.82</v>
      </c>
      <c r="CI288" s="20">
        <v>0.8</v>
      </c>
      <c r="CJ288" s="20">
        <v>0.79</v>
      </c>
      <c r="CK288" s="20">
        <v>0.78</v>
      </c>
      <c r="CL288" s="20">
        <v>0.79</v>
      </c>
      <c r="CM288" s="20">
        <v>0.76</v>
      </c>
      <c r="CN288" s="20">
        <v>0.78</v>
      </c>
      <c r="CO288" s="20">
        <v>0.81</v>
      </c>
      <c r="CP288" s="20">
        <v>0.74</v>
      </c>
      <c r="CQ288" s="20">
        <v>0.75</v>
      </c>
      <c r="CR288" s="20">
        <v>0.78</v>
      </c>
      <c r="CS288" s="20">
        <v>0.77</v>
      </c>
      <c r="CT288" s="20">
        <v>0.75</v>
      </c>
      <c r="CU288" s="20">
        <v>0.78</v>
      </c>
      <c r="CV288" s="20">
        <v>0.79</v>
      </c>
      <c r="CW288" s="20">
        <v>0.79</v>
      </c>
      <c r="CX288" s="20">
        <v>0.79</v>
      </c>
      <c r="CY288" s="6" t="s">
        <v>433</v>
      </c>
      <c r="CZ288" s="6" t="s">
        <v>434</v>
      </c>
      <c r="DA288" s="6" t="s">
        <v>77</v>
      </c>
      <c r="DB288" s="6"/>
      <c r="DC288" s="6">
        <v>27620</v>
      </c>
      <c r="DD288" s="6"/>
      <c r="DE288" s="6" t="s">
        <v>436</v>
      </c>
      <c r="DF288" s="6" t="s">
        <v>375</v>
      </c>
      <c r="DG288" s="6" t="s">
        <v>376</v>
      </c>
      <c r="DH288" s="6" t="s">
        <v>328</v>
      </c>
      <c r="DI288" s="6"/>
      <c r="DJ288" s="6">
        <v>29</v>
      </c>
      <c r="DK288" s="6">
        <v>27</v>
      </c>
      <c r="DL288" s="6">
        <v>2</v>
      </c>
      <c r="DM288" s="6" t="s">
        <v>379</v>
      </c>
      <c r="DN288" s="6">
        <v>3</v>
      </c>
      <c r="DO288" s="6" t="s">
        <v>380</v>
      </c>
      <c r="DP288" s="6"/>
      <c r="DQ288" s="6"/>
    </row>
    <row r="289" spans="1:121" x14ac:dyDescent="0.2">
      <c r="A289" s="6" t="s">
        <v>794</v>
      </c>
      <c r="B289" s="6" t="s">
        <v>181</v>
      </c>
      <c r="C289" s="6" t="s">
        <v>182</v>
      </c>
      <c r="D289" s="6" t="s">
        <v>77</v>
      </c>
      <c r="E289" s="6" t="s">
        <v>218</v>
      </c>
      <c r="F289" s="11">
        <v>240</v>
      </c>
      <c r="G289" s="13">
        <v>0.29055690072599999</v>
      </c>
      <c r="H289" s="11">
        <v>243.62192612599995</v>
      </c>
      <c r="I289" s="13">
        <v>0.29509550574300553</v>
      </c>
      <c r="J289" s="11">
        <v>-64.87410586999988</v>
      </c>
      <c r="K289" s="13">
        <v>-6.0675841998915667E-2</v>
      </c>
      <c r="L289" s="11">
        <v>61.705671069999994</v>
      </c>
      <c r="M289" s="13">
        <v>6.1440397167497877E-2</v>
      </c>
      <c r="N289" s="11">
        <v>-3.1684347999998863</v>
      </c>
      <c r="O289" s="13">
        <v>-2.963392662303515E-3</v>
      </c>
      <c r="P289" s="7">
        <v>825.56976092399998</v>
      </c>
      <c r="Q289" s="7">
        <v>1032.6592113900001</v>
      </c>
      <c r="R289" s="7">
        <v>981.95755735800003</v>
      </c>
      <c r="S289" s="7">
        <v>961.86703138799999</v>
      </c>
      <c r="T289" s="7">
        <v>1061.9295519299999</v>
      </c>
      <c r="U289" s="7">
        <v>1065.99429128</v>
      </c>
      <c r="V289" s="7">
        <v>1069.1916870499999</v>
      </c>
      <c r="W289" s="7">
        <v>1061.73126925</v>
      </c>
      <c r="X289" s="7">
        <v>1004.51988924</v>
      </c>
      <c r="Y289" s="7">
        <v>1004.31758118</v>
      </c>
      <c r="Z289" s="7">
        <v>1005.73139184</v>
      </c>
      <c r="AA289" s="7">
        <v>1015.33707664</v>
      </c>
      <c r="AB289" s="7">
        <v>1022.30906235</v>
      </c>
      <c r="AC289" s="7">
        <v>961.98745264599995</v>
      </c>
      <c r="AD289" s="7">
        <v>1021.29826466</v>
      </c>
      <c r="AE289" s="7">
        <v>1058.2856024</v>
      </c>
      <c r="AF289" s="7">
        <v>1066.02325225</v>
      </c>
      <c r="AG289" s="9">
        <v>16777.693601999999</v>
      </c>
      <c r="AH289" s="13">
        <v>0.564473759222065</v>
      </c>
      <c r="AI289" s="9">
        <v>5278.0592942000003</v>
      </c>
      <c r="AJ289" s="13">
        <v>0.17757661105689046</v>
      </c>
      <c r="AK289" s="9">
        <v>8088.0926002999986</v>
      </c>
      <c r="AL289" s="13">
        <v>0.23108323692820129</v>
      </c>
      <c r="AM289" s="9">
        <v>3411.5417075000005</v>
      </c>
      <c r="AN289" s="13">
        <v>7.917454838567288E-2</v>
      </c>
      <c r="AO289" s="9">
        <v>11499.634307799999</v>
      </c>
      <c r="AP289" s="13">
        <v>0.32855369623716396</v>
      </c>
      <c r="AQ289" s="9">
        <v>29722.716650499999</v>
      </c>
      <c r="AR289" s="9">
        <v>27786.458435500001</v>
      </c>
      <c r="AS289" s="9">
        <v>30722.5676356</v>
      </c>
      <c r="AT289" s="9">
        <v>33634.806137599997</v>
      </c>
      <c r="AU289" s="9">
        <v>32861.0681711</v>
      </c>
      <c r="AV289" s="9">
        <v>32714.675099200002</v>
      </c>
      <c r="AW289" s="9">
        <v>35000.775944699999</v>
      </c>
      <c r="AX289" s="9">
        <v>34692.140856899998</v>
      </c>
      <c r="AY289" s="9">
        <v>40234.039595299997</v>
      </c>
      <c r="AZ289" s="9">
        <v>43088.868544999998</v>
      </c>
      <c r="BA289" s="9">
        <v>42637.708564400004</v>
      </c>
      <c r="BB289" s="9">
        <v>39395.272980499998</v>
      </c>
      <c r="BC289" s="9">
        <v>42427.902754100003</v>
      </c>
      <c r="BD289" s="9">
        <v>42697.505682900002</v>
      </c>
      <c r="BE289" s="9">
        <v>47071.051601200001</v>
      </c>
      <c r="BF289" s="9">
        <v>46500.410252499998</v>
      </c>
      <c r="BG289" s="11">
        <v>-7.25</v>
      </c>
      <c r="BH289" s="13">
        <v>-0.17682926829268292</v>
      </c>
      <c r="BI289" s="6">
        <v>9</v>
      </c>
      <c r="BJ289" s="13">
        <v>0.21951219512195122</v>
      </c>
      <c r="BK289" s="6">
        <v>1</v>
      </c>
      <c r="BL289" s="13">
        <v>0.02</v>
      </c>
      <c r="BM289" s="11">
        <v>-17.25</v>
      </c>
      <c r="BN289" s="13">
        <v>-0.33823529411764708</v>
      </c>
      <c r="BO289" s="11">
        <v>-16.25</v>
      </c>
      <c r="BP289" s="13">
        <v>-0.32500000000000001</v>
      </c>
      <c r="BQ289" s="6">
        <v>41</v>
      </c>
      <c r="BR289" s="6">
        <v>51</v>
      </c>
      <c r="BS289" s="6">
        <v>51</v>
      </c>
      <c r="BT289" s="6">
        <v>50</v>
      </c>
      <c r="BU289" s="6">
        <v>50</v>
      </c>
      <c r="BV289" s="6">
        <v>52</v>
      </c>
      <c r="BW289" s="6">
        <v>51</v>
      </c>
      <c r="BX289" s="6">
        <v>46</v>
      </c>
      <c r="BY289" s="6">
        <v>40</v>
      </c>
      <c r="BZ289" s="6">
        <v>42</v>
      </c>
      <c r="CA289" s="6">
        <v>37</v>
      </c>
      <c r="CB289" s="6">
        <v>35</v>
      </c>
      <c r="CC289" s="11">
        <v>33.75</v>
      </c>
      <c r="CD289" s="11">
        <v>98.172799999999995</v>
      </c>
      <c r="CE289" s="11">
        <v>52.036000000000001</v>
      </c>
      <c r="CF289" s="11">
        <v>90.244699999999995</v>
      </c>
      <c r="CG289" s="11">
        <v>142</v>
      </c>
      <c r="CH289" s="20">
        <v>1.6175999999999999</v>
      </c>
      <c r="CI289" s="20">
        <v>2.0539399999999999</v>
      </c>
      <c r="CJ289" s="20">
        <v>1.95102</v>
      </c>
      <c r="CK289" s="20">
        <v>1.8663700000000001</v>
      </c>
      <c r="CL289" s="20">
        <v>2.0188299999999999</v>
      </c>
      <c r="CM289" s="20">
        <v>1.9798800000000001</v>
      </c>
      <c r="CN289" s="20">
        <v>1.9496500000000001</v>
      </c>
      <c r="CO289" s="20">
        <v>1.9170499999999999</v>
      </c>
      <c r="CP289" s="20">
        <v>1.9005099999999999</v>
      </c>
      <c r="CQ289" s="20">
        <v>1.93702</v>
      </c>
      <c r="CR289" s="20">
        <v>1.98814</v>
      </c>
      <c r="CS289" s="20">
        <v>2.0124200000000001</v>
      </c>
      <c r="CT289" s="20">
        <v>1.92499</v>
      </c>
      <c r="CU289" s="20">
        <v>1.80054</v>
      </c>
      <c r="CV289" s="20">
        <v>1.8481300000000001</v>
      </c>
      <c r="CW289" s="20">
        <v>1.8802099999999999</v>
      </c>
      <c r="CX289" s="20">
        <v>1.8739699999999999</v>
      </c>
      <c r="CY289" s="6" t="s">
        <v>433</v>
      </c>
      <c r="CZ289" s="6" t="s">
        <v>434</v>
      </c>
      <c r="DA289" s="6" t="s">
        <v>77</v>
      </c>
      <c r="DB289" s="6"/>
      <c r="DC289" s="6">
        <v>27620</v>
      </c>
      <c r="DD289" s="6"/>
      <c r="DE289" s="6" t="s">
        <v>436</v>
      </c>
      <c r="DF289" s="6" t="s">
        <v>375</v>
      </c>
      <c r="DG289" s="6" t="s">
        <v>376</v>
      </c>
      <c r="DH289" s="6" t="s">
        <v>328</v>
      </c>
      <c r="DI289" s="6"/>
      <c r="DJ289" s="6">
        <v>29</v>
      </c>
      <c r="DK289" s="6">
        <v>27</v>
      </c>
      <c r="DL289" s="6">
        <v>2</v>
      </c>
      <c r="DM289" s="6" t="s">
        <v>379</v>
      </c>
      <c r="DN289" s="6">
        <v>3</v>
      </c>
      <c r="DO289" s="6" t="s">
        <v>380</v>
      </c>
      <c r="DP289" s="6"/>
      <c r="DQ289" s="6"/>
    </row>
    <row r="290" spans="1:121" x14ac:dyDescent="0.2">
      <c r="A290" s="6" t="s">
        <v>314</v>
      </c>
      <c r="B290" s="6" t="s">
        <v>314</v>
      </c>
      <c r="C290" s="6" t="s">
        <v>183</v>
      </c>
      <c r="D290" s="6" t="s">
        <v>77</v>
      </c>
      <c r="E290" s="6" t="s">
        <v>218</v>
      </c>
      <c r="F290" s="11">
        <v>-77</v>
      </c>
      <c r="G290" s="13">
        <v>-0.44252873563200001</v>
      </c>
      <c r="H290" s="11">
        <v>23.776163109999999</v>
      </c>
      <c r="I290" s="13">
        <v>0.13698217985834457</v>
      </c>
      <c r="J290" s="11">
        <v>-34.157998203000005</v>
      </c>
      <c r="K290" s="13">
        <v>-0.17308564666857901</v>
      </c>
      <c r="L290" s="11">
        <v>-66.102937776299996</v>
      </c>
      <c r="M290" s="13">
        <v>-0.40506887547451231</v>
      </c>
      <c r="N290" s="11">
        <v>-100.2609359793</v>
      </c>
      <c r="O290" s="13">
        <v>-0.50804291388627132</v>
      </c>
      <c r="P290" s="7">
        <v>173.571212946</v>
      </c>
      <c r="Q290" s="7">
        <v>176.66877898499999</v>
      </c>
      <c r="R290" s="7">
        <v>178.245670606</v>
      </c>
      <c r="S290" s="7">
        <v>181.214172977</v>
      </c>
      <c r="T290" s="7">
        <v>179.35972335</v>
      </c>
      <c r="U290" s="7">
        <v>170.76308377699999</v>
      </c>
      <c r="V290" s="7">
        <v>197.347376056</v>
      </c>
      <c r="W290" s="7">
        <v>181.186076899</v>
      </c>
      <c r="X290" s="7">
        <v>151.12443818099999</v>
      </c>
      <c r="Y290" s="7">
        <v>163.189377853</v>
      </c>
      <c r="Z290" s="7">
        <v>166.148087057</v>
      </c>
      <c r="AA290" s="7">
        <v>124.235693091</v>
      </c>
      <c r="AB290" s="7">
        <v>108.65991695699999</v>
      </c>
      <c r="AC290" s="7">
        <v>113.514072738</v>
      </c>
      <c r="AD290" s="7">
        <v>112.806659444</v>
      </c>
      <c r="AE290" s="7">
        <v>103.09529107100001</v>
      </c>
      <c r="AF290" s="7">
        <v>97.086440076700001</v>
      </c>
      <c r="AG290" s="9">
        <v>26785.175329500002</v>
      </c>
      <c r="AH290" s="13">
        <v>0.79331607082692523</v>
      </c>
      <c r="AI290" s="9">
        <v>4598.0549477000022</v>
      </c>
      <c r="AJ290" s="13">
        <v>0.13618394651829074</v>
      </c>
      <c r="AK290" s="9">
        <v>2078.2353330999977</v>
      </c>
      <c r="AL290" s="13">
        <v>5.417486455645841E-2</v>
      </c>
      <c r="AM290" s="9">
        <v>20108.885048700002</v>
      </c>
      <c r="AN290" s="13">
        <v>0.49725418244145025</v>
      </c>
      <c r="AO290" s="9">
        <v>22187.120381799999</v>
      </c>
      <c r="AP290" s="13">
        <v>0.57836772498180666</v>
      </c>
      <c r="AQ290" s="9">
        <v>33763.560722499999</v>
      </c>
      <c r="AR290" s="9">
        <v>35961.854037899997</v>
      </c>
      <c r="AS290" s="9">
        <v>36347.949476299997</v>
      </c>
      <c r="AT290" s="9">
        <v>39875.236034900001</v>
      </c>
      <c r="AU290" s="9">
        <v>40423.160155199999</v>
      </c>
      <c r="AV290" s="9">
        <v>35770.049399000003</v>
      </c>
      <c r="AW290" s="9">
        <v>38361.615670200001</v>
      </c>
      <c r="AX290" s="9">
        <v>37319.716249199999</v>
      </c>
      <c r="AY290" s="9">
        <v>44911.2271502</v>
      </c>
      <c r="AZ290" s="9">
        <v>40439.851003299998</v>
      </c>
      <c r="BA290" s="9">
        <v>42335.918954100001</v>
      </c>
      <c r="BB290" s="9">
        <v>46913.706738000001</v>
      </c>
      <c r="BC290" s="9">
        <v>53030.5196698</v>
      </c>
      <c r="BD290" s="9">
        <v>56405.893484200002</v>
      </c>
      <c r="BE290" s="9">
        <v>59839.024457799998</v>
      </c>
      <c r="BF290" s="9">
        <v>60548.736052</v>
      </c>
      <c r="BG290" s="11">
        <v>-2.75</v>
      </c>
      <c r="BH290" s="13">
        <v>-0.25</v>
      </c>
      <c r="BI290" s="6">
        <v>-3</v>
      </c>
      <c r="BJ290" s="13">
        <v>-0.27272727272727271</v>
      </c>
      <c r="BK290" s="6">
        <v>1</v>
      </c>
      <c r="BL290" s="13">
        <v>0.125</v>
      </c>
      <c r="BM290" s="11">
        <v>-0.75</v>
      </c>
      <c r="BN290" s="13">
        <v>-8.3333333333333329E-2</v>
      </c>
      <c r="BO290" s="11">
        <v>0.25</v>
      </c>
      <c r="BP290" s="13">
        <v>3.125E-2</v>
      </c>
      <c r="BQ290" s="6">
        <v>11</v>
      </c>
      <c r="BR290" s="6">
        <v>10</v>
      </c>
      <c r="BS290" s="6">
        <v>9</v>
      </c>
      <c r="BT290" s="6">
        <v>8</v>
      </c>
      <c r="BU290" s="6">
        <v>9</v>
      </c>
      <c r="BV290" s="6">
        <v>8</v>
      </c>
      <c r="BW290" s="6">
        <v>9</v>
      </c>
      <c r="BX290" s="6">
        <v>9</v>
      </c>
      <c r="BY290" s="6">
        <v>8</v>
      </c>
      <c r="BZ290" s="6">
        <v>9</v>
      </c>
      <c r="CA290" s="6">
        <v>9</v>
      </c>
      <c r="CB290" s="6">
        <v>9</v>
      </c>
      <c r="CC290" s="11">
        <v>8.25</v>
      </c>
      <c r="CD290" s="11">
        <v>-42.295000000000002</v>
      </c>
      <c r="CE290" s="11">
        <v>-53.163200000000003</v>
      </c>
      <c r="CF290" s="11">
        <v>18.973400000000002</v>
      </c>
      <c r="CG290" s="11">
        <v>-34</v>
      </c>
      <c r="CH290" s="20">
        <v>0.43187199999999998</v>
      </c>
      <c r="CI290" s="20">
        <v>0.45880900000000002</v>
      </c>
      <c r="CJ290" s="20">
        <v>0.48283599999999999</v>
      </c>
      <c r="CK290" s="20">
        <v>0.499666</v>
      </c>
      <c r="CL290" s="20">
        <v>0.502915</v>
      </c>
      <c r="CM290" s="20">
        <v>0.48172300000000001</v>
      </c>
      <c r="CN290" s="20">
        <v>0.55909299999999995</v>
      </c>
      <c r="CO290" s="20">
        <v>0.51268999999999998</v>
      </c>
      <c r="CP290" s="20">
        <v>0.445961</v>
      </c>
      <c r="CQ290" s="20">
        <v>0.50354500000000002</v>
      </c>
      <c r="CR290" s="20">
        <v>0.54502200000000001</v>
      </c>
      <c r="CS290" s="20">
        <v>0.41686400000000001</v>
      </c>
      <c r="CT290" s="20">
        <v>0.34997699999999998</v>
      </c>
      <c r="CU290" s="20">
        <v>0.37121900000000002</v>
      </c>
      <c r="CV290" s="20">
        <v>0.36969099999999999</v>
      </c>
      <c r="CW290" s="20">
        <v>0.33533299999999999</v>
      </c>
      <c r="CX290" s="20">
        <v>0.31640400000000002</v>
      </c>
      <c r="CY290" s="6" t="s">
        <v>433</v>
      </c>
      <c r="CZ290" s="6" t="s">
        <v>434</v>
      </c>
      <c r="DA290" s="6" t="s">
        <v>77</v>
      </c>
      <c r="DB290" s="6"/>
      <c r="DC290" s="6">
        <v>27620</v>
      </c>
      <c r="DD290" s="6"/>
      <c r="DE290" s="6" t="s">
        <v>436</v>
      </c>
      <c r="DF290" s="6" t="s">
        <v>375</v>
      </c>
      <c r="DG290" s="6" t="s">
        <v>376</v>
      </c>
      <c r="DH290" s="6" t="s">
        <v>328</v>
      </c>
      <c r="DI290" s="6"/>
      <c r="DJ290" s="6">
        <v>29</v>
      </c>
      <c r="DK290" s="6">
        <v>27</v>
      </c>
      <c r="DL290" s="6">
        <v>2</v>
      </c>
      <c r="DM290" s="6" t="s">
        <v>379</v>
      </c>
      <c r="DN290" s="6">
        <v>3</v>
      </c>
      <c r="DO290" s="6" t="s">
        <v>380</v>
      </c>
      <c r="DP290" s="6"/>
      <c r="DQ290" s="6"/>
    </row>
    <row r="291" spans="1:121" x14ac:dyDescent="0.2">
      <c r="A291" s="6" t="s">
        <v>315</v>
      </c>
      <c r="B291" s="6" t="s">
        <v>315</v>
      </c>
      <c r="C291" s="6" t="s">
        <v>184</v>
      </c>
      <c r="D291" s="6" t="s">
        <v>77</v>
      </c>
      <c r="E291" s="6" t="s">
        <v>218</v>
      </c>
      <c r="F291" s="11">
        <v>-20</v>
      </c>
      <c r="G291" s="13">
        <v>-0.06</v>
      </c>
      <c r="H291" s="11">
        <v>4</v>
      </c>
      <c r="I291" s="13">
        <v>1.2987012987012988E-2</v>
      </c>
      <c r="J291" s="11">
        <v>-7</v>
      </c>
      <c r="K291" s="13">
        <v>-2.2435897435897436E-2</v>
      </c>
      <c r="L291" s="11">
        <v>-17</v>
      </c>
      <c r="M291" s="13">
        <v>-5.5737704918032781E-2</v>
      </c>
      <c r="N291" s="11">
        <v>-24</v>
      </c>
      <c r="O291" s="13">
        <v>-7.6923076923076927E-2</v>
      </c>
      <c r="P291" s="7">
        <v>308</v>
      </c>
      <c r="Q291" s="7">
        <v>312</v>
      </c>
      <c r="R291" s="7">
        <v>315</v>
      </c>
      <c r="S291" s="7">
        <v>300</v>
      </c>
      <c r="T291" s="7">
        <v>296</v>
      </c>
      <c r="U291" s="7">
        <v>313</v>
      </c>
      <c r="V291" s="7">
        <v>312</v>
      </c>
      <c r="W291" s="7">
        <v>300</v>
      </c>
      <c r="X291" s="7">
        <v>312</v>
      </c>
      <c r="Y291" s="7">
        <v>305</v>
      </c>
      <c r="Z291" s="7">
        <v>304</v>
      </c>
      <c r="AA291" s="7">
        <v>301</v>
      </c>
      <c r="AB291" s="7">
        <v>308</v>
      </c>
      <c r="AC291" s="7">
        <v>305</v>
      </c>
      <c r="AD291" s="7">
        <v>296</v>
      </c>
      <c r="AE291" s="7">
        <v>289</v>
      </c>
      <c r="AF291" s="7">
        <v>288</v>
      </c>
      <c r="AG291" s="9">
        <v>15272</v>
      </c>
      <c r="AH291" s="13">
        <v>0.46716221590040075</v>
      </c>
      <c r="AI291" s="9">
        <v>4935</v>
      </c>
      <c r="AJ291" s="13">
        <v>0.15095897953565202</v>
      </c>
      <c r="AK291" s="9">
        <v>3672</v>
      </c>
      <c r="AL291" s="13">
        <v>9.7592090575665758E-2</v>
      </c>
      <c r="AM291" s="9">
        <v>6665</v>
      </c>
      <c r="AN291" s="13">
        <v>0.16138796067606179</v>
      </c>
      <c r="AO291" s="9">
        <v>10337</v>
      </c>
      <c r="AP291" s="13">
        <v>0.27473023972784777</v>
      </c>
      <c r="AQ291" s="9">
        <v>32691</v>
      </c>
      <c r="AR291" s="9">
        <v>32538</v>
      </c>
      <c r="AS291" s="9">
        <v>34773</v>
      </c>
      <c r="AT291" s="9">
        <v>37093</v>
      </c>
      <c r="AU291" s="9">
        <v>37091</v>
      </c>
      <c r="AV291" s="9">
        <v>37053</v>
      </c>
      <c r="AW291" s="9">
        <v>37626</v>
      </c>
      <c r="AX291" s="9">
        <v>40071</v>
      </c>
      <c r="AY291" s="9">
        <v>38978</v>
      </c>
      <c r="AZ291" s="9">
        <v>41298</v>
      </c>
      <c r="BA291" s="9">
        <v>41870</v>
      </c>
      <c r="BB291" s="9">
        <v>42403</v>
      </c>
      <c r="BC291" s="9">
        <v>42702</v>
      </c>
      <c r="BD291" s="9">
        <v>44748</v>
      </c>
      <c r="BE291" s="9">
        <v>47066</v>
      </c>
      <c r="BF291" s="9">
        <v>47963</v>
      </c>
      <c r="BG291" s="11">
        <v>4</v>
      </c>
      <c r="BH291" s="13">
        <v>0.10526315789473684</v>
      </c>
      <c r="BI291" s="6">
        <v>6</v>
      </c>
      <c r="BJ291" s="13">
        <v>0.15789473684210525</v>
      </c>
      <c r="BK291" s="6">
        <v>-2</v>
      </c>
      <c r="BL291" s="13">
        <v>-4.5454545454545456E-2</v>
      </c>
      <c r="BM291" s="11">
        <v>0</v>
      </c>
      <c r="BN291" s="13">
        <v>0</v>
      </c>
      <c r="BO291" s="11">
        <v>-2</v>
      </c>
      <c r="BP291" s="13">
        <v>-4.5454545454545456E-2</v>
      </c>
      <c r="BQ291" s="6">
        <v>38</v>
      </c>
      <c r="BR291" s="6">
        <v>37</v>
      </c>
      <c r="BS291" s="6">
        <v>40</v>
      </c>
      <c r="BT291" s="6">
        <v>44</v>
      </c>
      <c r="BU291" s="6">
        <v>38</v>
      </c>
      <c r="BV291" s="6">
        <v>41</v>
      </c>
      <c r="BW291" s="6">
        <v>42</v>
      </c>
      <c r="BX291" s="6">
        <v>42</v>
      </c>
      <c r="BY291" s="6">
        <v>38</v>
      </c>
      <c r="BZ291" s="6">
        <v>40</v>
      </c>
      <c r="CA291" s="6">
        <v>40</v>
      </c>
      <c r="CB291" s="6">
        <v>44</v>
      </c>
      <c r="CC291" s="11">
        <v>42</v>
      </c>
      <c r="CD291" s="11">
        <v>-29</v>
      </c>
      <c r="CE291" s="11">
        <v>-24</v>
      </c>
      <c r="CF291" s="11">
        <v>34</v>
      </c>
      <c r="CG291" s="11">
        <v>10</v>
      </c>
      <c r="CH291" s="20">
        <v>0.47</v>
      </c>
      <c r="CI291" s="20">
        <v>0.47</v>
      </c>
      <c r="CJ291" s="20">
        <v>0.46</v>
      </c>
      <c r="CK291" s="20">
        <v>0.44</v>
      </c>
      <c r="CL291" s="20">
        <v>0.42</v>
      </c>
      <c r="CM291" s="20">
        <v>0.44</v>
      </c>
      <c r="CN291" s="20">
        <v>0.44</v>
      </c>
      <c r="CO291" s="20">
        <v>0.43</v>
      </c>
      <c r="CP291" s="20">
        <v>0.46</v>
      </c>
      <c r="CQ291" s="20">
        <v>0.46</v>
      </c>
      <c r="CR291" s="20">
        <v>0.48</v>
      </c>
      <c r="CS291" s="20">
        <v>0.48</v>
      </c>
      <c r="CT291" s="20">
        <v>0.47</v>
      </c>
      <c r="CU291" s="20">
        <v>0.48</v>
      </c>
      <c r="CV291" s="20">
        <v>0.46</v>
      </c>
      <c r="CW291" s="20">
        <v>0.45</v>
      </c>
      <c r="CX291" s="20">
        <v>0.45</v>
      </c>
      <c r="CY291" s="6" t="s">
        <v>433</v>
      </c>
      <c r="CZ291" s="6" t="s">
        <v>434</v>
      </c>
      <c r="DA291" s="6" t="s">
        <v>77</v>
      </c>
      <c r="DB291" s="6"/>
      <c r="DC291" s="6">
        <v>27620</v>
      </c>
      <c r="DD291" s="6"/>
      <c r="DE291" s="6" t="s">
        <v>436</v>
      </c>
      <c r="DF291" s="6" t="s">
        <v>375</v>
      </c>
      <c r="DG291" s="6" t="s">
        <v>376</v>
      </c>
      <c r="DH291" s="6" t="s">
        <v>328</v>
      </c>
      <c r="DI291" s="6"/>
      <c r="DJ291" s="6">
        <v>29</v>
      </c>
      <c r="DK291" s="6">
        <v>27</v>
      </c>
      <c r="DL291" s="6">
        <v>2</v>
      </c>
      <c r="DM291" s="6" t="s">
        <v>379</v>
      </c>
      <c r="DN291" s="6">
        <v>3</v>
      </c>
      <c r="DO291" s="6" t="s">
        <v>380</v>
      </c>
      <c r="DP291" s="6"/>
      <c r="DQ291" s="6"/>
    </row>
    <row r="292" spans="1:121" x14ac:dyDescent="0.2">
      <c r="A292" s="6" t="s">
        <v>316</v>
      </c>
      <c r="B292" s="6" t="s">
        <v>316</v>
      </c>
      <c r="C292" s="6" t="s">
        <v>185</v>
      </c>
      <c r="D292" s="6" t="s">
        <v>77</v>
      </c>
      <c r="E292" s="6" t="s">
        <v>218</v>
      </c>
      <c r="F292" s="11">
        <v>12</v>
      </c>
      <c r="G292" s="13">
        <v>0.11</v>
      </c>
      <c r="H292" s="11">
        <v>19</v>
      </c>
      <c r="I292" s="13">
        <v>0.16666666666666666</v>
      </c>
      <c r="J292" s="11">
        <v>-5</v>
      </c>
      <c r="K292" s="13">
        <v>-3.7593984962406013E-2</v>
      </c>
      <c r="L292" s="11">
        <v>-2</v>
      </c>
      <c r="M292" s="13">
        <v>-1.5625E-2</v>
      </c>
      <c r="N292" s="11">
        <v>-7</v>
      </c>
      <c r="O292" s="13">
        <v>-5.2631578947368418E-2</v>
      </c>
      <c r="P292" s="7">
        <v>114</v>
      </c>
      <c r="Q292" s="7">
        <v>120</v>
      </c>
      <c r="R292" s="7">
        <v>127</v>
      </c>
      <c r="S292" s="7">
        <v>140</v>
      </c>
      <c r="T292" s="7">
        <v>129</v>
      </c>
      <c r="U292" s="7">
        <v>129</v>
      </c>
      <c r="V292" s="7">
        <v>133</v>
      </c>
      <c r="W292" s="7">
        <v>139</v>
      </c>
      <c r="X292" s="7">
        <v>141</v>
      </c>
      <c r="Y292" s="7">
        <v>128</v>
      </c>
      <c r="Z292" s="7">
        <v>112</v>
      </c>
      <c r="AA292" s="7">
        <v>114</v>
      </c>
      <c r="AB292" s="7">
        <v>111</v>
      </c>
      <c r="AC292" s="7">
        <v>122</v>
      </c>
      <c r="AD292" s="7">
        <v>119</v>
      </c>
      <c r="AE292" s="7">
        <v>122</v>
      </c>
      <c r="AF292" s="7">
        <v>126</v>
      </c>
      <c r="AG292" s="9">
        <v>11175</v>
      </c>
      <c r="AH292" s="13">
        <v>0.52967105886813914</v>
      </c>
      <c r="AI292" s="9">
        <v>5396</v>
      </c>
      <c r="AJ292" s="13">
        <v>0.25575883970044555</v>
      </c>
      <c r="AK292" s="9">
        <v>1649</v>
      </c>
      <c r="AL292" s="13">
        <v>6.2240507284668227E-2</v>
      </c>
      <c r="AM292" s="9">
        <v>4130</v>
      </c>
      <c r="AN292" s="13">
        <v>0.14675052410901468</v>
      </c>
      <c r="AO292" s="9">
        <v>5779</v>
      </c>
      <c r="AP292" s="13">
        <v>0.21812485845851892</v>
      </c>
      <c r="AQ292" s="9">
        <v>21098</v>
      </c>
      <c r="AR292" s="9">
        <v>21354</v>
      </c>
      <c r="AS292" s="9">
        <v>21036</v>
      </c>
      <c r="AT292" s="9">
        <v>21673</v>
      </c>
      <c r="AU292" s="9">
        <v>24517</v>
      </c>
      <c r="AV292" s="9">
        <v>25598</v>
      </c>
      <c r="AW292" s="9">
        <v>26494</v>
      </c>
      <c r="AX292" s="9">
        <v>25980</v>
      </c>
      <c r="AY292" s="9">
        <v>25938</v>
      </c>
      <c r="AZ292" s="9">
        <v>28143</v>
      </c>
      <c r="BA292" s="9">
        <v>29549</v>
      </c>
      <c r="BB292" s="9">
        <v>32292</v>
      </c>
      <c r="BC292" s="9">
        <v>32255</v>
      </c>
      <c r="BD292" s="9">
        <v>32046</v>
      </c>
      <c r="BE292" s="9">
        <v>32563</v>
      </c>
      <c r="BF292" s="9">
        <v>32273</v>
      </c>
      <c r="BG292" s="11">
        <v>-3</v>
      </c>
      <c r="BH292" s="13">
        <v>-9.0909090909090912E-2</v>
      </c>
      <c r="BI292" s="6">
        <v>0</v>
      </c>
      <c r="BJ292" s="13">
        <v>0</v>
      </c>
      <c r="BK292" s="6">
        <v>-4</v>
      </c>
      <c r="BL292" s="13">
        <v>-0.12121212121212122</v>
      </c>
      <c r="BM292" s="11">
        <v>1</v>
      </c>
      <c r="BN292" s="13">
        <v>3.4482758620689655E-2</v>
      </c>
      <c r="BO292" s="11">
        <v>-3</v>
      </c>
      <c r="BP292" s="13">
        <v>-9.0909090909090912E-2</v>
      </c>
      <c r="BQ292" s="6">
        <v>33</v>
      </c>
      <c r="BR292" s="6">
        <v>33</v>
      </c>
      <c r="BS292" s="6">
        <v>30</v>
      </c>
      <c r="BT292" s="6">
        <v>33</v>
      </c>
      <c r="BU292" s="6">
        <v>32</v>
      </c>
      <c r="BV292" s="6">
        <v>30</v>
      </c>
      <c r="BW292" s="6">
        <v>29</v>
      </c>
      <c r="BX292" s="6">
        <v>28</v>
      </c>
      <c r="BY292" s="6">
        <v>28</v>
      </c>
      <c r="BZ292" s="6">
        <v>25</v>
      </c>
      <c r="CA292" s="6">
        <v>28</v>
      </c>
      <c r="CB292" s="6">
        <v>29</v>
      </c>
      <c r="CC292" s="11">
        <v>30</v>
      </c>
      <c r="CD292" s="11">
        <v>4</v>
      </c>
      <c r="CE292" s="11">
        <v>-6</v>
      </c>
      <c r="CF292" s="11">
        <v>13</v>
      </c>
      <c r="CG292" s="11">
        <v>7</v>
      </c>
      <c r="CH292" s="20">
        <v>0.42</v>
      </c>
      <c r="CI292" s="20">
        <v>0.44</v>
      </c>
      <c r="CJ292" s="20">
        <v>0.45</v>
      </c>
      <c r="CK292" s="20">
        <v>0.48</v>
      </c>
      <c r="CL292" s="20">
        <v>0.43</v>
      </c>
      <c r="CM292" s="20">
        <v>0.42</v>
      </c>
      <c r="CN292" s="20">
        <v>0.44</v>
      </c>
      <c r="CO292" s="20">
        <v>0.46</v>
      </c>
      <c r="CP292" s="20">
        <v>0.49</v>
      </c>
      <c r="CQ292" s="20">
        <v>0.47</v>
      </c>
      <c r="CR292" s="20">
        <v>0.43</v>
      </c>
      <c r="CS292" s="20">
        <v>0.45</v>
      </c>
      <c r="CT292" s="20">
        <v>0.41</v>
      </c>
      <c r="CU292" s="20">
        <v>0.46</v>
      </c>
      <c r="CV292" s="20">
        <v>0.44</v>
      </c>
      <c r="CW292" s="20">
        <v>0.45</v>
      </c>
      <c r="CX292" s="20">
        <v>0.46</v>
      </c>
      <c r="CY292" s="6" t="s">
        <v>433</v>
      </c>
      <c r="CZ292" s="6" t="s">
        <v>434</v>
      </c>
      <c r="DA292" s="6" t="s">
        <v>77</v>
      </c>
      <c r="DB292" s="6"/>
      <c r="DC292" s="6">
        <v>27620</v>
      </c>
      <c r="DD292" s="6"/>
      <c r="DE292" s="6" t="s">
        <v>436</v>
      </c>
      <c r="DF292" s="6" t="s">
        <v>375</v>
      </c>
      <c r="DG292" s="6" t="s">
        <v>376</v>
      </c>
      <c r="DH292" s="6" t="s">
        <v>328</v>
      </c>
      <c r="DI292" s="6"/>
      <c r="DJ292" s="6">
        <v>29</v>
      </c>
      <c r="DK292" s="6">
        <v>27</v>
      </c>
      <c r="DL292" s="6">
        <v>2</v>
      </c>
      <c r="DM292" s="6" t="s">
        <v>379</v>
      </c>
      <c r="DN292" s="6">
        <v>3</v>
      </c>
      <c r="DO292" s="6" t="s">
        <v>380</v>
      </c>
      <c r="DP292" s="6"/>
      <c r="DQ292" s="6"/>
    </row>
    <row r="293" spans="1:121" x14ac:dyDescent="0.2">
      <c r="A293" s="6" t="s">
        <v>317</v>
      </c>
      <c r="B293" s="6" t="s">
        <v>317</v>
      </c>
      <c r="C293" s="6" t="s">
        <v>186</v>
      </c>
      <c r="D293" s="6" t="s">
        <v>77</v>
      </c>
      <c r="E293" s="6" t="s">
        <v>218</v>
      </c>
      <c r="F293" s="11">
        <v>285</v>
      </c>
      <c r="G293" s="13">
        <v>1.56</v>
      </c>
      <c r="H293" s="11">
        <v>107</v>
      </c>
      <c r="I293" s="13">
        <v>0.58469945355191255</v>
      </c>
      <c r="J293" s="11">
        <v>24</v>
      </c>
      <c r="K293" s="13">
        <v>8.2758620689655171E-2</v>
      </c>
      <c r="L293" s="11">
        <v>154</v>
      </c>
      <c r="M293" s="13">
        <v>0.49044585987261147</v>
      </c>
      <c r="N293" s="11">
        <v>178</v>
      </c>
      <c r="O293" s="13">
        <v>0.61379310344827587</v>
      </c>
      <c r="P293" s="7">
        <v>183</v>
      </c>
      <c r="Q293" s="7">
        <v>196</v>
      </c>
      <c r="R293" s="7">
        <v>227</v>
      </c>
      <c r="S293" s="7">
        <v>235</v>
      </c>
      <c r="T293" s="7">
        <v>282</v>
      </c>
      <c r="U293" s="7">
        <v>293</v>
      </c>
      <c r="V293" s="7">
        <v>290</v>
      </c>
      <c r="W293" s="7">
        <v>303</v>
      </c>
      <c r="X293" s="7">
        <v>274</v>
      </c>
      <c r="Y293" s="7">
        <v>314</v>
      </c>
      <c r="Z293" s="7">
        <v>356</v>
      </c>
      <c r="AA293" s="7">
        <v>334</v>
      </c>
      <c r="AB293" s="7">
        <v>367</v>
      </c>
      <c r="AC293" s="7">
        <v>385</v>
      </c>
      <c r="AD293" s="7">
        <v>425</v>
      </c>
      <c r="AE293" s="7">
        <v>440</v>
      </c>
      <c r="AF293" s="7">
        <v>468</v>
      </c>
      <c r="AG293" s="9">
        <v>17302</v>
      </c>
      <c r="AH293" s="13">
        <v>0.43315641898658119</v>
      </c>
      <c r="AI293" s="9">
        <v>1559</v>
      </c>
      <c r="AJ293" s="13">
        <v>3.9029641498097338E-2</v>
      </c>
      <c r="AK293" s="9">
        <v>3791</v>
      </c>
      <c r="AL293" s="13">
        <v>9.1342794496783369E-2</v>
      </c>
      <c r="AM293" s="9">
        <v>11952</v>
      </c>
      <c r="AN293" s="13">
        <v>0.26387601006755862</v>
      </c>
      <c r="AO293" s="9">
        <v>15743</v>
      </c>
      <c r="AP293" s="13">
        <v>0.37932197672457418</v>
      </c>
      <c r="AQ293" s="9">
        <v>39944</v>
      </c>
      <c r="AR293" s="9">
        <v>39212</v>
      </c>
      <c r="AS293" s="9">
        <v>54973</v>
      </c>
      <c r="AT293" s="9">
        <v>40014</v>
      </c>
      <c r="AU293" s="9">
        <v>39942</v>
      </c>
      <c r="AV293" s="9">
        <v>39428</v>
      </c>
      <c r="AW293" s="9">
        <v>41503</v>
      </c>
      <c r="AX293" s="9">
        <v>42134</v>
      </c>
      <c r="AY293" s="9">
        <v>38044</v>
      </c>
      <c r="AZ293" s="9">
        <v>45294</v>
      </c>
      <c r="BA293" s="9">
        <v>51326</v>
      </c>
      <c r="BB293" s="9">
        <v>50185</v>
      </c>
      <c r="BC293" s="9">
        <v>52715</v>
      </c>
      <c r="BD293" s="9">
        <v>51077</v>
      </c>
      <c r="BE293" s="9">
        <v>52351</v>
      </c>
      <c r="BF293" s="9">
        <v>57246</v>
      </c>
      <c r="BG293" s="11">
        <v>-3</v>
      </c>
      <c r="BH293" s="13">
        <v>-6.5217391304347824E-2</v>
      </c>
      <c r="BI293" s="6">
        <v>1</v>
      </c>
      <c r="BJ293" s="13">
        <v>2.1739130434782608E-2</v>
      </c>
      <c r="BK293" s="6">
        <v>-4</v>
      </c>
      <c r="BL293" s="13">
        <v>-8.5106382978723402E-2</v>
      </c>
      <c r="BM293" s="11">
        <v>0</v>
      </c>
      <c r="BN293" s="13">
        <v>0</v>
      </c>
      <c r="BO293" s="11">
        <v>-4</v>
      </c>
      <c r="BP293" s="13">
        <v>-8.5106382978723402E-2</v>
      </c>
      <c r="BQ293" s="6">
        <v>46</v>
      </c>
      <c r="BR293" s="6">
        <v>46</v>
      </c>
      <c r="BS293" s="6">
        <v>44</v>
      </c>
      <c r="BT293" s="6">
        <v>47</v>
      </c>
      <c r="BU293" s="6">
        <v>46</v>
      </c>
      <c r="BV293" s="6">
        <v>45</v>
      </c>
      <c r="BW293" s="6">
        <v>43</v>
      </c>
      <c r="BX293" s="6">
        <v>45</v>
      </c>
      <c r="BY293" s="6">
        <v>43</v>
      </c>
      <c r="BZ293" s="6">
        <v>44</v>
      </c>
      <c r="CA293" s="6">
        <v>43</v>
      </c>
      <c r="CB293" s="6">
        <v>43</v>
      </c>
      <c r="CC293" s="11">
        <v>43</v>
      </c>
      <c r="CD293" s="11">
        <v>228</v>
      </c>
      <c r="CE293" s="11">
        <v>37</v>
      </c>
      <c r="CF293" s="11">
        <v>20</v>
      </c>
      <c r="CG293" s="11">
        <v>57</v>
      </c>
      <c r="CH293" s="20">
        <v>0.21</v>
      </c>
      <c r="CI293" s="20">
        <v>0.23</v>
      </c>
      <c r="CJ293" s="20">
        <v>0.26</v>
      </c>
      <c r="CK293" s="20">
        <v>0.27</v>
      </c>
      <c r="CL293" s="20">
        <v>0.31</v>
      </c>
      <c r="CM293" s="20">
        <v>0.31</v>
      </c>
      <c r="CN293" s="20">
        <v>0.3</v>
      </c>
      <c r="CO293" s="20">
        <v>0.3</v>
      </c>
      <c r="CP293" s="20">
        <v>0.27</v>
      </c>
      <c r="CQ293" s="20">
        <v>0.32</v>
      </c>
      <c r="CR293" s="20">
        <v>0.37</v>
      </c>
      <c r="CS293" s="20">
        <v>0.35</v>
      </c>
      <c r="CT293" s="20">
        <v>0.36</v>
      </c>
      <c r="CU293" s="20">
        <v>0.38</v>
      </c>
      <c r="CV293" s="20">
        <v>0.41</v>
      </c>
      <c r="CW293" s="20">
        <v>0.42</v>
      </c>
      <c r="CX293" s="20">
        <v>0.44</v>
      </c>
      <c r="CY293" s="6" t="s">
        <v>433</v>
      </c>
      <c r="CZ293" s="6" t="s">
        <v>434</v>
      </c>
      <c r="DA293" s="6" t="s">
        <v>77</v>
      </c>
      <c r="DB293" s="6"/>
      <c r="DC293" s="6">
        <v>27620</v>
      </c>
      <c r="DD293" s="6"/>
      <c r="DE293" s="6" t="s">
        <v>436</v>
      </c>
      <c r="DF293" s="6" t="s">
        <v>375</v>
      </c>
      <c r="DG293" s="6" t="s">
        <v>376</v>
      </c>
      <c r="DH293" s="6" t="s">
        <v>328</v>
      </c>
      <c r="DI293" s="6"/>
      <c r="DJ293" s="6">
        <v>29</v>
      </c>
      <c r="DK293" s="6">
        <v>27</v>
      </c>
      <c r="DL293" s="6">
        <v>2</v>
      </c>
      <c r="DM293" s="6" t="s">
        <v>379</v>
      </c>
      <c r="DN293" s="6">
        <v>3</v>
      </c>
      <c r="DO293" s="6" t="s">
        <v>380</v>
      </c>
      <c r="DP293" s="6"/>
      <c r="DQ293" s="6"/>
    </row>
    <row r="294" spans="1:121" x14ac:dyDescent="0.2">
      <c r="A294" s="6" t="s">
        <v>318</v>
      </c>
      <c r="B294" s="6" t="s">
        <v>318</v>
      </c>
      <c r="C294" s="6" t="s">
        <v>187</v>
      </c>
      <c r="D294" s="6" t="s">
        <v>77</v>
      </c>
      <c r="E294" s="6" t="s">
        <v>218</v>
      </c>
      <c r="F294" s="11">
        <v>80</v>
      </c>
      <c r="G294" s="13">
        <v>5.7142857142899999</v>
      </c>
      <c r="H294" s="11">
        <v>12.168371</v>
      </c>
      <c r="I294" s="13">
        <v>0.88112253964097809</v>
      </c>
      <c r="J294" s="11">
        <v>73.712845999999999</v>
      </c>
      <c r="K294" s="13">
        <v>2.8374613896310743</v>
      </c>
      <c r="L294" s="11">
        <v>-5.4328799649999979</v>
      </c>
      <c r="M294" s="13">
        <v>-5.449703472103555E-2</v>
      </c>
      <c r="N294" s="11">
        <v>68.279966035000001</v>
      </c>
      <c r="O294" s="13">
        <v>2.6283311230397164</v>
      </c>
      <c r="P294" s="7">
        <v>13.810078000000001</v>
      </c>
      <c r="Q294" s="7">
        <v>13.778359</v>
      </c>
      <c r="R294" s="7">
        <v>11.51</v>
      </c>
      <c r="S294" s="7">
        <v>17.876256000000001</v>
      </c>
      <c r="T294" s="7">
        <v>17.842039</v>
      </c>
      <c r="U294" s="7">
        <v>21.092129</v>
      </c>
      <c r="V294" s="7">
        <v>25.978449000000001</v>
      </c>
      <c r="W294" s="7">
        <v>67.563339999999997</v>
      </c>
      <c r="X294" s="7">
        <v>87.65907</v>
      </c>
      <c r="Y294" s="7">
        <v>99.691294999999997</v>
      </c>
      <c r="Z294" s="7">
        <v>96.918109999999999</v>
      </c>
      <c r="AA294" s="7">
        <v>99.083439999999996</v>
      </c>
      <c r="AB294" s="7">
        <v>104.984274</v>
      </c>
      <c r="AC294" s="7">
        <v>109.060411</v>
      </c>
      <c r="AD294" s="7">
        <v>94.916251000000003</v>
      </c>
      <c r="AE294" s="7">
        <v>90.137439999999998</v>
      </c>
      <c r="AF294" s="7">
        <v>94.258415034999999</v>
      </c>
      <c r="AG294" s="9">
        <v>-148504.71590040001</v>
      </c>
      <c r="AH294" s="13">
        <v>-0.67461071609381229</v>
      </c>
      <c r="AI294" s="9">
        <v>-136093.4190959</v>
      </c>
      <c r="AJ294" s="13">
        <v>-0.61823005656949048</v>
      </c>
      <c r="AK294" s="9">
        <v>-21162.866270500002</v>
      </c>
      <c r="AL294" s="13">
        <v>-0.25181740509681133</v>
      </c>
      <c r="AM294" s="9">
        <v>8751.5694660000008</v>
      </c>
      <c r="AN294" s="13">
        <v>0.13918409187790232</v>
      </c>
      <c r="AO294" s="9">
        <v>-12411.296804500002</v>
      </c>
      <c r="AP294" s="13">
        <v>-0.14768229006635855</v>
      </c>
      <c r="AQ294" s="9">
        <v>220133.941483</v>
      </c>
      <c r="AR294" s="9">
        <v>300281.74244300002</v>
      </c>
      <c r="AS294" s="9">
        <v>265447.878103</v>
      </c>
      <c r="AT294" s="9">
        <v>247441.49875299999</v>
      </c>
      <c r="AU294" s="9">
        <v>99357.378891500004</v>
      </c>
      <c r="AV294" s="9">
        <v>92281.317114999998</v>
      </c>
      <c r="AW294" s="9">
        <v>84040.522387100005</v>
      </c>
      <c r="AX294" s="9">
        <v>59675.063068700001</v>
      </c>
      <c r="AY294" s="9">
        <v>66959.117755700005</v>
      </c>
      <c r="AZ294" s="9">
        <v>62877.656116600003</v>
      </c>
      <c r="BA294" s="9">
        <v>65202.189989600003</v>
      </c>
      <c r="BB294" s="9">
        <v>66207.9853458</v>
      </c>
      <c r="BC294" s="9">
        <v>62081.132093300002</v>
      </c>
      <c r="BD294" s="9">
        <v>62168.0723364</v>
      </c>
      <c r="BE294" s="9">
        <v>65958.3649019</v>
      </c>
      <c r="BF294" s="9">
        <v>71629.225582600004</v>
      </c>
      <c r="BG294" s="11">
        <v>1.25</v>
      </c>
      <c r="BH294" s="13">
        <v>0.3125</v>
      </c>
      <c r="BI294" s="6">
        <v>0</v>
      </c>
      <c r="BJ294" s="13">
        <v>0</v>
      </c>
      <c r="BK294" s="6">
        <v>3</v>
      </c>
      <c r="BL294" s="13">
        <v>0.75</v>
      </c>
      <c r="BM294" s="11">
        <v>-1.75</v>
      </c>
      <c r="BN294" s="13">
        <v>-0.25</v>
      </c>
      <c r="BO294" s="11">
        <v>1.25</v>
      </c>
      <c r="BP294" s="13">
        <v>0.3125</v>
      </c>
      <c r="BQ294" s="6">
        <v>4</v>
      </c>
      <c r="BR294" s="6">
        <v>4</v>
      </c>
      <c r="BS294" s="6">
        <v>4</v>
      </c>
      <c r="BT294" s="6">
        <v>4</v>
      </c>
      <c r="BU294" s="6">
        <v>5</v>
      </c>
      <c r="BV294" s="6">
        <v>6</v>
      </c>
      <c r="BW294" s="6">
        <v>7</v>
      </c>
      <c r="BX294" s="6">
        <v>6</v>
      </c>
      <c r="BY294" s="6">
        <v>6</v>
      </c>
      <c r="BZ294" s="6">
        <v>6</v>
      </c>
      <c r="CA294" s="6">
        <v>6</v>
      </c>
      <c r="CB294" s="6">
        <v>6</v>
      </c>
      <c r="CC294" s="11">
        <v>5.25</v>
      </c>
      <c r="CD294" s="11">
        <v>75.981899999999996</v>
      </c>
      <c r="CE294" s="11">
        <v>2.9568500000000002</v>
      </c>
      <c r="CF294" s="11">
        <v>1.5096099999999999</v>
      </c>
      <c r="CG294" s="11">
        <v>5</v>
      </c>
      <c r="CH294" s="20">
        <v>7.4035500000000004E-2</v>
      </c>
      <c r="CI294" s="20">
        <v>7.36961E-2</v>
      </c>
      <c r="CJ294" s="20">
        <v>6.2423399999999997E-2</v>
      </c>
      <c r="CK294" s="20">
        <v>9.4484299999999993E-2</v>
      </c>
      <c r="CL294" s="20">
        <v>9.2152100000000001E-2</v>
      </c>
      <c r="CM294" s="20">
        <v>0.106515</v>
      </c>
      <c r="CN294" s="20">
        <v>0.12726399999999999</v>
      </c>
      <c r="CO294" s="20">
        <v>0.31563999999999998</v>
      </c>
      <c r="CP294" s="20">
        <v>0.41131099999999998</v>
      </c>
      <c r="CQ294" s="20">
        <v>0.470999</v>
      </c>
      <c r="CR294" s="20">
        <v>0.466783</v>
      </c>
      <c r="CS294" s="20">
        <v>0.46751700000000002</v>
      </c>
      <c r="CT294" s="20">
        <v>0.46030599999999999</v>
      </c>
      <c r="CU294" s="20">
        <v>0.47683700000000001</v>
      </c>
      <c r="CV294" s="20">
        <v>0.41129700000000002</v>
      </c>
      <c r="CW294" s="20">
        <v>0.38861400000000001</v>
      </c>
      <c r="CX294" s="20">
        <v>0.40160600000000002</v>
      </c>
      <c r="CY294" s="6" t="s">
        <v>433</v>
      </c>
      <c r="CZ294" s="6" t="s">
        <v>434</v>
      </c>
      <c r="DA294" s="6" t="s">
        <v>77</v>
      </c>
      <c r="DB294" s="6"/>
      <c r="DC294" s="6">
        <v>27620</v>
      </c>
      <c r="DD294" s="6"/>
      <c r="DE294" s="6" t="s">
        <v>436</v>
      </c>
      <c r="DF294" s="6" t="s">
        <v>375</v>
      </c>
      <c r="DG294" s="6" t="s">
        <v>376</v>
      </c>
      <c r="DH294" s="6" t="s">
        <v>328</v>
      </c>
      <c r="DI294" s="6"/>
      <c r="DJ294" s="6">
        <v>29</v>
      </c>
      <c r="DK294" s="6">
        <v>27</v>
      </c>
      <c r="DL294" s="6">
        <v>2</v>
      </c>
      <c r="DM294" s="6" t="s">
        <v>379</v>
      </c>
      <c r="DN294" s="6">
        <v>3</v>
      </c>
      <c r="DO294" s="6" t="s">
        <v>380</v>
      </c>
      <c r="DP294" s="6"/>
      <c r="DQ294" s="6"/>
    </row>
    <row r="295" spans="1:121" x14ac:dyDescent="0.2">
      <c r="A295" s="6" t="s">
        <v>319</v>
      </c>
      <c r="B295" s="6" t="s">
        <v>319</v>
      </c>
      <c r="C295" s="6" t="s">
        <v>188</v>
      </c>
      <c r="D295" s="6" t="s">
        <v>77</v>
      </c>
      <c r="E295" s="6" t="s">
        <v>218</v>
      </c>
      <c r="F295" s="11">
        <v>246</v>
      </c>
      <c r="G295" s="13">
        <v>0.80130293159599997</v>
      </c>
      <c r="H295" s="11">
        <v>100.47317204299998</v>
      </c>
      <c r="I295" s="13">
        <v>0.32698773371811701</v>
      </c>
      <c r="J295" s="11">
        <v>-24.671944531000008</v>
      </c>
      <c r="K295" s="13">
        <v>-6.0508699557822586E-2</v>
      </c>
      <c r="L295" s="11">
        <v>169.84339969299998</v>
      </c>
      <c r="M295" s="13">
        <v>0.44337413143033422</v>
      </c>
      <c r="N295" s="11">
        <v>145.17145516199997</v>
      </c>
      <c r="O295" s="13">
        <v>0.35603743976208302</v>
      </c>
      <c r="P295" s="7">
        <v>307.26893299800003</v>
      </c>
      <c r="Q295" s="7">
        <v>359.50048626900002</v>
      </c>
      <c r="R295" s="7">
        <v>298.26855078800003</v>
      </c>
      <c r="S295" s="7">
        <v>300.96518519300002</v>
      </c>
      <c r="T295" s="7">
        <v>350.77626731599997</v>
      </c>
      <c r="U295" s="7">
        <v>366.63262194100002</v>
      </c>
      <c r="V295" s="7">
        <v>407.742105041</v>
      </c>
      <c r="W295" s="7">
        <v>362.95241576900003</v>
      </c>
      <c r="X295" s="7">
        <v>370.45174783599998</v>
      </c>
      <c r="Y295" s="7">
        <v>383.07016050999999</v>
      </c>
      <c r="Z295" s="7">
        <v>346.45233330999997</v>
      </c>
      <c r="AA295" s="7">
        <v>392.609210652</v>
      </c>
      <c r="AB295" s="7">
        <v>432.60869543799998</v>
      </c>
      <c r="AC295" s="7">
        <v>461.55568537699997</v>
      </c>
      <c r="AD295" s="7">
        <v>498.17716172399997</v>
      </c>
      <c r="AE295" s="7">
        <v>519.18522212200003</v>
      </c>
      <c r="AF295" s="7">
        <v>552.91356020299997</v>
      </c>
      <c r="AG295" s="9">
        <v>10092.259606400003</v>
      </c>
      <c r="AH295" s="13">
        <v>0.39200417299130286</v>
      </c>
      <c r="AI295" s="9">
        <v>1035.4527039999994</v>
      </c>
      <c r="AJ295" s="13">
        <v>4.0219118089840418E-2</v>
      </c>
      <c r="AK295" s="9">
        <v>6753.5513462999988</v>
      </c>
      <c r="AL295" s="13">
        <v>0.25217942576711772</v>
      </c>
      <c r="AM295" s="9">
        <v>2303.2555561000045</v>
      </c>
      <c r="AN295" s="13">
        <v>6.8683593486314518E-2</v>
      </c>
      <c r="AO295" s="9">
        <v>9056.8069024000033</v>
      </c>
      <c r="AP295" s="13">
        <v>0.33818360841843315</v>
      </c>
      <c r="AQ295" s="9">
        <v>25745.2861519</v>
      </c>
      <c r="AR295" s="9">
        <v>27563.9394875</v>
      </c>
      <c r="AS295" s="9">
        <v>21592.819414699999</v>
      </c>
      <c r="AT295" s="9">
        <v>25121.930979000001</v>
      </c>
      <c r="AU295" s="9">
        <v>31123.013777600001</v>
      </c>
      <c r="AV295" s="9">
        <v>27332.051937200002</v>
      </c>
      <c r="AW295" s="9">
        <v>26780.738855899999</v>
      </c>
      <c r="AX295" s="9">
        <v>27222.701226900001</v>
      </c>
      <c r="AY295" s="9">
        <v>47739.033291400003</v>
      </c>
      <c r="AZ295" s="9">
        <v>33534.290202199998</v>
      </c>
      <c r="BA295" s="9">
        <v>29935.9153391</v>
      </c>
      <c r="BB295" s="9">
        <v>28393.054558700002</v>
      </c>
      <c r="BC295" s="9">
        <v>31638.306222899999</v>
      </c>
      <c r="BD295" s="9">
        <v>31579.890267499999</v>
      </c>
      <c r="BE295" s="9">
        <v>33557.170120700001</v>
      </c>
      <c r="BF295" s="9">
        <v>35837.545758300002</v>
      </c>
      <c r="BG295" s="11">
        <v>4.75</v>
      </c>
      <c r="BH295" s="13">
        <v>0.1357142857142857</v>
      </c>
      <c r="BI295" s="6">
        <v>7</v>
      </c>
      <c r="BJ295" s="13">
        <v>0.2</v>
      </c>
      <c r="BK295" s="6">
        <v>0</v>
      </c>
      <c r="BL295" s="13">
        <v>0</v>
      </c>
      <c r="BM295" s="11">
        <v>-2.25</v>
      </c>
      <c r="BN295" s="13">
        <v>-5.3571428571428568E-2</v>
      </c>
      <c r="BO295" s="11">
        <v>-2.25</v>
      </c>
      <c r="BP295" s="13">
        <v>-5.3571428571428568E-2</v>
      </c>
      <c r="BQ295" s="6">
        <v>35</v>
      </c>
      <c r="BR295" s="6">
        <v>42</v>
      </c>
      <c r="BS295" s="6">
        <v>40</v>
      </c>
      <c r="BT295" s="6">
        <v>42</v>
      </c>
      <c r="BU295" s="6">
        <v>43</v>
      </c>
      <c r="BV295" s="6">
        <v>43</v>
      </c>
      <c r="BW295" s="6">
        <v>42</v>
      </c>
      <c r="BX295" s="6">
        <v>36</v>
      </c>
      <c r="BY295" s="6">
        <v>39</v>
      </c>
      <c r="BZ295" s="6">
        <v>41</v>
      </c>
      <c r="CA295" s="6">
        <v>41</v>
      </c>
      <c r="CB295" s="6">
        <v>41</v>
      </c>
      <c r="CC295" s="11">
        <v>39.75</v>
      </c>
      <c r="CD295" s="11">
        <v>184.411</v>
      </c>
      <c r="CE295" s="11">
        <v>27.645800000000001</v>
      </c>
      <c r="CF295" s="11">
        <v>33.588200000000001</v>
      </c>
      <c r="CG295" s="11">
        <v>62</v>
      </c>
      <c r="CH295" s="20">
        <v>0.33581699999999998</v>
      </c>
      <c r="CI295" s="20">
        <v>0.38817600000000002</v>
      </c>
      <c r="CJ295" s="20">
        <v>0.32075700000000001</v>
      </c>
      <c r="CK295" s="20">
        <v>0.31173800000000002</v>
      </c>
      <c r="CL295" s="20">
        <v>0.35253899999999999</v>
      </c>
      <c r="CM295" s="20">
        <v>0.35863499999999998</v>
      </c>
      <c r="CN295" s="20">
        <v>0.39503500000000003</v>
      </c>
      <c r="CO295" s="20">
        <v>0.36134699999999997</v>
      </c>
      <c r="CP295" s="20">
        <v>0.39876899999999998</v>
      </c>
      <c r="CQ295" s="20">
        <v>0.40358300000000003</v>
      </c>
      <c r="CR295" s="20">
        <v>0.37005500000000002</v>
      </c>
      <c r="CS295" s="20">
        <v>0.41611700000000001</v>
      </c>
      <c r="CT295" s="20">
        <v>0.43092200000000003</v>
      </c>
      <c r="CU295" s="20">
        <v>0.45788499999999999</v>
      </c>
      <c r="CV295" s="20">
        <v>0.48847699999999999</v>
      </c>
      <c r="CW295" s="20">
        <v>0.50422</v>
      </c>
      <c r="CX295" s="20">
        <v>0.529972</v>
      </c>
      <c r="CY295" s="6" t="s">
        <v>433</v>
      </c>
      <c r="CZ295" s="6" t="s">
        <v>434</v>
      </c>
      <c r="DA295" s="6" t="s">
        <v>77</v>
      </c>
      <c r="DB295" s="6"/>
      <c r="DC295" s="6">
        <v>27620</v>
      </c>
      <c r="DD295" s="6"/>
      <c r="DE295" s="6" t="s">
        <v>436</v>
      </c>
      <c r="DF295" s="6" t="s">
        <v>375</v>
      </c>
      <c r="DG295" s="6" t="s">
        <v>376</v>
      </c>
      <c r="DH295" s="6" t="s">
        <v>328</v>
      </c>
      <c r="DI295" s="6"/>
      <c r="DJ295" s="6">
        <v>29</v>
      </c>
      <c r="DK295" s="6">
        <v>27</v>
      </c>
      <c r="DL295" s="6">
        <v>2</v>
      </c>
      <c r="DM295" s="6" t="s">
        <v>379</v>
      </c>
      <c r="DN295" s="6">
        <v>3</v>
      </c>
      <c r="DO295" s="6" t="s">
        <v>380</v>
      </c>
      <c r="DP295" s="6"/>
      <c r="DQ295" s="6"/>
    </row>
    <row r="296" spans="1:121" x14ac:dyDescent="0.2">
      <c r="A296" s="6" t="s">
        <v>320</v>
      </c>
      <c r="B296" s="6" t="s">
        <v>320</v>
      </c>
      <c r="C296" s="6" t="s">
        <v>189</v>
      </c>
      <c r="D296" s="6" t="s">
        <v>77</v>
      </c>
      <c r="E296" s="6" t="s">
        <v>218</v>
      </c>
      <c r="F296" s="11">
        <v>103</v>
      </c>
      <c r="G296" s="13">
        <v>0.100980392157</v>
      </c>
      <c r="H296" s="11">
        <v>-47.418074300999933</v>
      </c>
      <c r="I296" s="13">
        <v>-4.6508459315736141E-2</v>
      </c>
      <c r="J296" s="11">
        <v>-312.76638606400002</v>
      </c>
      <c r="K296" s="13">
        <v>-0.32172978419985843</v>
      </c>
      <c r="L296" s="11">
        <v>463.55844609499991</v>
      </c>
      <c r="M296" s="13">
        <v>0.70302852611789468</v>
      </c>
      <c r="N296" s="11">
        <v>150.79206003099989</v>
      </c>
      <c r="O296" s="13">
        <v>0.15511352592378139</v>
      </c>
      <c r="P296" s="7">
        <v>1019.55805457</v>
      </c>
      <c r="Q296" s="7">
        <v>1059.8624551099999</v>
      </c>
      <c r="R296" s="7">
        <v>1095.8903208900001</v>
      </c>
      <c r="S296" s="7">
        <v>1119.2287285499999</v>
      </c>
      <c r="T296" s="7">
        <v>984.66259308199994</v>
      </c>
      <c r="U296" s="7">
        <v>1040.0295702200001</v>
      </c>
      <c r="V296" s="7">
        <v>972.13998026900003</v>
      </c>
      <c r="W296" s="7">
        <v>644.25249109499998</v>
      </c>
      <c r="X296" s="7">
        <v>629.72331572500002</v>
      </c>
      <c r="Y296" s="7">
        <v>659.37359420500002</v>
      </c>
      <c r="Z296" s="7">
        <v>651.41147605100002</v>
      </c>
      <c r="AA296" s="7">
        <v>654.52190584699997</v>
      </c>
      <c r="AB296" s="7">
        <v>1207.38678903</v>
      </c>
      <c r="AC296" s="7">
        <v>1100.4810059199999</v>
      </c>
      <c r="AD296" s="7">
        <v>1065.0400189899999</v>
      </c>
      <c r="AE296" s="7">
        <v>1071.68097057</v>
      </c>
      <c r="AF296" s="7">
        <v>1122.9320402999999</v>
      </c>
      <c r="AG296" s="9">
        <v>9933.4316532000012</v>
      </c>
      <c r="AH296" s="13">
        <v>0.52949784723340221</v>
      </c>
      <c r="AI296" s="9">
        <v>5445.1493823000019</v>
      </c>
      <c r="AJ296" s="13">
        <v>0.29025164479420718</v>
      </c>
      <c r="AK296" s="9">
        <v>14662.404976399997</v>
      </c>
      <c r="AL296" s="13">
        <v>0.6057531482801688</v>
      </c>
      <c r="AM296" s="9">
        <v>-10174.122705499998</v>
      </c>
      <c r="AN296" s="13">
        <v>-0.26176324050358485</v>
      </c>
      <c r="AO296" s="9">
        <v>4488.2822708999993</v>
      </c>
      <c r="AP296" s="13">
        <v>0.18542600073751844</v>
      </c>
      <c r="AQ296" s="9">
        <v>18760.098280099999</v>
      </c>
      <c r="AR296" s="9">
        <v>25054.900821700001</v>
      </c>
      <c r="AS296" s="9">
        <v>22790.663416200001</v>
      </c>
      <c r="AT296" s="9">
        <v>25857.8543436</v>
      </c>
      <c r="AU296" s="9">
        <v>24332.583010800001</v>
      </c>
      <c r="AV296" s="9">
        <v>26150.051037599998</v>
      </c>
      <c r="AW296" s="9">
        <v>24205.247662400001</v>
      </c>
      <c r="AX296" s="9">
        <v>30413.2555794</v>
      </c>
      <c r="AY296" s="9">
        <v>26811.3131306</v>
      </c>
      <c r="AZ296" s="9">
        <v>38867.652638799998</v>
      </c>
      <c r="BA296" s="9">
        <v>40675.432911800002</v>
      </c>
      <c r="BB296" s="9">
        <v>33983.069129299998</v>
      </c>
      <c r="BC296" s="9">
        <v>38079.152051099998</v>
      </c>
      <c r="BD296" s="9">
        <v>28770.207964099998</v>
      </c>
      <c r="BE296" s="9">
        <v>29258.551463100001</v>
      </c>
      <c r="BF296" s="9">
        <v>28693.5299333</v>
      </c>
      <c r="BG296" s="11">
        <v>-7</v>
      </c>
      <c r="BH296" s="13">
        <v>-0.63636363636363635</v>
      </c>
      <c r="BI296" s="6">
        <v>-2</v>
      </c>
      <c r="BJ296" s="13">
        <v>-0.18181818181818182</v>
      </c>
      <c r="BK296" s="6">
        <v>-3</v>
      </c>
      <c r="BL296" s="13">
        <v>-0.33333333333333331</v>
      </c>
      <c r="BM296" s="11">
        <v>-2</v>
      </c>
      <c r="BN296" s="13">
        <v>-0.33333333333333331</v>
      </c>
      <c r="BO296" s="11">
        <v>-5</v>
      </c>
      <c r="BP296" s="13">
        <v>-0.55555555555555558</v>
      </c>
      <c r="BQ296" s="6">
        <v>11</v>
      </c>
      <c r="BR296" s="6">
        <v>10</v>
      </c>
      <c r="BS296" s="6">
        <v>9</v>
      </c>
      <c r="BT296" s="6">
        <v>9</v>
      </c>
      <c r="BU296" s="6">
        <v>9</v>
      </c>
      <c r="BV296" s="6">
        <v>8</v>
      </c>
      <c r="BW296" s="6">
        <v>6</v>
      </c>
      <c r="BX296" s="6">
        <v>7</v>
      </c>
      <c r="BY296" s="6">
        <v>7</v>
      </c>
      <c r="BZ296" s="6">
        <v>5</v>
      </c>
      <c r="CA296" s="6">
        <v>3</v>
      </c>
      <c r="CB296" s="6">
        <v>3</v>
      </c>
      <c r="CC296" s="11">
        <v>4</v>
      </c>
      <c r="CD296" s="11">
        <v>-377.26299999999998</v>
      </c>
      <c r="CE296" s="11">
        <v>369.18700000000001</v>
      </c>
      <c r="CF296" s="11">
        <v>111.45</v>
      </c>
      <c r="CG296" s="11">
        <v>480</v>
      </c>
      <c r="CH296" s="20">
        <v>3.3399000000000001</v>
      </c>
      <c r="CI296" s="20">
        <v>3.2779500000000001</v>
      </c>
      <c r="CJ296" s="20">
        <v>3.2782399999999998</v>
      </c>
      <c r="CK296" s="20">
        <v>3.21244</v>
      </c>
      <c r="CL296" s="20">
        <v>2.8036500000000002</v>
      </c>
      <c r="CM296" s="20">
        <v>2.89636</v>
      </c>
      <c r="CN296" s="20">
        <v>2.63958</v>
      </c>
      <c r="CO296" s="20">
        <v>1.6707099999999999</v>
      </c>
      <c r="CP296" s="20">
        <v>1.5631600000000001</v>
      </c>
      <c r="CQ296" s="20">
        <v>1.6139699999999999</v>
      </c>
      <c r="CR296" s="20">
        <v>1.6283799999999999</v>
      </c>
      <c r="CS296" s="20">
        <v>1.6391800000000001</v>
      </c>
      <c r="CT296" s="20">
        <v>2.8789600000000002</v>
      </c>
      <c r="CU296" s="20">
        <v>2.6446900000000002</v>
      </c>
      <c r="CV296" s="20">
        <v>2.55715</v>
      </c>
      <c r="CW296" s="20">
        <v>2.5518700000000001</v>
      </c>
      <c r="CX296" s="20">
        <v>2.6295000000000002</v>
      </c>
      <c r="CY296" s="6" t="s">
        <v>433</v>
      </c>
      <c r="CZ296" s="6" t="s">
        <v>434</v>
      </c>
      <c r="DA296" s="6" t="s">
        <v>77</v>
      </c>
      <c r="DB296" s="6"/>
      <c r="DC296" s="6">
        <v>27620</v>
      </c>
      <c r="DD296" s="6"/>
      <c r="DE296" s="6" t="s">
        <v>436</v>
      </c>
      <c r="DF296" s="6" t="s">
        <v>375</v>
      </c>
      <c r="DG296" s="6" t="s">
        <v>376</v>
      </c>
      <c r="DH296" s="6" t="s">
        <v>328</v>
      </c>
      <c r="DI296" s="6"/>
      <c r="DJ296" s="6">
        <v>29</v>
      </c>
      <c r="DK296" s="6">
        <v>27</v>
      </c>
      <c r="DL296" s="6">
        <v>2</v>
      </c>
      <c r="DM296" s="6" t="s">
        <v>379</v>
      </c>
      <c r="DN296" s="6">
        <v>3</v>
      </c>
      <c r="DO296" s="6" t="s">
        <v>380</v>
      </c>
      <c r="DP296" s="6"/>
      <c r="DQ296" s="6"/>
    </row>
    <row r="297" spans="1:121" x14ac:dyDescent="0.2">
      <c r="A297" s="6" t="s">
        <v>321</v>
      </c>
      <c r="B297" s="6" t="s">
        <v>321</v>
      </c>
      <c r="C297" s="6" t="s">
        <v>190</v>
      </c>
      <c r="D297" s="6" t="s">
        <v>77</v>
      </c>
      <c r="E297" s="6" t="s">
        <v>218</v>
      </c>
      <c r="F297" s="11">
        <v>559</v>
      </c>
      <c r="G297" s="13">
        <v>0.62042175360700003</v>
      </c>
      <c r="H297" s="11">
        <v>251.34439572600002</v>
      </c>
      <c r="I297" s="13">
        <v>0.27892048780307682</v>
      </c>
      <c r="J297" s="11">
        <v>235.46792531999995</v>
      </c>
      <c r="K297" s="13">
        <v>0.20431460981171359</v>
      </c>
      <c r="L297" s="11">
        <v>72.380842680000114</v>
      </c>
      <c r="M297" s="13">
        <v>5.2149643678172118E-2</v>
      </c>
      <c r="N297" s="11">
        <v>307.84876800000006</v>
      </c>
      <c r="O297" s="13">
        <v>0.26711918758981135</v>
      </c>
      <c r="P297" s="7">
        <v>901.13278413399996</v>
      </c>
      <c r="Q297" s="7">
        <v>875.61468753199995</v>
      </c>
      <c r="R297" s="7">
        <v>872.32188673799999</v>
      </c>
      <c r="S297" s="7">
        <v>919.42610661499998</v>
      </c>
      <c r="T297" s="7">
        <v>943.47230009700002</v>
      </c>
      <c r="U297" s="7">
        <v>1184.75929453</v>
      </c>
      <c r="V297" s="7">
        <v>1152.47717986</v>
      </c>
      <c r="W297" s="7">
        <v>1351.8885112400001</v>
      </c>
      <c r="X297" s="7">
        <v>1410.1568887000001</v>
      </c>
      <c r="Y297" s="7">
        <v>1387.9451051799999</v>
      </c>
      <c r="Z297" s="7">
        <v>1292.34779761</v>
      </c>
      <c r="AA297" s="7">
        <v>1426.45532594</v>
      </c>
      <c r="AB297" s="7">
        <v>1409.7764787999999</v>
      </c>
      <c r="AC297" s="7">
        <v>1421.55392151</v>
      </c>
      <c r="AD297" s="7">
        <v>1437.1174372600001</v>
      </c>
      <c r="AE297" s="7">
        <v>1421.9415062600001</v>
      </c>
      <c r="AF297" s="7">
        <v>1460.32594786</v>
      </c>
      <c r="AG297" s="9">
        <v>14349.166089800005</v>
      </c>
      <c r="AH297" s="13">
        <v>0.6613768840690496</v>
      </c>
      <c r="AI297" s="9">
        <v>10293.979778300003</v>
      </c>
      <c r="AJ297" s="13">
        <v>0.4744666155395203</v>
      </c>
      <c r="AK297" s="9">
        <v>2803.2792591999969</v>
      </c>
      <c r="AL297" s="13">
        <v>8.7630193194040459E-2</v>
      </c>
      <c r="AM297" s="9">
        <v>1251.9070523000046</v>
      </c>
      <c r="AN297" s="13">
        <v>3.5981414802652913E-2</v>
      </c>
      <c r="AO297" s="9">
        <v>4055.1863115000015</v>
      </c>
      <c r="AP297" s="13">
        <v>0.12676466632724476</v>
      </c>
      <c r="AQ297" s="9">
        <v>21695.899018299999</v>
      </c>
      <c r="AR297" s="9">
        <v>24059.720563899999</v>
      </c>
      <c r="AS297" s="9">
        <v>24035.958027199998</v>
      </c>
      <c r="AT297" s="9">
        <v>24215.7323359</v>
      </c>
      <c r="AU297" s="9">
        <v>32193.0155777</v>
      </c>
      <c r="AV297" s="9">
        <v>30818.374275499998</v>
      </c>
      <c r="AW297" s="9">
        <v>31989.878796600002</v>
      </c>
      <c r="AX297" s="9">
        <v>31570.377552800001</v>
      </c>
      <c r="AY297" s="9">
        <v>32243.498416900002</v>
      </c>
      <c r="AZ297" s="9">
        <v>34793.158055799999</v>
      </c>
      <c r="BA297" s="9">
        <v>42719.406247999999</v>
      </c>
      <c r="BB297" s="9">
        <v>32234.402884800002</v>
      </c>
      <c r="BC297" s="9">
        <v>33493.253071400002</v>
      </c>
      <c r="BD297" s="9">
        <v>35309.578173399997</v>
      </c>
      <c r="BE297" s="9">
        <v>34561.222638400002</v>
      </c>
      <c r="BF297" s="9">
        <v>36045.065108100003</v>
      </c>
      <c r="BG297" s="11">
        <v>55.5</v>
      </c>
      <c r="BH297" s="13">
        <v>1.0277777777777777</v>
      </c>
      <c r="BI297" s="6">
        <v>5</v>
      </c>
      <c r="BJ297" s="13">
        <v>9.2592592592592587E-2</v>
      </c>
      <c r="BK297" s="6">
        <v>3</v>
      </c>
      <c r="BL297" s="13">
        <v>5.0847457627118647E-2</v>
      </c>
      <c r="BM297" s="11">
        <v>47.5</v>
      </c>
      <c r="BN297" s="13">
        <v>0.7661290322580645</v>
      </c>
      <c r="BO297" s="11">
        <v>50.5</v>
      </c>
      <c r="BP297" s="13">
        <v>0.85593220338983056</v>
      </c>
      <c r="BQ297" s="6">
        <v>54</v>
      </c>
      <c r="BR297" s="6">
        <v>53</v>
      </c>
      <c r="BS297" s="6">
        <v>58</v>
      </c>
      <c r="BT297" s="6">
        <v>59</v>
      </c>
      <c r="BU297" s="6">
        <v>58</v>
      </c>
      <c r="BV297" s="6">
        <v>60</v>
      </c>
      <c r="BW297" s="6">
        <v>62</v>
      </c>
      <c r="BX297" s="6">
        <v>63</v>
      </c>
      <c r="BY297" s="6">
        <v>64</v>
      </c>
      <c r="BZ297" s="6">
        <v>105</v>
      </c>
      <c r="CA297" s="6">
        <v>105</v>
      </c>
      <c r="CB297" s="6">
        <v>109</v>
      </c>
      <c r="CC297" s="11">
        <v>109.5</v>
      </c>
      <c r="CD297" s="11">
        <v>132.52600000000001</v>
      </c>
      <c r="CE297" s="11">
        <v>328.16199999999998</v>
      </c>
      <c r="CF297" s="11">
        <v>98.5047</v>
      </c>
      <c r="CG297" s="11">
        <v>427</v>
      </c>
      <c r="CH297" s="20">
        <v>0.59771799999999997</v>
      </c>
      <c r="CI297" s="20">
        <v>0.55232899999999996</v>
      </c>
      <c r="CJ297" s="20">
        <v>0.53128600000000004</v>
      </c>
      <c r="CK297" s="20">
        <v>0.546018</v>
      </c>
      <c r="CL297" s="20">
        <v>0.549813</v>
      </c>
      <c r="CM297" s="20">
        <v>0.67314200000000002</v>
      </c>
      <c r="CN297" s="20">
        <v>0.63701399999999997</v>
      </c>
      <c r="CO297" s="20">
        <v>0.71606999999999998</v>
      </c>
      <c r="CP297" s="20">
        <v>0.720468</v>
      </c>
      <c r="CQ297" s="20">
        <v>0.70364599999999999</v>
      </c>
      <c r="CR297" s="20">
        <v>0.68105300000000002</v>
      </c>
      <c r="CS297" s="20">
        <v>0.74071699999999996</v>
      </c>
      <c r="CT297" s="20">
        <v>0.69332899999999997</v>
      </c>
      <c r="CU297" s="20">
        <v>0.70606500000000005</v>
      </c>
      <c r="CV297" s="20">
        <v>0.70602500000000001</v>
      </c>
      <c r="CW297" s="20">
        <v>0.68864099999999995</v>
      </c>
      <c r="CX297" s="20">
        <v>0.69142800000000004</v>
      </c>
      <c r="CY297" s="6" t="s">
        <v>433</v>
      </c>
      <c r="CZ297" s="6" t="s">
        <v>434</v>
      </c>
      <c r="DA297" s="6" t="s">
        <v>77</v>
      </c>
      <c r="DB297" s="6"/>
      <c r="DC297" s="6">
        <v>27620</v>
      </c>
      <c r="DD297" s="6"/>
      <c r="DE297" s="6" t="s">
        <v>436</v>
      </c>
      <c r="DF297" s="6" t="s">
        <v>375</v>
      </c>
      <c r="DG297" s="6" t="s">
        <v>376</v>
      </c>
      <c r="DH297" s="6" t="s">
        <v>328</v>
      </c>
      <c r="DI297" s="6"/>
      <c r="DJ297" s="6">
        <v>29</v>
      </c>
      <c r="DK297" s="6">
        <v>27</v>
      </c>
      <c r="DL297" s="6">
        <v>2</v>
      </c>
      <c r="DM297" s="6" t="s">
        <v>379</v>
      </c>
      <c r="DN297" s="6">
        <v>3</v>
      </c>
      <c r="DO297" s="6" t="s">
        <v>380</v>
      </c>
      <c r="DP297" s="6"/>
      <c r="DQ297" s="6"/>
    </row>
    <row r="298" spans="1:121" x14ac:dyDescent="0.2">
      <c r="A298" s="6" t="s">
        <v>322</v>
      </c>
      <c r="B298" s="6" t="s">
        <v>322</v>
      </c>
      <c r="C298" s="6" t="s">
        <v>191</v>
      </c>
      <c r="D298" s="6" t="s">
        <v>77</v>
      </c>
      <c r="E298" s="6" t="s">
        <v>218</v>
      </c>
      <c r="F298" s="11">
        <v>30</v>
      </c>
      <c r="G298" s="13">
        <v>0.25</v>
      </c>
      <c r="H298" s="11">
        <v>76</v>
      </c>
      <c r="I298" s="13">
        <v>0.62295081967213117</v>
      </c>
      <c r="J298" s="11">
        <v>-15</v>
      </c>
      <c r="K298" s="13">
        <v>-7.575757575757576E-2</v>
      </c>
      <c r="L298" s="11">
        <v>-31</v>
      </c>
      <c r="M298" s="13">
        <v>-0.16939890710382513</v>
      </c>
      <c r="N298" s="11">
        <v>-46</v>
      </c>
      <c r="O298" s="13">
        <v>-0.23232323232323232</v>
      </c>
      <c r="P298" s="7">
        <v>122</v>
      </c>
      <c r="Q298" s="7">
        <v>135</v>
      </c>
      <c r="R298" s="7">
        <v>167</v>
      </c>
      <c r="S298" s="7">
        <v>204</v>
      </c>
      <c r="T298" s="7">
        <v>181</v>
      </c>
      <c r="U298" s="7">
        <v>207</v>
      </c>
      <c r="V298" s="7">
        <v>198</v>
      </c>
      <c r="W298" s="7">
        <v>207</v>
      </c>
      <c r="X298" s="7">
        <v>200</v>
      </c>
      <c r="Y298" s="7">
        <v>183</v>
      </c>
      <c r="Z298" s="7">
        <v>164</v>
      </c>
      <c r="AA298" s="7">
        <v>166</v>
      </c>
      <c r="AB298" s="7">
        <v>160</v>
      </c>
      <c r="AC298" s="7">
        <v>157</v>
      </c>
      <c r="AD298" s="7">
        <v>153</v>
      </c>
      <c r="AE298" s="7">
        <v>154</v>
      </c>
      <c r="AF298" s="7">
        <v>152</v>
      </c>
      <c r="AG298" s="9">
        <v>532</v>
      </c>
      <c r="AH298" s="13">
        <v>3.8817949653411163E-2</v>
      </c>
      <c r="AI298" s="9">
        <v>-437</v>
      </c>
      <c r="AJ298" s="13">
        <v>-3.1886172929587744E-2</v>
      </c>
      <c r="AK298" s="9">
        <v>894</v>
      </c>
      <c r="AL298" s="13">
        <v>6.7380162797708767E-2</v>
      </c>
      <c r="AM298" s="9">
        <v>75</v>
      </c>
      <c r="AN298" s="13">
        <v>5.2958621663606832E-3</v>
      </c>
      <c r="AO298" s="9">
        <v>969</v>
      </c>
      <c r="AP298" s="13">
        <v>7.3032861018993062E-2</v>
      </c>
      <c r="AQ298" s="9">
        <v>13705</v>
      </c>
      <c r="AR298" s="9">
        <v>13581</v>
      </c>
      <c r="AS298" s="9">
        <v>12346</v>
      </c>
      <c r="AT298" s="9">
        <v>11794</v>
      </c>
      <c r="AU298" s="9">
        <v>13510</v>
      </c>
      <c r="AV298" s="9">
        <v>13384</v>
      </c>
      <c r="AW298" s="9">
        <v>13268</v>
      </c>
      <c r="AX298" s="9">
        <v>13059</v>
      </c>
      <c r="AY298" s="9">
        <v>12973</v>
      </c>
      <c r="AZ298" s="9">
        <v>14162</v>
      </c>
      <c r="BA298" s="9">
        <v>14489</v>
      </c>
      <c r="BB298" s="9">
        <v>14027</v>
      </c>
      <c r="BC298" s="9">
        <v>13566</v>
      </c>
      <c r="BD298" s="9">
        <v>14216</v>
      </c>
      <c r="BE298" s="9">
        <v>14512</v>
      </c>
      <c r="BF298" s="9">
        <v>14237</v>
      </c>
      <c r="BG298" s="11">
        <v>-3</v>
      </c>
      <c r="BH298" s="13">
        <v>-0.21428571428571427</v>
      </c>
      <c r="BI298" s="6">
        <v>4</v>
      </c>
      <c r="BJ298" s="13">
        <v>0.2857142857142857</v>
      </c>
      <c r="BK298" s="6">
        <v>-1</v>
      </c>
      <c r="BL298" s="13">
        <v>-5.5555555555555552E-2</v>
      </c>
      <c r="BM298" s="11">
        <v>-6</v>
      </c>
      <c r="BN298" s="13">
        <v>-0.35294117647058826</v>
      </c>
      <c r="BO298" s="11">
        <v>-7</v>
      </c>
      <c r="BP298" s="13">
        <v>-0.3888888888888889</v>
      </c>
      <c r="BQ298" s="6">
        <v>14</v>
      </c>
      <c r="BR298" s="6">
        <v>14</v>
      </c>
      <c r="BS298" s="6">
        <v>16</v>
      </c>
      <c r="BT298" s="6">
        <v>18</v>
      </c>
      <c r="BU298" s="6">
        <v>17</v>
      </c>
      <c r="BV298" s="6">
        <v>18</v>
      </c>
      <c r="BW298" s="6">
        <v>17</v>
      </c>
      <c r="BX298" s="6">
        <v>15</v>
      </c>
      <c r="BY298" s="6">
        <v>14</v>
      </c>
      <c r="BZ298" s="6">
        <v>13</v>
      </c>
      <c r="CA298" s="6">
        <v>11</v>
      </c>
      <c r="CB298" s="6">
        <v>11</v>
      </c>
      <c r="CC298" s="11">
        <v>11</v>
      </c>
      <c r="CD298" s="11">
        <v>-5</v>
      </c>
      <c r="CE298" s="11">
        <v>22</v>
      </c>
      <c r="CF298" s="11">
        <v>13</v>
      </c>
      <c r="CG298" s="11">
        <v>35</v>
      </c>
      <c r="CH298" s="20">
        <v>0.53</v>
      </c>
      <c r="CI298" s="20">
        <v>0.56999999999999995</v>
      </c>
      <c r="CJ298" s="20">
        <v>0.69</v>
      </c>
      <c r="CK298" s="20">
        <v>0.81</v>
      </c>
      <c r="CL298" s="20">
        <v>0.71</v>
      </c>
      <c r="CM298" s="20">
        <v>0.8</v>
      </c>
      <c r="CN298" s="20">
        <v>0.75</v>
      </c>
      <c r="CO298" s="20">
        <v>0.77</v>
      </c>
      <c r="CP298" s="20">
        <v>0.74</v>
      </c>
      <c r="CQ298" s="20">
        <v>0.69</v>
      </c>
      <c r="CR298" s="20">
        <v>0.64</v>
      </c>
      <c r="CS298" s="20">
        <v>0.65</v>
      </c>
      <c r="CT298" s="20">
        <v>0.6</v>
      </c>
      <c r="CU298" s="20">
        <v>0.57999999999999996</v>
      </c>
      <c r="CV298" s="20">
        <v>0.56000000000000005</v>
      </c>
      <c r="CW298" s="20">
        <v>0.55000000000000004</v>
      </c>
      <c r="CX298" s="20">
        <v>0.54</v>
      </c>
      <c r="CY298" s="6" t="s">
        <v>433</v>
      </c>
      <c r="CZ298" s="6" t="s">
        <v>434</v>
      </c>
      <c r="DA298" s="6" t="s">
        <v>77</v>
      </c>
      <c r="DB298" s="6"/>
      <c r="DC298" s="6">
        <v>27620</v>
      </c>
      <c r="DD298" s="6"/>
      <c r="DE298" s="6" t="s">
        <v>436</v>
      </c>
      <c r="DF298" s="6" t="s">
        <v>375</v>
      </c>
      <c r="DG298" s="6" t="s">
        <v>376</v>
      </c>
      <c r="DH298" s="6" t="s">
        <v>328</v>
      </c>
      <c r="DI298" s="6"/>
      <c r="DJ298" s="6">
        <v>29</v>
      </c>
      <c r="DK298" s="6">
        <v>27</v>
      </c>
      <c r="DL298" s="6">
        <v>2</v>
      </c>
      <c r="DM298" s="6" t="s">
        <v>379</v>
      </c>
      <c r="DN298" s="6">
        <v>3</v>
      </c>
      <c r="DO298" s="6" t="s">
        <v>380</v>
      </c>
      <c r="DP298" s="6"/>
      <c r="DQ298" s="6"/>
    </row>
    <row r="299" spans="1:121" x14ac:dyDescent="0.2">
      <c r="A299" s="6" t="s">
        <v>323</v>
      </c>
      <c r="B299" s="6" t="s">
        <v>323</v>
      </c>
      <c r="C299" s="6" t="s">
        <v>192</v>
      </c>
      <c r="D299" s="6" t="s">
        <v>77</v>
      </c>
      <c r="E299" s="6" t="s">
        <v>218</v>
      </c>
      <c r="F299" s="11">
        <v>253</v>
      </c>
      <c r="G299" s="13">
        <v>0.31585518102400001</v>
      </c>
      <c r="H299" s="11">
        <v>289.96696356300004</v>
      </c>
      <c r="I299" s="13">
        <v>0.36199988692013085</v>
      </c>
      <c r="J299" s="11">
        <v>101.3880042799999</v>
      </c>
      <c r="K299" s="13">
        <v>9.2932884462648774E-2</v>
      </c>
      <c r="L299" s="11">
        <v>-138.50377667999987</v>
      </c>
      <c r="M299" s="13">
        <v>-0.11615849192842488</v>
      </c>
      <c r="N299" s="11">
        <v>-37.115772399999969</v>
      </c>
      <c r="O299" s="13">
        <v>-3.4020551175515938E-2</v>
      </c>
      <c r="P299" s="7">
        <v>801.01396171700003</v>
      </c>
      <c r="Q299" s="7">
        <v>818.36469464200002</v>
      </c>
      <c r="R299" s="7">
        <v>886.17712054000003</v>
      </c>
      <c r="S299" s="7">
        <v>922.81079492399999</v>
      </c>
      <c r="T299" s="7">
        <v>1024.67540768</v>
      </c>
      <c r="U299" s="7">
        <v>1047.28508719</v>
      </c>
      <c r="V299" s="7">
        <v>1090.9809252800001</v>
      </c>
      <c r="W299" s="7">
        <v>1105.1519589500001</v>
      </c>
      <c r="X299" s="7">
        <v>1138.7954291599999</v>
      </c>
      <c r="Y299" s="7">
        <v>1192.36892956</v>
      </c>
      <c r="Z299" s="7">
        <v>1191.9000440100001</v>
      </c>
      <c r="AA299" s="7">
        <v>1168.84296518</v>
      </c>
      <c r="AB299" s="7">
        <v>1195.53569199</v>
      </c>
      <c r="AC299" s="7">
        <v>1115.0003248099999</v>
      </c>
      <c r="AD299" s="7">
        <v>1117.89371785</v>
      </c>
      <c r="AE299" s="7">
        <v>1062.6101907899999</v>
      </c>
      <c r="AF299" s="7">
        <v>1053.8651528800001</v>
      </c>
      <c r="AG299" s="9">
        <v>5247.1375929000005</v>
      </c>
      <c r="AH299" s="13">
        <v>0.46365917807829782</v>
      </c>
      <c r="AI299" s="9">
        <v>2317.9926121000008</v>
      </c>
      <c r="AJ299" s="13">
        <v>0.20482759033651585</v>
      </c>
      <c r="AK299" s="9">
        <v>700.07968020000044</v>
      </c>
      <c r="AL299" s="13">
        <v>5.1345096757153277E-2</v>
      </c>
      <c r="AM299" s="9">
        <v>2229.0653005999993</v>
      </c>
      <c r="AN299" s="13">
        <v>0.15549950178961883</v>
      </c>
      <c r="AO299" s="9">
        <v>2929.1449807999998</v>
      </c>
      <c r="AP299" s="13">
        <v>0.21482873551184925</v>
      </c>
      <c r="AQ299" s="9">
        <v>11316.798719799999</v>
      </c>
      <c r="AR299" s="9">
        <v>11758.3127783</v>
      </c>
      <c r="AS299" s="9">
        <v>12255.663606599999</v>
      </c>
      <c r="AT299" s="9">
        <v>12290.6126296</v>
      </c>
      <c r="AU299" s="9">
        <v>12523.800067100001</v>
      </c>
      <c r="AV299" s="9">
        <v>12538.987364500001</v>
      </c>
      <c r="AW299" s="9">
        <v>13634.7913319</v>
      </c>
      <c r="AX299" s="9">
        <v>13612.758505600001</v>
      </c>
      <c r="AY299" s="9">
        <v>14039.2701222</v>
      </c>
      <c r="AZ299" s="9">
        <v>14334.8710121</v>
      </c>
      <c r="BA299" s="9">
        <v>14485.3514467</v>
      </c>
      <c r="BB299" s="9">
        <v>13969.491486000001</v>
      </c>
      <c r="BC299" s="9">
        <v>14914.549782100001</v>
      </c>
      <c r="BD299" s="9">
        <v>14978.9754696</v>
      </c>
      <c r="BE299" s="9">
        <v>15716.619698799999</v>
      </c>
      <c r="BF299" s="9">
        <v>16563.9363127</v>
      </c>
      <c r="BG299" s="11">
        <v>5</v>
      </c>
      <c r="BH299" s="13">
        <v>8.6206896551724144E-2</v>
      </c>
      <c r="BI299" s="6">
        <v>1</v>
      </c>
      <c r="BJ299" s="13">
        <v>1.7241379310344827E-2</v>
      </c>
      <c r="BK299" s="6">
        <v>9</v>
      </c>
      <c r="BL299" s="13">
        <v>0.15254237288135594</v>
      </c>
      <c r="BM299" s="11">
        <v>-5</v>
      </c>
      <c r="BN299" s="13">
        <v>-7.3529411764705885E-2</v>
      </c>
      <c r="BO299" s="11">
        <v>4</v>
      </c>
      <c r="BP299" s="13">
        <v>6.7796610169491525E-2</v>
      </c>
      <c r="BQ299" s="6">
        <v>58</v>
      </c>
      <c r="BR299" s="6">
        <v>60</v>
      </c>
      <c r="BS299" s="6">
        <v>61</v>
      </c>
      <c r="BT299" s="6">
        <v>59</v>
      </c>
      <c r="BU299" s="6">
        <v>60</v>
      </c>
      <c r="BV299" s="6">
        <v>65</v>
      </c>
      <c r="BW299" s="6">
        <v>68</v>
      </c>
      <c r="BX299" s="6">
        <v>69</v>
      </c>
      <c r="BY299" s="6">
        <v>67</v>
      </c>
      <c r="BZ299" s="6">
        <v>75</v>
      </c>
      <c r="CA299" s="6">
        <v>66</v>
      </c>
      <c r="CB299" s="6">
        <v>63</v>
      </c>
      <c r="CC299" s="11">
        <v>63</v>
      </c>
      <c r="CD299" s="11">
        <v>-16.8643</v>
      </c>
      <c r="CE299" s="11">
        <v>182.155</v>
      </c>
      <c r="CF299" s="11">
        <v>87.560500000000005</v>
      </c>
      <c r="CG299" s="11">
        <v>270</v>
      </c>
      <c r="CH299" s="20">
        <v>0.71593200000000001</v>
      </c>
      <c r="CI299" s="20">
        <v>0.713283</v>
      </c>
      <c r="CJ299" s="20">
        <v>0.75489600000000001</v>
      </c>
      <c r="CK299" s="20">
        <v>0.76250600000000002</v>
      </c>
      <c r="CL299" s="20">
        <v>0.830206</v>
      </c>
      <c r="CM299" s="20">
        <v>0.83055900000000005</v>
      </c>
      <c r="CN299" s="20">
        <v>0.84643000000000002</v>
      </c>
      <c r="CO299" s="20">
        <v>0.84047799999999995</v>
      </c>
      <c r="CP299" s="20">
        <v>0.87678800000000001</v>
      </c>
      <c r="CQ299" s="20">
        <v>0.92286699999999999</v>
      </c>
      <c r="CR299" s="20">
        <v>0.948434</v>
      </c>
      <c r="CS299" s="20">
        <v>0.92214700000000005</v>
      </c>
      <c r="CT299" s="20">
        <v>0.88377600000000001</v>
      </c>
      <c r="CU299" s="20">
        <v>0.82366300000000003</v>
      </c>
      <c r="CV299" s="20">
        <v>0.80898700000000001</v>
      </c>
      <c r="CW299" s="20">
        <v>0.75626899999999997</v>
      </c>
      <c r="CX299" s="20">
        <v>0.74115799999999998</v>
      </c>
      <c r="CY299" s="6" t="s">
        <v>433</v>
      </c>
      <c r="CZ299" s="6" t="s">
        <v>434</v>
      </c>
      <c r="DA299" s="6" t="s">
        <v>77</v>
      </c>
      <c r="DB299" s="6"/>
      <c r="DC299" s="6">
        <v>27620</v>
      </c>
      <c r="DD299" s="6"/>
      <c r="DE299" s="6" t="s">
        <v>436</v>
      </c>
      <c r="DF299" s="6" t="s">
        <v>375</v>
      </c>
      <c r="DG299" s="6" t="s">
        <v>376</v>
      </c>
      <c r="DH299" s="6" t="s">
        <v>328</v>
      </c>
      <c r="DI299" s="6"/>
      <c r="DJ299" s="6">
        <v>29</v>
      </c>
      <c r="DK299" s="6">
        <v>27</v>
      </c>
      <c r="DL299" s="6">
        <v>2</v>
      </c>
      <c r="DM299" s="6" t="s">
        <v>379</v>
      </c>
      <c r="DN299" s="6">
        <v>3</v>
      </c>
      <c r="DO299" s="6" t="s">
        <v>380</v>
      </c>
      <c r="DP299" s="6"/>
      <c r="DQ299" s="6"/>
    </row>
    <row r="300" spans="1:121" x14ac:dyDescent="0.2">
      <c r="A300" s="6" t="s">
        <v>325</v>
      </c>
      <c r="B300" s="6" t="s">
        <v>325</v>
      </c>
      <c r="C300" s="6" t="s">
        <v>193</v>
      </c>
      <c r="D300" s="6" t="s">
        <v>77</v>
      </c>
      <c r="E300" s="6" t="s">
        <v>218</v>
      </c>
      <c r="F300" s="11">
        <v>-1</v>
      </c>
      <c r="G300" s="13">
        <v>-1.90114068441E-3</v>
      </c>
      <c r="H300" s="11">
        <v>53.76656092799999</v>
      </c>
      <c r="I300" s="13">
        <v>0.10217056934260506</v>
      </c>
      <c r="J300" s="11">
        <v>37.77072250599997</v>
      </c>
      <c r="K300" s="13">
        <v>6.5120846488922204E-2</v>
      </c>
      <c r="L300" s="11">
        <v>-92.60819311900002</v>
      </c>
      <c r="M300" s="13">
        <v>-0.14990470731024286</v>
      </c>
      <c r="N300" s="11">
        <v>-54.83747061300005</v>
      </c>
      <c r="O300" s="13">
        <v>-9.4545782254037813E-2</v>
      </c>
      <c r="P300" s="7">
        <v>526.24313707900001</v>
      </c>
      <c r="Q300" s="7">
        <v>533.73155311899995</v>
      </c>
      <c r="R300" s="7">
        <v>565.83874982600003</v>
      </c>
      <c r="S300" s="7">
        <v>573.61682688600001</v>
      </c>
      <c r="T300" s="7">
        <v>594.212681223</v>
      </c>
      <c r="U300" s="7">
        <v>558.12064848399996</v>
      </c>
      <c r="V300" s="7">
        <v>580.009698007</v>
      </c>
      <c r="W300" s="7">
        <v>554.23831759200004</v>
      </c>
      <c r="X300" s="7">
        <v>581.66860427400002</v>
      </c>
      <c r="Y300" s="7">
        <v>617.78042051299997</v>
      </c>
      <c r="Z300" s="7">
        <v>610.11472278500003</v>
      </c>
      <c r="AA300" s="7">
        <v>617.01685495799995</v>
      </c>
      <c r="AB300" s="7">
        <v>547.23416661700003</v>
      </c>
      <c r="AC300" s="7">
        <v>554.11488831700001</v>
      </c>
      <c r="AD300" s="7">
        <v>534.000881875</v>
      </c>
      <c r="AE300" s="7">
        <v>531.357721094</v>
      </c>
      <c r="AF300" s="7">
        <v>525.17222739399995</v>
      </c>
      <c r="AG300" s="9">
        <v>3784.5509495999977</v>
      </c>
      <c r="AH300" s="13">
        <v>0.1915980127257835</v>
      </c>
      <c r="AI300" s="9">
        <v>1384.399679099999</v>
      </c>
      <c r="AJ300" s="13">
        <v>7.0087106995298132E-2</v>
      </c>
      <c r="AK300" s="9">
        <v>-571.39564370000153</v>
      </c>
      <c r="AL300" s="13">
        <v>-2.7033012016161151E-2</v>
      </c>
      <c r="AM300" s="9">
        <v>2971.5469142000002</v>
      </c>
      <c r="AN300" s="13">
        <v>0.14449139978758516</v>
      </c>
      <c r="AO300" s="9">
        <v>2400.1512704999986</v>
      </c>
      <c r="AP300" s="13">
        <v>0.11355235002473428</v>
      </c>
      <c r="AQ300" s="9">
        <v>19752.558472600002</v>
      </c>
      <c r="AR300" s="9">
        <v>20350.563585200001</v>
      </c>
      <c r="AS300" s="9">
        <v>19623.266011600001</v>
      </c>
      <c r="AT300" s="9">
        <v>20129.6551531</v>
      </c>
      <c r="AU300" s="9">
        <v>20182.0307202</v>
      </c>
      <c r="AV300" s="9">
        <v>20009.2452911</v>
      </c>
      <c r="AW300" s="9">
        <v>21136.958151700001</v>
      </c>
      <c r="AX300" s="9">
        <v>21057.986448200001</v>
      </c>
      <c r="AY300" s="9">
        <v>20590.936046800001</v>
      </c>
      <c r="AZ300" s="9">
        <v>20565.562507999999</v>
      </c>
      <c r="BA300" s="9">
        <v>20891.686878799999</v>
      </c>
      <c r="BB300" s="9">
        <v>22454.6176256</v>
      </c>
      <c r="BC300" s="9">
        <v>21930.641603700002</v>
      </c>
      <c r="BD300" s="9">
        <v>22676.814677099999</v>
      </c>
      <c r="BE300" s="9">
        <v>23367.278972100001</v>
      </c>
      <c r="BF300" s="9">
        <v>23537.109422199999</v>
      </c>
      <c r="BG300" s="11">
        <v>-6.25</v>
      </c>
      <c r="BH300" s="13">
        <v>-9.3283582089552244E-2</v>
      </c>
      <c r="BI300" s="6">
        <v>18</v>
      </c>
      <c r="BJ300" s="13">
        <v>0.26865671641791045</v>
      </c>
      <c r="BK300" s="6">
        <v>12</v>
      </c>
      <c r="BL300" s="13">
        <v>0.14117647058823529</v>
      </c>
      <c r="BM300" s="11">
        <v>-36.25</v>
      </c>
      <c r="BN300" s="13">
        <v>-0.37371134020618557</v>
      </c>
      <c r="BO300" s="11">
        <v>-24.25</v>
      </c>
      <c r="BP300" s="13">
        <v>-0.28529411764705881</v>
      </c>
      <c r="BQ300" s="6">
        <v>67</v>
      </c>
      <c r="BR300" s="6">
        <v>71</v>
      </c>
      <c r="BS300" s="6">
        <v>77</v>
      </c>
      <c r="BT300" s="6">
        <v>85</v>
      </c>
      <c r="BU300" s="6">
        <v>94</v>
      </c>
      <c r="BV300" s="6">
        <v>90</v>
      </c>
      <c r="BW300" s="6">
        <v>97</v>
      </c>
      <c r="BX300" s="6">
        <v>109</v>
      </c>
      <c r="BY300" s="6">
        <v>102</v>
      </c>
      <c r="BZ300" s="6">
        <v>67</v>
      </c>
      <c r="CA300" s="6">
        <v>69</v>
      </c>
      <c r="CB300" s="6">
        <v>66</v>
      </c>
      <c r="CC300" s="11">
        <v>60.75</v>
      </c>
      <c r="CD300" s="11">
        <v>-53.749400000000001</v>
      </c>
      <c r="CE300" s="11">
        <v>-4.8461999999999996</v>
      </c>
      <c r="CF300" s="11">
        <v>57.524700000000003</v>
      </c>
      <c r="CG300" s="11">
        <v>53</v>
      </c>
      <c r="CH300" s="20">
        <v>0.69244499999999998</v>
      </c>
      <c r="CI300" s="20">
        <v>0.68202499999999999</v>
      </c>
      <c r="CJ300" s="20">
        <v>0.71073500000000001</v>
      </c>
      <c r="CK300" s="20">
        <v>0.71153</v>
      </c>
      <c r="CL300" s="20">
        <v>0.73472400000000004</v>
      </c>
      <c r="CM300" s="20">
        <v>0.68180499999999999</v>
      </c>
      <c r="CN300" s="20">
        <v>0.69659199999999999</v>
      </c>
      <c r="CO300" s="20">
        <v>0.65186299999999997</v>
      </c>
      <c r="CP300" s="20">
        <v>0.67847900000000005</v>
      </c>
      <c r="CQ300" s="20">
        <v>0.72976200000000002</v>
      </c>
      <c r="CR300" s="20">
        <v>0.75177899999999998</v>
      </c>
      <c r="CS300" s="20">
        <v>0.75962099999999999</v>
      </c>
      <c r="CT300" s="20">
        <v>0.68860699999999997</v>
      </c>
      <c r="CU300" s="20">
        <v>0.70419100000000001</v>
      </c>
      <c r="CV300" s="20">
        <v>0.67796999999999996</v>
      </c>
      <c r="CW300" s="20">
        <v>0.67051099999999997</v>
      </c>
      <c r="CX300" s="20">
        <v>0.66069500000000003</v>
      </c>
      <c r="CY300" s="6" t="s">
        <v>433</v>
      </c>
      <c r="CZ300" s="6" t="s">
        <v>434</v>
      </c>
      <c r="DA300" s="6" t="s">
        <v>77</v>
      </c>
      <c r="DB300" s="6"/>
      <c r="DC300" s="6">
        <v>27620</v>
      </c>
      <c r="DD300" s="6"/>
      <c r="DE300" s="6" t="s">
        <v>436</v>
      </c>
      <c r="DF300" s="6" t="s">
        <v>375</v>
      </c>
      <c r="DG300" s="6" t="s">
        <v>376</v>
      </c>
      <c r="DH300" s="6" t="s">
        <v>328</v>
      </c>
      <c r="DI300" s="6"/>
      <c r="DJ300" s="6">
        <v>29</v>
      </c>
      <c r="DK300" s="6">
        <v>27</v>
      </c>
      <c r="DL300" s="6">
        <v>2</v>
      </c>
      <c r="DM300" s="6" t="s">
        <v>379</v>
      </c>
      <c r="DN300" s="6">
        <v>3</v>
      </c>
      <c r="DO300" s="6" t="s">
        <v>380</v>
      </c>
      <c r="DP300" s="6"/>
      <c r="DQ300" s="6"/>
    </row>
    <row r="301" spans="1:121" x14ac:dyDescent="0.2">
      <c r="A301" s="6" t="s">
        <v>327</v>
      </c>
      <c r="B301" s="6" t="s">
        <v>327</v>
      </c>
      <c r="C301" s="6" t="s">
        <v>194</v>
      </c>
      <c r="D301" s="6" t="s">
        <v>77</v>
      </c>
      <c r="E301" s="6" t="s">
        <v>218</v>
      </c>
      <c r="F301" s="11">
        <v>-646</v>
      </c>
      <c r="G301" s="13">
        <v>-0.14213421342099999</v>
      </c>
      <c r="H301" s="11">
        <v>171.63085700000011</v>
      </c>
      <c r="I301" s="13">
        <v>3.7764806663304978E-2</v>
      </c>
      <c r="J301" s="11">
        <v>-318.42148499999985</v>
      </c>
      <c r="K301" s="13">
        <v>-6.7514230093777133E-2</v>
      </c>
      <c r="L301" s="11">
        <v>-499.15345558999979</v>
      </c>
      <c r="M301" s="13">
        <v>-0.11349711573787714</v>
      </c>
      <c r="N301" s="11">
        <v>-817.57494058999964</v>
      </c>
      <c r="O301" s="13">
        <v>-0.17334867544474719</v>
      </c>
      <c r="P301" s="7">
        <v>4544.7301909999996</v>
      </c>
      <c r="Q301" s="7">
        <v>4524.8191779999997</v>
      </c>
      <c r="R301" s="7">
        <v>4656.6135869999998</v>
      </c>
      <c r="S301" s="7">
        <v>4762.2204439999996</v>
      </c>
      <c r="T301" s="7">
        <v>4451.3866410000001</v>
      </c>
      <c r="U301" s="7">
        <v>4570.0152239999998</v>
      </c>
      <c r="V301" s="7">
        <v>4716.3610479999998</v>
      </c>
      <c r="W301" s="7">
        <v>4838.6684750000004</v>
      </c>
      <c r="X301" s="7">
        <v>4717.1156609999998</v>
      </c>
      <c r="Y301" s="7">
        <v>4397.9395629999999</v>
      </c>
      <c r="Z301" s="7">
        <v>3974.7636600000001</v>
      </c>
      <c r="AA301" s="7">
        <v>3936.038067</v>
      </c>
      <c r="AB301" s="7">
        <v>4005.51188</v>
      </c>
      <c r="AC301" s="7">
        <v>4022.414436</v>
      </c>
      <c r="AD301" s="7">
        <v>3969.8790450000001</v>
      </c>
      <c r="AE301" s="7">
        <v>3975.7548035</v>
      </c>
      <c r="AF301" s="7">
        <v>3898.7861074100001</v>
      </c>
      <c r="AG301" s="9">
        <v>13971.279375999999</v>
      </c>
      <c r="AH301" s="13">
        <v>0.42339273133379546</v>
      </c>
      <c r="AI301" s="9">
        <v>7222.3119267000002</v>
      </c>
      <c r="AJ301" s="13">
        <v>0.2188686011420691</v>
      </c>
      <c r="AK301" s="9">
        <v>1722.8285259999975</v>
      </c>
      <c r="AL301" s="13">
        <v>4.2834370162263928E-2</v>
      </c>
      <c r="AM301" s="9">
        <v>5026.1389233000009</v>
      </c>
      <c r="AN301" s="13">
        <v>0.11983108272282383</v>
      </c>
      <c r="AO301" s="9">
        <v>6748.9674492999984</v>
      </c>
      <c r="AP301" s="13">
        <v>0.16779834183938208</v>
      </c>
      <c r="AQ301" s="9">
        <v>32998.392135800001</v>
      </c>
      <c r="AR301" s="9">
        <v>33103.5075469</v>
      </c>
      <c r="AS301" s="9">
        <v>32951.179234199997</v>
      </c>
      <c r="AT301" s="9">
        <v>33622.173401100001</v>
      </c>
      <c r="AU301" s="9">
        <v>36645.683832299997</v>
      </c>
      <c r="AV301" s="9">
        <v>37777.3636615</v>
      </c>
      <c r="AW301" s="9">
        <v>40220.704062500001</v>
      </c>
      <c r="AX301" s="9">
        <v>40709.713808799999</v>
      </c>
      <c r="AY301" s="9">
        <v>41601.514451800002</v>
      </c>
      <c r="AZ301" s="9">
        <v>41943.532588499998</v>
      </c>
      <c r="BA301" s="9">
        <v>43889.733474200002</v>
      </c>
      <c r="BB301" s="9">
        <v>43685.892111399997</v>
      </c>
      <c r="BC301" s="9">
        <v>44357.6606531</v>
      </c>
      <c r="BD301" s="9">
        <v>44887.745760600003</v>
      </c>
      <c r="BE301" s="9">
        <v>46585.594558099998</v>
      </c>
      <c r="BF301" s="9">
        <v>46969.671511799999</v>
      </c>
      <c r="BG301" s="11">
        <v>3.75</v>
      </c>
      <c r="BH301" s="13">
        <v>4.261363636363636E-2</v>
      </c>
      <c r="BI301" s="6">
        <v>7</v>
      </c>
      <c r="BJ301" s="13">
        <v>7.9545454545454544E-2</v>
      </c>
      <c r="BK301" s="6">
        <v>5</v>
      </c>
      <c r="BL301" s="13">
        <v>5.2631578947368418E-2</v>
      </c>
      <c r="BM301" s="11">
        <v>-8.25</v>
      </c>
      <c r="BN301" s="13">
        <v>-8.2500000000000004E-2</v>
      </c>
      <c r="BO301" s="11">
        <v>-3.25</v>
      </c>
      <c r="BP301" s="13">
        <v>-3.4210526315789476E-2</v>
      </c>
      <c r="BQ301" s="6">
        <v>88</v>
      </c>
      <c r="BR301" s="6">
        <v>89</v>
      </c>
      <c r="BS301" s="6">
        <v>88</v>
      </c>
      <c r="BT301" s="6">
        <v>95</v>
      </c>
      <c r="BU301" s="6">
        <v>95</v>
      </c>
      <c r="BV301" s="6">
        <v>98</v>
      </c>
      <c r="BW301" s="6">
        <v>100</v>
      </c>
      <c r="BX301" s="6">
        <v>99</v>
      </c>
      <c r="BY301" s="6">
        <v>95</v>
      </c>
      <c r="BZ301" s="6">
        <v>89</v>
      </c>
      <c r="CA301" s="6">
        <v>90</v>
      </c>
      <c r="CB301" s="6">
        <v>92</v>
      </c>
      <c r="CC301" s="11">
        <v>91.75</v>
      </c>
      <c r="CD301" s="11">
        <v>-876.30499999999995</v>
      </c>
      <c r="CE301" s="11">
        <v>-266.43299999999999</v>
      </c>
      <c r="CF301" s="11">
        <v>496.79399999999998</v>
      </c>
      <c r="CG301" s="11">
        <v>231</v>
      </c>
      <c r="CH301" s="20">
        <v>1.80026</v>
      </c>
      <c r="CI301" s="20">
        <v>1.73719</v>
      </c>
      <c r="CJ301" s="20">
        <v>1.7703</v>
      </c>
      <c r="CK301" s="20">
        <v>1.8008500000000001</v>
      </c>
      <c r="CL301" s="20">
        <v>1.6818</v>
      </c>
      <c r="CM301" s="20">
        <v>1.71713</v>
      </c>
      <c r="CN301" s="20">
        <v>1.7547200000000001</v>
      </c>
      <c r="CO301" s="20">
        <v>1.74533</v>
      </c>
      <c r="CP301" s="20">
        <v>1.6685700000000001</v>
      </c>
      <c r="CQ301" s="20">
        <v>1.5664199999999999</v>
      </c>
      <c r="CR301" s="20">
        <v>1.5114000000000001</v>
      </c>
      <c r="CS301" s="20">
        <v>1.54609</v>
      </c>
      <c r="CT301" s="20">
        <v>1.52749</v>
      </c>
      <c r="CU301" s="20">
        <v>1.57847</v>
      </c>
      <c r="CV301" s="20">
        <v>1.5697099999999999</v>
      </c>
      <c r="CW301" s="20">
        <v>1.57036</v>
      </c>
      <c r="CX301" s="20">
        <v>1.5460199999999999</v>
      </c>
      <c r="CY301" s="6" t="s">
        <v>433</v>
      </c>
      <c r="CZ301" s="6" t="s">
        <v>434</v>
      </c>
      <c r="DA301" s="6" t="s">
        <v>77</v>
      </c>
      <c r="DB301" s="6"/>
      <c r="DC301" s="6">
        <v>27620</v>
      </c>
      <c r="DD301" s="6"/>
      <c r="DE301" s="6" t="s">
        <v>436</v>
      </c>
      <c r="DF301" s="6" t="s">
        <v>375</v>
      </c>
      <c r="DG301" s="6" t="s">
        <v>376</v>
      </c>
      <c r="DH301" s="6" t="s">
        <v>328</v>
      </c>
      <c r="DI301" s="6"/>
      <c r="DJ301" s="6">
        <v>29</v>
      </c>
      <c r="DK301" s="6">
        <v>27</v>
      </c>
      <c r="DL301" s="6">
        <v>2</v>
      </c>
      <c r="DM301" s="6" t="s">
        <v>379</v>
      </c>
      <c r="DN301" s="6">
        <v>3</v>
      </c>
      <c r="DO301" s="6" t="s">
        <v>380</v>
      </c>
      <c r="DP301" s="6"/>
      <c r="DQ301" s="6"/>
    </row>
    <row r="302" spans="1:121" x14ac:dyDescent="0.2">
      <c r="A302" s="6" t="s">
        <v>1</v>
      </c>
      <c r="B302" s="6" t="s">
        <v>1</v>
      </c>
      <c r="C302" s="6" t="s">
        <v>2</v>
      </c>
      <c r="D302" s="6" t="s">
        <v>147</v>
      </c>
      <c r="E302" s="6" t="s">
        <v>288</v>
      </c>
      <c r="F302" s="11">
        <v>-73</v>
      </c>
      <c r="G302" s="13">
        <v>-0.38020833333300003</v>
      </c>
      <c r="H302" s="11">
        <v>21.290909465999988</v>
      </c>
      <c r="I302" s="13">
        <v>0.1109395556959264</v>
      </c>
      <c r="J302" s="11">
        <v>-50.397537112999998</v>
      </c>
      <c r="K302" s="13">
        <v>-0.23638019793584628</v>
      </c>
      <c r="L302" s="11">
        <v>-43.838572177999993</v>
      </c>
      <c r="M302" s="13">
        <v>-0.26926567672090335</v>
      </c>
      <c r="N302" s="11">
        <v>-94.236109290999991</v>
      </c>
      <c r="O302" s="13">
        <v>-0.4419968006961329</v>
      </c>
      <c r="P302" s="7">
        <v>191.914500941</v>
      </c>
      <c r="Q302" s="7">
        <v>156.438420318</v>
      </c>
      <c r="R302" s="7">
        <v>175.70600757599999</v>
      </c>
      <c r="S302" s="7">
        <v>197.56754514599999</v>
      </c>
      <c r="T302" s="7">
        <v>200.79116769300001</v>
      </c>
      <c r="U302" s="7">
        <v>215.59158320399999</v>
      </c>
      <c r="V302" s="7">
        <v>213.20541040699999</v>
      </c>
      <c r="W302" s="7">
        <v>132.061836094</v>
      </c>
      <c r="X302" s="7">
        <v>181.324565272</v>
      </c>
      <c r="Y302" s="7">
        <v>162.80787329399999</v>
      </c>
      <c r="Z302" s="7">
        <v>119.353136603</v>
      </c>
      <c r="AA302" s="7">
        <v>150.49016413999999</v>
      </c>
      <c r="AB302" s="7">
        <v>145.391640483</v>
      </c>
      <c r="AC302" s="7">
        <v>135.597642987</v>
      </c>
      <c r="AD302" s="7">
        <v>128.92513832200001</v>
      </c>
      <c r="AE302" s="7">
        <v>124.413052308</v>
      </c>
      <c r="AF302" s="7">
        <v>118.969301116</v>
      </c>
      <c r="AG302" s="9">
        <v>7841.3408745000015</v>
      </c>
      <c r="AH302" s="13">
        <v>0.40567251896365519</v>
      </c>
      <c r="AI302" s="9">
        <v>854.41598380000141</v>
      </c>
      <c r="AJ302" s="13">
        <v>4.4203292515715024E-2</v>
      </c>
      <c r="AK302" s="9">
        <v>2323.4023845999982</v>
      </c>
      <c r="AL302" s="13">
        <v>0.11511306764290964</v>
      </c>
      <c r="AM302" s="9">
        <v>4663.5225061000019</v>
      </c>
      <c r="AN302" s="13">
        <v>0.20720268012217224</v>
      </c>
      <c r="AO302" s="9">
        <v>6986.9248907000001</v>
      </c>
      <c r="AP302" s="13">
        <v>0.34616748389777768</v>
      </c>
      <c r="AQ302" s="9">
        <v>19329.2385063</v>
      </c>
      <c r="AR302" s="9">
        <v>20491.672120399999</v>
      </c>
      <c r="AS302" s="9">
        <v>21203.812539499999</v>
      </c>
      <c r="AT302" s="9">
        <v>20139.660982000001</v>
      </c>
      <c r="AU302" s="9">
        <v>19624.672176700002</v>
      </c>
      <c r="AV302" s="9">
        <v>20142.914370800001</v>
      </c>
      <c r="AW302" s="9">
        <v>20183.654490100002</v>
      </c>
      <c r="AX302" s="9">
        <v>18603.796572399999</v>
      </c>
      <c r="AY302" s="9">
        <v>22249.387391</v>
      </c>
      <c r="AZ302" s="9">
        <v>22507.0568747</v>
      </c>
      <c r="BA302" s="9">
        <v>22790.951107000001</v>
      </c>
      <c r="BB302" s="9">
        <v>25845.370895200002</v>
      </c>
      <c r="BC302" s="9">
        <v>25368.3772928</v>
      </c>
      <c r="BD302" s="9">
        <v>23674.854541799999</v>
      </c>
      <c r="BE302" s="9">
        <v>25569.065095400001</v>
      </c>
      <c r="BF302" s="9">
        <v>27170.579380800002</v>
      </c>
      <c r="BG302" s="11">
        <v>2.25</v>
      </c>
      <c r="BH302" s="13">
        <v>0.5625</v>
      </c>
      <c r="BI302" s="6">
        <v>1</v>
      </c>
      <c r="BJ302" s="13">
        <v>0.25</v>
      </c>
      <c r="BK302" s="6">
        <v>-1</v>
      </c>
      <c r="BL302" s="13">
        <v>-0.2</v>
      </c>
      <c r="BM302" s="11">
        <v>2.25</v>
      </c>
      <c r="BN302" s="13">
        <v>0.5625</v>
      </c>
      <c r="BO302" s="11">
        <v>1.25</v>
      </c>
      <c r="BP302" s="13">
        <v>0.25</v>
      </c>
      <c r="BQ302" s="6">
        <v>4</v>
      </c>
      <c r="BR302" s="6">
        <v>5</v>
      </c>
      <c r="BS302" s="6">
        <v>5</v>
      </c>
      <c r="BT302" s="6">
        <v>5</v>
      </c>
      <c r="BU302" s="6">
        <v>5</v>
      </c>
      <c r="BV302" s="6">
        <v>5</v>
      </c>
      <c r="BW302" s="6">
        <v>4</v>
      </c>
      <c r="BX302" s="6">
        <v>4</v>
      </c>
      <c r="BY302" s="6">
        <v>7</v>
      </c>
      <c r="BZ302" s="6">
        <v>7</v>
      </c>
      <c r="CA302" s="6">
        <v>6</v>
      </c>
      <c r="CB302" s="6">
        <v>7</v>
      </c>
      <c r="CC302" s="11">
        <v>6.25</v>
      </c>
      <c r="CD302" s="11">
        <v>-76.426199999999994</v>
      </c>
      <c r="CE302" s="11">
        <v>-17.497599999999998</v>
      </c>
      <c r="CF302" s="11">
        <v>20.9786</v>
      </c>
      <c r="CG302" s="11">
        <v>4</v>
      </c>
      <c r="CH302" s="20">
        <v>0.78332900000000005</v>
      </c>
      <c r="CI302" s="20">
        <v>0.65407099999999996</v>
      </c>
      <c r="CJ302" s="20">
        <v>0.71787699999999999</v>
      </c>
      <c r="CK302" s="20">
        <v>0.79052800000000001</v>
      </c>
      <c r="CL302" s="20">
        <v>0.75262799999999996</v>
      </c>
      <c r="CM302" s="20">
        <v>0.803593</v>
      </c>
      <c r="CN302" s="20">
        <v>0.81135999999999997</v>
      </c>
      <c r="CO302" s="20">
        <v>0.51966100000000004</v>
      </c>
      <c r="CP302" s="20">
        <v>0.72933800000000004</v>
      </c>
      <c r="CQ302" s="20">
        <v>0.70406100000000005</v>
      </c>
      <c r="CR302" s="20">
        <v>0.52290000000000003</v>
      </c>
      <c r="CS302" s="20">
        <v>0.659582</v>
      </c>
      <c r="CT302" s="20">
        <v>0.63818799999999998</v>
      </c>
      <c r="CU302" s="20">
        <v>0.59382100000000004</v>
      </c>
      <c r="CV302" s="20">
        <v>0.56376599999999999</v>
      </c>
      <c r="CW302" s="20">
        <v>0.54392700000000005</v>
      </c>
      <c r="CX302" s="20">
        <v>0.52020299999999997</v>
      </c>
      <c r="CY302" s="6" t="s">
        <v>438</v>
      </c>
      <c r="CZ302" s="6" t="s">
        <v>439</v>
      </c>
      <c r="DA302" s="6" t="s">
        <v>147</v>
      </c>
      <c r="DB302" s="6"/>
      <c r="DC302" s="6"/>
      <c r="DD302" s="6"/>
      <c r="DE302" s="6"/>
      <c r="DF302" s="6"/>
      <c r="DG302" s="6"/>
      <c r="DH302" s="6" t="s">
        <v>333</v>
      </c>
      <c r="DI302" s="6"/>
      <c r="DJ302" s="6"/>
      <c r="DK302" s="6"/>
      <c r="DL302" s="6">
        <v>9</v>
      </c>
      <c r="DM302" s="6" t="s">
        <v>440</v>
      </c>
      <c r="DN302" s="6">
        <v>7</v>
      </c>
      <c r="DO302" s="6" t="s">
        <v>369</v>
      </c>
      <c r="DP302" s="6"/>
      <c r="DQ302" s="6"/>
    </row>
    <row r="303" spans="1:121" x14ac:dyDescent="0.2">
      <c r="A303" s="6" t="s">
        <v>310</v>
      </c>
      <c r="B303" s="6" t="s">
        <v>310</v>
      </c>
      <c r="C303" s="6" t="s">
        <v>173</v>
      </c>
      <c r="D303" s="6" t="s">
        <v>147</v>
      </c>
      <c r="E303" s="6" t="s">
        <v>288</v>
      </c>
      <c r="F303" s="11">
        <v>1</v>
      </c>
      <c r="G303" s="13">
        <v>1</v>
      </c>
      <c r="H303" s="11">
        <v>0</v>
      </c>
      <c r="I303" s="13">
        <v>0</v>
      </c>
      <c r="J303" s="11">
        <v>0</v>
      </c>
      <c r="K303" s="13">
        <v>0</v>
      </c>
      <c r="L303" s="11">
        <v>0</v>
      </c>
      <c r="M303" s="13">
        <v>0</v>
      </c>
      <c r="N303" s="11">
        <v>0</v>
      </c>
      <c r="O303" s="13">
        <v>0</v>
      </c>
      <c r="P303" s="7">
        <v>5</v>
      </c>
      <c r="Q303" s="7">
        <v>0</v>
      </c>
      <c r="R303" s="7">
        <v>0</v>
      </c>
      <c r="S303" s="7">
        <v>0</v>
      </c>
      <c r="T303" s="7">
        <v>0</v>
      </c>
      <c r="U303" s="7">
        <v>5</v>
      </c>
      <c r="V303" s="7">
        <v>5</v>
      </c>
      <c r="W303" s="7">
        <v>20.656992620899999</v>
      </c>
      <c r="X303" s="7">
        <v>5</v>
      </c>
      <c r="Y303" s="7">
        <v>5</v>
      </c>
      <c r="Z303" s="7">
        <v>5</v>
      </c>
      <c r="AA303" s="7">
        <v>5</v>
      </c>
      <c r="AB303" s="7">
        <v>16.235671</v>
      </c>
      <c r="AC303" s="7">
        <v>11.847203</v>
      </c>
      <c r="AD303" s="7">
        <v>5</v>
      </c>
      <c r="AE303" s="7">
        <v>5</v>
      </c>
      <c r="AF303" s="7">
        <v>5</v>
      </c>
      <c r="AG303" s="9">
        <v>0</v>
      </c>
      <c r="AH303" s="13">
        <v>0</v>
      </c>
      <c r="AI303" s="9">
        <v>0</v>
      </c>
      <c r="AJ303" s="13">
        <v>0</v>
      </c>
      <c r="AK303" s="9">
        <v>0</v>
      </c>
      <c r="AL303" s="13">
        <v>0</v>
      </c>
      <c r="AM303" s="9">
        <v>0</v>
      </c>
      <c r="AN303" s="13">
        <v>0</v>
      </c>
      <c r="AO303" s="9">
        <v>0</v>
      </c>
      <c r="AP303" s="13">
        <v>0</v>
      </c>
      <c r="AQ303" s="9">
        <v>1</v>
      </c>
      <c r="AR303" s="9">
        <v>0</v>
      </c>
      <c r="AS303" s="9">
        <v>0</v>
      </c>
      <c r="AT303" s="9">
        <v>0</v>
      </c>
      <c r="AU303" s="9">
        <v>0</v>
      </c>
      <c r="AV303" s="9">
        <v>1</v>
      </c>
      <c r="AW303" s="9">
        <v>1</v>
      </c>
      <c r="AX303" s="9">
        <v>51026.660189399998</v>
      </c>
      <c r="AY303" s="9">
        <v>1</v>
      </c>
      <c r="AZ303" s="9">
        <v>1</v>
      </c>
      <c r="BA303" s="9">
        <v>1</v>
      </c>
      <c r="BB303" s="9">
        <v>1</v>
      </c>
      <c r="BC303" s="9">
        <v>89490.587646500004</v>
      </c>
      <c r="BD303" s="9">
        <v>44846.895723599999</v>
      </c>
      <c r="BE303" s="9">
        <v>1</v>
      </c>
      <c r="BF303" s="9">
        <v>1</v>
      </c>
      <c r="BG303" s="11">
        <v>1</v>
      </c>
      <c r="BH303" s="13" t="e">
        <v>#DIV/0!</v>
      </c>
      <c r="BI303" s="6">
        <v>0</v>
      </c>
      <c r="BJ303" s="13" t="e">
        <v>#DIV/0!</v>
      </c>
      <c r="BK303" s="6">
        <v>1</v>
      </c>
      <c r="BL303" s="13" t="e">
        <v>#DIV/0!</v>
      </c>
      <c r="BM303" s="11">
        <v>0</v>
      </c>
      <c r="BN303" s="13">
        <v>0</v>
      </c>
      <c r="BO303" s="11">
        <v>1</v>
      </c>
      <c r="BP303" s="13" t="e">
        <v>#DIV/0!</v>
      </c>
      <c r="BQ303" s="6">
        <v>0</v>
      </c>
      <c r="BR303" s="6">
        <v>0</v>
      </c>
      <c r="BS303" s="6">
        <v>0</v>
      </c>
      <c r="BT303" s="6">
        <v>0</v>
      </c>
      <c r="BU303" s="6">
        <v>2</v>
      </c>
      <c r="BV303" s="6">
        <v>2</v>
      </c>
      <c r="BW303" s="6">
        <v>1</v>
      </c>
      <c r="BX303" s="6">
        <v>1</v>
      </c>
      <c r="BY303" s="6">
        <v>1</v>
      </c>
      <c r="BZ303" s="6">
        <v>2</v>
      </c>
      <c r="CA303" s="6">
        <v>2</v>
      </c>
      <c r="CB303" s="6">
        <v>1</v>
      </c>
      <c r="CC303" s="11">
        <v>1</v>
      </c>
      <c r="CD303" s="11">
        <v>5.0547300000000002</v>
      </c>
      <c r="CE303" s="11">
        <v>2.5937000000000002E-2</v>
      </c>
      <c r="CF303" s="11">
        <v>2.7328000000000002E-2</v>
      </c>
      <c r="CG303" s="11">
        <v>0</v>
      </c>
      <c r="CH303" s="20">
        <v>3.5965300000000001E-3</v>
      </c>
      <c r="CI303" s="20">
        <v>0</v>
      </c>
      <c r="CJ303" s="20">
        <v>0</v>
      </c>
      <c r="CK303" s="20">
        <v>0</v>
      </c>
      <c r="CL303" s="20">
        <v>0</v>
      </c>
      <c r="CM303" s="20">
        <v>2.3819799999999999E-2</v>
      </c>
      <c r="CN303" s="20">
        <v>1.44069E-2</v>
      </c>
      <c r="CO303" s="20">
        <v>0.20824300000000001</v>
      </c>
      <c r="CP303" s="20">
        <v>2.9065000000000001E-2</v>
      </c>
      <c r="CQ303" s="20">
        <v>1.5675000000000001E-2</v>
      </c>
      <c r="CR303" s="20">
        <v>7.9894699999999999E-2</v>
      </c>
      <c r="CS303" s="20">
        <v>4.7174899999999999E-2</v>
      </c>
      <c r="CT303" s="20">
        <v>0.16305900000000001</v>
      </c>
      <c r="CU303" s="20">
        <v>0.116497</v>
      </c>
      <c r="CV303" s="20">
        <v>6.8310800000000005E-2</v>
      </c>
      <c r="CW303" s="20">
        <v>6.6431400000000002E-2</v>
      </c>
      <c r="CX303" s="20">
        <v>6.9306199999999998E-2</v>
      </c>
      <c r="CY303" s="6" t="s">
        <v>438</v>
      </c>
      <c r="CZ303" s="6" t="s">
        <v>439</v>
      </c>
      <c r="DA303" s="6" t="s">
        <v>147</v>
      </c>
      <c r="DB303" s="6"/>
      <c r="DC303" s="6"/>
      <c r="DD303" s="6"/>
      <c r="DE303" s="6"/>
      <c r="DF303" s="6"/>
      <c r="DG303" s="6"/>
      <c r="DH303" s="6" t="s">
        <v>333</v>
      </c>
      <c r="DI303" s="6"/>
      <c r="DJ303" s="6"/>
      <c r="DK303" s="6"/>
      <c r="DL303" s="6">
        <v>9</v>
      </c>
      <c r="DM303" s="6" t="s">
        <v>440</v>
      </c>
      <c r="DN303" s="6">
        <v>7</v>
      </c>
      <c r="DO303" s="6" t="s">
        <v>369</v>
      </c>
      <c r="DP303" s="6"/>
      <c r="DQ303" s="6"/>
    </row>
    <row r="304" spans="1:121" x14ac:dyDescent="0.2">
      <c r="A304" s="6" t="s">
        <v>311</v>
      </c>
      <c r="B304" s="6" t="s">
        <v>311</v>
      </c>
      <c r="C304" s="6" t="s">
        <v>174</v>
      </c>
      <c r="D304" s="6" t="s">
        <v>147</v>
      </c>
      <c r="E304" s="6" t="s">
        <v>288</v>
      </c>
      <c r="F304" s="11">
        <v>39</v>
      </c>
      <c r="G304" s="13">
        <v>0.62903225806499996</v>
      </c>
      <c r="H304" s="11">
        <v>56.607089999999999</v>
      </c>
      <c r="I304" s="13">
        <v>0.92014361805415568</v>
      </c>
      <c r="J304" s="11">
        <v>-1.6373469999999912</v>
      </c>
      <c r="K304" s="13">
        <v>-1.3860911921423568E-2</v>
      </c>
      <c r="L304" s="11">
        <v>-15.563617113000006</v>
      </c>
      <c r="M304" s="13">
        <v>-0.13360522413226905</v>
      </c>
      <c r="N304" s="11">
        <v>-17.200964112999998</v>
      </c>
      <c r="O304" s="13">
        <v>-0.14561424580975318</v>
      </c>
      <c r="P304" s="7">
        <v>61.519841999999997</v>
      </c>
      <c r="Q304" s="7">
        <v>63.765101999999999</v>
      </c>
      <c r="R304" s="7">
        <v>72.528903999999997</v>
      </c>
      <c r="S304" s="7">
        <v>52.490383999999999</v>
      </c>
      <c r="T304" s="7">
        <v>56.426513</v>
      </c>
      <c r="U304" s="7">
        <v>76.486801</v>
      </c>
      <c r="V304" s="7">
        <v>118.126932</v>
      </c>
      <c r="W304" s="7">
        <v>126.51402299999999</v>
      </c>
      <c r="X304" s="7">
        <v>116.17858699999999</v>
      </c>
      <c r="Y304" s="7">
        <v>116.48958500000001</v>
      </c>
      <c r="Z304" s="7">
        <v>115.489195</v>
      </c>
      <c r="AA304" s="7">
        <v>106.039809464</v>
      </c>
      <c r="AB304" s="7">
        <v>81.6909993907</v>
      </c>
      <c r="AC304" s="7">
        <v>96.409029578000002</v>
      </c>
      <c r="AD304" s="7">
        <v>99.3745926215</v>
      </c>
      <c r="AE304" s="7">
        <v>98.597966124099997</v>
      </c>
      <c r="AF304" s="7">
        <v>100.925967887</v>
      </c>
      <c r="AG304" s="9">
        <v>31008.703177399999</v>
      </c>
      <c r="AH304" s="13">
        <v>0.55850046106708007</v>
      </c>
      <c r="AI304" s="9">
        <v>28266.005649300008</v>
      </c>
      <c r="AJ304" s="13">
        <v>0.50910149635552759</v>
      </c>
      <c r="AK304" s="9">
        <v>5276.807146399995</v>
      </c>
      <c r="AL304" s="13">
        <v>6.2978556838116734E-2</v>
      </c>
      <c r="AM304" s="9">
        <v>-2534.1096183000045</v>
      </c>
      <c r="AN304" s="13">
        <v>-2.8452627355204752E-2</v>
      </c>
      <c r="AO304" s="9">
        <v>2742.6975280999904</v>
      </c>
      <c r="AP304" s="13">
        <v>3.2734024073828465E-2</v>
      </c>
      <c r="AQ304" s="9">
        <v>55521.356451799998</v>
      </c>
      <c r="AR304" s="9">
        <v>57928.144261900001</v>
      </c>
      <c r="AS304" s="9">
        <v>58645.641208100002</v>
      </c>
      <c r="AT304" s="9">
        <v>54538.421387900002</v>
      </c>
      <c r="AU304" s="9">
        <v>58314.1642508</v>
      </c>
      <c r="AV304" s="9">
        <v>68878.989449899993</v>
      </c>
      <c r="AW304" s="9">
        <v>83787.362101100007</v>
      </c>
      <c r="AX304" s="9">
        <v>91479.167111500006</v>
      </c>
      <c r="AY304" s="9">
        <v>96846.130220000006</v>
      </c>
      <c r="AZ304" s="9">
        <v>89064.169247500002</v>
      </c>
      <c r="BA304" s="9">
        <v>90630.926468000005</v>
      </c>
      <c r="BB304" s="9">
        <v>95971.100439799993</v>
      </c>
      <c r="BC304" s="9">
        <v>80765.527748399996</v>
      </c>
      <c r="BD304" s="9">
        <v>82518.446876000002</v>
      </c>
      <c r="BE304" s="9">
        <v>81691.122111799996</v>
      </c>
      <c r="BF304" s="9">
        <v>86530.059629199997</v>
      </c>
      <c r="BG304" s="11">
        <v>1</v>
      </c>
      <c r="BH304" s="13">
        <v>0.1111111111111111</v>
      </c>
      <c r="BI304" s="6">
        <v>1</v>
      </c>
      <c r="BJ304" s="13">
        <v>0.1111111111111111</v>
      </c>
      <c r="BK304" s="6">
        <v>0</v>
      </c>
      <c r="BL304" s="13">
        <v>0</v>
      </c>
      <c r="BM304" s="11">
        <v>0</v>
      </c>
      <c r="BN304" s="13">
        <v>0</v>
      </c>
      <c r="BO304" s="11">
        <v>0</v>
      </c>
      <c r="BP304" s="13">
        <v>0</v>
      </c>
      <c r="BQ304" s="6">
        <v>9</v>
      </c>
      <c r="BR304" s="6">
        <v>8</v>
      </c>
      <c r="BS304" s="6">
        <v>9</v>
      </c>
      <c r="BT304" s="6">
        <v>10</v>
      </c>
      <c r="BU304" s="6">
        <v>10</v>
      </c>
      <c r="BV304" s="6">
        <v>10</v>
      </c>
      <c r="BW304" s="6">
        <v>10</v>
      </c>
      <c r="BX304" s="6">
        <v>10</v>
      </c>
      <c r="BY304" s="6">
        <v>10</v>
      </c>
      <c r="BZ304" s="6">
        <v>9</v>
      </c>
      <c r="CA304" s="6">
        <v>10</v>
      </c>
      <c r="CB304" s="6">
        <v>10</v>
      </c>
      <c r="CC304" s="11">
        <v>10</v>
      </c>
      <c r="CD304" s="11">
        <v>42.699399999999997</v>
      </c>
      <c r="CE304" s="11">
        <v>-10.0181</v>
      </c>
      <c r="CF304" s="11">
        <v>6.7248599999999996</v>
      </c>
      <c r="CG304" s="11">
        <v>-3</v>
      </c>
      <c r="CH304" s="20">
        <v>0.80777100000000002</v>
      </c>
      <c r="CI304" s="20">
        <v>0.86049299999999995</v>
      </c>
      <c r="CJ304" s="20">
        <v>0.98760800000000004</v>
      </c>
      <c r="CK304" s="20">
        <v>0.71903499999999998</v>
      </c>
      <c r="CL304" s="20">
        <v>0.74628899999999998</v>
      </c>
      <c r="CM304" s="20">
        <v>1.0112300000000001</v>
      </c>
      <c r="CN304" s="20">
        <v>1.5729900000000001</v>
      </c>
      <c r="CO304" s="20">
        <v>1.66828</v>
      </c>
      <c r="CP304" s="20">
        <v>1.5444599999999999</v>
      </c>
      <c r="CQ304" s="20">
        <v>1.6824300000000001</v>
      </c>
      <c r="CR304" s="20">
        <v>1.7043200000000001</v>
      </c>
      <c r="CS304" s="20">
        <v>1.5860799999999999</v>
      </c>
      <c r="CT304" s="20">
        <v>1.2388699999999999</v>
      </c>
      <c r="CU304" s="20">
        <v>1.4696</v>
      </c>
      <c r="CV304" s="20">
        <v>1.5147999999999999</v>
      </c>
      <c r="CW304" s="20">
        <v>1.50075</v>
      </c>
      <c r="CX304" s="20">
        <v>1.5271399999999999</v>
      </c>
      <c r="CY304" s="6" t="s">
        <v>438</v>
      </c>
      <c r="CZ304" s="6" t="s">
        <v>439</v>
      </c>
      <c r="DA304" s="6" t="s">
        <v>147</v>
      </c>
      <c r="DB304" s="6"/>
      <c r="DC304" s="6"/>
      <c r="DD304" s="6"/>
      <c r="DE304" s="6"/>
      <c r="DF304" s="6"/>
      <c r="DG304" s="6"/>
      <c r="DH304" s="6" t="s">
        <v>333</v>
      </c>
      <c r="DI304" s="6"/>
      <c r="DJ304" s="6"/>
      <c r="DK304" s="6"/>
      <c r="DL304" s="6">
        <v>9</v>
      </c>
      <c r="DM304" s="6" t="s">
        <v>440</v>
      </c>
      <c r="DN304" s="6">
        <v>7</v>
      </c>
      <c r="DO304" s="6" t="s">
        <v>369</v>
      </c>
      <c r="DP304" s="6"/>
      <c r="DQ304" s="6"/>
    </row>
    <row r="305" spans="1:121" x14ac:dyDescent="0.2">
      <c r="A305" s="6" t="s">
        <v>312</v>
      </c>
      <c r="B305" s="6" t="s">
        <v>312</v>
      </c>
      <c r="C305" s="6" t="s">
        <v>175</v>
      </c>
      <c r="D305" s="6" t="s">
        <v>147</v>
      </c>
      <c r="E305" s="6" t="s">
        <v>288</v>
      </c>
      <c r="F305" s="11">
        <v>-528</v>
      </c>
      <c r="G305" s="13">
        <v>-0.26216484607700002</v>
      </c>
      <c r="H305" s="11">
        <v>390.70789686000012</v>
      </c>
      <c r="I305" s="13">
        <v>0.19400840108354503</v>
      </c>
      <c r="J305" s="11">
        <v>-936.21130048000009</v>
      </c>
      <c r="K305" s="13">
        <v>-0.38934521689061202</v>
      </c>
      <c r="L305" s="11">
        <v>17.959957219999978</v>
      </c>
      <c r="M305" s="13">
        <v>1.2231240325594877E-2</v>
      </c>
      <c r="N305" s="11">
        <v>-918.25134326000011</v>
      </c>
      <c r="O305" s="13">
        <v>-0.38187615148242704</v>
      </c>
      <c r="P305" s="7">
        <v>2013.8710214499999</v>
      </c>
      <c r="Q305" s="7">
        <v>1672.0855285499999</v>
      </c>
      <c r="R305" s="7">
        <v>1789.88261932</v>
      </c>
      <c r="S305" s="7">
        <v>1888.1130879699999</v>
      </c>
      <c r="T305" s="7">
        <v>2014.10651895</v>
      </c>
      <c r="U305" s="7">
        <v>2391.3161888300001</v>
      </c>
      <c r="V305" s="7">
        <v>2404.5789183100001</v>
      </c>
      <c r="W305" s="7">
        <v>2064.09519172</v>
      </c>
      <c r="X305" s="7">
        <v>1580.9559292399999</v>
      </c>
      <c r="Y305" s="7">
        <v>1468.36761783</v>
      </c>
      <c r="Z305" s="7">
        <v>1460.9476040100001</v>
      </c>
      <c r="AA305" s="7">
        <v>1333.5959414199999</v>
      </c>
      <c r="AB305" s="7">
        <v>1372.7256367</v>
      </c>
      <c r="AC305" s="7">
        <v>1397.8656927300001</v>
      </c>
      <c r="AD305" s="7">
        <v>1493.7161009199999</v>
      </c>
      <c r="AE305" s="7">
        <v>1503.0130266900001</v>
      </c>
      <c r="AF305" s="7">
        <v>1486.32757505</v>
      </c>
      <c r="AG305" s="9">
        <v>7137.4487360999992</v>
      </c>
      <c r="AH305" s="13">
        <v>0.24867151989061503</v>
      </c>
      <c r="AI305" s="9">
        <v>2515.9406520000011</v>
      </c>
      <c r="AJ305" s="13">
        <v>8.7656361400262076E-2</v>
      </c>
      <c r="AK305" s="9">
        <v>355.1797665999984</v>
      </c>
      <c r="AL305" s="13">
        <v>1.1377309174400146E-2</v>
      </c>
      <c r="AM305" s="9">
        <v>4266.3283174999997</v>
      </c>
      <c r="AN305" s="13">
        <v>0.13512397436274859</v>
      </c>
      <c r="AO305" s="9">
        <v>4621.5080840999981</v>
      </c>
      <c r="AP305" s="13">
        <v>0.14803863077034746</v>
      </c>
      <c r="AQ305" s="9">
        <v>28702.316772099999</v>
      </c>
      <c r="AR305" s="9">
        <v>27921.856860299999</v>
      </c>
      <c r="AS305" s="9">
        <v>27341.795480500001</v>
      </c>
      <c r="AT305" s="9">
        <v>29052.2069643</v>
      </c>
      <c r="AU305" s="9">
        <v>30340.2629571</v>
      </c>
      <c r="AV305" s="9">
        <v>31048.977776299998</v>
      </c>
      <c r="AW305" s="9">
        <v>31218.2574241</v>
      </c>
      <c r="AX305" s="9">
        <v>30972.438417199999</v>
      </c>
      <c r="AY305" s="9">
        <v>29540.479214999999</v>
      </c>
      <c r="AZ305" s="9">
        <v>31573.437190699999</v>
      </c>
      <c r="BA305" s="9">
        <v>31024.6592824</v>
      </c>
      <c r="BB305" s="9">
        <v>32943.251878299998</v>
      </c>
      <c r="BC305" s="9">
        <v>33698.587066699998</v>
      </c>
      <c r="BD305" s="9">
        <v>34882.311004700001</v>
      </c>
      <c r="BE305" s="9">
        <v>37833.001515600001</v>
      </c>
      <c r="BF305" s="9">
        <v>35839.765508199998</v>
      </c>
      <c r="BG305" s="11">
        <v>-71.75</v>
      </c>
      <c r="BH305" s="13">
        <v>-0.25443262411347517</v>
      </c>
      <c r="BI305" s="6">
        <v>39</v>
      </c>
      <c r="BJ305" s="13">
        <v>0.13829787234042554</v>
      </c>
      <c r="BK305" s="6">
        <v>-71</v>
      </c>
      <c r="BL305" s="13">
        <v>-0.22118380062305296</v>
      </c>
      <c r="BM305" s="11">
        <v>-39.75</v>
      </c>
      <c r="BN305" s="13">
        <v>-0.159</v>
      </c>
      <c r="BO305" s="11">
        <v>-110.75</v>
      </c>
      <c r="BP305" s="13">
        <v>-0.34501557632398755</v>
      </c>
      <c r="BQ305" s="6">
        <v>282</v>
      </c>
      <c r="BR305" s="6">
        <v>286</v>
      </c>
      <c r="BS305" s="6">
        <v>320</v>
      </c>
      <c r="BT305" s="6">
        <v>321</v>
      </c>
      <c r="BU305" s="6">
        <v>302</v>
      </c>
      <c r="BV305" s="6">
        <v>271</v>
      </c>
      <c r="BW305" s="6">
        <v>250</v>
      </c>
      <c r="BX305" s="6">
        <v>231</v>
      </c>
      <c r="BY305" s="6">
        <v>212</v>
      </c>
      <c r="BZ305" s="6">
        <v>195</v>
      </c>
      <c r="CA305" s="6">
        <v>200</v>
      </c>
      <c r="CB305" s="6">
        <v>207</v>
      </c>
      <c r="CC305" s="11">
        <v>210.25</v>
      </c>
      <c r="CD305" s="11">
        <v>-503.75299999999999</v>
      </c>
      <c r="CE305" s="11">
        <v>-243.93100000000001</v>
      </c>
      <c r="CF305" s="11">
        <v>220.14</v>
      </c>
      <c r="CG305" s="11">
        <v>-24</v>
      </c>
      <c r="CH305" s="20">
        <v>1.82308</v>
      </c>
      <c r="CI305" s="20">
        <v>1.54494</v>
      </c>
      <c r="CJ305" s="20">
        <v>1.5946800000000001</v>
      </c>
      <c r="CK305" s="20">
        <v>1.5866899999999999</v>
      </c>
      <c r="CL305" s="20">
        <v>1.52356</v>
      </c>
      <c r="CM305" s="20">
        <v>1.7221</v>
      </c>
      <c r="CN305" s="20">
        <v>1.7676000000000001</v>
      </c>
      <c r="CO305" s="20">
        <v>1.6125499999999999</v>
      </c>
      <c r="CP305" s="20">
        <v>1.4362699999999999</v>
      </c>
      <c r="CQ305" s="20">
        <v>1.5505</v>
      </c>
      <c r="CR305" s="20">
        <v>1.5928599999999999</v>
      </c>
      <c r="CS305" s="20">
        <v>1.45984</v>
      </c>
      <c r="CT305" s="20">
        <v>1.4866600000000001</v>
      </c>
      <c r="CU305" s="20">
        <v>1.4755100000000001</v>
      </c>
      <c r="CV305" s="20">
        <v>1.53301</v>
      </c>
      <c r="CW305" s="20">
        <v>1.50851</v>
      </c>
      <c r="CX305" s="20">
        <v>1.4851099999999999</v>
      </c>
      <c r="CY305" s="6" t="s">
        <v>438</v>
      </c>
      <c r="CZ305" s="6" t="s">
        <v>439</v>
      </c>
      <c r="DA305" s="6" t="s">
        <v>147</v>
      </c>
      <c r="DB305" s="6"/>
      <c r="DC305" s="6"/>
      <c r="DD305" s="6"/>
      <c r="DE305" s="6"/>
      <c r="DF305" s="6"/>
      <c r="DG305" s="6"/>
      <c r="DH305" s="6" t="s">
        <v>333</v>
      </c>
      <c r="DI305" s="6"/>
      <c r="DJ305" s="6"/>
      <c r="DK305" s="6"/>
      <c r="DL305" s="6">
        <v>9</v>
      </c>
      <c r="DM305" s="6" t="s">
        <v>440</v>
      </c>
      <c r="DN305" s="6">
        <v>7</v>
      </c>
      <c r="DO305" s="6" t="s">
        <v>369</v>
      </c>
      <c r="DP305" s="6"/>
      <c r="DQ305" s="6"/>
    </row>
    <row r="306" spans="1:121" x14ac:dyDescent="0.2">
      <c r="A306" s="6" t="s">
        <v>792</v>
      </c>
      <c r="B306" s="6" t="s">
        <v>176</v>
      </c>
      <c r="C306" s="6" t="s">
        <v>177</v>
      </c>
      <c r="D306" s="6" t="s">
        <v>147</v>
      </c>
      <c r="E306" s="6" t="s">
        <v>288</v>
      </c>
      <c r="F306" s="11">
        <v>-656</v>
      </c>
      <c r="G306" s="13">
        <v>-0.46823697358999999</v>
      </c>
      <c r="H306" s="11">
        <v>-81.487352169999895</v>
      </c>
      <c r="I306" s="13">
        <v>-5.8143973487179104E-2</v>
      </c>
      <c r="J306" s="11">
        <v>-453.0040866380001</v>
      </c>
      <c r="K306" s="13">
        <v>-0.34318800516726122</v>
      </c>
      <c r="L306" s="11">
        <v>-122.43141498299997</v>
      </c>
      <c r="M306" s="13">
        <v>-0.14121530680057023</v>
      </c>
      <c r="N306" s="11">
        <v>-575.43550162100007</v>
      </c>
      <c r="O306" s="13">
        <v>-0.43593991252786096</v>
      </c>
      <c r="P306" s="7">
        <v>1401.47546311</v>
      </c>
      <c r="Q306" s="7">
        <v>1284.8568234899999</v>
      </c>
      <c r="R306" s="7">
        <v>1327.4579091000001</v>
      </c>
      <c r="S306" s="7">
        <v>1342.2113136800001</v>
      </c>
      <c r="T306" s="7">
        <v>1486.2938337400001</v>
      </c>
      <c r="U306" s="7">
        <v>1377.91692296</v>
      </c>
      <c r="V306" s="7">
        <v>1319.9881109400001</v>
      </c>
      <c r="W306" s="7">
        <v>1224.8988990400001</v>
      </c>
      <c r="X306" s="7">
        <v>1040.6674584800001</v>
      </c>
      <c r="Y306" s="7">
        <v>866.98402430199997</v>
      </c>
      <c r="Z306" s="7">
        <v>803.708191865</v>
      </c>
      <c r="AA306" s="7">
        <v>730.70475928300004</v>
      </c>
      <c r="AB306" s="7">
        <v>706.35954925299995</v>
      </c>
      <c r="AC306" s="7">
        <v>708.43966025099996</v>
      </c>
      <c r="AD306" s="7">
        <v>720.62950888199998</v>
      </c>
      <c r="AE306" s="7">
        <v>714.28704667299996</v>
      </c>
      <c r="AF306" s="7">
        <v>744.552609319</v>
      </c>
      <c r="AG306" s="9">
        <v>10073.953469600005</v>
      </c>
      <c r="AH306" s="13">
        <v>0.30008305208460584</v>
      </c>
      <c r="AI306" s="9">
        <v>5833.4743204999977</v>
      </c>
      <c r="AJ306" s="13">
        <v>0.17376760609777936</v>
      </c>
      <c r="AK306" s="9">
        <v>2771.4224224999998</v>
      </c>
      <c r="AL306" s="13">
        <v>7.0333484577768016E-2</v>
      </c>
      <c r="AM306" s="9">
        <v>1469.0567266000071</v>
      </c>
      <c r="AN306" s="13">
        <v>3.4832036116496573E-2</v>
      </c>
      <c r="AO306" s="9">
        <v>4240.4791491000069</v>
      </c>
      <c r="AP306" s="13">
        <v>0.10761537916927644</v>
      </c>
      <c r="AQ306" s="9">
        <v>33570.551217799999</v>
      </c>
      <c r="AR306" s="9">
        <v>33697.091223800002</v>
      </c>
      <c r="AS306" s="9">
        <v>34780.888579600003</v>
      </c>
      <c r="AT306" s="9">
        <v>36148.661659600002</v>
      </c>
      <c r="AU306" s="9">
        <v>35678.711583099997</v>
      </c>
      <c r="AV306" s="9">
        <v>36776.4467783</v>
      </c>
      <c r="AW306" s="9">
        <v>39404.025538299997</v>
      </c>
      <c r="AX306" s="9">
        <v>40397.354686799998</v>
      </c>
      <c r="AY306" s="9">
        <v>41972.725000999999</v>
      </c>
      <c r="AZ306" s="9">
        <v>42175.447960799997</v>
      </c>
      <c r="BA306" s="9">
        <v>35765.349152100003</v>
      </c>
      <c r="BB306" s="9">
        <v>37138.597901900001</v>
      </c>
      <c r="BC306" s="9">
        <v>40735.957633600003</v>
      </c>
      <c r="BD306" s="9">
        <v>41810.860059799998</v>
      </c>
      <c r="BE306" s="9">
        <v>41605.830781800003</v>
      </c>
      <c r="BF306" s="9">
        <v>43644.504687400004</v>
      </c>
      <c r="BG306" s="11">
        <v>-11.75</v>
      </c>
      <c r="BH306" s="13">
        <v>-0.16095890410958905</v>
      </c>
      <c r="BI306" s="6">
        <v>3</v>
      </c>
      <c r="BJ306" s="13">
        <v>4.1095890410958902E-2</v>
      </c>
      <c r="BK306" s="6">
        <v>-3</v>
      </c>
      <c r="BL306" s="13">
        <v>-3.9473684210526314E-2</v>
      </c>
      <c r="BM306" s="11">
        <v>-11.75</v>
      </c>
      <c r="BN306" s="13">
        <v>-0.16095890410958905</v>
      </c>
      <c r="BO306" s="11">
        <v>-14.75</v>
      </c>
      <c r="BP306" s="13">
        <v>-0.19407894736842105</v>
      </c>
      <c r="BQ306" s="6">
        <v>73</v>
      </c>
      <c r="BR306" s="6">
        <v>74</v>
      </c>
      <c r="BS306" s="6">
        <v>73</v>
      </c>
      <c r="BT306" s="6">
        <v>76</v>
      </c>
      <c r="BU306" s="6">
        <v>84</v>
      </c>
      <c r="BV306" s="6">
        <v>78</v>
      </c>
      <c r="BW306" s="6">
        <v>73</v>
      </c>
      <c r="BX306" s="6">
        <v>68</v>
      </c>
      <c r="BY306" s="6">
        <v>62</v>
      </c>
      <c r="BZ306" s="6">
        <v>62</v>
      </c>
      <c r="CA306" s="6">
        <v>61</v>
      </c>
      <c r="CB306" s="6">
        <v>65</v>
      </c>
      <c r="CC306" s="11">
        <v>61.25</v>
      </c>
      <c r="CD306" s="11">
        <v>-315.43099999999998</v>
      </c>
      <c r="CE306" s="11">
        <v>-494.69</v>
      </c>
      <c r="CF306" s="11">
        <v>153.19800000000001</v>
      </c>
      <c r="CG306" s="11">
        <v>-342</v>
      </c>
      <c r="CH306" s="20">
        <v>0.66269699999999998</v>
      </c>
      <c r="CI306" s="20">
        <v>0.66266899999999995</v>
      </c>
      <c r="CJ306" s="20">
        <v>0.70569599999999999</v>
      </c>
      <c r="CK306" s="20">
        <v>0.71285100000000001</v>
      </c>
      <c r="CL306" s="20">
        <v>0.74822200000000005</v>
      </c>
      <c r="CM306" s="20">
        <v>0.69218000000000002</v>
      </c>
      <c r="CN306" s="20">
        <v>0.68525000000000003</v>
      </c>
      <c r="CO306" s="20">
        <v>0.66119600000000001</v>
      </c>
      <c r="CP306" s="20">
        <v>0.64360200000000001</v>
      </c>
      <c r="CQ306" s="20">
        <v>0.58955999999999997</v>
      </c>
      <c r="CR306" s="20">
        <v>0.54750900000000002</v>
      </c>
      <c r="CS306" s="20">
        <v>0.49618600000000002</v>
      </c>
      <c r="CT306" s="20">
        <v>0.482018</v>
      </c>
      <c r="CU306" s="20">
        <v>0.48272799999999999</v>
      </c>
      <c r="CV306" s="20">
        <v>0.49080800000000002</v>
      </c>
      <c r="CW306" s="20">
        <v>0.48613000000000001</v>
      </c>
      <c r="CX306" s="20">
        <v>0.50771500000000003</v>
      </c>
      <c r="CY306" s="6" t="s">
        <v>438</v>
      </c>
      <c r="CZ306" s="6" t="s">
        <v>439</v>
      </c>
      <c r="DA306" s="6" t="s">
        <v>147</v>
      </c>
      <c r="DB306" s="6"/>
      <c r="DC306" s="6"/>
      <c r="DD306" s="6"/>
      <c r="DE306" s="6"/>
      <c r="DF306" s="6"/>
      <c r="DG306" s="6"/>
      <c r="DH306" s="6" t="s">
        <v>333</v>
      </c>
      <c r="DI306" s="6"/>
      <c r="DJ306" s="6"/>
      <c r="DK306" s="6"/>
      <c r="DL306" s="6">
        <v>9</v>
      </c>
      <c r="DM306" s="6" t="s">
        <v>440</v>
      </c>
      <c r="DN306" s="6">
        <v>7</v>
      </c>
      <c r="DO306" s="6" t="s">
        <v>369</v>
      </c>
      <c r="DP306" s="6"/>
      <c r="DQ306" s="6"/>
    </row>
    <row r="307" spans="1:121" x14ac:dyDescent="0.2">
      <c r="A307" s="6" t="s">
        <v>313</v>
      </c>
      <c r="B307" s="6" t="s">
        <v>313</v>
      </c>
      <c r="C307" s="6" t="s">
        <v>178</v>
      </c>
      <c r="D307" s="6" t="s">
        <v>147</v>
      </c>
      <c r="E307" s="6" t="s">
        <v>288</v>
      </c>
      <c r="F307" s="11">
        <v>111</v>
      </c>
      <c r="G307" s="13">
        <v>0.36274509803900001</v>
      </c>
      <c r="H307" s="11">
        <v>-0.41867318399999931</v>
      </c>
      <c r="I307" s="13">
        <v>-1.3677407352008803E-3</v>
      </c>
      <c r="J307" s="11">
        <v>45.671157279999989</v>
      </c>
      <c r="K307" s="13">
        <v>0.14940497588316251</v>
      </c>
      <c r="L307" s="11">
        <v>65.552212213000018</v>
      </c>
      <c r="M307" s="13">
        <v>0.18656807258145744</v>
      </c>
      <c r="N307" s="11">
        <v>111.22336949300001</v>
      </c>
      <c r="O307" s="13">
        <v>0.36384724684922071</v>
      </c>
      <c r="P307" s="7">
        <v>306.10566259000001</v>
      </c>
      <c r="Q307" s="7">
        <v>320.51114622900002</v>
      </c>
      <c r="R307" s="7">
        <v>317.98938112500002</v>
      </c>
      <c r="S307" s="7">
        <v>324.13371365799998</v>
      </c>
      <c r="T307" s="7">
        <v>264.76612353100001</v>
      </c>
      <c r="U307" s="7">
        <v>286.88088920500002</v>
      </c>
      <c r="V307" s="7">
        <v>305.68698940600001</v>
      </c>
      <c r="W307" s="7">
        <v>333.77909584899999</v>
      </c>
      <c r="X307" s="7">
        <v>318.17501188400001</v>
      </c>
      <c r="Y307" s="7">
        <v>351.358146686</v>
      </c>
      <c r="Z307" s="7">
        <v>368.18171914599998</v>
      </c>
      <c r="AA307" s="7">
        <v>373.53046455800001</v>
      </c>
      <c r="AB307" s="7">
        <v>354.08201554200002</v>
      </c>
      <c r="AC307" s="7">
        <v>344.88996780500003</v>
      </c>
      <c r="AD307" s="7">
        <v>393.34554947399999</v>
      </c>
      <c r="AE307" s="7">
        <v>391.09420419700001</v>
      </c>
      <c r="AF307" s="7">
        <v>416.91035889900002</v>
      </c>
      <c r="AG307" s="9">
        <v>14492.038341799998</v>
      </c>
      <c r="AH307" s="13">
        <v>0.41574183632466549</v>
      </c>
      <c r="AI307" s="9">
        <v>10265.396253400002</v>
      </c>
      <c r="AJ307" s="13">
        <v>0.2944896079027885</v>
      </c>
      <c r="AK307" s="9">
        <v>-2457.3653283000021</v>
      </c>
      <c r="AL307" s="13">
        <v>-5.4458467235288445E-2</v>
      </c>
      <c r="AM307" s="9">
        <v>6684.0074166999984</v>
      </c>
      <c r="AN307" s="13">
        <v>0.15665779178395914</v>
      </c>
      <c r="AO307" s="9">
        <v>4226.6420883999963</v>
      </c>
      <c r="AP307" s="13">
        <v>9.3667981327651306E-2</v>
      </c>
      <c r="AQ307" s="9">
        <v>34858.263170999999</v>
      </c>
      <c r="AR307" s="9">
        <v>35260.1824538</v>
      </c>
      <c r="AS307" s="9">
        <v>36120.112695399999</v>
      </c>
      <c r="AT307" s="9">
        <v>36074.273159299999</v>
      </c>
      <c r="AU307" s="9">
        <v>39830.715941199996</v>
      </c>
      <c r="AV307" s="9">
        <v>42664.440295499997</v>
      </c>
      <c r="AW307" s="9">
        <v>45123.659424400001</v>
      </c>
      <c r="AX307" s="9">
        <v>45539.796410800001</v>
      </c>
      <c r="AY307" s="9">
        <v>43425.257907200001</v>
      </c>
      <c r="AZ307" s="9">
        <v>42666.294096099999</v>
      </c>
      <c r="BA307" s="9">
        <v>44345.889333799998</v>
      </c>
      <c r="BB307" s="9">
        <v>47584.538839599998</v>
      </c>
      <c r="BC307" s="9">
        <v>47938.280740000002</v>
      </c>
      <c r="BD307" s="9">
        <v>48110.071754700002</v>
      </c>
      <c r="BE307" s="9">
        <v>47654.580008500001</v>
      </c>
      <c r="BF307" s="9">
        <v>49350.301512799997</v>
      </c>
      <c r="BG307" s="11">
        <v>1.5</v>
      </c>
      <c r="BH307" s="13">
        <v>2.0833333333333332E-2</v>
      </c>
      <c r="BI307" s="6">
        <v>-2</v>
      </c>
      <c r="BJ307" s="13">
        <v>-2.7777777777777776E-2</v>
      </c>
      <c r="BK307" s="6">
        <v>3</v>
      </c>
      <c r="BL307" s="13">
        <v>4.2857142857142858E-2</v>
      </c>
      <c r="BM307" s="11">
        <v>0.5</v>
      </c>
      <c r="BN307" s="13">
        <v>6.8493150684931503E-3</v>
      </c>
      <c r="BO307" s="11">
        <v>3.5</v>
      </c>
      <c r="BP307" s="13">
        <v>0.05</v>
      </c>
      <c r="BQ307" s="6">
        <v>72</v>
      </c>
      <c r="BR307" s="6">
        <v>68</v>
      </c>
      <c r="BS307" s="6">
        <v>70</v>
      </c>
      <c r="BT307" s="6">
        <v>70</v>
      </c>
      <c r="BU307" s="6">
        <v>74</v>
      </c>
      <c r="BV307" s="6">
        <v>71</v>
      </c>
      <c r="BW307" s="6">
        <v>73</v>
      </c>
      <c r="BX307" s="6">
        <v>77</v>
      </c>
      <c r="BY307" s="6">
        <v>74</v>
      </c>
      <c r="BZ307" s="6">
        <v>70</v>
      </c>
      <c r="CA307" s="6">
        <v>69</v>
      </c>
      <c r="CB307" s="6">
        <v>76</v>
      </c>
      <c r="CC307" s="11">
        <v>73.5</v>
      </c>
      <c r="CD307" s="11">
        <v>102.373</v>
      </c>
      <c r="CE307" s="11">
        <v>-25.029499999999999</v>
      </c>
      <c r="CF307" s="11">
        <v>33.460999999999999</v>
      </c>
      <c r="CG307" s="11">
        <v>8</v>
      </c>
      <c r="CH307" s="20">
        <v>0.40649400000000002</v>
      </c>
      <c r="CI307" s="20">
        <v>0.44091000000000002</v>
      </c>
      <c r="CJ307" s="20">
        <v>0.43101699999999998</v>
      </c>
      <c r="CK307" s="20">
        <v>0.42853400000000003</v>
      </c>
      <c r="CL307" s="20">
        <v>0.32392700000000002</v>
      </c>
      <c r="CM307" s="20">
        <v>0.34076400000000001</v>
      </c>
      <c r="CN307" s="20">
        <v>0.361958</v>
      </c>
      <c r="CO307" s="20">
        <v>0.40042299999999997</v>
      </c>
      <c r="CP307" s="20">
        <v>0.41339599999999999</v>
      </c>
      <c r="CQ307" s="20">
        <v>0.49695099999999998</v>
      </c>
      <c r="CR307" s="20">
        <v>0.52396600000000004</v>
      </c>
      <c r="CS307" s="20">
        <v>0.52925900000000003</v>
      </c>
      <c r="CT307" s="20">
        <v>0.50131499999999996</v>
      </c>
      <c r="CU307" s="20">
        <v>0.48819499999999999</v>
      </c>
      <c r="CV307" s="20">
        <v>0.55689</v>
      </c>
      <c r="CW307" s="20">
        <v>0.55472299999999997</v>
      </c>
      <c r="CX307" s="20">
        <v>0.58767000000000003</v>
      </c>
      <c r="CY307" s="6" t="s">
        <v>438</v>
      </c>
      <c r="CZ307" s="6" t="s">
        <v>439</v>
      </c>
      <c r="DA307" s="6" t="s">
        <v>147</v>
      </c>
      <c r="DB307" s="6"/>
      <c r="DC307" s="6"/>
      <c r="DD307" s="6"/>
      <c r="DE307" s="6"/>
      <c r="DF307" s="6"/>
      <c r="DG307" s="6"/>
      <c r="DH307" s="6" t="s">
        <v>333</v>
      </c>
      <c r="DI307" s="6"/>
      <c r="DJ307" s="6"/>
      <c r="DK307" s="6"/>
      <c r="DL307" s="6">
        <v>9</v>
      </c>
      <c r="DM307" s="6" t="s">
        <v>440</v>
      </c>
      <c r="DN307" s="6">
        <v>7</v>
      </c>
      <c r="DO307" s="6" t="s">
        <v>369</v>
      </c>
      <c r="DP307" s="6"/>
      <c r="DQ307" s="6"/>
    </row>
    <row r="308" spans="1:121" x14ac:dyDescent="0.2">
      <c r="A308" s="6" t="s">
        <v>793</v>
      </c>
      <c r="B308" s="6" t="s">
        <v>179</v>
      </c>
      <c r="C308" s="6" t="s">
        <v>180</v>
      </c>
      <c r="D308" s="6" t="s">
        <v>147</v>
      </c>
      <c r="E308" s="6" t="s">
        <v>288</v>
      </c>
      <c r="F308" s="11">
        <v>43</v>
      </c>
      <c r="G308" s="13">
        <v>0.01</v>
      </c>
      <c r="H308" s="11">
        <v>777</v>
      </c>
      <c r="I308" s="13">
        <v>0.22187321530553969</v>
      </c>
      <c r="J308" s="11">
        <v>-788</v>
      </c>
      <c r="K308" s="13">
        <v>-0.18415517644309415</v>
      </c>
      <c r="L308" s="11">
        <v>54</v>
      </c>
      <c r="M308" s="13">
        <v>1.5468347178458894E-2</v>
      </c>
      <c r="N308" s="11">
        <v>-734</v>
      </c>
      <c r="O308" s="13">
        <v>-0.17153540546856741</v>
      </c>
      <c r="P308" s="7">
        <v>3502</v>
      </c>
      <c r="Q308" s="7">
        <v>3483</v>
      </c>
      <c r="R308" s="7">
        <v>3549</v>
      </c>
      <c r="S308" s="7">
        <v>3846</v>
      </c>
      <c r="T308" s="7">
        <v>4514</v>
      </c>
      <c r="U308" s="7">
        <v>4412</v>
      </c>
      <c r="V308" s="7">
        <v>4279</v>
      </c>
      <c r="W308" s="7">
        <v>4157</v>
      </c>
      <c r="X308" s="7">
        <v>3930</v>
      </c>
      <c r="Y308" s="7">
        <v>3491</v>
      </c>
      <c r="Z308" s="7">
        <v>3517</v>
      </c>
      <c r="AA308" s="7">
        <v>3609</v>
      </c>
      <c r="AB308" s="7">
        <v>3730</v>
      </c>
      <c r="AC308" s="7">
        <v>3722</v>
      </c>
      <c r="AD308" s="7">
        <v>3608</v>
      </c>
      <c r="AE308" s="7">
        <v>3532</v>
      </c>
      <c r="AF308" s="7">
        <v>3545</v>
      </c>
      <c r="AG308" s="9">
        <v>7538</v>
      </c>
      <c r="AH308" s="13">
        <v>0.35008359650752369</v>
      </c>
      <c r="AI308" s="9">
        <v>5434</v>
      </c>
      <c r="AJ308" s="13">
        <v>0.25236856771317112</v>
      </c>
      <c r="AK308" s="9">
        <v>250</v>
      </c>
      <c r="AL308" s="13">
        <v>9.2709337684491588E-3</v>
      </c>
      <c r="AM308" s="9">
        <v>1854</v>
      </c>
      <c r="AN308" s="13">
        <v>6.8121693121693125E-2</v>
      </c>
      <c r="AO308" s="9">
        <v>2104</v>
      </c>
      <c r="AP308" s="13">
        <v>7.8024178595268112E-2</v>
      </c>
      <c r="AQ308" s="9">
        <v>21532</v>
      </c>
      <c r="AR308" s="9">
        <v>22954</v>
      </c>
      <c r="AS308" s="9">
        <v>23984</v>
      </c>
      <c r="AT308" s="9">
        <v>24812</v>
      </c>
      <c r="AU308" s="9">
        <v>25040</v>
      </c>
      <c r="AV308" s="9">
        <v>26392</v>
      </c>
      <c r="AW308" s="9">
        <v>26966</v>
      </c>
      <c r="AX308" s="9">
        <v>26390</v>
      </c>
      <c r="AY308" s="9">
        <v>26230</v>
      </c>
      <c r="AZ308" s="9">
        <v>27216</v>
      </c>
      <c r="BA308" s="9">
        <v>26715</v>
      </c>
      <c r="BB308" s="9">
        <v>26827</v>
      </c>
      <c r="BC308" s="9">
        <v>27566</v>
      </c>
      <c r="BD308" s="9">
        <v>27679</v>
      </c>
      <c r="BE308" s="9">
        <v>28408</v>
      </c>
      <c r="BF308" s="9">
        <v>29070</v>
      </c>
      <c r="BG308" s="11">
        <v>-64</v>
      </c>
      <c r="BH308" s="13">
        <v>-0.19452887537993921</v>
      </c>
      <c r="BI308" s="6">
        <v>-9</v>
      </c>
      <c r="BJ308" s="13">
        <v>-2.7355623100303952E-2</v>
      </c>
      <c r="BK308" s="6">
        <v>-27</v>
      </c>
      <c r="BL308" s="13">
        <v>-8.4375000000000006E-2</v>
      </c>
      <c r="BM308" s="11">
        <v>-28</v>
      </c>
      <c r="BN308" s="13">
        <v>-9.556313993174062E-2</v>
      </c>
      <c r="BO308" s="11">
        <v>-55</v>
      </c>
      <c r="BP308" s="13">
        <v>-0.171875</v>
      </c>
      <c r="BQ308" s="6">
        <v>329</v>
      </c>
      <c r="BR308" s="6">
        <v>333</v>
      </c>
      <c r="BS308" s="6">
        <v>326</v>
      </c>
      <c r="BT308" s="6">
        <v>320</v>
      </c>
      <c r="BU308" s="6">
        <v>322</v>
      </c>
      <c r="BV308" s="6">
        <v>319</v>
      </c>
      <c r="BW308" s="6">
        <v>293</v>
      </c>
      <c r="BX308" s="6">
        <v>284</v>
      </c>
      <c r="BY308" s="6">
        <v>291</v>
      </c>
      <c r="BZ308" s="6">
        <v>285</v>
      </c>
      <c r="CA308" s="6">
        <v>273</v>
      </c>
      <c r="CB308" s="6">
        <v>268</v>
      </c>
      <c r="CC308" s="11">
        <v>265</v>
      </c>
      <c r="CD308" s="11">
        <v>-116</v>
      </c>
      <c r="CE308" s="11">
        <v>-224</v>
      </c>
      <c r="CF308" s="11">
        <v>383</v>
      </c>
      <c r="CG308" s="11">
        <v>159</v>
      </c>
      <c r="CH308" s="20">
        <v>1.73</v>
      </c>
      <c r="CI308" s="20">
        <v>1.75</v>
      </c>
      <c r="CJ308" s="20">
        <v>1.77</v>
      </c>
      <c r="CK308" s="20">
        <v>1.87</v>
      </c>
      <c r="CL308" s="20">
        <v>2.0499999999999998</v>
      </c>
      <c r="CM308" s="20">
        <v>1.97</v>
      </c>
      <c r="CN308" s="20">
        <v>1.92</v>
      </c>
      <c r="CO308" s="20">
        <v>1.91</v>
      </c>
      <c r="CP308" s="20">
        <v>1.92</v>
      </c>
      <c r="CQ308" s="20">
        <v>1.84</v>
      </c>
      <c r="CR308" s="20">
        <v>1.86</v>
      </c>
      <c r="CS308" s="20">
        <v>1.91</v>
      </c>
      <c r="CT308" s="20">
        <v>1.98</v>
      </c>
      <c r="CU308" s="20">
        <v>1.96</v>
      </c>
      <c r="CV308" s="20">
        <v>1.89</v>
      </c>
      <c r="CW308" s="20">
        <v>1.83</v>
      </c>
      <c r="CX308" s="20">
        <v>1.83</v>
      </c>
      <c r="CY308" s="6" t="s">
        <v>438</v>
      </c>
      <c r="CZ308" s="6" t="s">
        <v>439</v>
      </c>
      <c r="DA308" s="6" t="s">
        <v>147</v>
      </c>
      <c r="DB308" s="6"/>
      <c r="DC308" s="6"/>
      <c r="DD308" s="6"/>
      <c r="DE308" s="6"/>
      <c r="DF308" s="6"/>
      <c r="DG308" s="6"/>
      <c r="DH308" s="6" t="s">
        <v>333</v>
      </c>
      <c r="DI308" s="6"/>
      <c r="DJ308" s="6"/>
      <c r="DK308" s="6"/>
      <c r="DL308" s="6">
        <v>9</v>
      </c>
      <c r="DM308" s="6" t="s">
        <v>440</v>
      </c>
      <c r="DN308" s="6">
        <v>7</v>
      </c>
      <c r="DO308" s="6" t="s">
        <v>369</v>
      </c>
      <c r="DP308" s="6"/>
      <c r="DQ308" s="6"/>
    </row>
    <row r="309" spans="1:121" x14ac:dyDescent="0.2">
      <c r="A309" s="6" t="s">
        <v>794</v>
      </c>
      <c r="B309" s="6" t="s">
        <v>181</v>
      </c>
      <c r="C309" s="6" t="s">
        <v>182</v>
      </c>
      <c r="D309" s="6" t="s">
        <v>147</v>
      </c>
      <c r="E309" s="6" t="s">
        <v>288</v>
      </c>
      <c r="F309" s="11">
        <v>6</v>
      </c>
      <c r="G309" s="13">
        <v>2.3715415019799999E-2</v>
      </c>
      <c r="H309" s="11">
        <v>33.969164612999975</v>
      </c>
      <c r="I309" s="13">
        <v>0.13407766642175584</v>
      </c>
      <c r="J309" s="11">
        <v>-28.501212117999955</v>
      </c>
      <c r="K309" s="13">
        <v>-9.9195531429482592E-2</v>
      </c>
      <c r="L309" s="11">
        <v>0.48113735199996199</v>
      </c>
      <c r="M309" s="13">
        <v>1.8589483354474728E-3</v>
      </c>
      <c r="N309" s="11">
        <v>-28.020074765999993</v>
      </c>
      <c r="O309" s="13">
        <v>-9.7520982462069777E-2</v>
      </c>
      <c r="P309" s="7">
        <v>253.354384213</v>
      </c>
      <c r="Q309" s="7">
        <v>223.20032083500001</v>
      </c>
      <c r="R309" s="7">
        <v>209.42129276099999</v>
      </c>
      <c r="S309" s="7">
        <v>223.75009767200001</v>
      </c>
      <c r="T309" s="7">
        <v>238.040009806</v>
      </c>
      <c r="U309" s="7">
        <v>266.289168405</v>
      </c>
      <c r="V309" s="7">
        <v>287.32354882599998</v>
      </c>
      <c r="W309" s="7">
        <v>265.33813329899999</v>
      </c>
      <c r="X309" s="7">
        <v>267.02228884900001</v>
      </c>
      <c r="Y309" s="7">
        <v>258.82233670800002</v>
      </c>
      <c r="Z309" s="7">
        <v>262.32634392400001</v>
      </c>
      <c r="AA309" s="7">
        <v>276.73135561599997</v>
      </c>
      <c r="AB309" s="7">
        <v>275.03171460599998</v>
      </c>
      <c r="AC309" s="7">
        <v>244.73618817600001</v>
      </c>
      <c r="AD309" s="7">
        <v>241.12188641099999</v>
      </c>
      <c r="AE309" s="7">
        <v>255.406150346</v>
      </c>
      <c r="AF309" s="7">
        <v>259.30347405999999</v>
      </c>
      <c r="AG309" s="9">
        <v>18872.913101699996</v>
      </c>
      <c r="AH309" s="13">
        <v>0.61332125050060693</v>
      </c>
      <c r="AI309" s="9">
        <v>11386.464814599996</v>
      </c>
      <c r="AJ309" s="13">
        <v>0.37003089036861936</v>
      </c>
      <c r="AK309" s="9">
        <v>-119.8005170999968</v>
      </c>
      <c r="AL309" s="13">
        <v>-2.8416946226800556E-3</v>
      </c>
      <c r="AM309" s="9">
        <v>7606.2488041999968</v>
      </c>
      <c r="AN309" s="13">
        <v>0.18093606009998975</v>
      </c>
      <c r="AO309" s="9">
        <v>7486.4482871</v>
      </c>
      <c r="AP309" s="13">
        <v>0.17758020044827463</v>
      </c>
      <c r="AQ309" s="9">
        <v>30771.6601802</v>
      </c>
      <c r="AR309" s="9">
        <v>32566.5594987</v>
      </c>
      <c r="AS309" s="9">
        <v>35032.189272099997</v>
      </c>
      <c r="AT309" s="9">
        <v>38419.629187899998</v>
      </c>
      <c r="AU309" s="9">
        <v>37983.911259599998</v>
      </c>
      <c r="AV309" s="9">
        <v>40409.906061200003</v>
      </c>
      <c r="AW309" s="9">
        <v>42158.124994799997</v>
      </c>
      <c r="AX309" s="9">
        <v>42140.970046000002</v>
      </c>
      <c r="AY309" s="9">
        <v>41290.560481400003</v>
      </c>
      <c r="AZ309" s="9">
        <v>42038.3244777</v>
      </c>
      <c r="BA309" s="9">
        <v>43867.432357700003</v>
      </c>
      <c r="BB309" s="9">
        <v>44139.575474999998</v>
      </c>
      <c r="BC309" s="9">
        <v>44954.864636099999</v>
      </c>
      <c r="BD309" s="9">
        <v>47212.964920099999</v>
      </c>
      <c r="BE309" s="9">
        <v>48885.8964672</v>
      </c>
      <c r="BF309" s="9">
        <v>49644.573281899997</v>
      </c>
      <c r="BG309" s="11">
        <v>-0.75</v>
      </c>
      <c r="BH309" s="13">
        <v>-2.6785714285714284E-2</v>
      </c>
      <c r="BI309" s="6">
        <v>2</v>
      </c>
      <c r="BJ309" s="13">
        <v>7.1428571428571425E-2</v>
      </c>
      <c r="BK309" s="6">
        <v>-1</v>
      </c>
      <c r="BL309" s="13">
        <v>-3.3333333333333333E-2</v>
      </c>
      <c r="BM309" s="11">
        <v>-1.75</v>
      </c>
      <c r="BN309" s="13">
        <v>-6.0344827586206899E-2</v>
      </c>
      <c r="BO309" s="11">
        <v>-2.75</v>
      </c>
      <c r="BP309" s="13">
        <v>-9.166666666666666E-2</v>
      </c>
      <c r="BQ309" s="6">
        <v>28</v>
      </c>
      <c r="BR309" s="6">
        <v>28</v>
      </c>
      <c r="BS309" s="6">
        <v>29</v>
      </c>
      <c r="BT309" s="6">
        <v>30</v>
      </c>
      <c r="BU309" s="6">
        <v>30</v>
      </c>
      <c r="BV309" s="6">
        <v>31</v>
      </c>
      <c r="BW309" s="6">
        <v>29</v>
      </c>
      <c r="BX309" s="6">
        <v>28</v>
      </c>
      <c r="BY309" s="6">
        <v>31</v>
      </c>
      <c r="BZ309" s="6">
        <v>29</v>
      </c>
      <c r="CA309" s="6">
        <v>25</v>
      </c>
      <c r="CB309" s="6">
        <v>26</v>
      </c>
      <c r="CC309" s="11">
        <v>27.25</v>
      </c>
      <c r="CD309" s="11">
        <v>-37.714599999999997</v>
      </c>
      <c r="CE309" s="11">
        <v>15.968999999999999</v>
      </c>
      <c r="CF309" s="11">
        <v>27.694700000000001</v>
      </c>
      <c r="CG309" s="11">
        <v>44</v>
      </c>
      <c r="CH309" s="20">
        <v>0.425014</v>
      </c>
      <c r="CI309" s="20">
        <v>0.39116800000000002</v>
      </c>
      <c r="CJ309" s="20">
        <v>0.36238999999999999</v>
      </c>
      <c r="CK309" s="20">
        <v>0.37402000000000002</v>
      </c>
      <c r="CL309" s="20">
        <v>0.36601299999999998</v>
      </c>
      <c r="CM309" s="20">
        <v>0.39638400000000001</v>
      </c>
      <c r="CN309" s="20">
        <v>0.42542999999999997</v>
      </c>
      <c r="CO309" s="20">
        <v>0.39809099999999997</v>
      </c>
      <c r="CP309" s="20">
        <v>0.43261500000000003</v>
      </c>
      <c r="CQ309" s="20">
        <v>0.45372200000000001</v>
      </c>
      <c r="CR309" s="20">
        <v>0.45671200000000001</v>
      </c>
      <c r="CS309" s="20">
        <v>0.47781800000000002</v>
      </c>
      <c r="CT309" s="20">
        <v>0.47166999999999998</v>
      </c>
      <c r="CU309" s="20">
        <v>0.41027200000000003</v>
      </c>
      <c r="CV309" s="20">
        <v>0.39044699999999999</v>
      </c>
      <c r="CW309" s="20">
        <v>0.403748</v>
      </c>
      <c r="CX309" s="20">
        <v>0.40470400000000001</v>
      </c>
      <c r="CY309" s="6" t="s">
        <v>438</v>
      </c>
      <c r="CZ309" s="6" t="s">
        <v>439</v>
      </c>
      <c r="DA309" s="6" t="s">
        <v>147</v>
      </c>
      <c r="DB309" s="6"/>
      <c r="DC309" s="6"/>
      <c r="DD309" s="6"/>
      <c r="DE309" s="6"/>
      <c r="DF309" s="6"/>
      <c r="DG309" s="6"/>
      <c r="DH309" s="6" t="s">
        <v>333</v>
      </c>
      <c r="DI309" s="6"/>
      <c r="DJ309" s="6"/>
      <c r="DK309" s="6"/>
      <c r="DL309" s="6">
        <v>9</v>
      </c>
      <c r="DM309" s="6" t="s">
        <v>440</v>
      </c>
      <c r="DN309" s="6">
        <v>7</v>
      </c>
      <c r="DO309" s="6" t="s">
        <v>369</v>
      </c>
      <c r="DP309" s="6"/>
      <c r="DQ309" s="6"/>
    </row>
    <row r="310" spans="1:121" x14ac:dyDescent="0.2">
      <c r="A310" s="6" t="s">
        <v>314</v>
      </c>
      <c r="B310" s="6" t="s">
        <v>314</v>
      </c>
      <c r="C310" s="6" t="s">
        <v>183</v>
      </c>
      <c r="D310" s="6" t="s">
        <v>147</v>
      </c>
      <c r="E310" s="6" t="s">
        <v>288</v>
      </c>
      <c r="F310" s="11">
        <v>-45</v>
      </c>
      <c r="G310" s="13">
        <v>-0.184426229508</v>
      </c>
      <c r="H310" s="11">
        <v>61.945996629000007</v>
      </c>
      <c r="I310" s="13">
        <v>0.25351607777264901</v>
      </c>
      <c r="J310" s="11">
        <v>-31.811790814000005</v>
      </c>
      <c r="K310" s="13">
        <v>-0.10386051503660908</v>
      </c>
      <c r="L310" s="11">
        <v>-75.229044944000009</v>
      </c>
      <c r="M310" s="13">
        <v>-0.27407680881864138</v>
      </c>
      <c r="N310" s="11">
        <v>-107.04083575800001</v>
      </c>
      <c r="O310" s="13">
        <v>-0.34947156533175616</v>
      </c>
      <c r="P310" s="7">
        <v>244.347408548</v>
      </c>
      <c r="Q310" s="7">
        <v>265.957604145</v>
      </c>
      <c r="R310" s="7">
        <v>257.12802543800001</v>
      </c>
      <c r="S310" s="7">
        <v>250.590789822</v>
      </c>
      <c r="T310" s="7">
        <v>280.95440251999997</v>
      </c>
      <c r="U310" s="7">
        <v>286.80771604900002</v>
      </c>
      <c r="V310" s="7">
        <v>306.29340517700001</v>
      </c>
      <c r="W310" s="7">
        <v>292.15319482500001</v>
      </c>
      <c r="X310" s="7">
        <v>287.28756360699998</v>
      </c>
      <c r="Y310" s="7">
        <v>274.48161436300001</v>
      </c>
      <c r="Z310" s="7">
        <v>260.448633766</v>
      </c>
      <c r="AA310" s="7">
        <v>257.44308812999998</v>
      </c>
      <c r="AB310" s="7">
        <v>268.79449758599998</v>
      </c>
      <c r="AC310" s="7">
        <v>287.758423999</v>
      </c>
      <c r="AD310" s="7">
        <v>214.76011002800001</v>
      </c>
      <c r="AE310" s="7">
        <v>201.45747003599999</v>
      </c>
      <c r="AF310" s="7">
        <v>199.252569419</v>
      </c>
      <c r="AG310" s="9">
        <v>6382.1134668000013</v>
      </c>
      <c r="AH310" s="13">
        <v>0.19072081607392</v>
      </c>
      <c r="AI310" s="9">
        <v>5236.3224283000018</v>
      </c>
      <c r="AJ310" s="13">
        <v>0.15648040291773188</v>
      </c>
      <c r="AK310" s="9">
        <v>4203.4388535000035</v>
      </c>
      <c r="AL310" s="13">
        <v>0.10861755725274756</v>
      </c>
      <c r="AM310" s="9">
        <v>-3057.6478150000039</v>
      </c>
      <c r="AN310" s="13">
        <v>-7.1269055982342983E-2</v>
      </c>
      <c r="AO310" s="9">
        <v>1145.7910384999996</v>
      </c>
      <c r="AP310" s="13">
        <v>2.9607430501893149E-2</v>
      </c>
      <c r="AQ310" s="9">
        <v>33463.119538699997</v>
      </c>
      <c r="AR310" s="9">
        <v>37212.224407499998</v>
      </c>
      <c r="AS310" s="9">
        <v>41537.180433399997</v>
      </c>
      <c r="AT310" s="9">
        <v>39889.926594899996</v>
      </c>
      <c r="AU310" s="9">
        <v>39545.429101100002</v>
      </c>
      <c r="AV310" s="9">
        <v>39193.854184399999</v>
      </c>
      <c r="AW310" s="9">
        <v>38699.441966999999</v>
      </c>
      <c r="AX310" s="9">
        <v>40123.960331900002</v>
      </c>
      <c r="AY310" s="9">
        <v>44697.167492100001</v>
      </c>
      <c r="AZ310" s="9">
        <v>42902.880820500002</v>
      </c>
      <c r="BA310" s="9">
        <v>42916.791534299999</v>
      </c>
      <c r="BB310" s="9">
        <v>44218.294131900002</v>
      </c>
      <c r="BC310" s="9">
        <v>45538.944115600003</v>
      </c>
      <c r="BD310" s="9">
        <v>46148.891256700001</v>
      </c>
      <c r="BE310" s="9">
        <v>38361.002990300003</v>
      </c>
      <c r="BF310" s="9">
        <v>39845.233005499998</v>
      </c>
      <c r="BG310" s="11">
        <v>3.75</v>
      </c>
      <c r="BH310" s="13">
        <v>0.1875</v>
      </c>
      <c r="BI310" s="6">
        <v>4</v>
      </c>
      <c r="BJ310" s="13">
        <v>0.2</v>
      </c>
      <c r="BK310" s="6">
        <v>0</v>
      </c>
      <c r="BL310" s="13">
        <v>0</v>
      </c>
      <c r="BM310" s="11">
        <v>-0.25</v>
      </c>
      <c r="BN310" s="13">
        <v>-1.0416666666666666E-2</v>
      </c>
      <c r="BO310" s="11">
        <v>-0.25</v>
      </c>
      <c r="BP310" s="13">
        <v>-1.0416666666666666E-2</v>
      </c>
      <c r="BQ310" s="6">
        <v>20</v>
      </c>
      <c r="BR310" s="6">
        <v>18</v>
      </c>
      <c r="BS310" s="6">
        <v>22</v>
      </c>
      <c r="BT310" s="6">
        <v>24</v>
      </c>
      <c r="BU310" s="6">
        <v>21</v>
      </c>
      <c r="BV310" s="6">
        <v>24</v>
      </c>
      <c r="BW310" s="6">
        <v>24</v>
      </c>
      <c r="BX310" s="6">
        <v>25</v>
      </c>
      <c r="BY310" s="6">
        <v>22</v>
      </c>
      <c r="BZ310" s="6">
        <v>24</v>
      </c>
      <c r="CA310" s="6">
        <v>26</v>
      </c>
      <c r="CB310" s="6">
        <v>23</v>
      </c>
      <c r="CC310" s="11">
        <v>23.75</v>
      </c>
      <c r="CD310" s="11">
        <v>3.03633</v>
      </c>
      <c r="CE310" s="11">
        <v>-74.841300000000004</v>
      </c>
      <c r="CF310" s="11">
        <v>26.710100000000001</v>
      </c>
      <c r="CG310" s="11">
        <v>-48</v>
      </c>
      <c r="CH310" s="20">
        <v>0.52052600000000004</v>
      </c>
      <c r="CI310" s="20">
        <v>0.60858800000000002</v>
      </c>
      <c r="CJ310" s="20">
        <v>0.60662099999999997</v>
      </c>
      <c r="CK310" s="20">
        <v>0.59525300000000003</v>
      </c>
      <c r="CL310" s="20">
        <v>0.63715999999999995</v>
      </c>
      <c r="CM310" s="20">
        <v>0.64844599999999997</v>
      </c>
      <c r="CN310" s="20">
        <v>0.70460599999999995</v>
      </c>
      <c r="CO310" s="20">
        <v>0.68691800000000003</v>
      </c>
      <c r="CP310" s="20">
        <v>0.72597400000000001</v>
      </c>
      <c r="CQ310" s="20">
        <v>0.76981299999999997</v>
      </c>
      <c r="CR310" s="20">
        <v>0.75244900000000003</v>
      </c>
      <c r="CS310" s="20">
        <v>0.75253199999999998</v>
      </c>
      <c r="CT310" s="20">
        <v>0.78849499999999995</v>
      </c>
      <c r="CU310" s="20">
        <v>0.84284800000000004</v>
      </c>
      <c r="CV310" s="20">
        <v>0.629803</v>
      </c>
      <c r="CW310" s="20">
        <v>0.583036</v>
      </c>
      <c r="CX310" s="20">
        <v>0.57652700000000001</v>
      </c>
      <c r="CY310" s="6" t="s">
        <v>438</v>
      </c>
      <c r="CZ310" s="6" t="s">
        <v>439</v>
      </c>
      <c r="DA310" s="6" t="s">
        <v>147</v>
      </c>
      <c r="DB310" s="6"/>
      <c r="DC310" s="6"/>
      <c r="DD310" s="6"/>
      <c r="DE310" s="6"/>
      <c r="DF310" s="6"/>
      <c r="DG310" s="6"/>
      <c r="DH310" s="6" t="s">
        <v>333</v>
      </c>
      <c r="DI310" s="6"/>
      <c r="DJ310" s="6"/>
      <c r="DK310" s="6"/>
      <c r="DL310" s="6">
        <v>9</v>
      </c>
      <c r="DM310" s="6" t="s">
        <v>440</v>
      </c>
      <c r="DN310" s="6">
        <v>7</v>
      </c>
      <c r="DO310" s="6" t="s">
        <v>369</v>
      </c>
      <c r="DP310" s="6"/>
      <c r="DQ310" s="6"/>
    </row>
    <row r="311" spans="1:121" x14ac:dyDescent="0.2">
      <c r="A311" s="6" t="s">
        <v>315</v>
      </c>
      <c r="B311" s="6" t="s">
        <v>315</v>
      </c>
      <c r="C311" s="6" t="s">
        <v>184</v>
      </c>
      <c r="D311" s="6" t="s">
        <v>147</v>
      </c>
      <c r="E311" s="6" t="s">
        <v>288</v>
      </c>
      <c r="F311" s="11">
        <v>-58</v>
      </c>
      <c r="G311" s="13">
        <v>-0.1</v>
      </c>
      <c r="H311" s="11">
        <v>22</v>
      </c>
      <c r="I311" s="13">
        <v>3.8869257950530034E-2</v>
      </c>
      <c r="J311" s="11">
        <v>-63</v>
      </c>
      <c r="K311" s="13">
        <v>-0.10714285714285714</v>
      </c>
      <c r="L311" s="11">
        <v>-17</v>
      </c>
      <c r="M311" s="13">
        <v>-3.2380952380952378E-2</v>
      </c>
      <c r="N311" s="11">
        <v>-80</v>
      </c>
      <c r="O311" s="13">
        <v>-0.1360544217687075</v>
      </c>
      <c r="P311" s="7">
        <v>566</v>
      </c>
      <c r="Q311" s="7">
        <v>556</v>
      </c>
      <c r="R311" s="7">
        <v>579</v>
      </c>
      <c r="S311" s="7">
        <v>572</v>
      </c>
      <c r="T311" s="7">
        <v>582</v>
      </c>
      <c r="U311" s="7">
        <v>592</v>
      </c>
      <c r="V311" s="7">
        <v>588</v>
      </c>
      <c r="W311" s="7">
        <v>577</v>
      </c>
      <c r="X311" s="7">
        <v>550</v>
      </c>
      <c r="Y311" s="7">
        <v>525</v>
      </c>
      <c r="Z311" s="7">
        <v>512</v>
      </c>
      <c r="AA311" s="7">
        <v>510</v>
      </c>
      <c r="AB311" s="7">
        <v>512</v>
      </c>
      <c r="AC311" s="7">
        <v>518</v>
      </c>
      <c r="AD311" s="7">
        <v>510</v>
      </c>
      <c r="AE311" s="7">
        <v>508</v>
      </c>
      <c r="AF311" s="7">
        <v>508</v>
      </c>
      <c r="AG311" s="9">
        <v>16606</v>
      </c>
      <c r="AH311" s="13">
        <v>0.48252215603661192</v>
      </c>
      <c r="AI311" s="9">
        <v>8617</v>
      </c>
      <c r="AJ311" s="13">
        <v>0.25038500653784684</v>
      </c>
      <c r="AK311" s="9">
        <v>-224</v>
      </c>
      <c r="AL311" s="13">
        <v>-5.2054285183119539E-3</v>
      </c>
      <c r="AM311" s="9">
        <v>8213</v>
      </c>
      <c r="AN311" s="13">
        <v>0.19185666230611101</v>
      </c>
      <c r="AO311" s="9">
        <v>7989</v>
      </c>
      <c r="AP311" s="13">
        <v>0.18565253764640269</v>
      </c>
      <c r="AQ311" s="9">
        <v>34415</v>
      </c>
      <c r="AR311" s="9">
        <v>35130</v>
      </c>
      <c r="AS311" s="9">
        <v>34682</v>
      </c>
      <c r="AT311" s="9">
        <v>35811</v>
      </c>
      <c r="AU311" s="9">
        <v>37454</v>
      </c>
      <c r="AV311" s="9">
        <v>40665</v>
      </c>
      <c r="AW311" s="9">
        <v>43032</v>
      </c>
      <c r="AX311" s="9">
        <v>42863</v>
      </c>
      <c r="AY311" s="9">
        <v>42820</v>
      </c>
      <c r="AZ311" s="9">
        <v>42808</v>
      </c>
      <c r="BA311" s="9">
        <v>43365</v>
      </c>
      <c r="BB311" s="9">
        <v>44028</v>
      </c>
      <c r="BC311" s="9">
        <v>44454</v>
      </c>
      <c r="BD311" s="9">
        <v>46603</v>
      </c>
      <c r="BE311" s="9">
        <v>50845</v>
      </c>
      <c r="BF311" s="9">
        <v>51021</v>
      </c>
      <c r="BG311" s="11">
        <v>8</v>
      </c>
      <c r="BH311" s="13">
        <v>0.12307692307692308</v>
      </c>
      <c r="BI311" s="6">
        <v>9</v>
      </c>
      <c r="BJ311" s="13">
        <v>0.13846153846153847</v>
      </c>
      <c r="BK311" s="6">
        <v>-1</v>
      </c>
      <c r="BL311" s="13">
        <v>-1.3513513513513514E-2</v>
      </c>
      <c r="BM311" s="11">
        <v>0</v>
      </c>
      <c r="BN311" s="13">
        <v>0</v>
      </c>
      <c r="BO311" s="11">
        <v>-1</v>
      </c>
      <c r="BP311" s="13">
        <v>-1.3513513513513514E-2</v>
      </c>
      <c r="BQ311" s="6">
        <v>65</v>
      </c>
      <c r="BR311" s="6">
        <v>68</v>
      </c>
      <c r="BS311" s="6">
        <v>73</v>
      </c>
      <c r="BT311" s="6">
        <v>74</v>
      </c>
      <c r="BU311" s="6">
        <v>72</v>
      </c>
      <c r="BV311" s="6">
        <v>76</v>
      </c>
      <c r="BW311" s="6">
        <v>73</v>
      </c>
      <c r="BX311" s="6">
        <v>69</v>
      </c>
      <c r="BY311" s="6">
        <v>69</v>
      </c>
      <c r="BZ311" s="6">
        <v>75</v>
      </c>
      <c r="CA311" s="6">
        <v>74</v>
      </c>
      <c r="CB311" s="6">
        <v>74</v>
      </c>
      <c r="CC311" s="11">
        <v>73</v>
      </c>
      <c r="CD311" s="11">
        <v>-76</v>
      </c>
      <c r="CE311" s="11">
        <v>-45</v>
      </c>
      <c r="CF311" s="11">
        <v>62</v>
      </c>
      <c r="CG311" s="11">
        <v>17</v>
      </c>
      <c r="CH311" s="20">
        <v>0.74</v>
      </c>
      <c r="CI311" s="20">
        <v>0.74</v>
      </c>
      <c r="CJ311" s="20">
        <v>0.74</v>
      </c>
      <c r="CK311" s="20">
        <v>0.72</v>
      </c>
      <c r="CL311" s="20">
        <v>0.68</v>
      </c>
      <c r="CM311" s="20">
        <v>0.67</v>
      </c>
      <c r="CN311" s="20">
        <v>0.68</v>
      </c>
      <c r="CO311" s="20">
        <v>0.68</v>
      </c>
      <c r="CP311" s="20">
        <v>0.69</v>
      </c>
      <c r="CQ311" s="20">
        <v>0.72</v>
      </c>
      <c r="CR311" s="20">
        <v>0.71</v>
      </c>
      <c r="CS311" s="20">
        <v>0.71</v>
      </c>
      <c r="CT311" s="20">
        <v>0.72</v>
      </c>
      <c r="CU311" s="20">
        <v>0.73</v>
      </c>
      <c r="CV311" s="20">
        <v>0.72</v>
      </c>
      <c r="CW311" s="20">
        <v>0.71</v>
      </c>
      <c r="CX311" s="20">
        <v>0.7</v>
      </c>
      <c r="CY311" s="6" t="s">
        <v>438</v>
      </c>
      <c r="CZ311" s="6" t="s">
        <v>439</v>
      </c>
      <c r="DA311" s="6" t="s">
        <v>147</v>
      </c>
      <c r="DB311" s="6"/>
      <c r="DC311" s="6"/>
      <c r="DD311" s="6"/>
      <c r="DE311" s="6"/>
      <c r="DF311" s="6"/>
      <c r="DG311" s="6"/>
      <c r="DH311" s="6" t="s">
        <v>333</v>
      </c>
      <c r="DI311" s="6"/>
      <c r="DJ311" s="6"/>
      <c r="DK311" s="6"/>
      <c r="DL311" s="6">
        <v>9</v>
      </c>
      <c r="DM311" s="6" t="s">
        <v>440</v>
      </c>
      <c r="DN311" s="6">
        <v>7</v>
      </c>
      <c r="DO311" s="6" t="s">
        <v>369</v>
      </c>
      <c r="DP311" s="6"/>
      <c r="DQ311" s="6"/>
    </row>
    <row r="312" spans="1:121" x14ac:dyDescent="0.2">
      <c r="A312" s="6" t="s">
        <v>316</v>
      </c>
      <c r="B312" s="6" t="s">
        <v>316</v>
      </c>
      <c r="C312" s="6" t="s">
        <v>185</v>
      </c>
      <c r="D312" s="6" t="s">
        <v>147</v>
      </c>
      <c r="E312" s="6" t="s">
        <v>288</v>
      </c>
      <c r="F312" s="11">
        <v>31</v>
      </c>
      <c r="G312" s="13">
        <v>7.0000000000000007E-2</v>
      </c>
      <c r="H312" s="11">
        <v>122</v>
      </c>
      <c r="I312" s="13">
        <v>0.26813186813186812</v>
      </c>
      <c r="J312" s="11">
        <v>-82</v>
      </c>
      <c r="K312" s="13">
        <v>-0.14211438474870017</v>
      </c>
      <c r="L312" s="11">
        <v>-9</v>
      </c>
      <c r="M312" s="13">
        <v>-1.8181818181818181E-2</v>
      </c>
      <c r="N312" s="11">
        <v>-91</v>
      </c>
      <c r="O312" s="13">
        <v>-0.15771230502599654</v>
      </c>
      <c r="P312" s="7">
        <v>455</v>
      </c>
      <c r="Q312" s="7">
        <v>454</v>
      </c>
      <c r="R312" s="7">
        <v>537</v>
      </c>
      <c r="S312" s="7">
        <v>451</v>
      </c>
      <c r="T312" s="7">
        <v>480</v>
      </c>
      <c r="U312" s="7">
        <v>557</v>
      </c>
      <c r="V312" s="7">
        <v>577</v>
      </c>
      <c r="W312" s="7">
        <v>599</v>
      </c>
      <c r="X312" s="7">
        <v>570</v>
      </c>
      <c r="Y312" s="7">
        <v>495</v>
      </c>
      <c r="Z312" s="7">
        <v>483</v>
      </c>
      <c r="AA312" s="7">
        <v>502</v>
      </c>
      <c r="AB312" s="7">
        <v>469</v>
      </c>
      <c r="AC312" s="7">
        <v>491</v>
      </c>
      <c r="AD312" s="7">
        <v>480</v>
      </c>
      <c r="AE312" s="7">
        <v>483</v>
      </c>
      <c r="AF312" s="7">
        <v>486</v>
      </c>
      <c r="AG312" s="9">
        <v>2466</v>
      </c>
      <c r="AH312" s="13">
        <v>8.6016254490913532E-2</v>
      </c>
      <c r="AI312" s="9">
        <v>-178</v>
      </c>
      <c r="AJ312" s="13">
        <v>-6.2087969583871083E-3</v>
      </c>
      <c r="AK312" s="9">
        <v>-1266</v>
      </c>
      <c r="AL312" s="13">
        <v>-4.4435084763609571E-2</v>
      </c>
      <c r="AM312" s="9">
        <v>3910</v>
      </c>
      <c r="AN312" s="13">
        <v>0.14361799816345272</v>
      </c>
      <c r="AO312" s="9">
        <v>2644</v>
      </c>
      <c r="AP312" s="13">
        <v>9.2801235477870211E-2</v>
      </c>
      <c r="AQ312" s="9">
        <v>28669</v>
      </c>
      <c r="AR312" s="9">
        <v>31181</v>
      </c>
      <c r="AS312" s="9">
        <v>30637</v>
      </c>
      <c r="AT312" s="9">
        <v>26132</v>
      </c>
      <c r="AU312" s="9">
        <v>28907</v>
      </c>
      <c r="AV312" s="9">
        <v>28989</v>
      </c>
      <c r="AW312" s="9">
        <v>28491</v>
      </c>
      <c r="AX312" s="9">
        <v>28574</v>
      </c>
      <c r="AY312" s="9">
        <v>28228</v>
      </c>
      <c r="AZ312" s="9">
        <v>27225</v>
      </c>
      <c r="BA312" s="9">
        <v>27423</v>
      </c>
      <c r="BB312" s="9">
        <v>28564</v>
      </c>
      <c r="BC312" s="9">
        <v>28812</v>
      </c>
      <c r="BD312" s="9">
        <v>29910</v>
      </c>
      <c r="BE312" s="9">
        <v>31939</v>
      </c>
      <c r="BF312" s="9">
        <v>31135</v>
      </c>
      <c r="BG312" s="11">
        <v>-15</v>
      </c>
      <c r="BH312" s="13">
        <v>-0.14705882352941177</v>
      </c>
      <c r="BI312" s="6">
        <v>5</v>
      </c>
      <c r="BJ312" s="13">
        <v>4.9019607843137254E-2</v>
      </c>
      <c r="BK312" s="6">
        <v>-18</v>
      </c>
      <c r="BL312" s="13">
        <v>-0.16822429906542055</v>
      </c>
      <c r="BM312" s="11">
        <v>-2</v>
      </c>
      <c r="BN312" s="13">
        <v>-2.247191011235955E-2</v>
      </c>
      <c r="BO312" s="11">
        <v>-20</v>
      </c>
      <c r="BP312" s="13">
        <v>-0.18691588785046728</v>
      </c>
      <c r="BQ312" s="6">
        <v>102</v>
      </c>
      <c r="BR312" s="6">
        <v>99</v>
      </c>
      <c r="BS312" s="6">
        <v>104</v>
      </c>
      <c r="BT312" s="6">
        <v>107</v>
      </c>
      <c r="BU312" s="6">
        <v>110</v>
      </c>
      <c r="BV312" s="6">
        <v>105</v>
      </c>
      <c r="BW312" s="6">
        <v>89</v>
      </c>
      <c r="BX312" s="6">
        <v>87</v>
      </c>
      <c r="BY312" s="6">
        <v>92</v>
      </c>
      <c r="BZ312" s="6">
        <v>91</v>
      </c>
      <c r="CA312" s="6">
        <v>95</v>
      </c>
      <c r="CB312" s="6">
        <v>88</v>
      </c>
      <c r="CC312" s="11">
        <v>87</v>
      </c>
      <c r="CD312" s="11">
        <v>4</v>
      </c>
      <c r="CE312" s="11">
        <v>-23</v>
      </c>
      <c r="CF312" s="11">
        <v>50</v>
      </c>
      <c r="CG312" s="11">
        <v>27</v>
      </c>
      <c r="CH312" s="20">
        <v>1.45</v>
      </c>
      <c r="CI312" s="20">
        <v>1.45</v>
      </c>
      <c r="CJ312" s="20">
        <v>1.65</v>
      </c>
      <c r="CK312" s="20">
        <v>1.33</v>
      </c>
      <c r="CL312" s="20">
        <v>1.29</v>
      </c>
      <c r="CM312" s="20">
        <v>1.46</v>
      </c>
      <c r="CN312" s="20">
        <v>1.54</v>
      </c>
      <c r="CO312" s="20">
        <v>1.65</v>
      </c>
      <c r="CP312" s="20">
        <v>1.69</v>
      </c>
      <c r="CQ312" s="20">
        <v>1.64</v>
      </c>
      <c r="CR312" s="20">
        <v>1.64</v>
      </c>
      <c r="CS312" s="20">
        <v>1.71</v>
      </c>
      <c r="CT312" s="20">
        <v>1.6</v>
      </c>
      <c r="CU312" s="20">
        <v>1.65</v>
      </c>
      <c r="CV312" s="20">
        <v>1.59</v>
      </c>
      <c r="CW312" s="20">
        <v>1.59</v>
      </c>
      <c r="CX312" s="20">
        <v>1.59</v>
      </c>
      <c r="CY312" s="6" t="s">
        <v>438</v>
      </c>
      <c r="CZ312" s="6" t="s">
        <v>439</v>
      </c>
      <c r="DA312" s="6" t="s">
        <v>147</v>
      </c>
      <c r="DB312" s="6"/>
      <c r="DC312" s="6"/>
      <c r="DD312" s="6"/>
      <c r="DE312" s="6"/>
      <c r="DF312" s="6"/>
      <c r="DG312" s="6"/>
      <c r="DH312" s="6" t="s">
        <v>333</v>
      </c>
      <c r="DI312" s="6"/>
      <c r="DJ312" s="6"/>
      <c r="DK312" s="6"/>
      <c r="DL312" s="6">
        <v>9</v>
      </c>
      <c r="DM312" s="6" t="s">
        <v>440</v>
      </c>
      <c r="DN312" s="6">
        <v>7</v>
      </c>
      <c r="DO312" s="6" t="s">
        <v>369</v>
      </c>
      <c r="DP312" s="6"/>
      <c r="DQ312" s="6"/>
    </row>
    <row r="313" spans="1:121" x14ac:dyDescent="0.2">
      <c r="A313" s="6" t="s">
        <v>317</v>
      </c>
      <c r="B313" s="6" t="s">
        <v>317</v>
      </c>
      <c r="C313" s="6" t="s">
        <v>186</v>
      </c>
      <c r="D313" s="6" t="s">
        <v>147</v>
      </c>
      <c r="E313" s="6" t="s">
        <v>288</v>
      </c>
      <c r="F313" s="11">
        <v>38</v>
      </c>
      <c r="G313" s="13">
        <v>0.08</v>
      </c>
      <c r="H313" s="11">
        <v>112</v>
      </c>
      <c r="I313" s="13">
        <v>0.23284823284823289</v>
      </c>
      <c r="J313" s="11">
        <v>-95</v>
      </c>
      <c r="K313" s="13">
        <v>-0.16020236087689713</v>
      </c>
      <c r="L313" s="11">
        <v>21</v>
      </c>
      <c r="M313" s="13">
        <v>4.2168674698795178E-2</v>
      </c>
      <c r="N313" s="11">
        <v>-74</v>
      </c>
      <c r="O313" s="13">
        <v>-0.12478920741989882</v>
      </c>
      <c r="P313" s="7">
        <v>481</v>
      </c>
      <c r="Q313" s="7">
        <v>469</v>
      </c>
      <c r="R313" s="7">
        <v>493</v>
      </c>
      <c r="S313" s="7">
        <v>499</v>
      </c>
      <c r="T313" s="7">
        <v>537</v>
      </c>
      <c r="U313" s="7">
        <v>564</v>
      </c>
      <c r="V313" s="7">
        <v>593</v>
      </c>
      <c r="W313" s="7">
        <v>573</v>
      </c>
      <c r="X313" s="7">
        <v>529</v>
      </c>
      <c r="Y313" s="7">
        <v>498</v>
      </c>
      <c r="Z313" s="7">
        <v>524</v>
      </c>
      <c r="AA313" s="7">
        <v>486</v>
      </c>
      <c r="AB313" s="7">
        <v>473</v>
      </c>
      <c r="AC313" s="7">
        <v>465</v>
      </c>
      <c r="AD313" s="7">
        <v>483</v>
      </c>
      <c r="AE313" s="7">
        <v>513</v>
      </c>
      <c r="AF313" s="7">
        <v>519</v>
      </c>
      <c r="AG313" s="9">
        <v>14224</v>
      </c>
      <c r="AH313" s="13">
        <v>0.43811987925830098</v>
      </c>
      <c r="AI313" s="9">
        <v>5881</v>
      </c>
      <c r="AJ313" s="13">
        <v>0.18114334996611839</v>
      </c>
      <c r="AK313" s="9">
        <v>-230</v>
      </c>
      <c r="AL313" s="13">
        <v>-5.9978616319399172E-3</v>
      </c>
      <c r="AM313" s="9">
        <v>8573</v>
      </c>
      <c r="AN313" s="13">
        <v>0.22491276858094816</v>
      </c>
      <c r="AO313" s="9">
        <v>8343</v>
      </c>
      <c r="AP313" s="13">
        <v>0.2175659112838032</v>
      </c>
      <c r="AQ313" s="9">
        <v>32466</v>
      </c>
      <c r="AR313" s="9">
        <v>31781</v>
      </c>
      <c r="AS313" s="9">
        <v>32253</v>
      </c>
      <c r="AT313" s="9">
        <v>34338</v>
      </c>
      <c r="AU313" s="9">
        <v>36550</v>
      </c>
      <c r="AV313" s="9">
        <v>37344</v>
      </c>
      <c r="AW313" s="9">
        <v>38347</v>
      </c>
      <c r="AX313" s="9">
        <v>40948</v>
      </c>
      <c r="AY313" s="9">
        <v>39689</v>
      </c>
      <c r="AZ313" s="9">
        <v>38117</v>
      </c>
      <c r="BA313" s="9">
        <v>40573</v>
      </c>
      <c r="BB313" s="9">
        <v>41388</v>
      </c>
      <c r="BC313" s="9">
        <v>44223</v>
      </c>
      <c r="BD313" s="9">
        <v>42040</v>
      </c>
      <c r="BE313" s="9">
        <v>43026</v>
      </c>
      <c r="BF313" s="9">
        <v>46690</v>
      </c>
      <c r="BG313" s="11">
        <v>8</v>
      </c>
      <c r="BH313" s="13">
        <v>0.08</v>
      </c>
      <c r="BI313" s="6">
        <v>3</v>
      </c>
      <c r="BJ313" s="13">
        <v>0.03</v>
      </c>
      <c r="BK313" s="6">
        <v>1</v>
      </c>
      <c r="BL313" s="13">
        <v>9.7087378640776691E-3</v>
      </c>
      <c r="BM313" s="11">
        <v>4</v>
      </c>
      <c r="BN313" s="13">
        <v>3.8461538461538464E-2</v>
      </c>
      <c r="BO313" s="11">
        <v>5</v>
      </c>
      <c r="BP313" s="13">
        <v>4.8543689320388349E-2</v>
      </c>
      <c r="BQ313" s="6">
        <v>100</v>
      </c>
      <c r="BR313" s="6">
        <v>101</v>
      </c>
      <c r="BS313" s="6">
        <v>103</v>
      </c>
      <c r="BT313" s="6">
        <v>103</v>
      </c>
      <c r="BU313" s="6">
        <v>106</v>
      </c>
      <c r="BV313" s="6">
        <v>105</v>
      </c>
      <c r="BW313" s="6">
        <v>104</v>
      </c>
      <c r="BX313" s="6">
        <v>109</v>
      </c>
      <c r="BY313" s="6">
        <v>104</v>
      </c>
      <c r="BZ313" s="6">
        <v>107</v>
      </c>
      <c r="CA313" s="6">
        <v>101</v>
      </c>
      <c r="CB313" s="6">
        <v>111</v>
      </c>
      <c r="CC313" s="11">
        <v>108</v>
      </c>
      <c r="CD313" s="11">
        <v>-111</v>
      </c>
      <c r="CE313" s="11">
        <v>96</v>
      </c>
      <c r="CF313" s="11">
        <v>53</v>
      </c>
      <c r="CG313" s="11">
        <v>149</v>
      </c>
      <c r="CH313" s="20">
        <v>0.48</v>
      </c>
      <c r="CI313" s="20">
        <v>0.48</v>
      </c>
      <c r="CJ313" s="20">
        <v>0.5</v>
      </c>
      <c r="CK313" s="20">
        <v>0.49</v>
      </c>
      <c r="CL313" s="20">
        <v>0.47</v>
      </c>
      <c r="CM313" s="20">
        <v>0.47</v>
      </c>
      <c r="CN313" s="20">
        <v>0.49</v>
      </c>
      <c r="CO313" s="20">
        <v>0.47</v>
      </c>
      <c r="CP313" s="20">
        <v>0.45</v>
      </c>
      <c r="CQ313" s="20">
        <v>0.46</v>
      </c>
      <c r="CR313" s="20">
        <v>0.48</v>
      </c>
      <c r="CS313" s="20">
        <v>0.44</v>
      </c>
      <c r="CT313" s="20">
        <v>0.42</v>
      </c>
      <c r="CU313" s="20">
        <v>0.41</v>
      </c>
      <c r="CV313" s="20">
        <v>0.42</v>
      </c>
      <c r="CW313" s="20">
        <v>0.43</v>
      </c>
      <c r="CX313" s="20">
        <v>0.43</v>
      </c>
      <c r="CY313" s="6" t="s">
        <v>438</v>
      </c>
      <c r="CZ313" s="6" t="s">
        <v>439</v>
      </c>
      <c r="DA313" s="6" t="s">
        <v>147</v>
      </c>
      <c r="DB313" s="6"/>
      <c r="DC313" s="6"/>
      <c r="DD313" s="6"/>
      <c r="DE313" s="6"/>
      <c r="DF313" s="6"/>
      <c r="DG313" s="6"/>
      <c r="DH313" s="6" t="s">
        <v>333</v>
      </c>
      <c r="DI313" s="6"/>
      <c r="DJ313" s="6"/>
      <c r="DK313" s="6"/>
      <c r="DL313" s="6">
        <v>9</v>
      </c>
      <c r="DM313" s="6" t="s">
        <v>440</v>
      </c>
      <c r="DN313" s="6">
        <v>7</v>
      </c>
      <c r="DO313" s="6" t="s">
        <v>369</v>
      </c>
      <c r="DP313" s="6"/>
      <c r="DQ313" s="6"/>
    </row>
    <row r="314" spans="1:121" x14ac:dyDescent="0.2">
      <c r="A314" s="6" t="s">
        <v>318</v>
      </c>
      <c r="B314" s="6" t="s">
        <v>318</v>
      </c>
      <c r="C314" s="6" t="s">
        <v>187</v>
      </c>
      <c r="D314" s="6" t="s">
        <v>147</v>
      </c>
      <c r="E314" s="6" t="s">
        <v>288</v>
      </c>
      <c r="F314" s="11">
        <v>24</v>
      </c>
      <c r="G314" s="13">
        <v>0.6</v>
      </c>
      <c r="H314" s="11">
        <v>13.863378000000004</v>
      </c>
      <c r="I314" s="13">
        <v>0.34530278103506273</v>
      </c>
      <c r="J314" s="11">
        <v>4.2082009999999954</v>
      </c>
      <c r="K314" s="13">
        <v>7.7912554999276268E-2</v>
      </c>
      <c r="L314" s="11">
        <v>5.6209630279000038</v>
      </c>
      <c r="M314" s="13">
        <v>9.6546863511689382E-2</v>
      </c>
      <c r="N314" s="11">
        <v>9.8291640278999992</v>
      </c>
      <c r="O314" s="13">
        <v>0.18198163132432776</v>
      </c>
      <c r="P314" s="7">
        <v>40.148468999999999</v>
      </c>
      <c r="Q314" s="7">
        <v>61.557113000000001</v>
      </c>
      <c r="R314" s="7">
        <v>62.509663000000003</v>
      </c>
      <c r="S314" s="7">
        <v>73.660758999999999</v>
      </c>
      <c r="T314" s="7">
        <v>86.944086999999996</v>
      </c>
      <c r="U314" s="7">
        <v>44.107227999999999</v>
      </c>
      <c r="V314" s="7">
        <v>54.011847000000003</v>
      </c>
      <c r="W314" s="7">
        <v>58.632522999999999</v>
      </c>
      <c r="X314" s="7">
        <v>57.023755000000001</v>
      </c>
      <c r="Y314" s="7">
        <v>58.220047999999998</v>
      </c>
      <c r="Z314" s="7">
        <v>63.952719999999999</v>
      </c>
      <c r="AA314" s="7">
        <v>61.059840999999999</v>
      </c>
      <c r="AB314" s="7">
        <v>64.014598000000007</v>
      </c>
      <c r="AC314" s="7">
        <v>63.029420000000002</v>
      </c>
      <c r="AD314" s="7">
        <v>77.859126000000003</v>
      </c>
      <c r="AE314" s="7">
        <v>62.81079175</v>
      </c>
      <c r="AF314" s="7">
        <v>63.841011027900002</v>
      </c>
      <c r="AG314" s="9">
        <v>-311.79785699999775</v>
      </c>
      <c r="AH314" s="13">
        <v>-6.2066690593095717E-3</v>
      </c>
      <c r="AI314" s="9">
        <v>23274.113653399996</v>
      </c>
      <c r="AJ314" s="13">
        <v>0.46329606779630061</v>
      </c>
      <c r="AK314" s="9">
        <v>-14514.562539399994</v>
      </c>
      <c r="AL314" s="13">
        <v>-0.19745003217027085</v>
      </c>
      <c r="AM314" s="9">
        <v>-9071.3489709999994</v>
      </c>
      <c r="AN314" s="13">
        <v>-0.15376342728680495</v>
      </c>
      <c r="AO314" s="9">
        <v>-23585.911510399994</v>
      </c>
      <c r="AP314" s="13">
        <v>-0.32085286579268507</v>
      </c>
      <c r="AQ314" s="9">
        <v>50235.9404087</v>
      </c>
      <c r="AR314" s="9">
        <v>42471.234733400001</v>
      </c>
      <c r="AS314" s="9">
        <v>46417.676567000002</v>
      </c>
      <c r="AT314" s="9">
        <v>92885.841162600002</v>
      </c>
      <c r="AU314" s="9">
        <v>97207.385208699998</v>
      </c>
      <c r="AV314" s="9">
        <v>211760.82421399999</v>
      </c>
      <c r="AW314" s="9">
        <v>73510.054062099996</v>
      </c>
      <c r="AX314" s="9">
        <v>63407.710511500001</v>
      </c>
      <c r="AY314" s="9">
        <v>59641.730904600001</v>
      </c>
      <c r="AZ314" s="9">
        <v>58995.491522700002</v>
      </c>
      <c r="BA314" s="9">
        <v>56667.192609099999</v>
      </c>
      <c r="BB314" s="9">
        <v>63931.785689800003</v>
      </c>
      <c r="BC314" s="9">
        <v>57938.478072700003</v>
      </c>
      <c r="BD314" s="9">
        <v>57559.0683479</v>
      </c>
      <c r="BE314" s="9">
        <v>51720.535887700004</v>
      </c>
      <c r="BF314" s="9">
        <v>49924.142551700003</v>
      </c>
      <c r="BG314" s="11">
        <v>-2.5</v>
      </c>
      <c r="BH314" s="13">
        <v>-0.25</v>
      </c>
      <c r="BI314" s="6">
        <v>0</v>
      </c>
      <c r="BJ314" s="13">
        <v>0</v>
      </c>
      <c r="BK314" s="6">
        <v>-1</v>
      </c>
      <c r="BL314" s="13">
        <v>-0.1</v>
      </c>
      <c r="BM314" s="11">
        <v>-1.5</v>
      </c>
      <c r="BN314" s="13">
        <v>-0.16666666666666666</v>
      </c>
      <c r="BO314" s="11">
        <v>-2.5</v>
      </c>
      <c r="BP314" s="13">
        <v>-0.25</v>
      </c>
      <c r="BQ314" s="6">
        <v>10</v>
      </c>
      <c r="BR314" s="6">
        <v>11</v>
      </c>
      <c r="BS314" s="6">
        <v>8</v>
      </c>
      <c r="BT314" s="6">
        <v>10</v>
      </c>
      <c r="BU314" s="6">
        <v>11</v>
      </c>
      <c r="BV314" s="6">
        <v>11</v>
      </c>
      <c r="BW314" s="6">
        <v>9</v>
      </c>
      <c r="BX314" s="6">
        <v>9</v>
      </c>
      <c r="BY314" s="6">
        <v>10</v>
      </c>
      <c r="BZ314" s="6">
        <v>9</v>
      </c>
      <c r="CA314" s="6">
        <v>9</v>
      </c>
      <c r="CB314" s="6">
        <v>9</v>
      </c>
      <c r="CC314" s="11">
        <v>7.5</v>
      </c>
      <c r="CD314" s="11">
        <v>10.707700000000001</v>
      </c>
      <c r="CE314" s="11">
        <v>8.5961099999999995</v>
      </c>
      <c r="CF314" s="11">
        <v>4.3887099999999997</v>
      </c>
      <c r="CG314" s="11">
        <v>13</v>
      </c>
      <c r="CH314" s="20">
        <v>0.184277</v>
      </c>
      <c r="CI314" s="20">
        <v>0.29011100000000001</v>
      </c>
      <c r="CJ314" s="20">
        <v>0.295261</v>
      </c>
      <c r="CK314" s="20">
        <v>0.33540399999999998</v>
      </c>
      <c r="CL314" s="20">
        <v>0.36319800000000002</v>
      </c>
      <c r="CM314" s="20">
        <v>0.17851700000000001</v>
      </c>
      <c r="CN314" s="20">
        <v>0.21485099999999999</v>
      </c>
      <c r="CO314" s="20">
        <v>0.227606</v>
      </c>
      <c r="CP314" s="20">
        <v>0.22912399999999999</v>
      </c>
      <c r="CQ314" s="20">
        <v>0.25001200000000001</v>
      </c>
      <c r="CR314" s="20">
        <v>0.27127299999999999</v>
      </c>
      <c r="CS314" s="20">
        <v>0.25098500000000001</v>
      </c>
      <c r="CT314" s="20">
        <v>0.255629</v>
      </c>
      <c r="CU314" s="20">
        <v>0.24682399999999999</v>
      </c>
      <c r="CV314" s="20">
        <v>0.30190600000000001</v>
      </c>
      <c r="CW314" s="20">
        <v>0.24094699999999999</v>
      </c>
      <c r="CX314" s="20">
        <v>0.24149699999999999</v>
      </c>
      <c r="CY314" s="6" t="s">
        <v>438</v>
      </c>
      <c r="CZ314" s="6" t="s">
        <v>439</v>
      </c>
      <c r="DA314" s="6" t="s">
        <v>147</v>
      </c>
      <c r="DB314" s="6"/>
      <c r="DC314" s="6"/>
      <c r="DD314" s="6"/>
      <c r="DE314" s="6"/>
      <c r="DF314" s="6"/>
      <c r="DG314" s="6"/>
      <c r="DH314" s="6" t="s">
        <v>333</v>
      </c>
      <c r="DI314" s="6"/>
      <c r="DJ314" s="6"/>
      <c r="DK314" s="6"/>
      <c r="DL314" s="6">
        <v>9</v>
      </c>
      <c r="DM314" s="6" t="s">
        <v>440</v>
      </c>
      <c r="DN314" s="6">
        <v>7</v>
      </c>
      <c r="DO314" s="6" t="s">
        <v>369</v>
      </c>
      <c r="DP314" s="6"/>
      <c r="DQ314" s="6"/>
    </row>
    <row r="315" spans="1:121" x14ac:dyDescent="0.2">
      <c r="A315" s="6" t="s">
        <v>319</v>
      </c>
      <c r="B315" s="6" t="s">
        <v>319</v>
      </c>
      <c r="C315" s="6" t="s">
        <v>188</v>
      </c>
      <c r="D315" s="6" t="s">
        <v>147</v>
      </c>
      <c r="E315" s="6" t="s">
        <v>288</v>
      </c>
      <c r="F315" s="11">
        <v>204</v>
      </c>
      <c r="G315" s="13">
        <v>0.44933920704800001</v>
      </c>
      <c r="H315" s="11">
        <v>150.08183618799995</v>
      </c>
      <c r="I315" s="13">
        <v>0.3305063140716808</v>
      </c>
      <c r="J315" s="11">
        <v>-148.06112765799998</v>
      </c>
      <c r="K315" s="13">
        <v>-0.24506186771412225</v>
      </c>
      <c r="L315" s="11">
        <v>202.26732751499998</v>
      </c>
      <c r="M315" s="13">
        <v>0.44345449395139558</v>
      </c>
      <c r="N315" s="11">
        <v>54.206199857000001</v>
      </c>
      <c r="O315" s="13">
        <v>8.9718839703323422E-2</v>
      </c>
      <c r="P315" s="7">
        <v>454.09672916400001</v>
      </c>
      <c r="Q315" s="7">
        <v>485.84511469199998</v>
      </c>
      <c r="R315" s="7">
        <v>519.14571871800001</v>
      </c>
      <c r="S315" s="7">
        <v>526.78509607599995</v>
      </c>
      <c r="T315" s="7">
        <v>595.89884749700002</v>
      </c>
      <c r="U315" s="7">
        <v>630.41139102</v>
      </c>
      <c r="V315" s="7">
        <v>604.17856535199996</v>
      </c>
      <c r="W315" s="7">
        <v>868.15012426199996</v>
      </c>
      <c r="X315" s="7">
        <v>795.93039113600003</v>
      </c>
      <c r="Y315" s="7">
        <v>456.11743769399999</v>
      </c>
      <c r="Z315" s="7">
        <v>476.401055875</v>
      </c>
      <c r="AA315" s="7">
        <v>503.137547127</v>
      </c>
      <c r="AB315" s="7">
        <v>541.541859004</v>
      </c>
      <c r="AC315" s="7">
        <v>577.45835250799996</v>
      </c>
      <c r="AD315" s="7">
        <v>578.97106272799999</v>
      </c>
      <c r="AE315" s="7">
        <v>632.77665049200004</v>
      </c>
      <c r="AF315" s="7">
        <v>658.38476520899997</v>
      </c>
      <c r="AG315" s="9">
        <v>11768.9208444</v>
      </c>
      <c r="AH315" s="13">
        <v>0.69485123161921625</v>
      </c>
      <c r="AI315" s="9">
        <v>6061.8631784999998</v>
      </c>
      <c r="AJ315" s="13">
        <v>0.35789968776042369</v>
      </c>
      <c r="AK315" s="9">
        <v>3386.7300012999985</v>
      </c>
      <c r="AL315" s="13">
        <v>0.14725433075878794</v>
      </c>
      <c r="AM315" s="9">
        <v>2320.3276646000013</v>
      </c>
      <c r="AN315" s="13">
        <v>8.7938107204255836E-2</v>
      </c>
      <c r="AO315" s="9">
        <v>5707.0576658999998</v>
      </c>
      <c r="AP315" s="13">
        <v>0.24814170508760103</v>
      </c>
      <c r="AQ315" s="9">
        <v>16937.3245795</v>
      </c>
      <c r="AR315" s="9">
        <v>16376.178127699999</v>
      </c>
      <c r="AS315" s="9">
        <v>18063.726455299999</v>
      </c>
      <c r="AT315" s="9">
        <v>19281.936108800001</v>
      </c>
      <c r="AU315" s="9">
        <v>19771.771136300002</v>
      </c>
      <c r="AV315" s="9">
        <v>21386.905281899999</v>
      </c>
      <c r="AW315" s="9">
        <v>22999.187758</v>
      </c>
      <c r="AX315" s="9">
        <v>23677.1214602</v>
      </c>
      <c r="AY315" s="9">
        <v>21444.959571200001</v>
      </c>
      <c r="AZ315" s="9">
        <v>26385.917759299999</v>
      </c>
      <c r="BA315" s="9">
        <v>26602.712636699998</v>
      </c>
      <c r="BB315" s="9">
        <v>26645.9026591</v>
      </c>
      <c r="BC315" s="9">
        <v>28543.4199137</v>
      </c>
      <c r="BD315" s="9">
        <v>27672.7901924</v>
      </c>
      <c r="BE315" s="9">
        <v>28654.073250000001</v>
      </c>
      <c r="BF315" s="9">
        <v>28706.2454239</v>
      </c>
      <c r="BG315" s="11">
        <v>31.75</v>
      </c>
      <c r="BH315" s="13">
        <v>0.54741379310344829</v>
      </c>
      <c r="BI315" s="6">
        <v>9</v>
      </c>
      <c r="BJ315" s="13">
        <v>0.15517241379310345</v>
      </c>
      <c r="BK315" s="6">
        <v>4</v>
      </c>
      <c r="BL315" s="13">
        <v>5.9701492537313432E-2</v>
      </c>
      <c r="BM315" s="11">
        <v>18.75</v>
      </c>
      <c r="BN315" s="13">
        <v>0.2640845070422535</v>
      </c>
      <c r="BO315" s="11">
        <v>22.75</v>
      </c>
      <c r="BP315" s="13">
        <v>0.33955223880597013</v>
      </c>
      <c r="BQ315" s="6">
        <v>58</v>
      </c>
      <c r="BR315" s="6">
        <v>61</v>
      </c>
      <c r="BS315" s="6">
        <v>64</v>
      </c>
      <c r="BT315" s="6">
        <v>67</v>
      </c>
      <c r="BU315" s="6">
        <v>69</v>
      </c>
      <c r="BV315" s="6">
        <v>64</v>
      </c>
      <c r="BW315" s="6">
        <v>71</v>
      </c>
      <c r="BX315" s="6">
        <v>79</v>
      </c>
      <c r="BY315" s="6">
        <v>80</v>
      </c>
      <c r="BZ315" s="6">
        <v>76</v>
      </c>
      <c r="CA315" s="6">
        <v>78</v>
      </c>
      <c r="CB315" s="6">
        <v>87</v>
      </c>
      <c r="CC315" s="11">
        <v>89.75</v>
      </c>
      <c r="CD315" s="11">
        <v>113.794</v>
      </c>
      <c r="CE315" s="11">
        <v>40.856200000000001</v>
      </c>
      <c r="CF315" s="11">
        <v>49.638199999999998</v>
      </c>
      <c r="CG315" s="11">
        <v>91</v>
      </c>
      <c r="CH315" s="20">
        <v>0.42490299999999998</v>
      </c>
      <c r="CI315" s="20">
        <v>0.46223799999999998</v>
      </c>
      <c r="CJ315" s="20">
        <v>0.486234</v>
      </c>
      <c r="CK315" s="20">
        <v>0.47006199999999998</v>
      </c>
      <c r="CL315" s="20">
        <v>0.48438700000000001</v>
      </c>
      <c r="CM315" s="20">
        <v>0.49422500000000003</v>
      </c>
      <c r="CN315" s="20">
        <v>0.47530299999999998</v>
      </c>
      <c r="CO315" s="20">
        <v>0.71818000000000004</v>
      </c>
      <c r="CP315" s="20">
        <v>0.73368</v>
      </c>
      <c r="CQ315" s="20">
        <v>0.436774</v>
      </c>
      <c r="CR315" s="20">
        <v>0.448158</v>
      </c>
      <c r="CS315" s="20">
        <v>0.464555</v>
      </c>
      <c r="CT315" s="20">
        <v>0.49129600000000001</v>
      </c>
      <c r="CU315" s="20">
        <v>0.51309000000000005</v>
      </c>
      <c r="CV315" s="20">
        <v>0.50800000000000001</v>
      </c>
      <c r="CW315" s="20">
        <v>0.54679299999999997</v>
      </c>
      <c r="CX315" s="20">
        <v>0.56028299999999998</v>
      </c>
      <c r="CY315" s="6" t="s">
        <v>438</v>
      </c>
      <c r="CZ315" s="6" t="s">
        <v>439</v>
      </c>
      <c r="DA315" s="6" t="s">
        <v>147</v>
      </c>
      <c r="DB315" s="6"/>
      <c r="DC315" s="6"/>
      <c r="DD315" s="6"/>
      <c r="DE315" s="6"/>
      <c r="DF315" s="6"/>
      <c r="DG315" s="6"/>
      <c r="DH315" s="6" t="s">
        <v>333</v>
      </c>
      <c r="DI315" s="6"/>
      <c r="DJ315" s="6"/>
      <c r="DK315" s="6"/>
      <c r="DL315" s="6">
        <v>9</v>
      </c>
      <c r="DM315" s="6" t="s">
        <v>440</v>
      </c>
      <c r="DN315" s="6">
        <v>7</v>
      </c>
      <c r="DO315" s="6" t="s">
        <v>369</v>
      </c>
      <c r="DP315" s="6"/>
      <c r="DQ315" s="6"/>
    </row>
    <row r="316" spans="1:121" x14ac:dyDescent="0.2">
      <c r="A316" s="6" t="s">
        <v>320</v>
      </c>
      <c r="B316" s="6" t="s">
        <v>320</v>
      </c>
      <c r="C316" s="6" t="s">
        <v>189</v>
      </c>
      <c r="D316" s="6" t="s">
        <v>147</v>
      </c>
      <c r="E316" s="6" t="s">
        <v>288</v>
      </c>
      <c r="F316" s="11">
        <v>10</v>
      </c>
      <c r="G316" s="13">
        <v>0.5</v>
      </c>
      <c r="H316" s="11">
        <v>25.184634040199999</v>
      </c>
      <c r="I316" s="13">
        <v>1.2696063916492462</v>
      </c>
      <c r="J316" s="11">
        <v>3.2039493171999993</v>
      </c>
      <c r="K316" s="13">
        <v>7.1165343058738423E-2</v>
      </c>
      <c r="L316" s="11">
        <v>-17.849100378900001</v>
      </c>
      <c r="M316" s="13">
        <v>-0.37012014944886207</v>
      </c>
      <c r="N316" s="11">
        <v>-14.645151061700002</v>
      </c>
      <c r="O316" s="13">
        <v>-0.32529453379860351</v>
      </c>
      <c r="P316" s="7">
        <v>19.836568408800002</v>
      </c>
      <c r="Q316" s="7">
        <v>24.8135324703</v>
      </c>
      <c r="R316" s="7">
        <v>31.009433287</v>
      </c>
      <c r="S316" s="7">
        <v>42.808293138499998</v>
      </c>
      <c r="T316" s="7">
        <v>37.3140758933</v>
      </c>
      <c r="U316" s="7">
        <v>47.0858802849</v>
      </c>
      <c r="V316" s="7">
        <v>45.021202449</v>
      </c>
      <c r="W316" s="7">
        <v>38.916900744499998</v>
      </c>
      <c r="X316" s="7">
        <v>48.259915250100001</v>
      </c>
      <c r="Y316" s="7">
        <v>48.2251517662</v>
      </c>
      <c r="Z316" s="7">
        <v>41.8906844865</v>
      </c>
      <c r="AA316" s="7">
        <v>38.381471806</v>
      </c>
      <c r="AB316" s="7">
        <v>32.652174706899999</v>
      </c>
      <c r="AC316" s="7">
        <v>31.672563938700002</v>
      </c>
      <c r="AD316" s="7">
        <v>33.269766271400002</v>
      </c>
      <c r="AE316" s="7">
        <v>28.688582904299999</v>
      </c>
      <c r="AF316" s="7">
        <v>30.376051387299999</v>
      </c>
      <c r="AG316" s="9">
        <v>-15279.730511700003</v>
      </c>
      <c r="AH316" s="13">
        <v>-0.39841177065443589</v>
      </c>
      <c r="AI316" s="9">
        <v>-12286.805938100002</v>
      </c>
      <c r="AJ316" s="13">
        <v>-0.32037267317885604</v>
      </c>
      <c r="AK316" s="9">
        <v>-1896.4260066999996</v>
      </c>
      <c r="AL316" s="13">
        <v>-7.2758131186020758E-2</v>
      </c>
      <c r="AM316" s="9">
        <v>-1096.4985669000016</v>
      </c>
      <c r="AN316" s="13">
        <v>-4.5369152633678161E-2</v>
      </c>
      <c r="AO316" s="9">
        <v>-2992.9245736000012</v>
      </c>
      <c r="AP316" s="13">
        <v>-0.11482630906057915</v>
      </c>
      <c r="AQ316" s="9">
        <v>38351.604137100003</v>
      </c>
      <c r="AR316" s="9">
        <v>41219.833556500002</v>
      </c>
      <c r="AS316" s="9">
        <v>32974.190001800001</v>
      </c>
      <c r="AT316" s="9">
        <v>26446.463123500002</v>
      </c>
      <c r="AU316" s="9">
        <v>29596.133049600001</v>
      </c>
      <c r="AV316" s="9">
        <v>25475.342066099998</v>
      </c>
      <c r="AW316" s="9">
        <v>26064.798199000001</v>
      </c>
      <c r="AX316" s="9">
        <v>26926.285662300001</v>
      </c>
      <c r="AY316" s="9">
        <v>18372.289815299999</v>
      </c>
      <c r="AZ316" s="9">
        <v>24168.372192300001</v>
      </c>
      <c r="BA316" s="9">
        <v>24828.801344200001</v>
      </c>
      <c r="BB316" s="9">
        <v>22706.950507900001</v>
      </c>
      <c r="BC316" s="9">
        <v>23811.619943400001</v>
      </c>
      <c r="BD316" s="9">
        <v>23346.574416899999</v>
      </c>
      <c r="BE316" s="9">
        <v>23175.807734800001</v>
      </c>
      <c r="BF316" s="9">
        <v>23071.8736254</v>
      </c>
      <c r="BG316" s="11">
        <v>5.25</v>
      </c>
      <c r="BH316" s="13">
        <v>1.3125</v>
      </c>
      <c r="BI316" s="6">
        <v>2</v>
      </c>
      <c r="BJ316" s="13">
        <v>0.5</v>
      </c>
      <c r="BK316" s="6">
        <v>2</v>
      </c>
      <c r="BL316" s="13">
        <v>0.33333333333333331</v>
      </c>
      <c r="BM316" s="11">
        <v>1.25</v>
      </c>
      <c r="BN316" s="13">
        <v>0.15625</v>
      </c>
      <c r="BO316" s="11">
        <v>3.25</v>
      </c>
      <c r="BP316" s="13">
        <v>0.54166666666666663</v>
      </c>
      <c r="BQ316" s="6">
        <v>4</v>
      </c>
      <c r="BR316" s="6">
        <v>5</v>
      </c>
      <c r="BS316" s="6">
        <v>6</v>
      </c>
      <c r="BT316" s="6">
        <v>6</v>
      </c>
      <c r="BU316" s="6">
        <v>6</v>
      </c>
      <c r="BV316" s="6">
        <v>6</v>
      </c>
      <c r="BW316" s="6">
        <v>8</v>
      </c>
      <c r="BX316" s="6">
        <v>8</v>
      </c>
      <c r="BY316" s="6">
        <v>9</v>
      </c>
      <c r="BZ316" s="6">
        <v>8</v>
      </c>
      <c r="CA316" s="6">
        <v>8</v>
      </c>
      <c r="CB316" s="6">
        <v>9</v>
      </c>
      <c r="CC316" s="11">
        <v>9.25</v>
      </c>
      <c r="CD316" s="11">
        <v>1.1881900000000001</v>
      </c>
      <c r="CE316" s="11">
        <v>7.1829200000000002</v>
      </c>
      <c r="CF316" s="11">
        <v>2.16838</v>
      </c>
      <c r="CG316" s="11">
        <v>9</v>
      </c>
      <c r="CH316" s="20">
        <v>5.5634700000000002E-2</v>
      </c>
      <c r="CI316" s="20">
        <v>6.7620799999999995E-2</v>
      </c>
      <c r="CJ316" s="20">
        <v>8.0789399999999997E-2</v>
      </c>
      <c r="CK316" s="20">
        <v>0.10585</v>
      </c>
      <c r="CL316" s="20">
        <v>8.5931599999999997E-2</v>
      </c>
      <c r="CM316" s="20">
        <v>0.10509400000000001</v>
      </c>
      <c r="CN316" s="20">
        <v>9.9261199999999994E-2</v>
      </c>
      <c r="CO316" s="20">
        <v>8.3858500000000002E-2</v>
      </c>
      <c r="CP316" s="20">
        <v>0.102585</v>
      </c>
      <c r="CQ316" s="20">
        <v>0.107291</v>
      </c>
      <c r="CR316" s="20">
        <v>9.2226199999999994E-2</v>
      </c>
      <c r="CS316" s="20">
        <v>8.3737500000000006E-2</v>
      </c>
      <c r="CT316" s="20">
        <v>7.0910299999999996E-2</v>
      </c>
      <c r="CU316" s="20">
        <v>6.8173499999999998E-2</v>
      </c>
      <c r="CV316" s="20">
        <v>7.1480299999999997E-2</v>
      </c>
      <c r="CW316" s="20">
        <v>6.0782200000000002E-2</v>
      </c>
      <c r="CX316" s="20">
        <v>6.3151399999999996E-2</v>
      </c>
      <c r="CY316" s="6" t="s">
        <v>438</v>
      </c>
      <c r="CZ316" s="6" t="s">
        <v>439</v>
      </c>
      <c r="DA316" s="6" t="s">
        <v>147</v>
      </c>
      <c r="DB316" s="6"/>
      <c r="DC316" s="6"/>
      <c r="DD316" s="6"/>
      <c r="DE316" s="6"/>
      <c r="DF316" s="6"/>
      <c r="DG316" s="6"/>
      <c r="DH316" s="6" t="s">
        <v>333</v>
      </c>
      <c r="DI316" s="6"/>
      <c r="DJ316" s="6"/>
      <c r="DK316" s="6"/>
      <c r="DL316" s="6">
        <v>9</v>
      </c>
      <c r="DM316" s="6" t="s">
        <v>440</v>
      </c>
      <c r="DN316" s="6">
        <v>7</v>
      </c>
      <c r="DO316" s="6" t="s">
        <v>369</v>
      </c>
      <c r="DP316" s="6"/>
      <c r="DQ316" s="6"/>
    </row>
    <row r="317" spans="1:121" x14ac:dyDescent="0.2">
      <c r="A317" s="6" t="s">
        <v>321</v>
      </c>
      <c r="B317" s="6" t="s">
        <v>321</v>
      </c>
      <c r="C317" s="6" t="s">
        <v>190</v>
      </c>
      <c r="D317" s="6" t="s">
        <v>147</v>
      </c>
      <c r="E317" s="6" t="s">
        <v>288</v>
      </c>
      <c r="F317" s="11">
        <v>831</v>
      </c>
      <c r="G317" s="13">
        <v>0.49730700179499998</v>
      </c>
      <c r="H317" s="11">
        <v>419.1575155999999</v>
      </c>
      <c r="I317" s="13">
        <v>0.25077852275181212</v>
      </c>
      <c r="J317" s="11">
        <v>127.02822025000023</v>
      </c>
      <c r="K317" s="13">
        <v>6.076211471136754E-2</v>
      </c>
      <c r="L317" s="11">
        <v>283.92209824999964</v>
      </c>
      <c r="M317" s="13">
        <v>0.12803062404545013</v>
      </c>
      <c r="N317" s="11">
        <v>410.95031849999987</v>
      </c>
      <c r="O317" s="13">
        <v>0.19657215022163527</v>
      </c>
      <c r="P317" s="7">
        <v>1671.42509255</v>
      </c>
      <c r="Q317" s="7">
        <v>1736.3189364100001</v>
      </c>
      <c r="R317" s="7">
        <v>1767.37730433</v>
      </c>
      <c r="S317" s="7">
        <v>1795.49548564</v>
      </c>
      <c r="T317" s="7">
        <v>1935.02097181</v>
      </c>
      <c r="U317" s="7">
        <v>2019.94143409</v>
      </c>
      <c r="V317" s="7">
        <v>2090.5826081499999</v>
      </c>
      <c r="W317" s="7">
        <v>2209.8545715800001</v>
      </c>
      <c r="X317" s="7">
        <v>2285.9268034800002</v>
      </c>
      <c r="Y317" s="7">
        <v>2217.6108284000002</v>
      </c>
      <c r="Z317" s="7">
        <v>2205.44625451</v>
      </c>
      <c r="AA317" s="7">
        <v>2293.10768349</v>
      </c>
      <c r="AB317" s="7">
        <v>2204.6423229699999</v>
      </c>
      <c r="AC317" s="7">
        <v>2282.5431302400002</v>
      </c>
      <c r="AD317" s="7">
        <v>2367.8483919599998</v>
      </c>
      <c r="AE317" s="7">
        <v>2442.3477352899999</v>
      </c>
      <c r="AF317" s="7">
        <v>2501.5329266499998</v>
      </c>
      <c r="AG317" s="9">
        <v>19064.497740699997</v>
      </c>
      <c r="AH317" s="13">
        <v>0.53167148144338683</v>
      </c>
      <c r="AI317" s="9">
        <v>11132.361613599998</v>
      </c>
      <c r="AJ317" s="13">
        <v>0.31045974940270743</v>
      </c>
      <c r="AK317" s="9">
        <v>4409.7026301000005</v>
      </c>
      <c r="AL317" s="13">
        <v>9.3843374243532646E-2</v>
      </c>
      <c r="AM317" s="9">
        <v>3522.4334969999982</v>
      </c>
      <c r="AN317" s="13">
        <v>6.8530195892242476E-2</v>
      </c>
      <c r="AO317" s="9">
        <v>7932.1361270999987</v>
      </c>
      <c r="AP317" s="13">
        <v>0.16880467495587342</v>
      </c>
      <c r="AQ317" s="9">
        <v>35857.664753700003</v>
      </c>
      <c r="AR317" s="9">
        <v>37534.1165501</v>
      </c>
      <c r="AS317" s="9">
        <v>39885.827366700003</v>
      </c>
      <c r="AT317" s="9">
        <v>42201.740168099997</v>
      </c>
      <c r="AU317" s="9">
        <v>42009.894051800002</v>
      </c>
      <c r="AV317" s="9">
        <v>45377.307176599999</v>
      </c>
      <c r="AW317" s="9">
        <v>46990.026367300001</v>
      </c>
      <c r="AX317" s="9">
        <v>47798.1202921</v>
      </c>
      <c r="AY317" s="9">
        <v>47293.149807200003</v>
      </c>
      <c r="AZ317" s="9">
        <v>51399.728997400001</v>
      </c>
      <c r="BA317" s="9">
        <v>53034.341613199998</v>
      </c>
      <c r="BB317" s="9">
        <v>51668.491189400003</v>
      </c>
      <c r="BC317" s="9">
        <v>53168.745871799998</v>
      </c>
      <c r="BD317" s="9">
        <v>51362.8912538</v>
      </c>
      <c r="BE317" s="9">
        <v>54468.588880099996</v>
      </c>
      <c r="BF317" s="9">
        <v>54922.1624944</v>
      </c>
      <c r="BG317" s="11">
        <v>89.75</v>
      </c>
      <c r="BH317" s="13">
        <v>0.92525773195876293</v>
      </c>
      <c r="BI317" s="6">
        <v>10</v>
      </c>
      <c r="BJ317" s="13">
        <v>0.10309278350515463</v>
      </c>
      <c r="BK317" s="6">
        <v>11</v>
      </c>
      <c r="BL317" s="13">
        <v>0.10280373831775701</v>
      </c>
      <c r="BM317" s="11">
        <v>68.75</v>
      </c>
      <c r="BN317" s="13">
        <v>0.5826271186440678</v>
      </c>
      <c r="BO317" s="11">
        <v>79.75</v>
      </c>
      <c r="BP317" s="13">
        <v>0.74532710280373837</v>
      </c>
      <c r="BQ317" s="6">
        <v>97</v>
      </c>
      <c r="BR317" s="6">
        <v>103</v>
      </c>
      <c r="BS317" s="6">
        <v>108</v>
      </c>
      <c r="BT317" s="6">
        <v>107</v>
      </c>
      <c r="BU317" s="6">
        <v>110</v>
      </c>
      <c r="BV317" s="6">
        <v>111</v>
      </c>
      <c r="BW317" s="6">
        <v>118</v>
      </c>
      <c r="BX317" s="6">
        <v>115</v>
      </c>
      <c r="BY317" s="6">
        <v>114</v>
      </c>
      <c r="BZ317" s="6">
        <v>163</v>
      </c>
      <c r="CA317" s="6">
        <v>174</v>
      </c>
      <c r="CB317" s="6">
        <v>183</v>
      </c>
      <c r="CC317" s="11">
        <v>186.75</v>
      </c>
      <c r="CD317" s="11">
        <v>38.723799999999997</v>
      </c>
      <c r="CE317" s="11">
        <v>608.67700000000002</v>
      </c>
      <c r="CF317" s="11">
        <v>182.70699999999999</v>
      </c>
      <c r="CG317" s="11">
        <v>792</v>
      </c>
      <c r="CH317" s="20">
        <v>0.949187</v>
      </c>
      <c r="CI317" s="20">
        <v>0.96505700000000005</v>
      </c>
      <c r="CJ317" s="20">
        <v>0.93749400000000005</v>
      </c>
      <c r="CK317" s="20">
        <v>0.91859199999999996</v>
      </c>
      <c r="CL317" s="20">
        <v>0.91204200000000002</v>
      </c>
      <c r="CM317" s="20">
        <v>0.91980399999999995</v>
      </c>
      <c r="CN317" s="20">
        <v>0.93829600000000002</v>
      </c>
      <c r="CO317" s="20">
        <v>0.97261900000000001</v>
      </c>
      <c r="CP317" s="20">
        <v>1.0001199999999999</v>
      </c>
      <c r="CQ317" s="20">
        <v>1.02186</v>
      </c>
      <c r="CR317" s="20">
        <v>1.0236099999999999</v>
      </c>
      <c r="CS317" s="20">
        <v>1.03732</v>
      </c>
      <c r="CT317" s="20">
        <v>0.98749600000000004</v>
      </c>
      <c r="CU317" s="20">
        <v>1.0154099999999999</v>
      </c>
      <c r="CV317" s="20">
        <v>1.04095</v>
      </c>
      <c r="CW317" s="20">
        <v>1.05243</v>
      </c>
      <c r="CX317" s="20">
        <v>1.0515600000000001</v>
      </c>
      <c r="CY317" s="6" t="s">
        <v>438</v>
      </c>
      <c r="CZ317" s="6" t="s">
        <v>439</v>
      </c>
      <c r="DA317" s="6" t="s">
        <v>147</v>
      </c>
      <c r="DB317" s="6"/>
      <c r="DC317" s="6"/>
      <c r="DD317" s="6"/>
      <c r="DE317" s="6"/>
      <c r="DF317" s="6"/>
      <c r="DG317" s="6"/>
      <c r="DH317" s="6" t="s">
        <v>333</v>
      </c>
      <c r="DI317" s="6"/>
      <c r="DJ317" s="6"/>
      <c r="DK317" s="6"/>
      <c r="DL317" s="6">
        <v>9</v>
      </c>
      <c r="DM317" s="6" t="s">
        <v>440</v>
      </c>
      <c r="DN317" s="6">
        <v>7</v>
      </c>
      <c r="DO317" s="6" t="s">
        <v>369</v>
      </c>
      <c r="DP317" s="6"/>
      <c r="DQ317" s="6"/>
    </row>
    <row r="318" spans="1:121" x14ac:dyDescent="0.2">
      <c r="A318" s="6" t="s">
        <v>322</v>
      </c>
      <c r="B318" s="6" t="s">
        <v>322</v>
      </c>
      <c r="C318" s="6" t="s">
        <v>191</v>
      </c>
      <c r="D318" s="6" t="s">
        <v>147</v>
      </c>
      <c r="E318" s="6" t="s">
        <v>288</v>
      </c>
      <c r="F318" s="11">
        <v>96</v>
      </c>
      <c r="G318" s="13">
        <v>0.14000000000000001</v>
      </c>
      <c r="H318" s="11">
        <v>-122</v>
      </c>
      <c r="I318" s="13">
        <v>-0.18047337278106507</v>
      </c>
      <c r="J318" s="11">
        <v>11</v>
      </c>
      <c r="K318" s="13">
        <v>1.9855595667870037E-2</v>
      </c>
      <c r="L318" s="11">
        <v>207</v>
      </c>
      <c r="M318" s="13">
        <v>0.36637168141592918</v>
      </c>
      <c r="N318" s="11">
        <v>218</v>
      </c>
      <c r="O318" s="13">
        <v>0.39350180505415161</v>
      </c>
      <c r="P318" s="7">
        <v>676</v>
      </c>
      <c r="Q318" s="7">
        <v>625</v>
      </c>
      <c r="R318" s="7">
        <v>469</v>
      </c>
      <c r="S318" s="7">
        <v>487</v>
      </c>
      <c r="T318" s="7">
        <v>503</v>
      </c>
      <c r="U318" s="7">
        <v>533</v>
      </c>
      <c r="V318" s="7">
        <v>554</v>
      </c>
      <c r="W318" s="7">
        <v>538</v>
      </c>
      <c r="X318" s="7">
        <v>570</v>
      </c>
      <c r="Y318" s="7">
        <v>565</v>
      </c>
      <c r="Z318" s="7">
        <v>570</v>
      </c>
      <c r="AA318" s="7">
        <v>632</v>
      </c>
      <c r="AB318" s="7">
        <v>629</v>
      </c>
      <c r="AC318" s="7">
        <v>648</v>
      </c>
      <c r="AD318" s="7">
        <v>725</v>
      </c>
      <c r="AE318" s="7">
        <v>748</v>
      </c>
      <c r="AF318" s="7">
        <v>772</v>
      </c>
      <c r="AG318" s="9">
        <v>8191</v>
      </c>
      <c r="AH318" s="13">
        <v>0.46969436320889962</v>
      </c>
      <c r="AI318" s="9">
        <v>2841</v>
      </c>
      <c r="AJ318" s="13">
        <v>0.16291071735764664</v>
      </c>
      <c r="AK318" s="9">
        <v>-545</v>
      </c>
      <c r="AL318" s="13">
        <v>-2.6873767258382641E-2</v>
      </c>
      <c r="AM318" s="9">
        <v>5895</v>
      </c>
      <c r="AN318" s="13">
        <v>0.29870787940207755</v>
      </c>
      <c r="AO318" s="9">
        <v>5350</v>
      </c>
      <c r="AP318" s="13">
        <v>0.26380670611439844</v>
      </c>
      <c r="AQ318" s="9">
        <v>17439</v>
      </c>
      <c r="AR318" s="9">
        <v>18492</v>
      </c>
      <c r="AS318" s="9">
        <v>19439</v>
      </c>
      <c r="AT318" s="9">
        <v>20132</v>
      </c>
      <c r="AU318" s="9">
        <v>20042</v>
      </c>
      <c r="AV318" s="9">
        <v>19774</v>
      </c>
      <c r="AW318" s="9">
        <v>20280</v>
      </c>
      <c r="AX318" s="9">
        <v>20157</v>
      </c>
      <c r="AY318" s="9">
        <v>20196</v>
      </c>
      <c r="AZ318" s="9">
        <v>19735</v>
      </c>
      <c r="BA318" s="9">
        <v>20870</v>
      </c>
      <c r="BB318" s="9">
        <v>22368</v>
      </c>
      <c r="BC318" s="9">
        <v>23334</v>
      </c>
      <c r="BD318" s="9">
        <v>23856</v>
      </c>
      <c r="BE318" s="9">
        <v>24175</v>
      </c>
      <c r="BF318" s="9">
        <v>25630</v>
      </c>
      <c r="BG318" s="11">
        <v>6</v>
      </c>
      <c r="BH318" s="13">
        <v>0.13636363636363635</v>
      </c>
      <c r="BI318" s="6">
        <v>6</v>
      </c>
      <c r="BJ318" s="13">
        <v>0.13636363636363635</v>
      </c>
      <c r="BK318" s="6">
        <v>-4</v>
      </c>
      <c r="BL318" s="13">
        <v>-0.08</v>
      </c>
      <c r="BM318" s="11">
        <v>4</v>
      </c>
      <c r="BN318" s="13">
        <v>8.6956521739130432E-2</v>
      </c>
      <c r="BO318" s="11">
        <v>0</v>
      </c>
      <c r="BP318" s="13">
        <v>0</v>
      </c>
      <c r="BQ318" s="6">
        <v>44</v>
      </c>
      <c r="BR318" s="6">
        <v>45</v>
      </c>
      <c r="BS318" s="6">
        <v>47</v>
      </c>
      <c r="BT318" s="6">
        <v>50</v>
      </c>
      <c r="BU318" s="6">
        <v>49</v>
      </c>
      <c r="BV318" s="6">
        <v>47</v>
      </c>
      <c r="BW318" s="6">
        <v>46</v>
      </c>
      <c r="BX318" s="6">
        <v>48</v>
      </c>
      <c r="BY318" s="6">
        <v>47</v>
      </c>
      <c r="BZ318" s="6">
        <v>47</v>
      </c>
      <c r="CA318" s="6">
        <v>48</v>
      </c>
      <c r="CB318" s="6">
        <v>50</v>
      </c>
      <c r="CC318" s="11">
        <v>50</v>
      </c>
      <c r="CD318" s="11">
        <v>-101</v>
      </c>
      <c r="CE318" s="11">
        <v>123</v>
      </c>
      <c r="CF318" s="11">
        <v>74</v>
      </c>
      <c r="CG318" s="11">
        <v>197</v>
      </c>
      <c r="CH318" s="20">
        <v>2.5099999999999998</v>
      </c>
      <c r="CI318" s="20">
        <v>2.31</v>
      </c>
      <c r="CJ318" s="20">
        <v>1.68</v>
      </c>
      <c r="CK318" s="20">
        <v>1.68</v>
      </c>
      <c r="CL318" s="20">
        <v>1.61</v>
      </c>
      <c r="CM318" s="20">
        <v>1.66</v>
      </c>
      <c r="CN318" s="20">
        <v>1.71</v>
      </c>
      <c r="CO318" s="20">
        <v>1.66</v>
      </c>
      <c r="CP318" s="20">
        <v>1.82</v>
      </c>
      <c r="CQ318" s="20">
        <v>1.94</v>
      </c>
      <c r="CR318" s="20">
        <v>1.98</v>
      </c>
      <c r="CS318" s="20">
        <v>2.16</v>
      </c>
      <c r="CT318" s="20">
        <v>2.13</v>
      </c>
      <c r="CU318" s="20">
        <v>2.16</v>
      </c>
      <c r="CV318" s="20">
        <v>2.36</v>
      </c>
      <c r="CW318" s="20">
        <v>2.38</v>
      </c>
      <c r="CX318" s="20">
        <v>2.42</v>
      </c>
      <c r="CY318" s="6" t="s">
        <v>438</v>
      </c>
      <c r="CZ318" s="6" t="s">
        <v>439</v>
      </c>
      <c r="DA318" s="6" t="s">
        <v>147</v>
      </c>
      <c r="DB318" s="6"/>
      <c r="DC318" s="6"/>
      <c r="DD318" s="6"/>
      <c r="DE318" s="6"/>
      <c r="DF318" s="6"/>
      <c r="DG318" s="6"/>
      <c r="DH318" s="6" t="s">
        <v>333</v>
      </c>
      <c r="DI318" s="6"/>
      <c r="DJ318" s="6"/>
      <c r="DK318" s="6"/>
      <c r="DL318" s="6">
        <v>9</v>
      </c>
      <c r="DM318" s="6" t="s">
        <v>440</v>
      </c>
      <c r="DN318" s="6">
        <v>7</v>
      </c>
      <c r="DO318" s="6" t="s">
        <v>369</v>
      </c>
      <c r="DP318" s="6"/>
      <c r="DQ318" s="6"/>
    </row>
    <row r="319" spans="1:121" x14ac:dyDescent="0.2">
      <c r="A319" s="6" t="s">
        <v>323</v>
      </c>
      <c r="B319" s="6" t="s">
        <v>323</v>
      </c>
      <c r="C319" s="6" t="s">
        <v>192</v>
      </c>
      <c r="D319" s="6" t="s">
        <v>147</v>
      </c>
      <c r="E319" s="6" t="s">
        <v>288</v>
      </c>
      <c r="F319" s="11">
        <v>158</v>
      </c>
      <c r="G319" s="13">
        <v>4.8720320690700002E-2</v>
      </c>
      <c r="H319" s="11">
        <v>351.72295472999986</v>
      </c>
      <c r="I319" s="13">
        <v>0.10844988523915904</v>
      </c>
      <c r="J319" s="11">
        <v>-360.57188950999989</v>
      </c>
      <c r="K319" s="13">
        <v>-0.10030075147765176</v>
      </c>
      <c r="L319" s="11">
        <v>167.16125143999989</v>
      </c>
      <c r="M319" s="13">
        <v>5.1683340633348562E-2</v>
      </c>
      <c r="N319" s="11">
        <v>-193.41063807</v>
      </c>
      <c r="O319" s="13">
        <v>-5.3801288748703512E-2</v>
      </c>
      <c r="P319" s="7">
        <v>3243.18420397</v>
      </c>
      <c r="Q319" s="7">
        <v>3339.0712619699998</v>
      </c>
      <c r="R319" s="7">
        <v>3329.7614168099999</v>
      </c>
      <c r="S319" s="7">
        <v>3335.4519736000002</v>
      </c>
      <c r="T319" s="7">
        <v>3621.9250403000001</v>
      </c>
      <c r="U319" s="7">
        <v>3622.7496730399998</v>
      </c>
      <c r="V319" s="7">
        <v>3594.9071586999999</v>
      </c>
      <c r="W319" s="7">
        <v>3569.49677797</v>
      </c>
      <c r="X319" s="7">
        <v>3380.0374637899999</v>
      </c>
      <c r="Y319" s="7">
        <v>3234.33526919</v>
      </c>
      <c r="Z319" s="7">
        <v>3128.9818824399999</v>
      </c>
      <c r="AA319" s="7">
        <v>3185.2107585200001</v>
      </c>
      <c r="AB319" s="7">
        <v>3218.96858802</v>
      </c>
      <c r="AC319" s="7">
        <v>3216.6656887200002</v>
      </c>
      <c r="AD319" s="7">
        <v>3238.1547943599999</v>
      </c>
      <c r="AE319" s="7">
        <v>3402.9578659600002</v>
      </c>
      <c r="AF319" s="7">
        <v>3401.4965206299998</v>
      </c>
      <c r="AG319" s="9">
        <v>4179.1514522999969</v>
      </c>
      <c r="AH319" s="13">
        <v>0.2531777471670163</v>
      </c>
      <c r="AI319" s="9">
        <v>2716.5431748999981</v>
      </c>
      <c r="AJ319" s="13">
        <v>0.16457127456450568</v>
      </c>
      <c r="AK319" s="9">
        <v>-662.76622879999923</v>
      </c>
      <c r="AL319" s="13">
        <v>-3.4477178564157947E-2</v>
      </c>
      <c r="AM319" s="9">
        <v>2125.374506199998</v>
      </c>
      <c r="AN319" s="13">
        <v>0.11451022574884376</v>
      </c>
      <c r="AO319" s="9">
        <v>1462.6082773999988</v>
      </c>
      <c r="AP319" s="13">
        <v>7.6085057684120896E-2</v>
      </c>
      <c r="AQ319" s="9">
        <v>16506.788211300001</v>
      </c>
      <c r="AR319" s="9">
        <v>16257.595336799999</v>
      </c>
      <c r="AS319" s="9">
        <v>16904.655856400001</v>
      </c>
      <c r="AT319" s="9">
        <v>17442.834091799999</v>
      </c>
      <c r="AU319" s="9">
        <v>17378.8326992</v>
      </c>
      <c r="AV319" s="9">
        <v>17997.033080199999</v>
      </c>
      <c r="AW319" s="9">
        <v>19223.3313862</v>
      </c>
      <c r="AX319" s="9">
        <v>18792.294665599999</v>
      </c>
      <c r="AY319" s="9">
        <v>18643.3262536</v>
      </c>
      <c r="AZ319" s="9">
        <v>18560.5651574</v>
      </c>
      <c r="BA319" s="9">
        <v>18462.316398999999</v>
      </c>
      <c r="BB319" s="9">
        <v>18483.462120100001</v>
      </c>
      <c r="BC319" s="9">
        <v>18617.061477899999</v>
      </c>
      <c r="BD319" s="9">
        <v>19115.125569399999</v>
      </c>
      <c r="BE319" s="9">
        <v>19950.659407700001</v>
      </c>
      <c r="BF319" s="9">
        <v>20685.939663599998</v>
      </c>
      <c r="BG319" s="11">
        <v>-28.25</v>
      </c>
      <c r="BH319" s="13">
        <v>-0.14267676767676768</v>
      </c>
      <c r="BI319" s="6">
        <v>-7</v>
      </c>
      <c r="BJ319" s="13">
        <v>-3.5353535353535352E-2</v>
      </c>
      <c r="BK319" s="6">
        <v>-6</v>
      </c>
      <c r="BL319" s="13">
        <v>-3.1413612565445025E-2</v>
      </c>
      <c r="BM319" s="11">
        <v>-15.25</v>
      </c>
      <c r="BN319" s="13">
        <v>-8.2432432432432437E-2</v>
      </c>
      <c r="BO319" s="11">
        <v>-21.25</v>
      </c>
      <c r="BP319" s="13">
        <v>-0.11125654450261781</v>
      </c>
      <c r="BQ319" s="6">
        <v>198</v>
      </c>
      <c r="BR319" s="6">
        <v>201</v>
      </c>
      <c r="BS319" s="6">
        <v>195</v>
      </c>
      <c r="BT319" s="6">
        <v>191</v>
      </c>
      <c r="BU319" s="6">
        <v>190</v>
      </c>
      <c r="BV319" s="6">
        <v>186</v>
      </c>
      <c r="BW319" s="6">
        <v>185</v>
      </c>
      <c r="BX319" s="6">
        <v>184</v>
      </c>
      <c r="BY319" s="6">
        <v>178</v>
      </c>
      <c r="BZ319" s="6">
        <v>169</v>
      </c>
      <c r="CA319" s="6">
        <v>170</v>
      </c>
      <c r="CB319" s="6">
        <v>170</v>
      </c>
      <c r="CC319" s="11">
        <v>169.75</v>
      </c>
      <c r="CD319" s="11">
        <v>-933.72500000000002</v>
      </c>
      <c r="CE319" s="11">
        <v>737.51800000000003</v>
      </c>
      <c r="CF319" s="11">
        <v>354.51900000000001</v>
      </c>
      <c r="CG319" s="11">
        <v>1093</v>
      </c>
      <c r="CH319" s="20">
        <v>2.48177</v>
      </c>
      <c r="CI319" s="20">
        <v>2.5643600000000002</v>
      </c>
      <c r="CJ319" s="20">
        <v>2.4704000000000002</v>
      </c>
      <c r="CK319" s="20">
        <v>2.3742899999999998</v>
      </c>
      <c r="CL319" s="20">
        <v>2.3734600000000001</v>
      </c>
      <c r="CM319" s="20">
        <v>2.3026300000000002</v>
      </c>
      <c r="CN319" s="20">
        <v>2.2647300000000001</v>
      </c>
      <c r="CO319" s="20">
        <v>2.2556699999999998</v>
      </c>
      <c r="CP319" s="20">
        <v>2.2284999999999999</v>
      </c>
      <c r="CQ319" s="20">
        <v>2.2753000000000001</v>
      </c>
      <c r="CR319" s="20">
        <v>2.1928399999999999</v>
      </c>
      <c r="CS319" s="20">
        <v>2.1891600000000002</v>
      </c>
      <c r="CT319" s="20">
        <v>2.16723</v>
      </c>
      <c r="CU319" s="20">
        <v>2.1282399999999999</v>
      </c>
      <c r="CV319" s="20">
        <v>2.09694</v>
      </c>
      <c r="CW319" s="20">
        <v>2.1549299999999998</v>
      </c>
      <c r="CX319" s="20">
        <v>2.1238700000000001</v>
      </c>
      <c r="CY319" s="6" t="s">
        <v>438</v>
      </c>
      <c r="CZ319" s="6" t="s">
        <v>439</v>
      </c>
      <c r="DA319" s="6" t="s">
        <v>147</v>
      </c>
      <c r="DB319" s="6"/>
      <c r="DC319" s="6"/>
      <c r="DD319" s="6"/>
      <c r="DE319" s="6"/>
      <c r="DF319" s="6"/>
      <c r="DG319" s="6"/>
      <c r="DH319" s="6" t="s">
        <v>333</v>
      </c>
      <c r="DI319" s="6"/>
      <c r="DJ319" s="6"/>
      <c r="DK319" s="6"/>
      <c r="DL319" s="6">
        <v>9</v>
      </c>
      <c r="DM319" s="6" t="s">
        <v>440</v>
      </c>
      <c r="DN319" s="6">
        <v>7</v>
      </c>
      <c r="DO319" s="6" t="s">
        <v>369</v>
      </c>
      <c r="DP319" s="6"/>
      <c r="DQ319" s="6"/>
    </row>
    <row r="320" spans="1:121" x14ac:dyDescent="0.2">
      <c r="A320" s="6" t="s">
        <v>325</v>
      </c>
      <c r="B320" s="6" t="s">
        <v>325</v>
      </c>
      <c r="C320" s="6" t="s">
        <v>193</v>
      </c>
      <c r="D320" s="6" t="s">
        <v>147</v>
      </c>
      <c r="E320" s="6" t="s">
        <v>288</v>
      </c>
      <c r="F320" s="11">
        <v>-31</v>
      </c>
      <c r="G320" s="13">
        <v>-3.6130536130499998E-2</v>
      </c>
      <c r="H320" s="11">
        <v>52.758686838000017</v>
      </c>
      <c r="I320" s="13">
        <v>6.1502249765472625E-2</v>
      </c>
      <c r="J320" s="11">
        <v>21.159140674000014</v>
      </c>
      <c r="K320" s="13">
        <v>2.3236682941403519E-2</v>
      </c>
      <c r="L320" s="11">
        <v>-104.35826387500003</v>
      </c>
      <c r="M320" s="13">
        <v>-0.11200227664738099</v>
      </c>
      <c r="N320" s="11">
        <v>-83.19912320100002</v>
      </c>
      <c r="O320" s="13">
        <v>-9.1368155097148046E-2</v>
      </c>
      <c r="P320" s="7">
        <v>857.83344575499996</v>
      </c>
      <c r="Q320" s="7">
        <v>846.87481604200002</v>
      </c>
      <c r="R320" s="7">
        <v>866.03543130399999</v>
      </c>
      <c r="S320" s="7">
        <v>926.41459239100004</v>
      </c>
      <c r="T320" s="7">
        <v>900.13943352900003</v>
      </c>
      <c r="U320" s="7">
        <v>919.26737059499999</v>
      </c>
      <c r="V320" s="7">
        <v>910.59213259299997</v>
      </c>
      <c r="W320" s="7">
        <v>895.59698551300005</v>
      </c>
      <c r="X320" s="7">
        <v>893.27936157600004</v>
      </c>
      <c r="Y320" s="7">
        <v>931.75127326699999</v>
      </c>
      <c r="Z320" s="7">
        <v>931.70873485200002</v>
      </c>
      <c r="AA320" s="7">
        <v>938.80336557500004</v>
      </c>
      <c r="AB320" s="7">
        <v>866.20061555899997</v>
      </c>
      <c r="AC320" s="7">
        <v>843.31332186999998</v>
      </c>
      <c r="AD320" s="7">
        <v>837.12975196000002</v>
      </c>
      <c r="AE320" s="7">
        <v>835.76755908400003</v>
      </c>
      <c r="AF320" s="7">
        <v>827.39300939199995</v>
      </c>
      <c r="AG320" s="9">
        <v>7675.8818032999989</v>
      </c>
      <c r="AH320" s="13">
        <v>0.42027288620269582</v>
      </c>
      <c r="AI320" s="9">
        <v>3933.7880579999983</v>
      </c>
      <c r="AJ320" s="13">
        <v>0.21538430413748541</v>
      </c>
      <c r="AK320" s="9">
        <v>-448.03384649999862</v>
      </c>
      <c r="AL320" s="13">
        <v>-2.018367731125929E-2</v>
      </c>
      <c r="AM320" s="9">
        <v>4190.1275917999992</v>
      </c>
      <c r="AN320" s="13">
        <v>0.19265134617910937</v>
      </c>
      <c r="AO320" s="9">
        <v>3742.0937453000006</v>
      </c>
      <c r="AP320" s="13">
        <v>0.1685792562629912</v>
      </c>
      <c r="AQ320" s="9">
        <v>18264.042376500001</v>
      </c>
      <c r="AR320" s="9">
        <v>18240.364611699999</v>
      </c>
      <c r="AS320" s="9">
        <v>19115.147490399999</v>
      </c>
      <c r="AT320" s="9">
        <v>19586.221065000002</v>
      </c>
      <c r="AU320" s="9">
        <v>20581.749809500001</v>
      </c>
      <c r="AV320" s="9">
        <v>21971.0609945</v>
      </c>
      <c r="AW320" s="9">
        <v>22197.8304345</v>
      </c>
      <c r="AX320" s="9">
        <v>22590.718005300001</v>
      </c>
      <c r="AY320" s="9">
        <v>22953.835930699999</v>
      </c>
      <c r="AZ320" s="9">
        <v>21749.796588000001</v>
      </c>
      <c r="BA320" s="9">
        <v>22194.114283300001</v>
      </c>
      <c r="BB320" s="9">
        <v>22543.7557968</v>
      </c>
      <c r="BC320" s="9">
        <v>23154.356885699999</v>
      </c>
      <c r="BD320" s="9">
        <v>24646.503639800001</v>
      </c>
      <c r="BE320" s="9">
        <v>25175.363629300002</v>
      </c>
      <c r="BF320" s="9">
        <v>25939.9241798</v>
      </c>
      <c r="BG320" s="11">
        <v>-16.5</v>
      </c>
      <c r="BH320" s="13">
        <v>-0.12313432835820895</v>
      </c>
      <c r="BI320" s="6">
        <v>1</v>
      </c>
      <c r="BJ320" s="13">
        <v>7.462686567164179E-3</v>
      </c>
      <c r="BK320" s="6">
        <v>14</v>
      </c>
      <c r="BL320" s="13">
        <v>0.1037037037037037</v>
      </c>
      <c r="BM320" s="11">
        <v>-31.5</v>
      </c>
      <c r="BN320" s="13">
        <v>-0.21140939597315436</v>
      </c>
      <c r="BO320" s="11">
        <v>-17.5</v>
      </c>
      <c r="BP320" s="13">
        <v>-0.12962962962962962</v>
      </c>
      <c r="BQ320" s="6">
        <v>134</v>
      </c>
      <c r="BR320" s="6">
        <v>141</v>
      </c>
      <c r="BS320" s="6">
        <v>133</v>
      </c>
      <c r="BT320" s="6">
        <v>135</v>
      </c>
      <c r="BU320" s="6">
        <v>136</v>
      </c>
      <c r="BV320" s="6">
        <v>131</v>
      </c>
      <c r="BW320" s="6">
        <v>149</v>
      </c>
      <c r="BX320" s="6">
        <v>149</v>
      </c>
      <c r="BY320" s="6">
        <v>159</v>
      </c>
      <c r="BZ320" s="6">
        <v>118</v>
      </c>
      <c r="CA320" s="6">
        <v>123</v>
      </c>
      <c r="CB320" s="6">
        <v>121</v>
      </c>
      <c r="CC320" s="11">
        <v>117.5</v>
      </c>
      <c r="CD320" s="11">
        <v>-116.312</v>
      </c>
      <c r="CE320" s="11">
        <v>-7.8998299999999997</v>
      </c>
      <c r="CF320" s="11">
        <v>93.771500000000003</v>
      </c>
      <c r="CG320" s="11">
        <v>86</v>
      </c>
      <c r="CH320" s="20">
        <v>0.96640499999999996</v>
      </c>
      <c r="CI320" s="20">
        <v>0.95353200000000005</v>
      </c>
      <c r="CJ320" s="20">
        <v>0.94740999999999997</v>
      </c>
      <c r="CK320" s="20">
        <v>0.989977</v>
      </c>
      <c r="CL320" s="20">
        <v>0.90019199999999999</v>
      </c>
      <c r="CM320" s="20">
        <v>0.90002300000000002</v>
      </c>
      <c r="CN320" s="20">
        <v>0.88802099999999995</v>
      </c>
      <c r="CO320" s="20">
        <v>0.87525900000000001</v>
      </c>
      <c r="CP320" s="20">
        <v>0.89225699999999997</v>
      </c>
      <c r="CQ320" s="20">
        <v>1.0004</v>
      </c>
      <c r="CR320" s="20">
        <v>1.0111000000000001</v>
      </c>
      <c r="CS320" s="20">
        <v>1.0068600000000001</v>
      </c>
      <c r="CT320" s="20">
        <v>0.99271500000000001</v>
      </c>
      <c r="CU320" s="20">
        <v>0.95988799999999996</v>
      </c>
      <c r="CV320" s="20">
        <v>0.95106000000000002</v>
      </c>
      <c r="CW320" s="20">
        <v>0.93838100000000002</v>
      </c>
      <c r="CX320" s="20">
        <v>0.92415199999999997</v>
      </c>
      <c r="CY320" s="6" t="s">
        <v>438</v>
      </c>
      <c r="CZ320" s="6" t="s">
        <v>439</v>
      </c>
      <c r="DA320" s="6" t="s">
        <v>147</v>
      </c>
      <c r="DB320" s="6"/>
      <c r="DC320" s="6"/>
      <c r="DD320" s="6"/>
      <c r="DE320" s="6"/>
      <c r="DF320" s="6"/>
      <c r="DG320" s="6"/>
      <c r="DH320" s="6" t="s">
        <v>333</v>
      </c>
      <c r="DI320" s="6"/>
      <c r="DJ320" s="6"/>
      <c r="DK320" s="6"/>
      <c r="DL320" s="6">
        <v>9</v>
      </c>
      <c r="DM320" s="6" t="s">
        <v>440</v>
      </c>
      <c r="DN320" s="6">
        <v>7</v>
      </c>
      <c r="DO320" s="6" t="s">
        <v>369</v>
      </c>
      <c r="DP320" s="6"/>
      <c r="DQ320" s="6"/>
    </row>
    <row r="321" spans="1:121" x14ac:dyDescent="0.2">
      <c r="A321" s="6" t="s">
        <v>327</v>
      </c>
      <c r="B321" s="6" t="s">
        <v>327</v>
      </c>
      <c r="C321" s="6" t="s">
        <v>194</v>
      </c>
      <c r="D321" s="6" t="s">
        <v>147</v>
      </c>
      <c r="E321" s="6" t="s">
        <v>288</v>
      </c>
      <c r="F321" s="11">
        <v>111</v>
      </c>
      <c r="G321" s="13">
        <v>5.7187017001500001E-2</v>
      </c>
      <c r="H321" s="11">
        <v>46.446439999999939</v>
      </c>
      <c r="I321" s="13">
        <v>2.3925036814593938E-2</v>
      </c>
      <c r="J321" s="11">
        <v>96.848157000000128</v>
      </c>
      <c r="K321" s="13">
        <v>4.8721806301011902E-2</v>
      </c>
      <c r="L321" s="11">
        <v>-32.890385540000352</v>
      </c>
      <c r="M321" s="13">
        <v>-1.5777590722164097E-2</v>
      </c>
      <c r="N321" s="11">
        <v>63.957771459999776</v>
      </c>
      <c r="O321" s="13">
        <v>3.2175502859785883E-2</v>
      </c>
      <c r="P321" s="7">
        <v>1941.3320180000001</v>
      </c>
      <c r="Q321" s="7">
        <v>1956.21831</v>
      </c>
      <c r="R321" s="7">
        <v>2012.2830839999999</v>
      </c>
      <c r="S321" s="7">
        <v>2053.240209</v>
      </c>
      <c r="T321" s="7">
        <v>2048.816656</v>
      </c>
      <c r="U321" s="7">
        <v>2054.2329289999998</v>
      </c>
      <c r="V321" s="7">
        <v>1987.778458</v>
      </c>
      <c r="W321" s="7">
        <v>2051.6181470000001</v>
      </c>
      <c r="X321" s="7">
        <v>2105.1451139999999</v>
      </c>
      <c r="Y321" s="7">
        <v>2084.6266150000001</v>
      </c>
      <c r="Z321" s="7">
        <v>2089.3595460000001</v>
      </c>
      <c r="AA321" s="7">
        <v>2036.278368</v>
      </c>
      <c r="AB321" s="7">
        <v>2060.7316890000002</v>
      </c>
      <c r="AC321" s="7">
        <v>2060.4774050000001</v>
      </c>
      <c r="AD321" s="7">
        <v>2061.8069369999998</v>
      </c>
      <c r="AE321" s="7">
        <v>2044.0156950000001</v>
      </c>
      <c r="AF321" s="7">
        <v>2051.7362294599998</v>
      </c>
      <c r="AG321" s="9">
        <v>12927.643688099997</v>
      </c>
      <c r="AH321" s="13">
        <v>0.39747344238340981</v>
      </c>
      <c r="AI321" s="9">
        <v>7501.5233967000022</v>
      </c>
      <c r="AJ321" s="13">
        <v>0.23064190192298373</v>
      </c>
      <c r="AK321" s="9">
        <v>4536.8620803999947</v>
      </c>
      <c r="AL321" s="13">
        <v>0.11334767632360326</v>
      </c>
      <c r="AM321" s="9">
        <v>889.2582110000003</v>
      </c>
      <c r="AN321" s="13">
        <v>1.9955109775335499E-2</v>
      </c>
      <c r="AO321" s="9">
        <v>5426.120291399995</v>
      </c>
      <c r="AP321" s="13">
        <v>0.13556465142275548</v>
      </c>
      <c r="AQ321" s="9">
        <v>32524.5470756</v>
      </c>
      <c r="AR321" s="9">
        <v>33598.641751199997</v>
      </c>
      <c r="AS321" s="9">
        <v>35087.596445000003</v>
      </c>
      <c r="AT321" s="9">
        <v>37135.672360500001</v>
      </c>
      <c r="AU321" s="9">
        <v>38544.082439799997</v>
      </c>
      <c r="AV321" s="9">
        <v>40257.428341899998</v>
      </c>
      <c r="AW321" s="9">
        <v>40026.070472300002</v>
      </c>
      <c r="AX321" s="9">
        <v>41954.3692849</v>
      </c>
      <c r="AY321" s="9">
        <v>43039.826967699999</v>
      </c>
      <c r="AZ321" s="9">
        <v>44562.932552699996</v>
      </c>
      <c r="BA321" s="9">
        <v>44146.488271100003</v>
      </c>
      <c r="BB321" s="9">
        <v>43255.325632100001</v>
      </c>
      <c r="BC321" s="9">
        <v>43767.187171400001</v>
      </c>
      <c r="BD321" s="9">
        <v>43076.0627178</v>
      </c>
      <c r="BE321" s="9">
        <v>44011.621295600002</v>
      </c>
      <c r="BF321" s="9">
        <v>45452.190763699997</v>
      </c>
      <c r="BG321" s="11">
        <v>-2</v>
      </c>
      <c r="BH321" s="13">
        <v>-3.3898305084745763E-2</v>
      </c>
      <c r="BI321" s="6">
        <v>-2</v>
      </c>
      <c r="BJ321" s="13">
        <v>-3.3898305084745763E-2</v>
      </c>
      <c r="BK321" s="6">
        <v>0</v>
      </c>
      <c r="BL321" s="13">
        <v>0</v>
      </c>
      <c r="BM321" s="11">
        <v>0</v>
      </c>
      <c r="BN321" s="13">
        <v>0</v>
      </c>
      <c r="BO321" s="11">
        <v>0</v>
      </c>
      <c r="BP321" s="13">
        <v>0</v>
      </c>
      <c r="BQ321" s="6">
        <v>59</v>
      </c>
      <c r="BR321" s="6">
        <v>57</v>
      </c>
      <c r="BS321" s="6">
        <v>58</v>
      </c>
      <c r="BT321" s="6">
        <v>57</v>
      </c>
      <c r="BU321" s="6">
        <v>55</v>
      </c>
      <c r="BV321" s="6">
        <v>55</v>
      </c>
      <c r="BW321" s="6">
        <v>57</v>
      </c>
      <c r="BX321" s="6">
        <v>58</v>
      </c>
      <c r="BY321" s="6">
        <v>59</v>
      </c>
      <c r="BZ321" s="6">
        <v>57</v>
      </c>
      <c r="CA321" s="6">
        <v>59</v>
      </c>
      <c r="CB321" s="6">
        <v>57</v>
      </c>
      <c r="CC321" s="11">
        <v>57</v>
      </c>
      <c r="CD321" s="11">
        <v>12.0031</v>
      </c>
      <c r="CE321" s="11">
        <v>-113.81</v>
      </c>
      <c r="CF321" s="11">
        <v>212.21100000000001</v>
      </c>
      <c r="CG321" s="11">
        <v>98</v>
      </c>
      <c r="CH321" s="20">
        <v>0.65839000000000003</v>
      </c>
      <c r="CI321" s="20">
        <v>0.66176400000000002</v>
      </c>
      <c r="CJ321" s="20">
        <v>0.66627499999999995</v>
      </c>
      <c r="CK321" s="20">
        <v>0.66889299999999996</v>
      </c>
      <c r="CL321" s="20">
        <v>0.62607500000000005</v>
      </c>
      <c r="CM321" s="20">
        <v>0.61860700000000002</v>
      </c>
      <c r="CN321" s="20">
        <v>0.60051699999999997</v>
      </c>
      <c r="CO321" s="20">
        <v>0.61490999999999996</v>
      </c>
      <c r="CP321" s="20">
        <v>0.63766299999999998</v>
      </c>
      <c r="CQ321" s="20">
        <v>0.67485899999999999</v>
      </c>
      <c r="CR321" s="20">
        <v>0.69970900000000003</v>
      </c>
      <c r="CS321" s="20">
        <v>0.69679999999999997</v>
      </c>
      <c r="CT321" s="20">
        <v>0.71573100000000001</v>
      </c>
      <c r="CU321" s="20">
        <v>0.72419800000000001</v>
      </c>
      <c r="CV321" s="20">
        <v>0.72951900000000003</v>
      </c>
      <c r="CW321" s="20">
        <v>0.71835700000000002</v>
      </c>
      <c r="CX321" s="20">
        <v>0.72233700000000001</v>
      </c>
      <c r="CY321" s="6" t="s">
        <v>438</v>
      </c>
      <c r="CZ321" s="6" t="s">
        <v>439</v>
      </c>
      <c r="DA321" s="6" t="s">
        <v>147</v>
      </c>
      <c r="DB321" s="6"/>
      <c r="DC321" s="6"/>
      <c r="DD321" s="6"/>
      <c r="DE321" s="6"/>
      <c r="DF321" s="6"/>
      <c r="DG321" s="6"/>
      <c r="DH321" s="6" t="s">
        <v>333</v>
      </c>
      <c r="DI321" s="6"/>
      <c r="DJ321" s="6"/>
      <c r="DK321" s="6"/>
      <c r="DL321" s="6">
        <v>9</v>
      </c>
      <c r="DM321" s="6" t="s">
        <v>440</v>
      </c>
      <c r="DN321" s="6">
        <v>7</v>
      </c>
      <c r="DO321" s="6" t="s">
        <v>369</v>
      </c>
      <c r="DP321" s="6"/>
      <c r="DQ321" s="6"/>
    </row>
    <row r="322" spans="1:121" x14ac:dyDescent="0.2">
      <c r="A322" s="6" t="s">
        <v>1</v>
      </c>
      <c r="B322" s="6" t="s">
        <v>1</v>
      </c>
      <c r="C322" s="6" t="s">
        <v>2</v>
      </c>
      <c r="D322" s="6" t="s">
        <v>112</v>
      </c>
      <c r="E322" s="6" t="s">
        <v>253</v>
      </c>
      <c r="F322" s="11">
        <v>10</v>
      </c>
      <c r="G322" s="13">
        <v>4.6082949308799998E-2</v>
      </c>
      <c r="H322" s="11">
        <v>113.76781095499999</v>
      </c>
      <c r="I322" s="13">
        <v>0.52324273875001226</v>
      </c>
      <c r="J322" s="11">
        <v>-49.965106987000013</v>
      </c>
      <c r="K322" s="13">
        <v>-0.15086257407940079</v>
      </c>
      <c r="L322" s="11">
        <v>-54.009920406999981</v>
      </c>
      <c r="M322" s="13">
        <v>-0.1920482022968199</v>
      </c>
      <c r="N322" s="11">
        <v>-103.97502739399999</v>
      </c>
      <c r="O322" s="13">
        <v>-0.31393789023040097</v>
      </c>
      <c r="P322" s="7">
        <v>217.428360739</v>
      </c>
      <c r="Q322" s="7">
        <v>359.54397339000002</v>
      </c>
      <c r="R322" s="7">
        <v>221.62926964100001</v>
      </c>
      <c r="S322" s="7">
        <v>224.68603135800001</v>
      </c>
      <c r="T322" s="7">
        <v>359.95774882699999</v>
      </c>
      <c r="U322" s="7">
        <v>432.69953319500001</v>
      </c>
      <c r="V322" s="7">
        <v>331.19617169399999</v>
      </c>
      <c r="W322" s="7">
        <v>358.55490393999997</v>
      </c>
      <c r="X322" s="7">
        <v>388.01621013499999</v>
      </c>
      <c r="Y322" s="7">
        <v>281.23106470699997</v>
      </c>
      <c r="Z322" s="7">
        <v>288.094894297</v>
      </c>
      <c r="AA322" s="7">
        <v>276.13512939200001</v>
      </c>
      <c r="AB322" s="7">
        <v>267.75131608800001</v>
      </c>
      <c r="AC322" s="7">
        <v>275.32872359100003</v>
      </c>
      <c r="AD322" s="7">
        <v>253.042804975</v>
      </c>
      <c r="AE322" s="7">
        <v>237.57192562399999</v>
      </c>
      <c r="AF322" s="7">
        <v>227.22114429999999</v>
      </c>
      <c r="AG322" s="9">
        <v>8778.4107417999985</v>
      </c>
      <c r="AH322" s="13">
        <v>0.48265703404502985</v>
      </c>
      <c r="AI322" s="9">
        <v>2950.6439198000007</v>
      </c>
      <c r="AJ322" s="13">
        <v>0.16223312906427637</v>
      </c>
      <c r="AK322" s="9">
        <v>1482.0877254999978</v>
      </c>
      <c r="AL322" s="13">
        <v>7.0113783293910478E-2</v>
      </c>
      <c r="AM322" s="9">
        <v>4345.6790965</v>
      </c>
      <c r="AN322" s="13">
        <v>0.19211319139770472</v>
      </c>
      <c r="AO322" s="9">
        <v>5827.7668219999978</v>
      </c>
      <c r="AP322" s="13">
        <v>0.27569675736117544</v>
      </c>
      <c r="AQ322" s="9">
        <v>18187.6780459</v>
      </c>
      <c r="AR322" s="9">
        <v>19138.798412200002</v>
      </c>
      <c r="AS322" s="9">
        <v>19400.1410283</v>
      </c>
      <c r="AT322" s="9">
        <v>19980.981269200001</v>
      </c>
      <c r="AU322" s="9">
        <v>20460.766251500001</v>
      </c>
      <c r="AV322" s="9">
        <v>20357.833679399999</v>
      </c>
      <c r="AW322" s="9">
        <v>21138.321965700001</v>
      </c>
      <c r="AX322" s="9">
        <v>22157.014807</v>
      </c>
      <c r="AY322" s="9">
        <v>22278.659431700002</v>
      </c>
      <c r="AZ322" s="9">
        <v>22620.409691199999</v>
      </c>
      <c r="BA322" s="9">
        <v>23584.345625800001</v>
      </c>
      <c r="BB322" s="9">
        <v>23764.064977000002</v>
      </c>
      <c r="BC322" s="9">
        <v>24922.8235121</v>
      </c>
      <c r="BD322" s="9">
        <v>26244.8672305</v>
      </c>
      <c r="BE322" s="9">
        <v>26612.894226199998</v>
      </c>
      <c r="BF322" s="9">
        <v>26966.088787699999</v>
      </c>
      <c r="BG322" s="11">
        <v>3.5</v>
      </c>
      <c r="BH322" s="13">
        <v>0.29166666666666669</v>
      </c>
      <c r="BI322" s="6">
        <v>2</v>
      </c>
      <c r="BJ322" s="13">
        <v>0.16666666666666666</v>
      </c>
      <c r="BK322" s="6">
        <v>2</v>
      </c>
      <c r="BL322" s="13">
        <v>0.14285714285714285</v>
      </c>
      <c r="BM322" s="11">
        <v>-0.5</v>
      </c>
      <c r="BN322" s="13">
        <v>-3.125E-2</v>
      </c>
      <c r="BO322" s="11">
        <v>1.5</v>
      </c>
      <c r="BP322" s="13">
        <v>0.10714285714285714</v>
      </c>
      <c r="BQ322" s="6">
        <v>12</v>
      </c>
      <c r="BR322" s="6">
        <v>15</v>
      </c>
      <c r="BS322" s="6">
        <v>15</v>
      </c>
      <c r="BT322" s="6">
        <v>14</v>
      </c>
      <c r="BU322" s="6">
        <v>16</v>
      </c>
      <c r="BV322" s="6">
        <v>17</v>
      </c>
      <c r="BW322" s="6">
        <v>16</v>
      </c>
      <c r="BX322" s="6">
        <v>16</v>
      </c>
      <c r="BY322" s="6">
        <v>19</v>
      </c>
      <c r="BZ322" s="6">
        <v>20</v>
      </c>
      <c r="CA322" s="6">
        <v>18</v>
      </c>
      <c r="CB322" s="6">
        <v>16</v>
      </c>
      <c r="CC322" s="11">
        <v>15.5</v>
      </c>
      <c r="CD322" s="11">
        <v>5.8489899999999997</v>
      </c>
      <c r="CE322" s="11">
        <v>-19.823699999999999</v>
      </c>
      <c r="CF322" s="11">
        <v>23.767499999999998</v>
      </c>
      <c r="CG322" s="11">
        <v>4</v>
      </c>
      <c r="CH322" s="20">
        <v>0.38068800000000003</v>
      </c>
      <c r="CI322" s="20">
        <v>0.624969</v>
      </c>
      <c r="CJ322" s="20">
        <v>0.38325300000000001</v>
      </c>
      <c r="CK322" s="20">
        <v>0.39381899999999997</v>
      </c>
      <c r="CL322" s="20">
        <v>0.61951400000000001</v>
      </c>
      <c r="CM322" s="20">
        <v>0.74055599999999999</v>
      </c>
      <c r="CN322" s="20">
        <v>0.56689599999999996</v>
      </c>
      <c r="CO322" s="20">
        <v>0.635714</v>
      </c>
      <c r="CP322" s="20">
        <v>0.69053900000000001</v>
      </c>
      <c r="CQ322" s="20">
        <v>0.50426300000000002</v>
      </c>
      <c r="CR322" s="20">
        <v>0.52261299999999999</v>
      </c>
      <c r="CS322" s="20">
        <v>0.49419999999999997</v>
      </c>
      <c r="CT322" s="20">
        <v>0.47584900000000002</v>
      </c>
      <c r="CU322" s="20">
        <v>0.49585200000000001</v>
      </c>
      <c r="CV322" s="20">
        <v>0.45527000000000001</v>
      </c>
      <c r="CW322" s="20">
        <v>0.43113699999999999</v>
      </c>
      <c r="CX322" s="20">
        <v>0.41184199999999999</v>
      </c>
      <c r="CY322" s="6" t="s">
        <v>441</v>
      </c>
      <c r="CZ322" s="6" t="s">
        <v>442</v>
      </c>
      <c r="DA322" s="6" t="s">
        <v>112</v>
      </c>
      <c r="DB322" s="6" t="s">
        <v>345</v>
      </c>
      <c r="DC322" s="6">
        <v>16020</v>
      </c>
      <c r="DD322" s="6">
        <v>164</v>
      </c>
      <c r="DE322" s="6" t="s">
        <v>412</v>
      </c>
      <c r="DF322" s="6" t="s">
        <v>375</v>
      </c>
      <c r="DG322" s="6" t="s">
        <v>364</v>
      </c>
      <c r="DH322" s="6" t="s">
        <v>419</v>
      </c>
      <c r="DI322" s="6" t="s">
        <v>413</v>
      </c>
      <c r="DJ322" s="6">
        <v>29</v>
      </c>
      <c r="DK322" s="6">
        <v>31</v>
      </c>
      <c r="DL322" s="6">
        <v>2</v>
      </c>
      <c r="DM322" s="6" t="s">
        <v>379</v>
      </c>
      <c r="DN322" s="6">
        <v>3</v>
      </c>
      <c r="DO322" s="6" t="s">
        <v>380</v>
      </c>
      <c r="DP322" s="6"/>
      <c r="DQ322" s="6"/>
    </row>
    <row r="323" spans="1:121" x14ac:dyDescent="0.2">
      <c r="A323" s="6" t="s">
        <v>310</v>
      </c>
      <c r="B323" s="6" t="s">
        <v>310</v>
      </c>
      <c r="C323" s="6" t="s">
        <v>173</v>
      </c>
      <c r="D323" s="6" t="s">
        <v>112</v>
      </c>
      <c r="E323" s="6" t="s">
        <v>253</v>
      </c>
      <c r="F323" s="11">
        <v>14</v>
      </c>
      <c r="G323" s="13">
        <v>0.24137931034499999</v>
      </c>
      <c r="H323" s="11">
        <v>18.141831000000003</v>
      </c>
      <c r="I323" s="13">
        <v>0.31022976180401302</v>
      </c>
      <c r="J323" s="11">
        <v>-4.4772690000000068</v>
      </c>
      <c r="K323" s="13">
        <v>-5.8434330206355765E-2</v>
      </c>
      <c r="L323" s="11">
        <v>-0.22935716799999284</v>
      </c>
      <c r="M323" s="13">
        <v>-3.1791907365420766E-3</v>
      </c>
      <c r="N323" s="11">
        <v>-4.7066261679999997</v>
      </c>
      <c r="O323" s="13">
        <v>-6.142774706160975E-2</v>
      </c>
      <c r="P323" s="7">
        <v>58.478693</v>
      </c>
      <c r="Q323" s="7">
        <v>47.498427</v>
      </c>
      <c r="R323" s="7">
        <v>65.487795000000006</v>
      </c>
      <c r="S323" s="7">
        <v>62.849826999999998</v>
      </c>
      <c r="T323" s="7">
        <v>78.220889</v>
      </c>
      <c r="U323" s="7">
        <v>77.033123000000003</v>
      </c>
      <c r="V323" s="7">
        <v>76.620524000000003</v>
      </c>
      <c r="W323" s="7">
        <v>83.983543999999995</v>
      </c>
      <c r="X323" s="7">
        <v>74.659993</v>
      </c>
      <c r="Y323" s="7">
        <v>72.143254999999996</v>
      </c>
      <c r="Z323" s="7">
        <v>71.183622999999997</v>
      </c>
      <c r="AA323" s="7">
        <v>70.275818000000001</v>
      </c>
      <c r="AB323" s="7">
        <v>74.145472999999996</v>
      </c>
      <c r="AC323" s="7">
        <v>32.525993453799998</v>
      </c>
      <c r="AD323" s="7">
        <v>55.579441717999998</v>
      </c>
      <c r="AE323" s="7">
        <v>71.115790369999999</v>
      </c>
      <c r="AF323" s="7">
        <v>71.913897832000004</v>
      </c>
      <c r="AG323" s="9">
        <v>17845.9009381</v>
      </c>
      <c r="AH323" s="13">
        <v>0.50525167683288874</v>
      </c>
      <c r="AI323" s="9">
        <v>12855.597468500004</v>
      </c>
      <c r="AJ323" s="13">
        <v>0.36396661620939175</v>
      </c>
      <c r="AK323" s="9">
        <v>-4582.0768950000056</v>
      </c>
      <c r="AL323" s="13">
        <v>-9.5110380224975949E-2</v>
      </c>
      <c r="AM323" s="9">
        <v>9572.3803646000015</v>
      </c>
      <c r="AN323" s="13">
        <v>0.21957853625057461</v>
      </c>
      <c r="AO323" s="9">
        <v>4990.3034695999959</v>
      </c>
      <c r="AP323" s="13">
        <v>0.10358395795356284</v>
      </c>
      <c r="AQ323" s="9">
        <v>35320.8148659</v>
      </c>
      <c r="AR323" s="9">
        <v>36339.6859444</v>
      </c>
      <c r="AS323" s="9">
        <v>40142.489271099999</v>
      </c>
      <c r="AT323" s="9">
        <v>39761.548858100003</v>
      </c>
      <c r="AU323" s="9">
        <v>40750.479795899999</v>
      </c>
      <c r="AV323" s="9">
        <v>56431.525054600002</v>
      </c>
      <c r="AW323" s="9">
        <v>48176.412334400004</v>
      </c>
      <c r="AX323" s="9">
        <v>41049.390438000002</v>
      </c>
      <c r="AY323" s="9">
        <v>44335.002642799998</v>
      </c>
      <c r="AZ323" s="9">
        <v>43594.335439399998</v>
      </c>
      <c r="BA323" s="9">
        <v>44406.475310900001</v>
      </c>
      <c r="BB323" s="9">
        <v>47734.018689600001</v>
      </c>
      <c r="BC323" s="9">
        <v>46930.901251000003</v>
      </c>
      <c r="BD323" s="9">
        <v>45964.687125299999</v>
      </c>
      <c r="BE323" s="9">
        <v>46824.1038654</v>
      </c>
      <c r="BF323" s="9">
        <v>53166.715803999999</v>
      </c>
      <c r="BG323" s="11">
        <v>0</v>
      </c>
      <c r="BH323" s="13">
        <v>0</v>
      </c>
      <c r="BI323" s="6">
        <v>2</v>
      </c>
      <c r="BJ323" s="13">
        <v>0.5</v>
      </c>
      <c r="BK323" s="6">
        <v>-2</v>
      </c>
      <c r="BL323" s="13">
        <v>-0.33333333333333331</v>
      </c>
      <c r="BM323" s="11">
        <v>0</v>
      </c>
      <c r="BN323" s="13">
        <v>0</v>
      </c>
      <c r="BO323" s="11">
        <v>-2</v>
      </c>
      <c r="BP323" s="13">
        <v>-0.33333333333333331</v>
      </c>
      <c r="BQ323" s="6">
        <v>4</v>
      </c>
      <c r="BR323" s="6">
        <v>6</v>
      </c>
      <c r="BS323" s="6">
        <v>5</v>
      </c>
      <c r="BT323" s="6">
        <v>6</v>
      </c>
      <c r="BU323" s="6">
        <v>6</v>
      </c>
      <c r="BV323" s="6">
        <v>5</v>
      </c>
      <c r="BW323" s="6">
        <v>4</v>
      </c>
      <c r="BX323" s="6">
        <v>4</v>
      </c>
      <c r="BY323" s="6">
        <v>4</v>
      </c>
      <c r="BZ323" s="6">
        <v>4</v>
      </c>
      <c r="CA323" s="6">
        <v>4</v>
      </c>
      <c r="CB323" s="6">
        <v>4</v>
      </c>
      <c r="CC323" s="11">
        <v>4</v>
      </c>
      <c r="CD323" s="11">
        <v>0.97574000000000005</v>
      </c>
      <c r="CE323" s="11">
        <v>6.0670400000000004</v>
      </c>
      <c r="CF323" s="11">
        <v>6.3924300000000001</v>
      </c>
      <c r="CG323" s="11">
        <v>12</v>
      </c>
      <c r="CH323" s="20">
        <v>0.36087599999999997</v>
      </c>
      <c r="CI323" s="20">
        <v>0.30397299999999999</v>
      </c>
      <c r="CJ323" s="20">
        <v>0.422842</v>
      </c>
      <c r="CK323" s="20">
        <v>0.39800099999999999</v>
      </c>
      <c r="CL323" s="20">
        <v>0.45379399999999998</v>
      </c>
      <c r="CM323" s="20">
        <v>0.403418</v>
      </c>
      <c r="CN323" s="20">
        <v>0.372394</v>
      </c>
      <c r="CO323" s="20">
        <v>0.381471</v>
      </c>
      <c r="CP323" s="20">
        <v>0.37393300000000002</v>
      </c>
      <c r="CQ323" s="20">
        <v>0.35699399999999998</v>
      </c>
      <c r="CR323" s="20">
        <v>0.32080500000000001</v>
      </c>
      <c r="CS323" s="20">
        <v>0.28996699999999997</v>
      </c>
      <c r="CT323" s="20">
        <v>0.30149999999999999</v>
      </c>
      <c r="CU323" s="20">
        <v>0.13153000000000001</v>
      </c>
      <c r="CV323" s="20">
        <v>0.25379400000000002</v>
      </c>
      <c r="CW323" s="20">
        <v>0.38555600000000001</v>
      </c>
      <c r="CX323" s="20">
        <v>0.38559100000000002</v>
      </c>
      <c r="CY323" s="6" t="s">
        <v>441</v>
      </c>
      <c r="CZ323" s="6" t="s">
        <v>442</v>
      </c>
      <c r="DA323" s="6" t="s">
        <v>112</v>
      </c>
      <c r="DB323" s="6" t="s">
        <v>345</v>
      </c>
      <c r="DC323" s="6">
        <v>16020</v>
      </c>
      <c r="DD323" s="6">
        <v>164</v>
      </c>
      <c r="DE323" s="6" t="s">
        <v>412</v>
      </c>
      <c r="DF323" s="6" t="s">
        <v>375</v>
      </c>
      <c r="DG323" s="6" t="s">
        <v>364</v>
      </c>
      <c r="DH323" s="6" t="s">
        <v>419</v>
      </c>
      <c r="DI323" s="6" t="s">
        <v>413</v>
      </c>
      <c r="DJ323" s="6">
        <v>29</v>
      </c>
      <c r="DK323" s="6">
        <v>31</v>
      </c>
      <c r="DL323" s="6">
        <v>2</v>
      </c>
      <c r="DM323" s="6" t="s">
        <v>379</v>
      </c>
      <c r="DN323" s="6">
        <v>3</v>
      </c>
      <c r="DO323" s="6" t="s">
        <v>380</v>
      </c>
      <c r="DP323" s="6"/>
      <c r="DQ323" s="6"/>
    </row>
    <row r="324" spans="1:121" x14ac:dyDescent="0.2">
      <c r="A324" s="6" t="s">
        <v>311</v>
      </c>
      <c r="B324" s="6" t="s">
        <v>311</v>
      </c>
      <c r="C324" s="6" t="s">
        <v>174</v>
      </c>
      <c r="D324" s="6" t="s">
        <v>112</v>
      </c>
      <c r="E324" s="6" t="s">
        <v>253</v>
      </c>
      <c r="F324" s="11">
        <v>71</v>
      </c>
      <c r="G324" s="13">
        <v>0.58677685950400005</v>
      </c>
      <c r="H324" s="11">
        <v>-1.5747340000000065</v>
      </c>
      <c r="I324" s="13">
        <v>-1.3054914206891262E-2</v>
      </c>
      <c r="J324" s="11">
        <v>3.1715930000000014</v>
      </c>
      <c r="K324" s="13">
        <v>2.664104642861059E-2</v>
      </c>
      <c r="L324" s="11">
        <v>69.879252086999998</v>
      </c>
      <c r="M324" s="13">
        <v>0.57174641867563059</v>
      </c>
      <c r="N324" s="11">
        <v>73.050845086999999</v>
      </c>
      <c r="O324" s="13">
        <v>0.6136193879895705</v>
      </c>
      <c r="P324" s="7">
        <v>120.62384900000001</v>
      </c>
      <c r="Q324" s="7">
        <v>121.487494</v>
      </c>
      <c r="R324" s="7">
        <v>111.656319</v>
      </c>
      <c r="S324" s="7">
        <v>108.956245</v>
      </c>
      <c r="T324" s="7">
        <v>109.997525</v>
      </c>
      <c r="U324" s="7">
        <v>116.10465499999999</v>
      </c>
      <c r="V324" s="7">
        <v>119.049115</v>
      </c>
      <c r="W324" s="7">
        <v>121.91444</v>
      </c>
      <c r="X324" s="7">
        <v>122.966177</v>
      </c>
      <c r="Y324" s="7">
        <v>122.220708</v>
      </c>
      <c r="Z324" s="7">
        <v>122.06893700000001</v>
      </c>
      <c r="AA324" s="7">
        <v>123.208807846</v>
      </c>
      <c r="AB324" s="7">
        <v>140.282866974</v>
      </c>
      <c r="AC324" s="7">
        <v>176.55692484799999</v>
      </c>
      <c r="AD324" s="7">
        <v>182.51910134900001</v>
      </c>
      <c r="AE324" s="7">
        <v>179.68585597699999</v>
      </c>
      <c r="AF324" s="7">
        <v>192.099960087</v>
      </c>
      <c r="AG324" s="9">
        <v>30818.476168399997</v>
      </c>
      <c r="AH324" s="13">
        <v>0.46471247191629722</v>
      </c>
      <c r="AI324" s="9">
        <v>14997.504000900008</v>
      </c>
      <c r="AJ324" s="13">
        <v>0.2261476887679173</v>
      </c>
      <c r="AK324" s="9">
        <v>7060.7532865999965</v>
      </c>
      <c r="AL324" s="13">
        <v>8.6832323083235824E-2</v>
      </c>
      <c r="AM324" s="9">
        <v>8760.2188808999927</v>
      </c>
      <c r="AN324" s="13">
        <v>9.9124907407932325E-2</v>
      </c>
      <c r="AO324" s="9">
        <v>15820.972167499989</v>
      </c>
      <c r="AP324" s="13">
        <v>0.19456447647680955</v>
      </c>
      <c r="AQ324" s="9">
        <v>66317.299471899998</v>
      </c>
      <c r="AR324" s="9">
        <v>70641.604306900001</v>
      </c>
      <c r="AS324" s="9">
        <v>69904.912360600007</v>
      </c>
      <c r="AT324" s="9">
        <v>70413.906475600001</v>
      </c>
      <c r="AU324" s="9">
        <v>74682.375479499999</v>
      </c>
      <c r="AV324" s="9">
        <v>87499.640591699994</v>
      </c>
      <c r="AW324" s="9">
        <v>81314.803472800006</v>
      </c>
      <c r="AX324" s="9">
        <v>88218.385482700003</v>
      </c>
      <c r="AY324" s="9">
        <v>92302.366542100004</v>
      </c>
      <c r="AZ324" s="9">
        <v>88375.556759400002</v>
      </c>
      <c r="BA324" s="9">
        <v>89777.282434599998</v>
      </c>
      <c r="BB324" s="9">
        <v>89736.959116700004</v>
      </c>
      <c r="BC324" s="9">
        <v>86592.4562038</v>
      </c>
      <c r="BD324" s="9">
        <v>93495.874473499993</v>
      </c>
      <c r="BE324" s="9">
        <v>92216.503778300001</v>
      </c>
      <c r="BF324" s="9">
        <v>97135.775640299995</v>
      </c>
      <c r="BG324" s="11">
        <v>1</v>
      </c>
      <c r="BH324" s="13">
        <v>0.14285714285714285</v>
      </c>
      <c r="BI324" s="6">
        <v>-1</v>
      </c>
      <c r="BJ324" s="13">
        <v>-0.14285714285714285</v>
      </c>
      <c r="BK324" s="6">
        <v>0</v>
      </c>
      <c r="BL324" s="13">
        <v>0</v>
      </c>
      <c r="BM324" s="11">
        <v>2</v>
      </c>
      <c r="BN324" s="13">
        <v>0.33333333333333331</v>
      </c>
      <c r="BO324" s="11">
        <v>2</v>
      </c>
      <c r="BP324" s="13">
        <v>0.33333333333333331</v>
      </c>
      <c r="BQ324" s="6">
        <v>7</v>
      </c>
      <c r="BR324" s="6">
        <v>7</v>
      </c>
      <c r="BS324" s="6">
        <v>7</v>
      </c>
      <c r="BT324" s="6">
        <v>6</v>
      </c>
      <c r="BU324" s="6">
        <v>6</v>
      </c>
      <c r="BV324" s="6">
        <v>6</v>
      </c>
      <c r="BW324" s="6">
        <v>6</v>
      </c>
      <c r="BX324" s="6">
        <v>6</v>
      </c>
      <c r="BY324" s="6">
        <v>6</v>
      </c>
      <c r="BZ324" s="6">
        <v>7</v>
      </c>
      <c r="CA324" s="6">
        <v>7</v>
      </c>
      <c r="CB324" s="6">
        <v>8</v>
      </c>
      <c r="CC324" s="11">
        <v>8</v>
      </c>
      <c r="CD324" s="11">
        <v>77.933300000000003</v>
      </c>
      <c r="CE324" s="11">
        <v>-19.642800000000001</v>
      </c>
      <c r="CF324" s="11">
        <v>13.185600000000001</v>
      </c>
      <c r="CG324" s="11">
        <v>-7</v>
      </c>
      <c r="CH324" s="20">
        <v>0.67939499999999997</v>
      </c>
      <c r="CI324" s="20">
        <v>0.68158600000000003</v>
      </c>
      <c r="CJ324" s="20">
        <v>0.64350499999999999</v>
      </c>
      <c r="CK324" s="20">
        <v>0.65379399999999999</v>
      </c>
      <c r="CL324" s="20">
        <v>0.667991</v>
      </c>
      <c r="CM324" s="20">
        <v>0.70482199999999995</v>
      </c>
      <c r="CN324" s="20">
        <v>0.71302900000000002</v>
      </c>
      <c r="CO324" s="20">
        <v>0.72434799999999999</v>
      </c>
      <c r="CP324" s="20">
        <v>0.72327399999999997</v>
      </c>
      <c r="CQ324" s="20">
        <v>0.73190299999999997</v>
      </c>
      <c r="CR324" s="20">
        <v>0.745892</v>
      </c>
      <c r="CS324" s="20">
        <v>0.752521</v>
      </c>
      <c r="CT324" s="20">
        <v>0.86135899999999999</v>
      </c>
      <c r="CU324" s="20">
        <v>1.1067899999999999</v>
      </c>
      <c r="CV324" s="20">
        <v>1.14473</v>
      </c>
      <c r="CW324" s="20">
        <v>1.13527</v>
      </c>
      <c r="CX324" s="20">
        <v>1.20489</v>
      </c>
      <c r="CY324" s="6" t="s">
        <v>441</v>
      </c>
      <c r="CZ324" s="6" t="s">
        <v>442</v>
      </c>
      <c r="DA324" s="6" t="s">
        <v>112</v>
      </c>
      <c r="DB324" s="6" t="s">
        <v>345</v>
      </c>
      <c r="DC324" s="6">
        <v>16020</v>
      </c>
      <c r="DD324" s="6">
        <v>164</v>
      </c>
      <c r="DE324" s="6" t="s">
        <v>412</v>
      </c>
      <c r="DF324" s="6" t="s">
        <v>375</v>
      </c>
      <c r="DG324" s="6" t="s">
        <v>364</v>
      </c>
      <c r="DH324" s="6" t="s">
        <v>419</v>
      </c>
      <c r="DI324" s="6" t="s">
        <v>413</v>
      </c>
      <c r="DJ324" s="6">
        <v>29</v>
      </c>
      <c r="DK324" s="6">
        <v>31</v>
      </c>
      <c r="DL324" s="6">
        <v>2</v>
      </c>
      <c r="DM324" s="6" t="s">
        <v>379</v>
      </c>
      <c r="DN324" s="6">
        <v>3</v>
      </c>
      <c r="DO324" s="6" t="s">
        <v>380</v>
      </c>
      <c r="DP324" s="6"/>
      <c r="DQ324" s="6"/>
    </row>
    <row r="325" spans="1:121" x14ac:dyDescent="0.2">
      <c r="A325" s="6" t="s">
        <v>312</v>
      </c>
      <c r="B325" s="6" t="s">
        <v>312</v>
      </c>
      <c r="C325" s="6" t="s">
        <v>175</v>
      </c>
      <c r="D325" s="6" t="s">
        <v>112</v>
      </c>
      <c r="E325" s="6" t="s">
        <v>253</v>
      </c>
      <c r="F325" s="11">
        <v>-373</v>
      </c>
      <c r="G325" s="13">
        <v>-0.15156440471400001</v>
      </c>
      <c r="H325" s="11">
        <v>284.70703511000011</v>
      </c>
      <c r="I325" s="13">
        <v>0.11569684643224548</v>
      </c>
      <c r="J325" s="11">
        <v>-385.91854747000025</v>
      </c>
      <c r="K325" s="13">
        <v>-0.1405635667760885</v>
      </c>
      <c r="L325" s="11">
        <v>-271.19693675000008</v>
      </c>
      <c r="M325" s="13">
        <v>-0.11493389814089668</v>
      </c>
      <c r="N325" s="11">
        <v>-657.11548422000033</v>
      </c>
      <c r="O325" s="13">
        <v>-0.23934194625082111</v>
      </c>
      <c r="P325" s="7">
        <v>2460.80203471</v>
      </c>
      <c r="Q325" s="7">
        <v>2454.3636220399999</v>
      </c>
      <c r="R325" s="7">
        <v>2524.7637869099999</v>
      </c>
      <c r="S325" s="7">
        <v>2646.8379136600001</v>
      </c>
      <c r="T325" s="7">
        <v>2782.8890802000001</v>
      </c>
      <c r="U325" s="7">
        <v>2874.6586237500001</v>
      </c>
      <c r="V325" s="7">
        <v>2745.5090698200001</v>
      </c>
      <c r="W325" s="7">
        <v>2509.3772876200001</v>
      </c>
      <c r="X325" s="7">
        <v>2380.9375229900002</v>
      </c>
      <c r="Y325" s="7">
        <v>2359.5905223499999</v>
      </c>
      <c r="Z325" s="7">
        <v>2217.0016467199998</v>
      </c>
      <c r="AA325" s="7">
        <v>2245.4140260700001</v>
      </c>
      <c r="AB325" s="7">
        <v>2127.4725917599999</v>
      </c>
      <c r="AC325" s="7">
        <v>2127.4511126100001</v>
      </c>
      <c r="AD325" s="7">
        <v>2102.1594274300001</v>
      </c>
      <c r="AE325" s="7">
        <v>2130.515688</v>
      </c>
      <c r="AF325" s="7">
        <v>2088.3935855999998</v>
      </c>
      <c r="AG325" s="9">
        <v>14592.045159099995</v>
      </c>
      <c r="AH325" s="13">
        <v>0.41256839107152482</v>
      </c>
      <c r="AI325" s="9">
        <v>4481.0816447999969</v>
      </c>
      <c r="AJ325" s="13">
        <v>0.12669592399817545</v>
      </c>
      <c r="AK325" s="9">
        <v>5085.7594021999976</v>
      </c>
      <c r="AL325" s="13">
        <v>0.12762297785140322</v>
      </c>
      <c r="AM325" s="9">
        <v>5025.2041121000002</v>
      </c>
      <c r="AN325" s="13">
        <v>0.11183116590240055</v>
      </c>
      <c r="AO325" s="9">
        <v>10110.963514299998</v>
      </c>
      <c r="AP325" s="13">
        <v>0.25372637016286242</v>
      </c>
      <c r="AQ325" s="9">
        <v>35368.790908100003</v>
      </c>
      <c r="AR325" s="9">
        <v>36400.592054699999</v>
      </c>
      <c r="AS325" s="9">
        <v>36595.424098700001</v>
      </c>
      <c r="AT325" s="9">
        <v>37399.3206298</v>
      </c>
      <c r="AU325" s="9">
        <v>38361.198976899999</v>
      </c>
      <c r="AV325" s="9">
        <v>38815.465737799997</v>
      </c>
      <c r="AW325" s="9">
        <v>39849.8725529</v>
      </c>
      <c r="AX325" s="9">
        <v>39941.852482800001</v>
      </c>
      <c r="AY325" s="9">
        <v>40483.770709700002</v>
      </c>
      <c r="AZ325" s="9">
        <v>44935.631955099998</v>
      </c>
      <c r="BA325" s="9">
        <v>44902.227371499997</v>
      </c>
      <c r="BB325" s="9">
        <v>47790.253345500001</v>
      </c>
      <c r="BC325" s="9">
        <v>46548.970301200003</v>
      </c>
      <c r="BD325" s="9">
        <v>47906.3113486</v>
      </c>
      <c r="BE325" s="9">
        <v>48127.199174900001</v>
      </c>
      <c r="BF325" s="9">
        <v>49960.836067199998</v>
      </c>
      <c r="BG325" s="11">
        <v>-83.5</v>
      </c>
      <c r="BH325" s="13">
        <v>-0.28401360544217685</v>
      </c>
      <c r="BI325" s="6">
        <v>24</v>
      </c>
      <c r="BJ325" s="13">
        <v>8.1632653061224483E-2</v>
      </c>
      <c r="BK325" s="6">
        <v>-48</v>
      </c>
      <c r="BL325" s="13">
        <v>-0.15094339622641509</v>
      </c>
      <c r="BM325" s="11">
        <v>-59.5</v>
      </c>
      <c r="BN325" s="13">
        <v>-0.22037037037037038</v>
      </c>
      <c r="BO325" s="11">
        <v>-107.5</v>
      </c>
      <c r="BP325" s="13">
        <v>-0.33805031446540879</v>
      </c>
      <c r="BQ325" s="6">
        <v>294</v>
      </c>
      <c r="BR325" s="6">
        <v>312</v>
      </c>
      <c r="BS325" s="6">
        <v>313</v>
      </c>
      <c r="BT325" s="6">
        <v>318</v>
      </c>
      <c r="BU325" s="6">
        <v>296</v>
      </c>
      <c r="BV325" s="6">
        <v>284</v>
      </c>
      <c r="BW325" s="6">
        <v>270</v>
      </c>
      <c r="BX325" s="6">
        <v>256</v>
      </c>
      <c r="BY325" s="6">
        <v>247</v>
      </c>
      <c r="BZ325" s="6">
        <v>241</v>
      </c>
      <c r="CA325" s="6">
        <v>230</v>
      </c>
      <c r="CB325" s="6">
        <v>224</v>
      </c>
      <c r="CC325" s="11">
        <v>210.5</v>
      </c>
      <c r="CD325" s="11">
        <v>-343.33800000000002</v>
      </c>
      <c r="CE325" s="11">
        <v>-298.06599999999997</v>
      </c>
      <c r="CF325" s="11">
        <v>268.995</v>
      </c>
      <c r="CG325" s="11">
        <v>-29</v>
      </c>
      <c r="CH325" s="20">
        <v>0.95558100000000001</v>
      </c>
      <c r="CI325" s="20">
        <v>0.94279400000000002</v>
      </c>
      <c r="CJ325" s="20">
        <v>0.95205899999999999</v>
      </c>
      <c r="CK325" s="20">
        <v>0.97433800000000004</v>
      </c>
      <c r="CL325" s="20">
        <v>0.96657499999999996</v>
      </c>
      <c r="CM325" s="20">
        <v>0.95054799999999995</v>
      </c>
      <c r="CN325" s="20">
        <v>0.90776100000000004</v>
      </c>
      <c r="CO325" s="20">
        <v>0.88330699999999995</v>
      </c>
      <c r="CP325" s="20">
        <v>0.95704199999999995</v>
      </c>
      <c r="CQ325" s="20">
        <v>1.03308</v>
      </c>
      <c r="CR325" s="20">
        <v>1.00085</v>
      </c>
      <c r="CS325" s="20">
        <v>1.0036799999999999</v>
      </c>
      <c r="CT325" s="20">
        <v>0.93287200000000003</v>
      </c>
      <c r="CU325" s="20">
        <v>0.92349099999999995</v>
      </c>
      <c r="CV325" s="20">
        <v>0.88768000000000002</v>
      </c>
      <c r="CW325" s="20">
        <v>0.88759500000000002</v>
      </c>
      <c r="CX325" s="20">
        <v>0.86496899999999999</v>
      </c>
      <c r="CY325" s="6" t="s">
        <v>441</v>
      </c>
      <c r="CZ325" s="6" t="s">
        <v>442</v>
      </c>
      <c r="DA325" s="6" t="s">
        <v>112</v>
      </c>
      <c r="DB325" s="6" t="s">
        <v>345</v>
      </c>
      <c r="DC325" s="6">
        <v>16020</v>
      </c>
      <c r="DD325" s="6">
        <v>164</v>
      </c>
      <c r="DE325" s="6" t="s">
        <v>412</v>
      </c>
      <c r="DF325" s="6" t="s">
        <v>375</v>
      </c>
      <c r="DG325" s="6" t="s">
        <v>364</v>
      </c>
      <c r="DH325" s="6" t="s">
        <v>419</v>
      </c>
      <c r="DI325" s="6" t="s">
        <v>413</v>
      </c>
      <c r="DJ325" s="6">
        <v>29</v>
      </c>
      <c r="DK325" s="6">
        <v>31</v>
      </c>
      <c r="DL325" s="6">
        <v>2</v>
      </c>
      <c r="DM325" s="6" t="s">
        <v>379</v>
      </c>
      <c r="DN325" s="6">
        <v>3</v>
      </c>
      <c r="DO325" s="6" t="s">
        <v>380</v>
      </c>
      <c r="DP325" s="6"/>
      <c r="DQ325" s="6"/>
    </row>
    <row r="326" spans="1:121" x14ac:dyDescent="0.2">
      <c r="A326" s="6" t="s">
        <v>792</v>
      </c>
      <c r="B326" s="6" t="s">
        <v>176</v>
      </c>
      <c r="C326" s="6" t="s">
        <v>177</v>
      </c>
      <c r="D326" s="6" t="s">
        <v>112</v>
      </c>
      <c r="E326" s="6" t="s">
        <v>253</v>
      </c>
      <c r="F326" s="11">
        <v>-1903</v>
      </c>
      <c r="G326" s="13">
        <v>-0.32703213610600002</v>
      </c>
      <c r="H326" s="11">
        <v>-1134.8798021299999</v>
      </c>
      <c r="I326" s="13">
        <v>-0.19503676650099824</v>
      </c>
      <c r="J326" s="11">
        <v>-915.7214279599998</v>
      </c>
      <c r="K326" s="13">
        <v>-0.19550323754123716</v>
      </c>
      <c r="L326" s="11">
        <v>147.82230629999958</v>
      </c>
      <c r="M326" s="13">
        <v>3.9228910797040002E-2</v>
      </c>
      <c r="N326" s="11">
        <v>-767.89912166000022</v>
      </c>
      <c r="O326" s="13">
        <v>-0.16394370581023487</v>
      </c>
      <c r="P326" s="7">
        <v>5818.7993089199999</v>
      </c>
      <c r="Q326" s="7">
        <v>5615.3009831400004</v>
      </c>
      <c r="R326" s="7">
        <v>5294.6236781400003</v>
      </c>
      <c r="S326" s="7">
        <v>5253.9095982999997</v>
      </c>
      <c r="T326" s="7">
        <v>4928.7054932499996</v>
      </c>
      <c r="U326" s="7">
        <v>4757.6449407999999</v>
      </c>
      <c r="V326" s="7">
        <v>4683.91950679</v>
      </c>
      <c r="W326" s="7">
        <v>4317.7821634800002</v>
      </c>
      <c r="X326" s="7">
        <v>3696.3726479900001</v>
      </c>
      <c r="Y326" s="7">
        <v>3768.1980788300002</v>
      </c>
      <c r="Z326" s="7">
        <v>3583.0064315700001</v>
      </c>
      <c r="AA326" s="7">
        <v>3632.58198932</v>
      </c>
      <c r="AB326" s="7">
        <v>3880.7209269700002</v>
      </c>
      <c r="AC326" s="7">
        <v>3889.50605769</v>
      </c>
      <c r="AD326" s="7">
        <v>3909.9168985800002</v>
      </c>
      <c r="AE326" s="7">
        <v>3868.92137929</v>
      </c>
      <c r="AF326" s="7">
        <v>3916.0203851299998</v>
      </c>
      <c r="AG326" s="9">
        <v>21963.604260699998</v>
      </c>
      <c r="AH326" s="13">
        <v>0.50597358997706277</v>
      </c>
      <c r="AI326" s="9">
        <v>10484.940117999999</v>
      </c>
      <c r="AJ326" s="13">
        <v>0.24154062918040889</v>
      </c>
      <c r="AK326" s="9">
        <v>4043.810947900005</v>
      </c>
      <c r="AL326" s="13">
        <v>7.5033317073975245E-2</v>
      </c>
      <c r="AM326" s="9">
        <v>7434.8531947999945</v>
      </c>
      <c r="AN326" s="13">
        <v>0.12832573962450228</v>
      </c>
      <c r="AO326" s="9">
        <v>11478.6641427</v>
      </c>
      <c r="AP326" s="13">
        <v>0.21298776260847521</v>
      </c>
      <c r="AQ326" s="9">
        <v>43408.598187299998</v>
      </c>
      <c r="AR326" s="9">
        <v>46405.287855800001</v>
      </c>
      <c r="AS326" s="9">
        <v>47387.934062</v>
      </c>
      <c r="AT326" s="9">
        <v>48377.361222200001</v>
      </c>
      <c r="AU326" s="9">
        <v>49590.2927719</v>
      </c>
      <c r="AV326" s="9">
        <v>51620.1883304</v>
      </c>
      <c r="AW326" s="9">
        <v>53893.538305299997</v>
      </c>
      <c r="AX326" s="9">
        <v>54909.344566699998</v>
      </c>
      <c r="AY326" s="9">
        <v>57600.8518826</v>
      </c>
      <c r="AZ326" s="9">
        <v>57937.349253200002</v>
      </c>
      <c r="BA326" s="9">
        <v>60893.5858792</v>
      </c>
      <c r="BB326" s="9">
        <v>61870.260897699998</v>
      </c>
      <c r="BC326" s="9">
        <v>61285.568603</v>
      </c>
      <c r="BD326" s="9">
        <v>62131.113972699997</v>
      </c>
      <c r="BE326" s="9">
        <v>64624.788187500002</v>
      </c>
      <c r="BF326" s="9">
        <v>65372.202447999996</v>
      </c>
      <c r="BG326" s="11">
        <v>-14.75</v>
      </c>
      <c r="BH326" s="13">
        <v>-0.13053097345132744</v>
      </c>
      <c r="BI326" s="6">
        <v>-6</v>
      </c>
      <c r="BJ326" s="13">
        <v>-5.3097345132743362E-2</v>
      </c>
      <c r="BK326" s="6">
        <v>-1</v>
      </c>
      <c r="BL326" s="13">
        <v>-9.3457943925233638E-3</v>
      </c>
      <c r="BM326" s="11">
        <v>-7.75</v>
      </c>
      <c r="BN326" s="13">
        <v>-7.3113207547169809E-2</v>
      </c>
      <c r="BO326" s="11">
        <v>-8.75</v>
      </c>
      <c r="BP326" s="13">
        <v>-8.1775700934579434E-2</v>
      </c>
      <c r="BQ326" s="6">
        <v>113</v>
      </c>
      <c r="BR326" s="6">
        <v>112</v>
      </c>
      <c r="BS326" s="6">
        <v>108</v>
      </c>
      <c r="BT326" s="6">
        <v>107</v>
      </c>
      <c r="BU326" s="6">
        <v>109</v>
      </c>
      <c r="BV326" s="6">
        <v>105</v>
      </c>
      <c r="BW326" s="6">
        <v>106</v>
      </c>
      <c r="BX326" s="6">
        <v>105</v>
      </c>
      <c r="BY326" s="6">
        <v>104</v>
      </c>
      <c r="BZ326" s="6">
        <v>108</v>
      </c>
      <c r="CA326" s="6">
        <v>103</v>
      </c>
      <c r="CB326" s="6">
        <v>101</v>
      </c>
      <c r="CC326" s="11">
        <v>98.25</v>
      </c>
      <c r="CD326" s="11">
        <v>-484.93700000000001</v>
      </c>
      <c r="CE326" s="11">
        <v>-2053.91</v>
      </c>
      <c r="CF326" s="11">
        <v>636.06500000000005</v>
      </c>
      <c r="CG326" s="11">
        <v>-1418</v>
      </c>
      <c r="CH326" s="20">
        <v>1.1802600000000001</v>
      </c>
      <c r="CI326" s="20">
        <v>1.20404</v>
      </c>
      <c r="CJ326" s="20">
        <v>1.1913199999999999</v>
      </c>
      <c r="CK326" s="20">
        <v>1.2222999999999999</v>
      </c>
      <c r="CL326" s="20">
        <v>1.1392599999999999</v>
      </c>
      <c r="CM326" s="20">
        <v>1.09738</v>
      </c>
      <c r="CN326" s="20">
        <v>1.09368</v>
      </c>
      <c r="CO326" s="20">
        <v>1.05016</v>
      </c>
      <c r="CP326" s="20">
        <v>1.01146</v>
      </c>
      <c r="CQ326" s="20">
        <v>1.0624499999999999</v>
      </c>
      <c r="CR326" s="20">
        <v>1.01065</v>
      </c>
      <c r="CS326" s="20">
        <v>1.00725</v>
      </c>
      <c r="CT326" s="20">
        <v>1.0722100000000001</v>
      </c>
      <c r="CU326" s="20">
        <v>1.0899099999999999</v>
      </c>
      <c r="CV326" s="20">
        <v>1.0956699999999999</v>
      </c>
      <c r="CW326" s="20">
        <v>1.0929899999999999</v>
      </c>
      <c r="CX326" s="20">
        <v>1.1069100000000001</v>
      </c>
      <c r="CY326" s="6" t="s">
        <v>441</v>
      </c>
      <c r="CZ326" s="6" t="s">
        <v>442</v>
      </c>
      <c r="DA326" s="6" t="s">
        <v>112</v>
      </c>
      <c r="DB326" s="6" t="s">
        <v>345</v>
      </c>
      <c r="DC326" s="6">
        <v>16020</v>
      </c>
      <c r="DD326" s="6">
        <v>164</v>
      </c>
      <c r="DE326" s="6" t="s">
        <v>412</v>
      </c>
      <c r="DF326" s="6" t="s">
        <v>375</v>
      </c>
      <c r="DG326" s="6" t="s">
        <v>364</v>
      </c>
      <c r="DH326" s="6" t="s">
        <v>419</v>
      </c>
      <c r="DI326" s="6" t="s">
        <v>413</v>
      </c>
      <c r="DJ326" s="6">
        <v>29</v>
      </c>
      <c r="DK326" s="6">
        <v>31</v>
      </c>
      <c r="DL326" s="6">
        <v>2</v>
      </c>
      <c r="DM326" s="6" t="s">
        <v>379</v>
      </c>
      <c r="DN326" s="6">
        <v>3</v>
      </c>
      <c r="DO326" s="6" t="s">
        <v>380</v>
      </c>
      <c r="DP326" s="6"/>
      <c r="DQ326" s="6"/>
    </row>
    <row r="327" spans="1:121" x14ac:dyDescent="0.2">
      <c r="A327" s="6" t="s">
        <v>313</v>
      </c>
      <c r="B327" s="6" t="s">
        <v>313</v>
      </c>
      <c r="C327" s="6" t="s">
        <v>178</v>
      </c>
      <c r="D327" s="6" t="s">
        <v>112</v>
      </c>
      <c r="E327" s="6" t="s">
        <v>253</v>
      </c>
      <c r="F327" s="11">
        <v>-31</v>
      </c>
      <c r="G327" s="13">
        <v>-1.64456233422E-2</v>
      </c>
      <c r="H327" s="11">
        <v>-125.32717185000001</v>
      </c>
      <c r="I327" s="13">
        <v>-6.6496761477353408E-2</v>
      </c>
      <c r="J327" s="11">
        <v>-0.45602142999996431</v>
      </c>
      <c r="K327" s="13">
        <v>-2.5919384160333445E-4</v>
      </c>
      <c r="L327" s="11">
        <v>94.781448909999881</v>
      </c>
      <c r="M327" s="13">
        <v>5.3885926066040778E-2</v>
      </c>
      <c r="N327" s="11">
        <v>94.325427479999917</v>
      </c>
      <c r="O327" s="13">
        <v>5.3612765324252035E-2</v>
      </c>
      <c r="P327" s="7">
        <v>1884.7109102100001</v>
      </c>
      <c r="Q327" s="7">
        <v>1907.19617008</v>
      </c>
      <c r="R327" s="7">
        <v>1849.20761619</v>
      </c>
      <c r="S327" s="7">
        <v>1764.8394008099999</v>
      </c>
      <c r="T327" s="7">
        <v>1809.8949642800001</v>
      </c>
      <c r="U327" s="7">
        <v>1800.6699370900001</v>
      </c>
      <c r="V327" s="7">
        <v>1759.3837383600001</v>
      </c>
      <c r="W327" s="7">
        <v>1682.7579075000001</v>
      </c>
      <c r="X327" s="7">
        <v>1562.56797142</v>
      </c>
      <c r="Y327" s="7">
        <v>1758.9277169300001</v>
      </c>
      <c r="Z327" s="7">
        <v>1790.74966853</v>
      </c>
      <c r="AA327" s="7">
        <v>1753.2482302400001</v>
      </c>
      <c r="AB327" s="7">
        <v>1771.54447183</v>
      </c>
      <c r="AC327" s="7">
        <v>1832.0193527399999</v>
      </c>
      <c r="AD327" s="7">
        <v>1822.43771345</v>
      </c>
      <c r="AE327" s="7">
        <v>1818.7675106900001</v>
      </c>
      <c r="AF327" s="7">
        <v>1853.70916584</v>
      </c>
      <c r="AG327" s="9">
        <v>17280.617054000002</v>
      </c>
      <c r="AH327" s="13">
        <v>0.49445405311027002</v>
      </c>
      <c r="AI327" s="9">
        <v>17569.595358700004</v>
      </c>
      <c r="AJ327" s="13">
        <v>0.5027226521755318</v>
      </c>
      <c r="AK327" s="9">
        <v>-6157.8598246000038</v>
      </c>
      <c r="AL327" s="13">
        <v>-0.11725129837940666</v>
      </c>
      <c r="AM327" s="9">
        <v>5868.8815199000019</v>
      </c>
      <c r="AN327" s="13">
        <v>0.12659195786219327</v>
      </c>
      <c r="AO327" s="9">
        <v>-288.9783047000019</v>
      </c>
      <c r="AP327" s="13">
        <v>-5.5024119409467012E-3</v>
      </c>
      <c r="AQ327" s="9">
        <v>34948.883410499999</v>
      </c>
      <c r="AR327" s="9">
        <v>35209.905340800004</v>
      </c>
      <c r="AS327" s="9">
        <v>37001.933667400001</v>
      </c>
      <c r="AT327" s="9">
        <v>38896.908296299996</v>
      </c>
      <c r="AU327" s="9">
        <v>38756.561542399999</v>
      </c>
      <c r="AV327" s="9">
        <v>40218.566691699998</v>
      </c>
      <c r="AW327" s="9">
        <v>52518.478769200003</v>
      </c>
      <c r="AX327" s="9">
        <v>42214.0432812</v>
      </c>
      <c r="AY327" s="9">
        <v>42829.430684500003</v>
      </c>
      <c r="AZ327" s="9">
        <v>46360.618944599999</v>
      </c>
      <c r="BA327" s="9">
        <v>46361.339151799999</v>
      </c>
      <c r="BB327" s="9">
        <v>49247.898171100001</v>
      </c>
      <c r="BC327" s="9">
        <v>50367.588797700002</v>
      </c>
      <c r="BD327" s="9">
        <v>49135.699222299998</v>
      </c>
      <c r="BE327" s="9">
        <v>50380.770534499999</v>
      </c>
      <c r="BF327" s="9">
        <v>52229.500464500001</v>
      </c>
      <c r="BG327" s="11">
        <v>-15.25</v>
      </c>
      <c r="BH327" s="13">
        <v>-0.10374149659863946</v>
      </c>
      <c r="BI327" s="6">
        <v>-3</v>
      </c>
      <c r="BJ327" s="13">
        <v>-2.0408163265306121E-2</v>
      </c>
      <c r="BK327" s="6">
        <v>-8</v>
      </c>
      <c r="BL327" s="13">
        <v>-5.5555555555555552E-2</v>
      </c>
      <c r="BM327" s="11">
        <v>-4.25</v>
      </c>
      <c r="BN327" s="13">
        <v>-3.125E-2</v>
      </c>
      <c r="BO327" s="11">
        <v>-12.25</v>
      </c>
      <c r="BP327" s="13">
        <v>-8.5069444444444448E-2</v>
      </c>
      <c r="BQ327" s="6">
        <v>147</v>
      </c>
      <c r="BR327" s="6">
        <v>150</v>
      </c>
      <c r="BS327" s="6">
        <v>146</v>
      </c>
      <c r="BT327" s="6">
        <v>144</v>
      </c>
      <c r="BU327" s="6">
        <v>138</v>
      </c>
      <c r="BV327" s="6">
        <v>131</v>
      </c>
      <c r="BW327" s="6">
        <v>136</v>
      </c>
      <c r="BX327" s="6">
        <v>141</v>
      </c>
      <c r="BY327" s="6">
        <v>140</v>
      </c>
      <c r="BZ327" s="6">
        <v>142</v>
      </c>
      <c r="CA327" s="6">
        <v>144</v>
      </c>
      <c r="CB327" s="6">
        <v>139</v>
      </c>
      <c r="CC327" s="11">
        <v>131.75</v>
      </c>
      <c r="CD327" s="11">
        <v>-82.915199999999999</v>
      </c>
      <c r="CE327" s="11">
        <v>-154.108</v>
      </c>
      <c r="CF327" s="11">
        <v>206.02199999999999</v>
      </c>
      <c r="CG327" s="11">
        <v>52</v>
      </c>
      <c r="CH327" s="20">
        <v>1.0736000000000001</v>
      </c>
      <c r="CI327" s="20">
        <v>1.0907500000000001</v>
      </c>
      <c r="CJ327" s="20">
        <v>1.06087</v>
      </c>
      <c r="CK327" s="20">
        <v>1.0220800000000001</v>
      </c>
      <c r="CL327" s="20">
        <v>1.0167200000000001</v>
      </c>
      <c r="CM327" s="20">
        <v>0.98209599999999997</v>
      </c>
      <c r="CN327" s="20">
        <v>0.93701000000000001</v>
      </c>
      <c r="CO327" s="20">
        <v>0.90958700000000003</v>
      </c>
      <c r="CP327" s="20">
        <v>0.89826600000000001</v>
      </c>
      <c r="CQ327" s="20">
        <v>1.0315000000000001</v>
      </c>
      <c r="CR327" s="20">
        <v>1.0551999999999999</v>
      </c>
      <c r="CS327" s="20">
        <v>1.0143899999999999</v>
      </c>
      <c r="CT327" s="20">
        <v>1.01552</v>
      </c>
      <c r="CU327" s="20">
        <v>1.0664499999999999</v>
      </c>
      <c r="CV327" s="20">
        <v>1.0616000000000001</v>
      </c>
      <c r="CW327" s="20">
        <v>1.0708200000000001</v>
      </c>
      <c r="CX327" s="20">
        <v>1.0831200000000001</v>
      </c>
      <c r="CY327" s="6" t="s">
        <v>441</v>
      </c>
      <c r="CZ327" s="6" t="s">
        <v>442</v>
      </c>
      <c r="DA327" s="6" t="s">
        <v>112</v>
      </c>
      <c r="DB327" s="6" t="s">
        <v>345</v>
      </c>
      <c r="DC327" s="6">
        <v>16020</v>
      </c>
      <c r="DD327" s="6">
        <v>164</v>
      </c>
      <c r="DE327" s="6" t="s">
        <v>412</v>
      </c>
      <c r="DF327" s="6" t="s">
        <v>375</v>
      </c>
      <c r="DG327" s="6" t="s">
        <v>364</v>
      </c>
      <c r="DH327" s="6" t="s">
        <v>419</v>
      </c>
      <c r="DI327" s="6" t="s">
        <v>413</v>
      </c>
      <c r="DJ327" s="6">
        <v>29</v>
      </c>
      <c r="DK327" s="6">
        <v>31</v>
      </c>
      <c r="DL327" s="6">
        <v>2</v>
      </c>
      <c r="DM327" s="6" t="s">
        <v>379</v>
      </c>
      <c r="DN327" s="6">
        <v>3</v>
      </c>
      <c r="DO327" s="6" t="s">
        <v>380</v>
      </c>
      <c r="DP327" s="6"/>
      <c r="DQ327" s="6"/>
    </row>
    <row r="328" spans="1:121" x14ac:dyDescent="0.2">
      <c r="A328" s="6" t="s">
        <v>793</v>
      </c>
      <c r="B328" s="6" t="s">
        <v>179</v>
      </c>
      <c r="C328" s="6" t="s">
        <v>180</v>
      </c>
      <c r="D328" s="6" t="s">
        <v>112</v>
      </c>
      <c r="E328" s="6" t="s">
        <v>253</v>
      </c>
      <c r="F328" s="11">
        <v>338</v>
      </c>
      <c r="G328" s="13">
        <v>0.06</v>
      </c>
      <c r="H328" s="11">
        <v>180</v>
      </c>
      <c r="I328" s="13">
        <v>3.052399525182296E-2</v>
      </c>
      <c r="J328" s="11">
        <v>-289</v>
      </c>
      <c r="K328" s="13">
        <v>-4.7556360046075365E-2</v>
      </c>
      <c r="L328" s="11">
        <v>447</v>
      </c>
      <c r="M328" s="13">
        <v>7.7228749136143748E-2</v>
      </c>
      <c r="N328" s="11">
        <v>158</v>
      </c>
      <c r="O328" s="13">
        <v>2.5999670890241897E-2</v>
      </c>
      <c r="P328" s="7">
        <v>5897</v>
      </c>
      <c r="Q328" s="7">
        <v>5755</v>
      </c>
      <c r="R328" s="7">
        <v>5666</v>
      </c>
      <c r="S328" s="7">
        <v>5725</v>
      </c>
      <c r="T328" s="7">
        <v>5963</v>
      </c>
      <c r="U328" s="7">
        <v>6028</v>
      </c>
      <c r="V328" s="7">
        <v>6077</v>
      </c>
      <c r="W328" s="7">
        <v>5945</v>
      </c>
      <c r="X328" s="7">
        <v>5700</v>
      </c>
      <c r="Y328" s="7">
        <v>5788</v>
      </c>
      <c r="Z328" s="7">
        <v>5899</v>
      </c>
      <c r="AA328" s="7">
        <v>5935</v>
      </c>
      <c r="AB328" s="7">
        <v>6052</v>
      </c>
      <c r="AC328" s="7">
        <v>6004</v>
      </c>
      <c r="AD328" s="7">
        <v>6217</v>
      </c>
      <c r="AE328" s="7">
        <v>6182</v>
      </c>
      <c r="AF328" s="7">
        <v>6235</v>
      </c>
      <c r="AG328" s="9">
        <v>8291</v>
      </c>
      <c r="AH328" s="13">
        <v>0.4009575394138698</v>
      </c>
      <c r="AI328" s="9">
        <v>3363</v>
      </c>
      <c r="AJ328" s="13">
        <v>0.16263661862849405</v>
      </c>
      <c r="AK328" s="9">
        <v>2179</v>
      </c>
      <c r="AL328" s="13">
        <v>9.0636828750883913E-2</v>
      </c>
      <c r="AM328" s="9">
        <v>2749</v>
      </c>
      <c r="AN328" s="13">
        <v>0.10484363081617086</v>
      </c>
      <c r="AO328" s="9">
        <v>4928</v>
      </c>
      <c r="AP328" s="13">
        <v>0.20498315377896095</v>
      </c>
      <c r="AQ328" s="9">
        <v>20678</v>
      </c>
      <c r="AR328" s="9">
        <v>21653</v>
      </c>
      <c r="AS328" s="9">
        <v>22287</v>
      </c>
      <c r="AT328" s="9">
        <v>22915</v>
      </c>
      <c r="AU328" s="9">
        <v>22818</v>
      </c>
      <c r="AV328" s="9">
        <v>23582</v>
      </c>
      <c r="AW328" s="9">
        <v>24041</v>
      </c>
      <c r="AX328" s="9">
        <v>25143</v>
      </c>
      <c r="AY328" s="9">
        <v>26212</v>
      </c>
      <c r="AZ328" s="9">
        <v>26220</v>
      </c>
      <c r="BA328" s="9">
        <v>26237</v>
      </c>
      <c r="BB328" s="9">
        <v>27046</v>
      </c>
      <c r="BC328" s="9">
        <v>27309</v>
      </c>
      <c r="BD328" s="9">
        <v>27617</v>
      </c>
      <c r="BE328" s="9">
        <v>28569</v>
      </c>
      <c r="BF328" s="9">
        <v>28969</v>
      </c>
      <c r="BG328" s="11">
        <v>-17</v>
      </c>
      <c r="BH328" s="13">
        <v>-4.2821158690176324E-2</v>
      </c>
      <c r="BI328" s="6">
        <v>-6</v>
      </c>
      <c r="BJ328" s="13">
        <v>-1.5113350125944584E-2</v>
      </c>
      <c r="BK328" s="6">
        <v>-17</v>
      </c>
      <c r="BL328" s="13">
        <v>-4.3478260869565216E-2</v>
      </c>
      <c r="BM328" s="11">
        <v>6</v>
      </c>
      <c r="BN328" s="13">
        <v>1.6042780748663103E-2</v>
      </c>
      <c r="BO328" s="11">
        <v>-11</v>
      </c>
      <c r="BP328" s="13">
        <v>-2.8132992327365727E-2</v>
      </c>
      <c r="BQ328" s="6">
        <v>397</v>
      </c>
      <c r="BR328" s="6">
        <v>395</v>
      </c>
      <c r="BS328" s="6">
        <v>391</v>
      </c>
      <c r="BT328" s="6">
        <v>391</v>
      </c>
      <c r="BU328" s="6">
        <v>393</v>
      </c>
      <c r="BV328" s="6">
        <v>377</v>
      </c>
      <c r="BW328" s="6">
        <v>374</v>
      </c>
      <c r="BX328" s="6">
        <v>372</v>
      </c>
      <c r="BY328" s="6">
        <v>367</v>
      </c>
      <c r="BZ328" s="6">
        <v>366</v>
      </c>
      <c r="CA328" s="6">
        <v>366</v>
      </c>
      <c r="CB328" s="6">
        <v>376</v>
      </c>
      <c r="CC328" s="11">
        <v>380</v>
      </c>
      <c r="CD328" s="11">
        <v>71</v>
      </c>
      <c r="CE328" s="11">
        <v>-378</v>
      </c>
      <c r="CF328" s="11">
        <v>645</v>
      </c>
      <c r="CG328" s="11">
        <v>267</v>
      </c>
      <c r="CH328" s="20">
        <v>1.25</v>
      </c>
      <c r="CI328" s="20">
        <v>1.21</v>
      </c>
      <c r="CJ328" s="20">
        <v>1.2</v>
      </c>
      <c r="CK328" s="20">
        <v>1.22</v>
      </c>
      <c r="CL328" s="20">
        <v>1.24</v>
      </c>
      <c r="CM328" s="20">
        <v>1.24</v>
      </c>
      <c r="CN328" s="20">
        <v>1.23</v>
      </c>
      <c r="CO328" s="20">
        <v>1.23</v>
      </c>
      <c r="CP328" s="20">
        <v>1.23</v>
      </c>
      <c r="CQ328" s="20">
        <v>1.26</v>
      </c>
      <c r="CR328" s="20">
        <v>1.29</v>
      </c>
      <c r="CS328" s="20">
        <v>1.29</v>
      </c>
      <c r="CT328" s="20">
        <v>1.3</v>
      </c>
      <c r="CU328" s="20">
        <v>1.3</v>
      </c>
      <c r="CV328" s="20">
        <v>1.34</v>
      </c>
      <c r="CW328" s="20">
        <v>1.33</v>
      </c>
      <c r="CX328" s="20">
        <v>1.33</v>
      </c>
      <c r="CY328" s="6" t="s">
        <v>441</v>
      </c>
      <c r="CZ328" s="6" t="s">
        <v>442</v>
      </c>
      <c r="DA328" s="6" t="s">
        <v>112</v>
      </c>
      <c r="DB328" s="6" t="s">
        <v>345</v>
      </c>
      <c r="DC328" s="6">
        <v>16020</v>
      </c>
      <c r="DD328" s="6">
        <v>164</v>
      </c>
      <c r="DE328" s="6" t="s">
        <v>412</v>
      </c>
      <c r="DF328" s="6" t="s">
        <v>375</v>
      </c>
      <c r="DG328" s="6" t="s">
        <v>364</v>
      </c>
      <c r="DH328" s="6" t="s">
        <v>419</v>
      </c>
      <c r="DI328" s="6" t="s">
        <v>413</v>
      </c>
      <c r="DJ328" s="6">
        <v>29</v>
      </c>
      <c r="DK328" s="6">
        <v>31</v>
      </c>
      <c r="DL328" s="6">
        <v>2</v>
      </c>
      <c r="DM328" s="6" t="s">
        <v>379</v>
      </c>
      <c r="DN328" s="6">
        <v>3</v>
      </c>
      <c r="DO328" s="6" t="s">
        <v>380</v>
      </c>
      <c r="DP328" s="6"/>
      <c r="DQ328" s="6"/>
    </row>
    <row r="329" spans="1:121" x14ac:dyDescent="0.2">
      <c r="A329" s="6" t="s">
        <v>794</v>
      </c>
      <c r="B329" s="6" t="s">
        <v>181</v>
      </c>
      <c r="C329" s="6" t="s">
        <v>182</v>
      </c>
      <c r="D329" s="6" t="s">
        <v>112</v>
      </c>
      <c r="E329" s="6" t="s">
        <v>253</v>
      </c>
      <c r="F329" s="11">
        <v>-414</v>
      </c>
      <c r="G329" s="13">
        <v>-0.29093464511599998</v>
      </c>
      <c r="H329" s="11">
        <v>511.82107735999989</v>
      </c>
      <c r="I329" s="13">
        <v>0.35974060306791189</v>
      </c>
      <c r="J329" s="11">
        <v>-829.03577360999998</v>
      </c>
      <c r="K329" s="13">
        <v>-0.42853716944023174</v>
      </c>
      <c r="L329" s="11">
        <v>-96.992601100000002</v>
      </c>
      <c r="M329" s="13">
        <v>-8.7733578481749244E-2</v>
      </c>
      <c r="N329" s="11">
        <v>-926.02837470999998</v>
      </c>
      <c r="O329" s="13">
        <v>-0.4786736485345498</v>
      </c>
      <c r="P329" s="7">
        <v>1422.7503734500001</v>
      </c>
      <c r="Q329" s="7">
        <v>1464.52303046</v>
      </c>
      <c r="R329" s="7">
        <v>1487.2995829900001</v>
      </c>
      <c r="S329" s="7">
        <v>1579.9057237100001</v>
      </c>
      <c r="T329" s="7">
        <v>1847.0453258099999</v>
      </c>
      <c r="U329" s="7">
        <v>1933.35124249</v>
      </c>
      <c r="V329" s="7">
        <v>1934.57145081</v>
      </c>
      <c r="W329" s="7">
        <v>1818.7171886199999</v>
      </c>
      <c r="X329" s="7">
        <v>1445.13939955</v>
      </c>
      <c r="Y329" s="7">
        <v>1105.5356772</v>
      </c>
      <c r="Z329" s="7">
        <v>908.87143760000004</v>
      </c>
      <c r="AA329" s="7">
        <v>947.25934685799996</v>
      </c>
      <c r="AB329" s="7">
        <v>956.72233443799996</v>
      </c>
      <c r="AC329" s="7">
        <v>976.45439952499999</v>
      </c>
      <c r="AD329" s="7">
        <v>1002.3488106900001</v>
      </c>
      <c r="AE329" s="7">
        <v>1008.51307695</v>
      </c>
      <c r="AF329" s="7">
        <v>1008.5430761</v>
      </c>
      <c r="AG329" s="9">
        <v>14764.206718400004</v>
      </c>
      <c r="AH329" s="13">
        <v>0.34900956602520444</v>
      </c>
      <c r="AI329" s="9">
        <v>12293.6779293</v>
      </c>
      <c r="AJ329" s="13">
        <v>0.29060898975435101</v>
      </c>
      <c r="AK329" s="9">
        <v>-569.89131110000017</v>
      </c>
      <c r="AL329" s="13">
        <v>-1.0438174745682214E-2</v>
      </c>
      <c r="AM329" s="9">
        <v>3040.4201002000045</v>
      </c>
      <c r="AN329" s="13">
        <v>5.627599593637269E-2</v>
      </c>
      <c r="AO329" s="9">
        <v>2470.5287891000044</v>
      </c>
      <c r="AP329" s="13">
        <v>4.5250402511119309E-2</v>
      </c>
      <c r="AQ329" s="9">
        <v>42303.157722999997</v>
      </c>
      <c r="AR329" s="9">
        <v>43185.127107400003</v>
      </c>
      <c r="AS329" s="9">
        <v>40815.467787100002</v>
      </c>
      <c r="AT329" s="9">
        <v>43086.199370200004</v>
      </c>
      <c r="AU329" s="9">
        <v>44537.132185900002</v>
      </c>
      <c r="AV329" s="9">
        <v>52974.807105499996</v>
      </c>
      <c r="AW329" s="9">
        <v>54596.835652299997</v>
      </c>
      <c r="AX329" s="9">
        <v>57781.794813599998</v>
      </c>
      <c r="AY329" s="9">
        <v>60182.859259199999</v>
      </c>
      <c r="AZ329" s="9">
        <v>54026.944341199996</v>
      </c>
      <c r="BA329" s="9">
        <v>53832.320627599998</v>
      </c>
      <c r="BB329" s="9">
        <v>52920.148988100002</v>
      </c>
      <c r="BC329" s="9">
        <v>51485.568949</v>
      </c>
      <c r="BD329" s="9">
        <v>53592.249107800002</v>
      </c>
      <c r="BE329" s="9">
        <v>55652.106757100002</v>
      </c>
      <c r="BF329" s="9">
        <v>57067.364441400001</v>
      </c>
      <c r="BG329" s="11">
        <v>-14.75</v>
      </c>
      <c r="BH329" s="13">
        <v>-0.16573033707865167</v>
      </c>
      <c r="BI329" s="6">
        <v>3</v>
      </c>
      <c r="BJ329" s="13">
        <v>3.3707865168539325E-2</v>
      </c>
      <c r="BK329" s="6">
        <v>-20</v>
      </c>
      <c r="BL329" s="13">
        <v>-0.21739130434782608</v>
      </c>
      <c r="BM329" s="11">
        <v>2.25</v>
      </c>
      <c r="BN329" s="13">
        <v>3.125E-2</v>
      </c>
      <c r="BO329" s="11">
        <v>-17.75</v>
      </c>
      <c r="BP329" s="13">
        <v>-0.19293478260869565</v>
      </c>
      <c r="BQ329" s="6">
        <v>89</v>
      </c>
      <c r="BR329" s="6">
        <v>94</v>
      </c>
      <c r="BS329" s="6">
        <v>92</v>
      </c>
      <c r="BT329" s="6">
        <v>92</v>
      </c>
      <c r="BU329" s="6">
        <v>88</v>
      </c>
      <c r="BV329" s="6">
        <v>75</v>
      </c>
      <c r="BW329" s="6">
        <v>72</v>
      </c>
      <c r="BX329" s="6">
        <v>72</v>
      </c>
      <c r="BY329" s="6">
        <v>73</v>
      </c>
      <c r="BZ329" s="6">
        <v>71</v>
      </c>
      <c r="CA329" s="6">
        <v>69</v>
      </c>
      <c r="CB329" s="6">
        <v>69</v>
      </c>
      <c r="CC329" s="11">
        <v>74.25</v>
      </c>
      <c r="CD329" s="11">
        <v>-659.40800000000002</v>
      </c>
      <c r="CE329" s="11">
        <v>89.676500000000004</v>
      </c>
      <c r="CF329" s="11">
        <v>155.524</v>
      </c>
      <c r="CG329" s="11">
        <v>246</v>
      </c>
      <c r="CH329" s="20">
        <v>1.0238100000000001</v>
      </c>
      <c r="CI329" s="20">
        <v>1.0670599999999999</v>
      </c>
      <c r="CJ329" s="20">
        <v>1.0892999999999999</v>
      </c>
      <c r="CK329" s="20">
        <v>1.15686</v>
      </c>
      <c r="CL329" s="20">
        <v>1.30403</v>
      </c>
      <c r="CM329" s="20">
        <v>1.32142</v>
      </c>
      <c r="CN329" s="20">
        <v>1.2883800000000001</v>
      </c>
      <c r="CO329" s="20">
        <v>1.2294499999999999</v>
      </c>
      <c r="CP329" s="20">
        <v>1.03593</v>
      </c>
      <c r="CQ329" s="20">
        <v>0.80356300000000003</v>
      </c>
      <c r="CR329" s="20">
        <v>0.65518399999999999</v>
      </c>
      <c r="CS329" s="20">
        <v>0.66787099999999999</v>
      </c>
      <c r="CT329" s="20">
        <v>0.66430900000000004</v>
      </c>
      <c r="CU329" s="20">
        <v>0.67316699999999996</v>
      </c>
      <c r="CV329" s="20">
        <v>0.66781900000000005</v>
      </c>
      <c r="CW329" s="20">
        <v>0.66176800000000002</v>
      </c>
      <c r="CX329" s="20">
        <v>0.65248099999999998</v>
      </c>
      <c r="CY329" s="6" t="s">
        <v>441</v>
      </c>
      <c r="CZ329" s="6" t="s">
        <v>442</v>
      </c>
      <c r="DA329" s="6" t="s">
        <v>112</v>
      </c>
      <c r="DB329" s="6" t="s">
        <v>345</v>
      </c>
      <c r="DC329" s="6">
        <v>16020</v>
      </c>
      <c r="DD329" s="6">
        <v>164</v>
      </c>
      <c r="DE329" s="6" t="s">
        <v>412</v>
      </c>
      <c r="DF329" s="6" t="s">
        <v>375</v>
      </c>
      <c r="DG329" s="6" t="s">
        <v>364</v>
      </c>
      <c r="DH329" s="6" t="s">
        <v>419</v>
      </c>
      <c r="DI329" s="6" t="s">
        <v>413</v>
      </c>
      <c r="DJ329" s="6">
        <v>29</v>
      </c>
      <c r="DK329" s="6">
        <v>31</v>
      </c>
      <c r="DL329" s="6">
        <v>2</v>
      </c>
      <c r="DM329" s="6" t="s">
        <v>379</v>
      </c>
      <c r="DN329" s="6">
        <v>3</v>
      </c>
      <c r="DO329" s="6" t="s">
        <v>380</v>
      </c>
      <c r="DP329" s="6"/>
      <c r="DQ329" s="6"/>
    </row>
    <row r="330" spans="1:121" x14ac:dyDescent="0.2">
      <c r="A330" s="6" t="s">
        <v>314</v>
      </c>
      <c r="B330" s="6" t="s">
        <v>314</v>
      </c>
      <c r="C330" s="6" t="s">
        <v>183</v>
      </c>
      <c r="D330" s="6" t="s">
        <v>112</v>
      </c>
      <c r="E330" s="6" t="s">
        <v>253</v>
      </c>
      <c r="F330" s="11">
        <v>-1133</v>
      </c>
      <c r="G330" s="13">
        <v>-0.60523504273499995</v>
      </c>
      <c r="H330" s="11">
        <v>-1006.2250859059999</v>
      </c>
      <c r="I330" s="13">
        <v>-0.53741236015710481</v>
      </c>
      <c r="J330" s="11">
        <v>52.625231943000017</v>
      </c>
      <c r="K330" s="13">
        <v>6.0759264621357882E-2</v>
      </c>
      <c r="L330" s="11">
        <v>-179.56078849699998</v>
      </c>
      <c r="M330" s="13">
        <v>-0.195439865991543</v>
      </c>
      <c r="N330" s="11">
        <v>-126.93555655399996</v>
      </c>
      <c r="O330" s="13">
        <v>-0.146555383905528</v>
      </c>
      <c r="P330" s="7">
        <v>1872.3519600699999</v>
      </c>
      <c r="Q330" s="7">
        <v>1771.7331701799999</v>
      </c>
      <c r="R330" s="7">
        <v>1663.96031666</v>
      </c>
      <c r="S330" s="7">
        <v>947.32224345999998</v>
      </c>
      <c r="T330" s="7">
        <v>919.91195652399995</v>
      </c>
      <c r="U330" s="7">
        <v>895.50218948600002</v>
      </c>
      <c r="V330" s="7">
        <v>866.12687416400001</v>
      </c>
      <c r="W330" s="7">
        <v>875.34851329699995</v>
      </c>
      <c r="X330" s="7">
        <v>977.42297543699999</v>
      </c>
      <c r="Y330" s="7">
        <v>918.75210610700003</v>
      </c>
      <c r="Z330" s="7">
        <v>872.89407995700003</v>
      </c>
      <c r="AA330" s="7">
        <v>830.96421370799999</v>
      </c>
      <c r="AB330" s="7">
        <v>845.28523749399994</v>
      </c>
      <c r="AC330" s="7">
        <v>889.293409935</v>
      </c>
      <c r="AD330" s="7">
        <v>801.86830452499999</v>
      </c>
      <c r="AE330" s="7">
        <v>770.35878505100004</v>
      </c>
      <c r="AF330" s="7">
        <v>739.19131761000006</v>
      </c>
      <c r="AG330" s="9">
        <v>30863.733552400001</v>
      </c>
      <c r="AH330" s="13">
        <v>0.92038342319919453</v>
      </c>
      <c r="AI330" s="9">
        <v>17561.4289537</v>
      </c>
      <c r="AJ330" s="13">
        <v>0.52369711101977112</v>
      </c>
      <c r="AK330" s="9">
        <v>3658.2205331000005</v>
      </c>
      <c r="AL330" s="13">
        <v>7.1596462690229373E-2</v>
      </c>
      <c r="AM330" s="9">
        <v>9644.0840656</v>
      </c>
      <c r="AN330" s="13">
        <v>0.17613732603898083</v>
      </c>
      <c r="AO330" s="9">
        <v>13302.3045987</v>
      </c>
      <c r="AP330" s="13">
        <v>0.26034459822131689</v>
      </c>
      <c r="AQ330" s="9">
        <v>33533.560877399999</v>
      </c>
      <c r="AR330" s="9">
        <v>36894.778731799997</v>
      </c>
      <c r="AS330" s="9">
        <v>44132.160386900003</v>
      </c>
      <c r="AT330" s="9">
        <v>49776.214673299997</v>
      </c>
      <c r="AU330" s="9">
        <v>48186.948402499998</v>
      </c>
      <c r="AV330" s="9">
        <v>49772.185515500001</v>
      </c>
      <c r="AW330" s="9">
        <v>51094.9898311</v>
      </c>
      <c r="AX330" s="9">
        <v>51855.767736200003</v>
      </c>
      <c r="AY330" s="9">
        <v>54992.809242700001</v>
      </c>
      <c r="AZ330" s="9">
        <v>54753.2103642</v>
      </c>
      <c r="BA330" s="9">
        <v>57594.9082156</v>
      </c>
      <c r="BB330" s="9">
        <v>55234.473867699999</v>
      </c>
      <c r="BC330" s="9">
        <v>56192.605864999998</v>
      </c>
      <c r="BD330" s="9">
        <v>60793.9310616</v>
      </c>
      <c r="BE330" s="9">
        <v>60127.977586399997</v>
      </c>
      <c r="BF330" s="9">
        <v>64397.2944298</v>
      </c>
      <c r="BG330" s="11">
        <v>-7.75</v>
      </c>
      <c r="BH330" s="13">
        <v>-0.19871794871794871</v>
      </c>
      <c r="BI330" s="6">
        <v>-2</v>
      </c>
      <c r="BJ330" s="13">
        <v>-5.128205128205128E-2</v>
      </c>
      <c r="BK330" s="6">
        <v>-2</v>
      </c>
      <c r="BL330" s="13">
        <v>-5.4054054054054057E-2</v>
      </c>
      <c r="BM330" s="11">
        <v>-3.75</v>
      </c>
      <c r="BN330" s="13">
        <v>-0.10714285714285714</v>
      </c>
      <c r="BO330" s="11">
        <v>-5.75</v>
      </c>
      <c r="BP330" s="13">
        <v>-0.1554054054054054</v>
      </c>
      <c r="BQ330" s="6">
        <v>39</v>
      </c>
      <c r="BR330" s="6">
        <v>40</v>
      </c>
      <c r="BS330" s="6">
        <v>39</v>
      </c>
      <c r="BT330" s="6">
        <v>37</v>
      </c>
      <c r="BU330" s="6">
        <v>34</v>
      </c>
      <c r="BV330" s="6">
        <v>36</v>
      </c>
      <c r="BW330" s="6">
        <v>35</v>
      </c>
      <c r="BX330" s="6">
        <v>33</v>
      </c>
      <c r="BY330" s="6">
        <v>34</v>
      </c>
      <c r="BZ330" s="6">
        <v>34</v>
      </c>
      <c r="CA330" s="6">
        <v>36</v>
      </c>
      <c r="CB330" s="6">
        <v>30</v>
      </c>
      <c r="CC330" s="11">
        <v>31.25</v>
      </c>
      <c r="CD330" s="11">
        <v>-764.34799999999996</v>
      </c>
      <c r="CE330" s="11">
        <v>-573.48400000000004</v>
      </c>
      <c r="CF330" s="11">
        <v>204.67099999999999</v>
      </c>
      <c r="CG330" s="11">
        <v>-368</v>
      </c>
      <c r="CH330" s="20">
        <v>1.71095</v>
      </c>
      <c r="CI330" s="20">
        <v>1.6855199999999999</v>
      </c>
      <c r="CJ330" s="20">
        <v>1.6615200000000001</v>
      </c>
      <c r="CK330" s="20">
        <v>0.98571799999999998</v>
      </c>
      <c r="CL330" s="20">
        <v>0.95790500000000001</v>
      </c>
      <c r="CM330" s="20">
        <v>0.92964500000000005</v>
      </c>
      <c r="CN330" s="20">
        <v>0.89617500000000005</v>
      </c>
      <c r="CO330" s="20">
        <v>0.92733900000000002</v>
      </c>
      <c r="CP330" s="20">
        <v>1.09283</v>
      </c>
      <c r="CQ330" s="20">
        <v>1.06839</v>
      </c>
      <c r="CR330" s="20">
        <v>1.0441800000000001</v>
      </c>
      <c r="CS330" s="20">
        <v>0.99184899999999998</v>
      </c>
      <c r="CT330" s="20">
        <v>1.0039499999999999</v>
      </c>
      <c r="CU330" s="20">
        <v>1.07118</v>
      </c>
      <c r="CV330" s="20">
        <v>0.96753800000000001</v>
      </c>
      <c r="CW330" s="20">
        <v>0.92544499999999996</v>
      </c>
      <c r="CX330" s="20">
        <v>0.88657799999999998</v>
      </c>
      <c r="CY330" s="6" t="s">
        <v>441</v>
      </c>
      <c r="CZ330" s="6" t="s">
        <v>442</v>
      </c>
      <c r="DA330" s="6" t="s">
        <v>112</v>
      </c>
      <c r="DB330" s="6" t="s">
        <v>345</v>
      </c>
      <c r="DC330" s="6">
        <v>16020</v>
      </c>
      <c r="DD330" s="6">
        <v>164</v>
      </c>
      <c r="DE330" s="6" t="s">
        <v>412</v>
      </c>
      <c r="DF330" s="6" t="s">
        <v>375</v>
      </c>
      <c r="DG330" s="6" t="s">
        <v>364</v>
      </c>
      <c r="DH330" s="6" t="s">
        <v>419</v>
      </c>
      <c r="DI330" s="6" t="s">
        <v>413</v>
      </c>
      <c r="DJ330" s="6">
        <v>29</v>
      </c>
      <c r="DK330" s="6">
        <v>31</v>
      </c>
      <c r="DL330" s="6">
        <v>2</v>
      </c>
      <c r="DM330" s="6" t="s">
        <v>379</v>
      </c>
      <c r="DN330" s="6">
        <v>3</v>
      </c>
      <c r="DO330" s="6" t="s">
        <v>380</v>
      </c>
      <c r="DP330" s="6"/>
      <c r="DQ330" s="6"/>
    </row>
    <row r="331" spans="1:121" x14ac:dyDescent="0.2">
      <c r="A331" s="6" t="s">
        <v>315</v>
      </c>
      <c r="B331" s="6" t="s">
        <v>315</v>
      </c>
      <c r="C331" s="6" t="s">
        <v>184</v>
      </c>
      <c r="D331" s="6" t="s">
        <v>112</v>
      </c>
      <c r="E331" s="6" t="s">
        <v>253</v>
      </c>
      <c r="F331" s="11">
        <v>10</v>
      </c>
      <c r="G331" s="13">
        <v>0.01</v>
      </c>
      <c r="H331" s="11">
        <v>80</v>
      </c>
      <c r="I331" s="13">
        <v>6.7226890756302518E-2</v>
      </c>
      <c r="J331" s="11">
        <v>-15</v>
      </c>
      <c r="K331" s="13">
        <v>-1.1811023622047244E-2</v>
      </c>
      <c r="L331" s="11">
        <v>-55</v>
      </c>
      <c r="M331" s="13">
        <v>-4.3824701195219126E-2</v>
      </c>
      <c r="N331" s="11">
        <v>-70</v>
      </c>
      <c r="O331" s="13">
        <v>-5.5118110236220472E-2</v>
      </c>
      <c r="P331" s="7">
        <v>1190</v>
      </c>
      <c r="Q331" s="7">
        <v>1112</v>
      </c>
      <c r="R331" s="7">
        <v>1142</v>
      </c>
      <c r="S331" s="7">
        <v>1121</v>
      </c>
      <c r="T331" s="7">
        <v>1101</v>
      </c>
      <c r="U331" s="7">
        <v>1145</v>
      </c>
      <c r="V331" s="7">
        <v>1270</v>
      </c>
      <c r="W331" s="7">
        <v>1173</v>
      </c>
      <c r="X331" s="7">
        <v>1238</v>
      </c>
      <c r="Y331" s="7">
        <v>1255</v>
      </c>
      <c r="Z331" s="7">
        <v>1095</v>
      </c>
      <c r="AA331" s="7">
        <v>1066</v>
      </c>
      <c r="AB331" s="7">
        <v>1167</v>
      </c>
      <c r="AC331" s="7">
        <v>1228</v>
      </c>
      <c r="AD331" s="7">
        <v>1167</v>
      </c>
      <c r="AE331" s="7">
        <v>1162</v>
      </c>
      <c r="AF331" s="7">
        <v>1200</v>
      </c>
      <c r="AG331" s="9">
        <v>19174</v>
      </c>
      <c r="AH331" s="13">
        <v>0.48468149646107178</v>
      </c>
      <c r="AI331" s="9">
        <v>27796</v>
      </c>
      <c r="AJ331" s="13">
        <v>0.70262891809909001</v>
      </c>
      <c r="AK331" s="9">
        <v>-15886</v>
      </c>
      <c r="AL331" s="13">
        <v>-0.23585129758299184</v>
      </c>
      <c r="AM331" s="9">
        <v>7264</v>
      </c>
      <c r="AN331" s="13">
        <v>0.14113075578006606</v>
      </c>
      <c r="AO331" s="9">
        <v>-8622</v>
      </c>
      <c r="AP331" s="13">
        <v>-0.12800641368252272</v>
      </c>
      <c r="AQ331" s="9">
        <v>39560</v>
      </c>
      <c r="AR331" s="9">
        <v>43035</v>
      </c>
      <c r="AS331" s="9">
        <v>43211</v>
      </c>
      <c r="AT331" s="9">
        <v>41674</v>
      </c>
      <c r="AU331" s="9">
        <v>43117</v>
      </c>
      <c r="AV331" s="9">
        <v>45241</v>
      </c>
      <c r="AW331" s="9">
        <v>67356</v>
      </c>
      <c r="AX331" s="9">
        <v>50407</v>
      </c>
      <c r="AY331" s="9">
        <v>48706</v>
      </c>
      <c r="AZ331" s="9">
        <v>51470</v>
      </c>
      <c r="BA331" s="9">
        <v>55663</v>
      </c>
      <c r="BB331" s="9">
        <v>52280</v>
      </c>
      <c r="BC331" s="9">
        <v>54894</v>
      </c>
      <c r="BD331" s="9">
        <v>55230</v>
      </c>
      <c r="BE331" s="9">
        <v>57350</v>
      </c>
      <c r="BF331" s="9">
        <v>58734</v>
      </c>
      <c r="BG331" s="11">
        <v>18</v>
      </c>
      <c r="BH331" s="13">
        <v>0.12080536912751678</v>
      </c>
      <c r="BI331" s="6">
        <v>6</v>
      </c>
      <c r="BJ331" s="13">
        <v>4.0268456375838924E-2</v>
      </c>
      <c r="BK331" s="6">
        <v>7</v>
      </c>
      <c r="BL331" s="13">
        <v>4.5161290322580643E-2</v>
      </c>
      <c r="BM331" s="11">
        <v>5</v>
      </c>
      <c r="BN331" s="13">
        <v>3.0864197530864196E-2</v>
      </c>
      <c r="BO331" s="11">
        <v>12</v>
      </c>
      <c r="BP331" s="13">
        <v>7.7419354838709681E-2</v>
      </c>
      <c r="BQ331" s="6">
        <v>149</v>
      </c>
      <c r="BR331" s="6">
        <v>150</v>
      </c>
      <c r="BS331" s="6">
        <v>154</v>
      </c>
      <c r="BT331" s="6">
        <v>155</v>
      </c>
      <c r="BU331" s="6">
        <v>154</v>
      </c>
      <c r="BV331" s="6">
        <v>159</v>
      </c>
      <c r="BW331" s="6">
        <v>162</v>
      </c>
      <c r="BX331" s="6">
        <v>167</v>
      </c>
      <c r="BY331" s="6">
        <v>168</v>
      </c>
      <c r="BZ331" s="6">
        <v>169</v>
      </c>
      <c r="CA331" s="6">
        <v>166</v>
      </c>
      <c r="CB331" s="6">
        <v>168</v>
      </c>
      <c r="CC331" s="11">
        <v>167</v>
      </c>
      <c r="CD331" s="11">
        <v>-26</v>
      </c>
      <c r="CE331" s="11">
        <v>-95</v>
      </c>
      <c r="CF331" s="11">
        <v>130</v>
      </c>
      <c r="CG331" s="11">
        <v>35</v>
      </c>
      <c r="CH331" s="20">
        <v>0.67</v>
      </c>
      <c r="CI331" s="20">
        <v>0.61</v>
      </c>
      <c r="CJ331" s="20">
        <v>0.62</v>
      </c>
      <c r="CK331" s="20">
        <v>0.61</v>
      </c>
      <c r="CL331" s="20">
        <v>0.59</v>
      </c>
      <c r="CM331" s="20">
        <v>0.59</v>
      </c>
      <c r="CN331" s="20">
        <v>0.66</v>
      </c>
      <c r="CO331" s="20">
        <v>0.63</v>
      </c>
      <c r="CP331" s="20">
        <v>0.69</v>
      </c>
      <c r="CQ331" s="20">
        <v>0.71</v>
      </c>
      <c r="CR331" s="20">
        <v>0.63</v>
      </c>
      <c r="CS331" s="20">
        <v>0.61</v>
      </c>
      <c r="CT331" s="20">
        <v>0.66</v>
      </c>
      <c r="CU331" s="20">
        <v>0.71</v>
      </c>
      <c r="CV331" s="20">
        <v>0.67</v>
      </c>
      <c r="CW331" s="20">
        <v>0.67</v>
      </c>
      <c r="CX331" s="20">
        <v>0.69</v>
      </c>
      <c r="CY331" s="6" t="s">
        <v>441</v>
      </c>
      <c r="CZ331" s="6" t="s">
        <v>442</v>
      </c>
      <c r="DA331" s="6" t="s">
        <v>112</v>
      </c>
      <c r="DB331" s="6" t="s">
        <v>345</v>
      </c>
      <c r="DC331" s="6">
        <v>16020</v>
      </c>
      <c r="DD331" s="6">
        <v>164</v>
      </c>
      <c r="DE331" s="6" t="s">
        <v>412</v>
      </c>
      <c r="DF331" s="6" t="s">
        <v>375</v>
      </c>
      <c r="DG331" s="6" t="s">
        <v>364</v>
      </c>
      <c r="DH331" s="6" t="s">
        <v>419</v>
      </c>
      <c r="DI331" s="6" t="s">
        <v>413</v>
      </c>
      <c r="DJ331" s="6">
        <v>29</v>
      </c>
      <c r="DK331" s="6">
        <v>31</v>
      </c>
      <c r="DL331" s="6">
        <v>2</v>
      </c>
      <c r="DM331" s="6" t="s">
        <v>379</v>
      </c>
      <c r="DN331" s="6">
        <v>3</v>
      </c>
      <c r="DO331" s="6" t="s">
        <v>380</v>
      </c>
      <c r="DP331" s="6"/>
      <c r="DQ331" s="6"/>
    </row>
    <row r="332" spans="1:121" x14ac:dyDescent="0.2">
      <c r="A332" s="6" t="s">
        <v>316</v>
      </c>
      <c r="B332" s="6" t="s">
        <v>316</v>
      </c>
      <c r="C332" s="6" t="s">
        <v>185</v>
      </c>
      <c r="D332" s="6" t="s">
        <v>112</v>
      </c>
      <c r="E332" s="6" t="s">
        <v>253</v>
      </c>
      <c r="F332" s="11">
        <v>-11</v>
      </c>
      <c r="G332" s="13">
        <v>-0.02</v>
      </c>
      <c r="H332" s="11">
        <v>87</v>
      </c>
      <c r="I332" s="13">
        <v>0.17399999999999999</v>
      </c>
      <c r="J332" s="11">
        <v>-46</v>
      </c>
      <c r="K332" s="13">
        <v>-7.8364565587734233E-2</v>
      </c>
      <c r="L332" s="11">
        <v>-52</v>
      </c>
      <c r="M332" s="13">
        <v>-9.6118299445471345E-2</v>
      </c>
      <c r="N332" s="11">
        <v>-98</v>
      </c>
      <c r="O332" s="13">
        <v>-0.16695059625212946</v>
      </c>
      <c r="P332" s="7">
        <v>500</v>
      </c>
      <c r="Q332" s="7">
        <v>530</v>
      </c>
      <c r="R332" s="7">
        <v>549</v>
      </c>
      <c r="S332" s="7">
        <v>540</v>
      </c>
      <c r="T332" s="7">
        <v>554</v>
      </c>
      <c r="U332" s="7">
        <v>538</v>
      </c>
      <c r="V332" s="7">
        <v>587</v>
      </c>
      <c r="W332" s="7">
        <v>553</v>
      </c>
      <c r="X332" s="7">
        <v>551</v>
      </c>
      <c r="Y332" s="7">
        <v>541</v>
      </c>
      <c r="Z332" s="7">
        <v>520</v>
      </c>
      <c r="AA332" s="7">
        <v>501</v>
      </c>
      <c r="AB332" s="7">
        <v>500</v>
      </c>
      <c r="AC332" s="7">
        <v>493</v>
      </c>
      <c r="AD332" s="7">
        <v>494</v>
      </c>
      <c r="AE332" s="7">
        <v>491</v>
      </c>
      <c r="AF332" s="7">
        <v>489</v>
      </c>
      <c r="AG332" s="9">
        <v>16552</v>
      </c>
      <c r="AH332" s="13">
        <v>0.70647488155704474</v>
      </c>
      <c r="AI332" s="9">
        <v>6620</v>
      </c>
      <c r="AJ332" s="13">
        <v>0.28255580690597121</v>
      </c>
      <c r="AK332" s="9">
        <v>3721</v>
      </c>
      <c r="AL332" s="13">
        <v>0.12383107590934808</v>
      </c>
      <c r="AM332" s="9">
        <v>6211</v>
      </c>
      <c r="AN332" s="13">
        <v>0.18392063962096536</v>
      </c>
      <c r="AO332" s="9">
        <v>9932</v>
      </c>
      <c r="AP332" s="13">
        <v>0.33052680621651304</v>
      </c>
      <c r="AQ332" s="9">
        <v>23429</v>
      </c>
      <c r="AR332" s="9">
        <v>26024</v>
      </c>
      <c r="AS332" s="9">
        <v>27287</v>
      </c>
      <c r="AT332" s="9">
        <v>27903</v>
      </c>
      <c r="AU332" s="9">
        <v>28073</v>
      </c>
      <c r="AV332" s="9">
        <v>28469</v>
      </c>
      <c r="AW332" s="9">
        <v>30049</v>
      </c>
      <c r="AX332" s="9">
        <v>31197</v>
      </c>
      <c r="AY332" s="9">
        <v>33740</v>
      </c>
      <c r="AZ332" s="9">
        <v>33770</v>
      </c>
      <c r="BA332" s="9">
        <v>32978</v>
      </c>
      <c r="BB332" s="9">
        <v>32246</v>
      </c>
      <c r="BC332" s="9">
        <v>34616</v>
      </c>
      <c r="BD332" s="9">
        <v>37523</v>
      </c>
      <c r="BE332" s="9">
        <v>39102</v>
      </c>
      <c r="BF332" s="9">
        <v>39981</v>
      </c>
      <c r="BG332" s="11">
        <v>0</v>
      </c>
      <c r="BH332" s="13">
        <v>0</v>
      </c>
      <c r="BI332" s="6">
        <v>9</v>
      </c>
      <c r="BJ332" s="13">
        <v>9.0909090909090912E-2</v>
      </c>
      <c r="BK332" s="6">
        <v>3</v>
      </c>
      <c r="BL332" s="13">
        <v>2.7777777777777776E-2</v>
      </c>
      <c r="BM332" s="11">
        <v>-12</v>
      </c>
      <c r="BN332" s="13">
        <v>-0.10810810810810811</v>
      </c>
      <c r="BO332" s="11">
        <v>-9</v>
      </c>
      <c r="BP332" s="13">
        <v>-8.3333333333333329E-2</v>
      </c>
      <c r="BQ332" s="6">
        <v>99</v>
      </c>
      <c r="BR332" s="6">
        <v>99</v>
      </c>
      <c r="BS332" s="6">
        <v>103</v>
      </c>
      <c r="BT332" s="6">
        <v>108</v>
      </c>
      <c r="BU332" s="6">
        <v>109</v>
      </c>
      <c r="BV332" s="6">
        <v>111</v>
      </c>
      <c r="BW332" s="6">
        <v>111</v>
      </c>
      <c r="BX332" s="6">
        <v>102</v>
      </c>
      <c r="BY332" s="6">
        <v>96</v>
      </c>
      <c r="BZ332" s="6">
        <v>99</v>
      </c>
      <c r="CA332" s="6">
        <v>101</v>
      </c>
      <c r="CB332" s="6">
        <v>102</v>
      </c>
      <c r="CC332" s="11">
        <v>99</v>
      </c>
      <c r="CD332" s="11">
        <v>-40</v>
      </c>
      <c r="CE332" s="11">
        <v>-25</v>
      </c>
      <c r="CF332" s="11">
        <v>55</v>
      </c>
      <c r="CG332" s="11">
        <v>30</v>
      </c>
      <c r="CH332" s="20">
        <v>0.68</v>
      </c>
      <c r="CI332" s="20">
        <v>0.71</v>
      </c>
      <c r="CJ332" s="20">
        <v>0.71</v>
      </c>
      <c r="CK332" s="20">
        <v>0.7</v>
      </c>
      <c r="CL332" s="20">
        <v>0.68</v>
      </c>
      <c r="CM332" s="20">
        <v>0.65</v>
      </c>
      <c r="CN332" s="20">
        <v>0.71</v>
      </c>
      <c r="CO332" s="20">
        <v>0.69</v>
      </c>
      <c r="CP332" s="20">
        <v>0.72</v>
      </c>
      <c r="CQ332" s="20">
        <v>0.74</v>
      </c>
      <c r="CR332" s="20">
        <v>0.73</v>
      </c>
      <c r="CS332" s="20">
        <v>0.7</v>
      </c>
      <c r="CT332" s="20">
        <v>0.69</v>
      </c>
      <c r="CU332" s="20">
        <v>0.68</v>
      </c>
      <c r="CV332" s="20">
        <v>0.67</v>
      </c>
      <c r="CW332" s="20">
        <v>0.67</v>
      </c>
      <c r="CX332" s="20">
        <v>0.66</v>
      </c>
      <c r="CY332" s="6" t="s">
        <v>441</v>
      </c>
      <c r="CZ332" s="6" t="s">
        <v>442</v>
      </c>
      <c r="DA332" s="6" t="s">
        <v>112</v>
      </c>
      <c r="DB332" s="6" t="s">
        <v>345</v>
      </c>
      <c r="DC332" s="6">
        <v>16020</v>
      </c>
      <c r="DD332" s="6">
        <v>164</v>
      </c>
      <c r="DE332" s="6" t="s">
        <v>412</v>
      </c>
      <c r="DF332" s="6" t="s">
        <v>375</v>
      </c>
      <c r="DG332" s="6" t="s">
        <v>364</v>
      </c>
      <c r="DH332" s="6" t="s">
        <v>419</v>
      </c>
      <c r="DI332" s="6" t="s">
        <v>413</v>
      </c>
      <c r="DJ332" s="6">
        <v>29</v>
      </c>
      <c r="DK332" s="6">
        <v>31</v>
      </c>
      <c r="DL332" s="6">
        <v>2</v>
      </c>
      <c r="DM332" s="6" t="s">
        <v>379</v>
      </c>
      <c r="DN332" s="6">
        <v>3</v>
      </c>
      <c r="DO332" s="6" t="s">
        <v>380</v>
      </c>
      <c r="DP332" s="6"/>
      <c r="DQ332" s="6"/>
    </row>
    <row r="333" spans="1:121" x14ac:dyDescent="0.2">
      <c r="A333" s="6" t="s">
        <v>317</v>
      </c>
      <c r="B333" s="6" t="s">
        <v>317</v>
      </c>
      <c r="C333" s="6" t="s">
        <v>186</v>
      </c>
      <c r="D333" s="6" t="s">
        <v>112</v>
      </c>
      <c r="E333" s="6" t="s">
        <v>253</v>
      </c>
      <c r="F333" s="11">
        <v>568</v>
      </c>
      <c r="G333" s="13">
        <v>0.62</v>
      </c>
      <c r="H333" s="11">
        <v>164</v>
      </c>
      <c r="I333" s="13">
        <v>0.17806731813246471</v>
      </c>
      <c r="J333" s="11">
        <v>36</v>
      </c>
      <c r="K333" s="13">
        <v>3.3179723502304151E-2</v>
      </c>
      <c r="L333" s="11">
        <v>368</v>
      </c>
      <c r="M333" s="13">
        <v>0.32827832292595899</v>
      </c>
      <c r="N333" s="11">
        <v>404</v>
      </c>
      <c r="O333" s="13">
        <v>0.37235023041474657</v>
      </c>
      <c r="P333" s="7">
        <v>921</v>
      </c>
      <c r="Q333" s="7">
        <v>954</v>
      </c>
      <c r="R333" s="7">
        <v>954</v>
      </c>
      <c r="S333" s="7">
        <v>984</v>
      </c>
      <c r="T333" s="7">
        <v>1059</v>
      </c>
      <c r="U333" s="7">
        <v>1096</v>
      </c>
      <c r="V333" s="7">
        <v>1085</v>
      </c>
      <c r="W333" s="7">
        <v>1069</v>
      </c>
      <c r="X333" s="7">
        <v>1114</v>
      </c>
      <c r="Y333" s="7">
        <v>1121</v>
      </c>
      <c r="Z333" s="7">
        <v>1149</v>
      </c>
      <c r="AA333" s="7">
        <v>1202</v>
      </c>
      <c r="AB333" s="7">
        <v>1231</v>
      </c>
      <c r="AC333" s="7">
        <v>1358</v>
      </c>
      <c r="AD333" s="7">
        <v>1401</v>
      </c>
      <c r="AE333" s="7">
        <v>1431</v>
      </c>
      <c r="AF333" s="7">
        <v>1489</v>
      </c>
      <c r="AG333" s="9">
        <v>16965</v>
      </c>
      <c r="AH333" s="13">
        <v>0.52972584774870413</v>
      </c>
      <c r="AI333" s="9">
        <v>6471</v>
      </c>
      <c r="AJ333" s="13">
        <v>0.20205458065321927</v>
      </c>
      <c r="AK333" s="9">
        <v>2650</v>
      </c>
      <c r="AL333" s="13">
        <v>6.8836532716835083E-2</v>
      </c>
      <c r="AM333" s="9">
        <v>7844</v>
      </c>
      <c r="AN333" s="13">
        <v>0.1906335820351423</v>
      </c>
      <c r="AO333" s="9">
        <v>10494</v>
      </c>
      <c r="AP333" s="13">
        <v>0.2725926695586669</v>
      </c>
      <c r="AQ333" s="9">
        <v>32026</v>
      </c>
      <c r="AR333" s="9">
        <v>34496</v>
      </c>
      <c r="AS333" s="9">
        <v>33452</v>
      </c>
      <c r="AT333" s="9">
        <v>34758</v>
      </c>
      <c r="AU333" s="9">
        <v>36326</v>
      </c>
      <c r="AV333" s="9">
        <v>36851</v>
      </c>
      <c r="AW333" s="9">
        <v>38497</v>
      </c>
      <c r="AX333" s="9">
        <v>40956</v>
      </c>
      <c r="AY333" s="9">
        <v>39479</v>
      </c>
      <c r="AZ333" s="9">
        <v>41147</v>
      </c>
      <c r="BA333" s="9">
        <v>41848</v>
      </c>
      <c r="BB333" s="9">
        <v>44021</v>
      </c>
      <c r="BC333" s="9">
        <v>47587</v>
      </c>
      <c r="BD333" s="9">
        <v>47496</v>
      </c>
      <c r="BE333" s="9">
        <v>48364</v>
      </c>
      <c r="BF333" s="9">
        <v>48991</v>
      </c>
      <c r="BG333" s="11">
        <v>46</v>
      </c>
      <c r="BH333" s="13">
        <v>0.33823529411764708</v>
      </c>
      <c r="BI333" s="6">
        <v>21</v>
      </c>
      <c r="BJ333" s="13">
        <v>0.15441176470588236</v>
      </c>
      <c r="BK333" s="6">
        <v>7</v>
      </c>
      <c r="BL333" s="13">
        <v>4.4585987261146494E-2</v>
      </c>
      <c r="BM333" s="11">
        <v>18</v>
      </c>
      <c r="BN333" s="13">
        <v>0.10975609756097561</v>
      </c>
      <c r="BO333" s="11">
        <v>25</v>
      </c>
      <c r="BP333" s="13">
        <v>0.15923566878980891</v>
      </c>
      <c r="BQ333" s="6">
        <v>136</v>
      </c>
      <c r="BR333" s="6">
        <v>145</v>
      </c>
      <c r="BS333" s="6">
        <v>148</v>
      </c>
      <c r="BT333" s="6">
        <v>157</v>
      </c>
      <c r="BU333" s="6">
        <v>154</v>
      </c>
      <c r="BV333" s="6">
        <v>161</v>
      </c>
      <c r="BW333" s="6">
        <v>164</v>
      </c>
      <c r="BX333" s="6">
        <v>156</v>
      </c>
      <c r="BY333" s="6">
        <v>156</v>
      </c>
      <c r="BZ333" s="6">
        <v>171</v>
      </c>
      <c r="CA333" s="6">
        <v>171</v>
      </c>
      <c r="CB333" s="6">
        <v>188</v>
      </c>
      <c r="CC333" s="11">
        <v>182</v>
      </c>
      <c r="CD333" s="11">
        <v>283</v>
      </c>
      <c r="CE333" s="11">
        <v>184</v>
      </c>
      <c r="CF333" s="11">
        <v>101</v>
      </c>
      <c r="CG333" s="11">
        <v>285</v>
      </c>
      <c r="CH333" s="20">
        <v>0.39</v>
      </c>
      <c r="CI333" s="20">
        <v>0.41</v>
      </c>
      <c r="CJ333" s="20">
        <v>0.41</v>
      </c>
      <c r="CK333" s="20">
        <v>0.42</v>
      </c>
      <c r="CL333" s="20">
        <v>0.43</v>
      </c>
      <c r="CM333" s="20">
        <v>0.42</v>
      </c>
      <c r="CN333" s="20">
        <v>0.4</v>
      </c>
      <c r="CO333" s="20">
        <v>0.39</v>
      </c>
      <c r="CP333" s="20">
        <v>0.42</v>
      </c>
      <c r="CQ333" s="20">
        <v>0.43</v>
      </c>
      <c r="CR333" s="20">
        <v>0.44</v>
      </c>
      <c r="CS333" s="20">
        <v>0.44</v>
      </c>
      <c r="CT333" s="20">
        <v>0.44</v>
      </c>
      <c r="CU333" s="20">
        <v>0.49</v>
      </c>
      <c r="CV333" s="20">
        <v>0.5</v>
      </c>
      <c r="CW333" s="20">
        <v>0.5</v>
      </c>
      <c r="CX333" s="20">
        <v>0.51</v>
      </c>
      <c r="CY333" s="6" t="s">
        <v>441</v>
      </c>
      <c r="CZ333" s="6" t="s">
        <v>442</v>
      </c>
      <c r="DA333" s="6" t="s">
        <v>112</v>
      </c>
      <c r="DB333" s="6" t="s">
        <v>345</v>
      </c>
      <c r="DC333" s="6">
        <v>16020</v>
      </c>
      <c r="DD333" s="6">
        <v>164</v>
      </c>
      <c r="DE333" s="6" t="s">
        <v>412</v>
      </c>
      <c r="DF333" s="6" t="s">
        <v>375</v>
      </c>
      <c r="DG333" s="6" t="s">
        <v>364</v>
      </c>
      <c r="DH333" s="6" t="s">
        <v>419</v>
      </c>
      <c r="DI333" s="6" t="s">
        <v>413</v>
      </c>
      <c r="DJ333" s="6">
        <v>29</v>
      </c>
      <c r="DK333" s="6">
        <v>31</v>
      </c>
      <c r="DL333" s="6">
        <v>2</v>
      </c>
      <c r="DM333" s="6" t="s">
        <v>379</v>
      </c>
      <c r="DN333" s="6">
        <v>3</v>
      </c>
      <c r="DO333" s="6" t="s">
        <v>380</v>
      </c>
      <c r="DP333" s="6"/>
      <c r="DQ333" s="6"/>
    </row>
    <row r="334" spans="1:121" x14ac:dyDescent="0.2">
      <c r="A334" s="6" t="s">
        <v>318</v>
      </c>
      <c r="B334" s="6" t="s">
        <v>318</v>
      </c>
      <c r="C334" s="6" t="s">
        <v>187</v>
      </c>
      <c r="D334" s="6" t="s">
        <v>112</v>
      </c>
      <c r="E334" s="6" t="s">
        <v>253</v>
      </c>
      <c r="F334" s="11">
        <v>134</v>
      </c>
      <c r="G334" s="13">
        <v>0.293859649123</v>
      </c>
      <c r="H334" s="11">
        <v>19.080867000000012</v>
      </c>
      <c r="I334" s="13">
        <v>4.1843125671038525E-2</v>
      </c>
      <c r="J334" s="11">
        <v>40.080782999999997</v>
      </c>
      <c r="K334" s="13">
        <v>8.4364527987887405E-2</v>
      </c>
      <c r="L334" s="11">
        <v>75.046864000000028</v>
      </c>
      <c r="M334" s="13">
        <v>0.1456736260030039</v>
      </c>
      <c r="N334" s="11">
        <v>115.12764700000002</v>
      </c>
      <c r="O334" s="13">
        <v>0.24232784068891877</v>
      </c>
      <c r="P334" s="7">
        <v>456.00959999999998</v>
      </c>
      <c r="Q334" s="7">
        <v>466.853274</v>
      </c>
      <c r="R334" s="7">
        <v>515.51</v>
      </c>
      <c r="S334" s="7">
        <v>515.65767800000003</v>
      </c>
      <c r="T334" s="7">
        <v>529.09148300000004</v>
      </c>
      <c r="U334" s="7">
        <v>416.95444600000002</v>
      </c>
      <c r="V334" s="7">
        <v>475.09046699999999</v>
      </c>
      <c r="W334" s="7">
        <v>479.73673200000002</v>
      </c>
      <c r="X334" s="7">
        <v>483.91134899999997</v>
      </c>
      <c r="Y334" s="7">
        <v>515.17124999999999</v>
      </c>
      <c r="Z334" s="7">
        <v>520.26897099999996</v>
      </c>
      <c r="AA334" s="7">
        <v>558.11313600000005</v>
      </c>
      <c r="AB334" s="7">
        <v>559.91096200000004</v>
      </c>
      <c r="AC334" s="7">
        <v>519.14801899999998</v>
      </c>
      <c r="AD334" s="7">
        <v>560.992976</v>
      </c>
      <c r="AE334" s="7">
        <v>585.63491124999996</v>
      </c>
      <c r="AF334" s="7">
        <v>590.21811400000001</v>
      </c>
      <c r="AG334" s="9">
        <v>13738.513168899997</v>
      </c>
      <c r="AH334" s="13">
        <v>0.27285366729957244</v>
      </c>
      <c r="AI334" s="9">
        <v>2418.8916669000027</v>
      </c>
      <c r="AJ334" s="13">
        <v>4.8040385011101319E-2</v>
      </c>
      <c r="AK334" s="9">
        <v>2366.1195530999976</v>
      </c>
      <c r="AL334" s="13">
        <v>4.4838257570362784E-2</v>
      </c>
      <c r="AM334" s="9">
        <v>8953.5019488999969</v>
      </c>
      <c r="AN334" s="13">
        <v>0.1623887389185493</v>
      </c>
      <c r="AO334" s="9">
        <v>11319.621501999995</v>
      </c>
      <c r="AP334" s="13">
        <v>0.21450822459106841</v>
      </c>
      <c r="AQ334" s="9">
        <v>50351.213179099999</v>
      </c>
      <c r="AR334" s="9">
        <v>51679.228012</v>
      </c>
      <c r="AS334" s="9">
        <v>50337.301869800001</v>
      </c>
      <c r="AT334" s="9">
        <v>51688.853610300001</v>
      </c>
      <c r="AU334" s="9">
        <v>50591.6481575</v>
      </c>
      <c r="AV334" s="9">
        <v>52170.7361169</v>
      </c>
      <c r="AW334" s="9">
        <v>52770.104846000002</v>
      </c>
      <c r="AX334" s="9">
        <v>53036.263498200002</v>
      </c>
      <c r="AY334" s="9">
        <v>57071.389885199998</v>
      </c>
      <c r="AZ334" s="9">
        <v>55136.2243991</v>
      </c>
      <c r="BA334" s="9">
        <v>53940.161575099999</v>
      </c>
      <c r="BB334" s="9">
        <v>56050.423108499999</v>
      </c>
      <c r="BC334" s="9">
        <v>55965.534169699997</v>
      </c>
      <c r="BD334" s="9">
        <v>60952.0609195</v>
      </c>
      <c r="BE334" s="9">
        <v>59926.731112200003</v>
      </c>
      <c r="BF334" s="9">
        <v>64089.726347999997</v>
      </c>
      <c r="BG334" s="11">
        <v>0.25</v>
      </c>
      <c r="BH334" s="13">
        <v>1.1363636363636364E-2</v>
      </c>
      <c r="BI334" s="6">
        <v>-2</v>
      </c>
      <c r="BJ334" s="13">
        <v>-9.0909090909090912E-2</v>
      </c>
      <c r="BK334" s="6">
        <v>0</v>
      </c>
      <c r="BL334" s="13">
        <v>0</v>
      </c>
      <c r="BM334" s="11">
        <v>2.25</v>
      </c>
      <c r="BN334" s="13">
        <v>0.1125</v>
      </c>
      <c r="BO334" s="11">
        <v>2.25</v>
      </c>
      <c r="BP334" s="13">
        <v>0.1125</v>
      </c>
      <c r="BQ334" s="6">
        <v>22</v>
      </c>
      <c r="BR334" s="6">
        <v>21</v>
      </c>
      <c r="BS334" s="6">
        <v>19</v>
      </c>
      <c r="BT334" s="6">
        <v>20</v>
      </c>
      <c r="BU334" s="6">
        <v>20</v>
      </c>
      <c r="BV334" s="6">
        <v>20</v>
      </c>
      <c r="BW334" s="6">
        <v>20</v>
      </c>
      <c r="BX334" s="6">
        <v>20</v>
      </c>
      <c r="BY334" s="6">
        <v>22</v>
      </c>
      <c r="BZ334" s="6">
        <v>22</v>
      </c>
      <c r="CA334" s="6">
        <v>22</v>
      </c>
      <c r="CB334" s="6">
        <v>22</v>
      </c>
      <c r="CC334" s="11">
        <v>22.25</v>
      </c>
      <c r="CD334" s="11">
        <v>-13.2742</v>
      </c>
      <c r="CE334" s="11">
        <v>97.635300000000001</v>
      </c>
      <c r="CF334" s="11">
        <v>49.847299999999997</v>
      </c>
      <c r="CG334" s="11">
        <v>148</v>
      </c>
      <c r="CH334" s="20">
        <v>0.89782499999999998</v>
      </c>
      <c r="CI334" s="20">
        <v>0.91472500000000001</v>
      </c>
      <c r="CJ334" s="20">
        <v>1.0306</v>
      </c>
      <c r="CK334" s="20">
        <v>1.0285200000000001</v>
      </c>
      <c r="CL334" s="20">
        <v>1.01484</v>
      </c>
      <c r="CM334" s="20">
        <v>0.77486299999999997</v>
      </c>
      <c r="CN334" s="20">
        <v>0.85001800000000005</v>
      </c>
      <c r="CO334" s="20">
        <v>0.83909599999999995</v>
      </c>
      <c r="CP334" s="20">
        <v>0.86029500000000003</v>
      </c>
      <c r="CQ334" s="20">
        <v>0.91727199999999998</v>
      </c>
      <c r="CR334" s="20">
        <v>0.91376599999999997</v>
      </c>
      <c r="CS334" s="20">
        <v>0.936774</v>
      </c>
      <c r="CT334" s="20">
        <v>0.90527100000000005</v>
      </c>
      <c r="CU334" s="20">
        <v>0.83604999999999996</v>
      </c>
      <c r="CV334" s="20">
        <v>0.89502099999999996</v>
      </c>
      <c r="CW334" s="20">
        <v>0.93252500000000005</v>
      </c>
      <c r="CX334" s="20">
        <v>0.92548399999999997</v>
      </c>
      <c r="CY334" s="6" t="s">
        <v>441</v>
      </c>
      <c r="CZ334" s="6" t="s">
        <v>442</v>
      </c>
      <c r="DA334" s="6" t="s">
        <v>112</v>
      </c>
      <c r="DB334" s="6" t="s">
        <v>345</v>
      </c>
      <c r="DC334" s="6">
        <v>16020</v>
      </c>
      <c r="DD334" s="6">
        <v>164</v>
      </c>
      <c r="DE334" s="6" t="s">
        <v>412</v>
      </c>
      <c r="DF334" s="6" t="s">
        <v>375</v>
      </c>
      <c r="DG334" s="6" t="s">
        <v>364</v>
      </c>
      <c r="DH334" s="6" t="s">
        <v>419</v>
      </c>
      <c r="DI334" s="6" t="s">
        <v>413</v>
      </c>
      <c r="DJ334" s="6">
        <v>29</v>
      </c>
      <c r="DK334" s="6">
        <v>31</v>
      </c>
      <c r="DL334" s="6">
        <v>2</v>
      </c>
      <c r="DM334" s="6" t="s">
        <v>379</v>
      </c>
      <c r="DN334" s="6">
        <v>3</v>
      </c>
      <c r="DO334" s="6" t="s">
        <v>380</v>
      </c>
      <c r="DP334" s="6"/>
      <c r="DQ334" s="6"/>
    </row>
    <row r="335" spans="1:121" x14ac:dyDescent="0.2">
      <c r="A335" s="6" t="s">
        <v>319</v>
      </c>
      <c r="B335" s="6" t="s">
        <v>319</v>
      </c>
      <c r="C335" s="6" t="s">
        <v>188</v>
      </c>
      <c r="D335" s="6" t="s">
        <v>112</v>
      </c>
      <c r="E335" s="6" t="s">
        <v>253</v>
      </c>
      <c r="F335" s="11">
        <v>273</v>
      </c>
      <c r="G335" s="13">
        <v>0.16087212728299999</v>
      </c>
      <c r="H335" s="11">
        <v>639.13596333999999</v>
      </c>
      <c r="I335" s="13">
        <v>0.37664486010010073</v>
      </c>
      <c r="J335" s="11">
        <v>123.4420449700001</v>
      </c>
      <c r="K335" s="13">
        <v>5.2842089208823093E-2</v>
      </c>
      <c r="L335" s="11">
        <v>-489.09358714000018</v>
      </c>
      <c r="M335" s="13">
        <v>-0.19885916082337185</v>
      </c>
      <c r="N335" s="11">
        <v>-365.65154217000008</v>
      </c>
      <c r="O335" s="13">
        <v>-0.15652520513076904</v>
      </c>
      <c r="P335" s="7">
        <v>1696.91938228</v>
      </c>
      <c r="Q335" s="7">
        <v>1705.9899681899999</v>
      </c>
      <c r="R335" s="7">
        <v>1667.24827031</v>
      </c>
      <c r="S335" s="7">
        <v>1803.26393678</v>
      </c>
      <c r="T335" s="7">
        <v>2020.0901905600001</v>
      </c>
      <c r="U335" s="7">
        <v>2094.33435448</v>
      </c>
      <c r="V335" s="7">
        <v>2336.05534562</v>
      </c>
      <c r="W335" s="7">
        <v>2725.6240956000001</v>
      </c>
      <c r="X335" s="7">
        <v>2543.77838144</v>
      </c>
      <c r="Y335" s="7">
        <v>2459.4973905900001</v>
      </c>
      <c r="Z335" s="7">
        <v>2479.19658785</v>
      </c>
      <c r="AA335" s="7">
        <v>2451.7022508599998</v>
      </c>
      <c r="AB335" s="7">
        <v>2383.2536670200002</v>
      </c>
      <c r="AC335" s="7">
        <v>1955.3851543000001</v>
      </c>
      <c r="AD335" s="7">
        <v>2017.1468334799999</v>
      </c>
      <c r="AE335" s="7">
        <v>1953.9615244500001</v>
      </c>
      <c r="AF335" s="7">
        <v>1970.4038034499999</v>
      </c>
      <c r="AG335" s="9">
        <v>11200.455206499999</v>
      </c>
      <c r="AH335" s="13">
        <v>0.54256673658366372</v>
      </c>
      <c r="AI335" s="9">
        <v>3548.0511167000004</v>
      </c>
      <c r="AJ335" s="13">
        <v>0.17187288196133044</v>
      </c>
      <c r="AK335" s="9">
        <v>1390.1724548999991</v>
      </c>
      <c r="AL335" s="13">
        <v>5.7465298347420667E-2</v>
      </c>
      <c r="AM335" s="9">
        <v>6262.2316348999993</v>
      </c>
      <c r="AN335" s="13">
        <v>0.24479356097411911</v>
      </c>
      <c r="AO335" s="9">
        <v>7652.4040897999985</v>
      </c>
      <c r="AP335" s="13">
        <v>0.31632599433644504</v>
      </c>
      <c r="AQ335" s="9">
        <v>20643.4608893</v>
      </c>
      <c r="AR335" s="9">
        <v>19994.324196000001</v>
      </c>
      <c r="AS335" s="9">
        <v>21881.338473899999</v>
      </c>
      <c r="AT335" s="9">
        <v>23000.875281100001</v>
      </c>
      <c r="AU335" s="9">
        <v>24259.204693700001</v>
      </c>
      <c r="AV335" s="9">
        <v>24268.0200224</v>
      </c>
      <c r="AW335" s="9">
        <v>24191.512006000001</v>
      </c>
      <c r="AX335" s="9">
        <v>23141.084844600002</v>
      </c>
      <c r="AY335" s="9">
        <v>26238.050183300002</v>
      </c>
      <c r="AZ335" s="9">
        <v>25581.6844609</v>
      </c>
      <c r="BA335" s="9">
        <v>25624.432047099999</v>
      </c>
      <c r="BB335" s="9">
        <v>25928.5280399</v>
      </c>
      <c r="BC335" s="9">
        <v>27401.039874400001</v>
      </c>
      <c r="BD335" s="9">
        <v>28915.052834999999</v>
      </c>
      <c r="BE335" s="9">
        <v>30297.8287691</v>
      </c>
      <c r="BF335" s="9">
        <v>31843.916095799999</v>
      </c>
      <c r="BG335" s="11">
        <v>20.25</v>
      </c>
      <c r="BH335" s="13">
        <v>0.19103773584905662</v>
      </c>
      <c r="BI335" s="6">
        <v>6</v>
      </c>
      <c r="BJ335" s="13">
        <v>5.6603773584905662E-2</v>
      </c>
      <c r="BK335" s="6">
        <v>-7</v>
      </c>
      <c r="BL335" s="13">
        <v>-6.25E-2</v>
      </c>
      <c r="BM335" s="11">
        <v>21.25</v>
      </c>
      <c r="BN335" s="13">
        <v>0.20238095238095238</v>
      </c>
      <c r="BO335" s="11">
        <v>14.25</v>
      </c>
      <c r="BP335" s="13">
        <v>0.12723214285714285</v>
      </c>
      <c r="BQ335" s="6">
        <v>106</v>
      </c>
      <c r="BR335" s="6">
        <v>104</v>
      </c>
      <c r="BS335" s="6">
        <v>104</v>
      </c>
      <c r="BT335" s="6">
        <v>112</v>
      </c>
      <c r="BU335" s="6">
        <v>105</v>
      </c>
      <c r="BV335" s="6">
        <v>102</v>
      </c>
      <c r="BW335" s="6">
        <v>105</v>
      </c>
      <c r="BX335" s="6">
        <v>116</v>
      </c>
      <c r="BY335" s="6">
        <v>120</v>
      </c>
      <c r="BZ335" s="6">
        <v>124</v>
      </c>
      <c r="CA335" s="6">
        <v>135</v>
      </c>
      <c r="CB335" s="6">
        <v>132</v>
      </c>
      <c r="CC335" s="11">
        <v>126.25</v>
      </c>
      <c r="CD335" s="11">
        <v>-64.685500000000005</v>
      </c>
      <c r="CE335" s="11">
        <v>152.67599999999999</v>
      </c>
      <c r="CF335" s="11">
        <v>185.494</v>
      </c>
      <c r="CG335" s="11">
        <v>338</v>
      </c>
      <c r="CH335" s="20">
        <v>0.68111299999999997</v>
      </c>
      <c r="CI335" s="20">
        <v>0.67479100000000003</v>
      </c>
      <c r="CJ335" s="20">
        <v>0.66092399999999996</v>
      </c>
      <c r="CK335" s="20">
        <v>0.70485500000000001</v>
      </c>
      <c r="CL335" s="20">
        <v>0.75397099999999995</v>
      </c>
      <c r="CM335" s="20">
        <v>0.75390100000000004</v>
      </c>
      <c r="CN335" s="20">
        <v>0.82659300000000002</v>
      </c>
      <c r="CO335" s="20">
        <v>1.0159400000000001</v>
      </c>
      <c r="CP335" s="20">
        <v>1.0374699999999999</v>
      </c>
      <c r="CQ335" s="20">
        <v>0.97652899999999998</v>
      </c>
      <c r="CR335" s="20">
        <v>0.96567199999999997</v>
      </c>
      <c r="CS335" s="20">
        <v>0.92435400000000001</v>
      </c>
      <c r="CT335" s="20">
        <v>0.87540799999999996</v>
      </c>
      <c r="CU335" s="20">
        <v>0.71450100000000005</v>
      </c>
      <c r="CV335" s="20">
        <v>0.728213</v>
      </c>
      <c r="CW335" s="20">
        <v>0.70086400000000004</v>
      </c>
      <c r="CX335" s="20">
        <v>0.69506800000000002</v>
      </c>
      <c r="CY335" s="6" t="s">
        <v>441</v>
      </c>
      <c r="CZ335" s="6" t="s">
        <v>442</v>
      </c>
      <c r="DA335" s="6" t="s">
        <v>112</v>
      </c>
      <c r="DB335" s="6" t="s">
        <v>345</v>
      </c>
      <c r="DC335" s="6">
        <v>16020</v>
      </c>
      <c r="DD335" s="6">
        <v>164</v>
      </c>
      <c r="DE335" s="6" t="s">
        <v>412</v>
      </c>
      <c r="DF335" s="6" t="s">
        <v>375</v>
      </c>
      <c r="DG335" s="6" t="s">
        <v>364</v>
      </c>
      <c r="DH335" s="6" t="s">
        <v>419</v>
      </c>
      <c r="DI335" s="6" t="s">
        <v>413</v>
      </c>
      <c r="DJ335" s="6">
        <v>29</v>
      </c>
      <c r="DK335" s="6">
        <v>31</v>
      </c>
      <c r="DL335" s="6">
        <v>2</v>
      </c>
      <c r="DM335" s="6" t="s">
        <v>379</v>
      </c>
      <c r="DN335" s="6">
        <v>3</v>
      </c>
      <c r="DO335" s="6" t="s">
        <v>380</v>
      </c>
      <c r="DP335" s="6"/>
      <c r="DQ335" s="6"/>
    </row>
    <row r="336" spans="1:121" x14ac:dyDescent="0.2">
      <c r="A336" s="6" t="s">
        <v>320</v>
      </c>
      <c r="B336" s="6" t="s">
        <v>320</v>
      </c>
      <c r="C336" s="6" t="s">
        <v>189</v>
      </c>
      <c r="D336" s="6" t="s">
        <v>112</v>
      </c>
      <c r="E336" s="6" t="s">
        <v>253</v>
      </c>
      <c r="F336" s="11">
        <v>31</v>
      </c>
      <c r="G336" s="13">
        <v>9.25373134328E-2</v>
      </c>
      <c r="H336" s="11">
        <v>-59.995711308000011</v>
      </c>
      <c r="I336" s="13">
        <v>-0.17931664949488149</v>
      </c>
      <c r="J336" s="11">
        <v>16.468526435000001</v>
      </c>
      <c r="K336" s="13">
        <v>5.9976280267458784E-2</v>
      </c>
      <c r="L336" s="11">
        <v>75.334084219000033</v>
      </c>
      <c r="M336" s="13">
        <v>0.25883330175916525</v>
      </c>
      <c r="N336" s="11">
        <v>91.802610654000034</v>
      </c>
      <c r="O336" s="13">
        <v>0.33433344067548343</v>
      </c>
      <c r="P336" s="7">
        <v>334.57970287199998</v>
      </c>
      <c r="Q336" s="7">
        <v>313.21161482000002</v>
      </c>
      <c r="R336" s="7">
        <v>231.57709134300001</v>
      </c>
      <c r="S336" s="7">
        <v>214.174317035</v>
      </c>
      <c r="T336" s="7">
        <v>272.93914085900002</v>
      </c>
      <c r="U336" s="7">
        <v>308.16224146600001</v>
      </c>
      <c r="V336" s="7">
        <v>274.58399156399997</v>
      </c>
      <c r="W336" s="7">
        <v>246.626515606</v>
      </c>
      <c r="X336" s="7">
        <v>291.47401819300001</v>
      </c>
      <c r="Y336" s="7">
        <v>291.05251799899997</v>
      </c>
      <c r="Z336" s="7">
        <v>315.28809645899997</v>
      </c>
      <c r="AA336" s="7">
        <v>332.11414707500001</v>
      </c>
      <c r="AB336" s="7">
        <v>350.58979145400002</v>
      </c>
      <c r="AC336" s="7">
        <v>356.87321268699998</v>
      </c>
      <c r="AD336" s="7">
        <v>352.21947044900003</v>
      </c>
      <c r="AE336" s="7">
        <v>354.68033780600001</v>
      </c>
      <c r="AF336" s="7">
        <v>366.38660221800001</v>
      </c>
      <c r="AG336" s="9">
        <v>15568.0931263</v>
      </c>
      <c r="AH336" s="13">
        <v>0.99512241085637199</v>
      </c>
      <c r="AI336" s="9">
        <v>11942.4316409</v>
      </c>
      <c r="AJ336" s="13">
        <v>0.76336782350712251</v>
      </c>
      <c r="AK336" s="9">
        <v>39.991086300000461</v>
      </c>
      <c r="AL336" s="13">
        <v>1.4496440439867083E-3</v>
      </c>
      <c r="AM336" s="9">
        <v>3585.6703990999995</v>
      </c>
      <c r="AN336" s="13">
        <v>0.12978945946209203</v>
      </c>
      <c r="AO336" s="9">
        <v>3625.6614853999999</v>
      </c>
      <c r="AP336" s="13">
        <v>0.13142725202296021</v>
      </c>
      <c r="AQ336" s="9">
        <v>15644.400082300001</v>
      </c>
      <c r="AR336" s="9">
        <v>16088.718350499999</v>
      </c>
      <c r="AS336" s="9">
        <v>18375.4590426</v>
      </c>
      <c r="AT336" s="9">
        <v>21202.188129499998</v>
      </c>
      <c r="AU336" s="9">
        <v>21583.991266000001</v>
      </c>
      <c r="AV336" s="9">
        <v>22445.094096000001</v>
      </c>
      <c r="AW336" s="9">
        <v>27586.831723200001</v>
      </c>
      <c r="AX336" s="9">
        <v>26275.6620692</v>
      </c>
      <c r="AY336" s="9">
        <v>23394.5765125</v>
      </c>
      <c r="AZ336" s="9">
        <v>27626.822809500001</v>
      </c>
      <c r="BA336" s="9">
        <v>26348.310704</v>
      </c>
      <c r="BB336" s="9">
        <v>26160.443344399999</v>
      </c>
      <c r="BC336" s="9">
        <v>25006.432439</v>
      </c>
      <c r="BD336" s="9">
        <v>30031.938366800001</v>
      </c>
      <c r="BE336" s="9">
        <v>30969.050160700001</v>
      </c>
      <c r="BF336" s="9">
        <v>31212.493208600001</v>
      </c>
      <c r="BG336" s="11">
        <v>3.75</v>
      </c>
      <c r="BH336" s="13">
        <v>0.22058823529411764</v>
      </c>
      <c r="BI336" s="6">
        <v>-4</v>
      </c>
      <c r="BJ336" s="13">
        <v>-0.23529411764705882</v>
      </c>
      <c r="BK336" s="6">
        <v>3</v>
      </c>
      <c r="BL336" s="13">
        <v>0.23076923076923078</v>
      </c>
      <c r="BM336" s="11">
        <v>4.75</v>
      </c>
      <c r="BN336" s="13">
        <v>0.296875</v>
      </c>
      <c r="BO336" s="11">
        <v>7.75</v>
      </c>
      <c r="BP336" s="13">
        <v>0.59615384615384615</v>
      </c>
      <c r="BQ336" s="6">
        <v>17</v>
      </c>
      <c r="BR336" s="6">
        <v>14</v>
      </c>
      <c r="BS336" s="6">
        <v>14</v>
      </c>
      <c r="BT336" s="6">
        <v>13</v>
      </c>
      <c r="BU336" s="6">
        <v>14</v>
      </c>
      <c r="BV336" s="6">
        <v>16</v>
      </c>
      <c r="BW336" s="6">
        <v>16</v>
      </c>
      <c r="BX336" s="6">
        <v>17</v>
      </c>
      <c r="BY336" s="6">
        <v>18</v>
      </c>
      <c r="BZ336" s="6">
        <v>18</v>
      </c>
      <c r="CA336" s="6">
        <v>19</v>
      </c>
      <c r="CB336" s="6">
        <v>20</v>
      </c>
      <c r="CC336" s="11">
        <v>20.75</v>
      </c>
      <c r="CD336" s="11">
        <v>-125.92</v>
      </c>
      <c r="CE336" s="11">
        <v>121.15300000000001</v>
      </c>
      <c r="CF336" s="11">
        <v>36.573599999999999</v>
      </c>
      <c r="CG336" s="11">
        <v>158</v>
      </c>
      <c r="CH336" s="20">
        <v>0.40252700000000002</v>
      </c>
      <c r="CI336" s="20">
        <v>0.35485699999999998</v>
      </c>
      <c r="CJ336" s="20">
        <v>0.255359</v>
      </c>
      <c r="CK336" s="20">
        <v>0.23197999999999999</v>
      </c>
      <c r="CL336" s="20">
        <v>0.288609</v>
      </c>
      <c r="CM336" s="20">
        <v>0.31581500000000001</v>
      </c>
      <c r="CN336" s="20">
        <v>0.27229500000000001</v>
      </c>
      <c r="CO336" s="20">
        <v>0.23944799999999999</v>
      </c>
      <c r="CP336" s="20">
        <v>0.27413300000000002</v>
      </c>
      <c r="CQ336" s="20">
        <v>0.26848499999999997</v>
      </c>
      <c r="CR336" s="20">
        <v>0.287412</v>
      </c>
      <c r="CS336" s="20">
        <v>0.295873</v>
      </c>
      <c r="CT336" s="20">
        <v>0.30826599999999998</v>
      </c>
      <c r="CU336" s="20">
        <v>0.31589600000000001</v>
      </c>
      <c r="CV336" s="20">
        <v>0.311361</v>
      </c>
      <c r="CW336" s="20">
        <v>0.31192500000000001</v>
      </c>
      <c r="CX336" s="20">
        <v>0.31574400000000002</v>
      </c>
      <c r="CY336" s="6" t="s">
        <v>441</v>
      </c>
      <c r="CZ336" s="6" t="s">
        <v>442</v>
      </c>
      <c r="DA336" s="6" t="s">
        <v>112</v>
      </c>
      <c r="DB336" s="6" t="s">
        <v>345</v>
      </c>
      <c r="DC336" s="6">
        <v>16020</v>
      </c>
      <c r="DD336" s="6">
        <v>164</v>
      </c>
      <c r="DE336" s="6" t="s">
        <v>412</v>
      </c>
      <c r="DF336" s="6" t="s">
        <v>375</v>
      </c>
      <c r="DG336" s="6" t="s">
        <v>364</v>
      </c>
      <c r="DH336" s="6" t="s">
        <v>419</v>
      </c>
      <c r="DI336" s="6" t="s">
        <v>413</v>
      </c>
      <c r="DJ336" s="6">
        <v>29</v>
      </c>
      <c r="DK336" s="6">
        <v>31</v>
      </c>
      <c r="DL336" s="6">
        <v>2</v>
      </c>
      <c r="DM336" s="6" t="s">
        <v>379</v>
      </c>
      <c r="DN336" s="6">
        <v>3</v>
      </c>
      <c r="DO336" s="6" t="s">
        <v>380</v>
      </c>
      <c r="DP336" s="6"/>
      <c r="DQ336" s="6"/>
    </row>
    <row r="337" spans="1:121" x14ac:dyDescent="0.2">
      <c r="A337" s="6" t="s">
        <v>321</v>
      </c>
      <c r="B337" s="6" t="s">
        <v>321</v>
      </c>
      <c r="C337" s="6" t="s">
        <v>190</v>
      </c>
      <c r="D337" s="6" t="s">
        <v>112</v>
      </c>
      <c r="E337" s="6" t="s">
        <v>253</v>
      </c>
      <c r="F337" s="11">
        <v>2430</v>
      </c>
      <c r="G337" s="13">
        <v>0.34419263456100002</v>
      </c>
      <c r="H337" s="11">
        <v>1468.3688602800003</v>
      </c>
      <c r="I337" s="13">
        <v>0.20797721384299725</v>
      </c>
      <c r="J337" s="11">
        <v>491.44350060999932</v>
      </c>
      <c r="K337" s="13">
        <v>5.7622944097456233E-2</v>
      </c>
      <c r="L337" s="11">
        <v>470.11169469000015</v>
      </c>
      <c r="M337" s="13">
        <v>5.2118515723252115E-2</v>
      </c>
      <c r="N337" s="11">
        <v>961.55519529999947</v>
      </c>
      <c r="O337" s="13">
        <v>0.11274468213867168</v>
      </c>
      <c r="P337" s="7">
        <v>7060.23911537</v>
      </c>
      <c r="Q337" s="7">
        <v>7450.5119309299998</v>
      </c>
      <c r="R337" s="7">
        <v>7772.2812937899998</v>
      </c>
      <c r="S337" s="7">
        <v>7935.4839655899996</v>
      </c>
      <c r="T337" s="7">
        <v>8041.1475135999999</v>
      </c>
      <c r="U337" s="7">
        <v>8285.1581663399993</v>
      </c>
      <c r="V337" s="7">
        <v>8528.6079756500003</v>
      </c>
      <c r="W337" s="7">
        <v>8759.8778625199993</v>
      </c>
      <c r="X337" s="7">
        <v>8794.1831945199992</v>
      </c>
      <c r="Y337" s="7">
        <v>9020.0514762599996</v>
      </c>
      <c r="Z337" s="7">
        <v>9156.8528164500003</v>
      </c>
      <c r="AA337" s="7">
        <v>9539.6563941200002</v>
      </c>
      <c r="AB337" s="7">
        <v>9437.7673969799998</v>
      </c>
      <c r="AC337" s="7">
        <v>9320.5972850199996</v>
      </c>
      <c r="AD337" s="7">
        <v>9210.3485051999996</v>
      </c>
      <c r="AE337" s="7">
        <v>9310.3507362399996</v>
      </c>
      <c r="AF337" s="7">
        <v>9490.1631709499998</v>
      </c>
      <c r="AG337" s="9">
        <v>21821.368246600003</v>
      </c>
      <c r="AH337" s="13">
        <v>0.59440053705506368</v>
      </c>
      <c r="AI337" s="9">
        <v>10786.353459700003</v>
      </c>
      <c r="AJ337" s="13">
        <v>0.29381357836305205</v>
      </c>
      <c r="AK337" s="9">
        <v>6628.1278119999988</v>
      </c>
      <c r="AL337" s="13">
        <v>0.13954567624041728</v>
      </c>
      <c r="AM337" s="9">
        <v>4406.8869749000005</v>
      </c>
      <c r="AN337" s="13">
        <v>8.1418985127844304E-2</v>
      </c>
      <c r="AO337" s="9">
        <v>11035.014786899999</v>
      </c>
      <c r="AP337" s="13">
        <v>0.23232632870673509</v>
      </c>
      <c r="AQ337" s="9">
        <v>36711.555401199999</v>
      </c>
      <c r="AR337" s="9">
        <v>38009.409814500003</v>
      </c>
      <c r="AS337" s="9">
        <v>39381.8283018</v>
      </c>
      <c r="AT337" s="9">
        <v>42203.3220344</v>
      </c>
      <c r="AU337" s="9">
        <v>44351.408209100002</v>
      </c>
      <c r="AV337" s="9">
        <v>46350.465889200001</v>
      </c>
      <c r="AW337" s="9">
        <v>47497.908860900003</v>
      </c>
      <c r="AX337" s="9">
        <v>48172.532706400001</v>
      </c>
      <c r="AY337" s="9">
        <v>51757.5258092</v>
      </c>
      <c r="AZ337" s="9">
        <v>54126.036672900002</v>
      </c>
      <c r="BA337" s="9">
        <v>56614.5522709</v>
      </c>
      <c r="BB337" s="9">
        <v>56616.754161199999</v>
      </c>
      <c r="BC337" s="9">
        <v>56877.510831300002</v>
      </c>
      <c r="BD337" s="9">
        <v>57226.3723207</v>
      </c>
      <c r="BE337" s="9">
        <v>57688.812303699997</v>
      </c>
      <c r="BF337" s="9">
        <v>58532.923647800002</v>
      </c>
      <c r="BG337" s="11">
        <v>308</v>
      </c>
      <c r="BH337" s="13">
        <v>1.232</v>
      </c>
      <c r="BI337" s="6">
        <v>10</v>
      </c>
      <c r="BJ337" s="13">
        <v>0.04</v>
      </c>
      <c r="BK337" s="6">
        <v>9</v>
      </c>
      <c r="BL337" s="13">
        <v>3.4615384615384617E-2</v>
      </c>
      <c r="BM337" s="11">
        <v>289</v>
      </c>
      <c r="BN337" s="13">
        <v>1.0743494423791822</v>
      </c>
      <c r="BO337" s="11">
        <v>298</v>
      </c>
      <c r="BP337" s="13">
        <v>1.1461538461538461</v>
      </c>
      <c r="BQ337" s="6">
        <v>250</v>
      </c>
      <c r="BR337" s="6">
        <v>247</v>
      </c>
      <c r="BS337" s="6">
        <v>255</v>
      </c>
      <c r="BT337" s="6">
        <v>260</v>
      </c>
      <c r="BU337" s="6">
        <v>261</v>
      </c>
      <c r="BV337" s="6">
        <v>266</v>
      </c>
      <c r="BW337" s="6">
        <v>269</v>
      </c>
      <c r="BX337" s="6">
        <v>268</v>
      </c>
      <c r="BY337" s="6">
        <v>274</v>
      </c>
      <c r="BZ337" s="6">
        <v>522</v>
      </c>
      <c r="CA337" s="6">
        <v>548</v>
      </c>
      <c r="CB337" s="6">
        <v>550</v>
      </c>
      <c r="CC337" s="11">
        <v>558</v>
      </c>
      <c r="CD337" s="11">
        <v>-912.94799999999998</v>
      </c>
      <c r="CE337" s="11">
        <v>2571.1</v>
      </c>
      <c r="CF337" s="11">
        <v>771.76900000000001</v>
      </c>
      <c r="CG337" s="11">
        <v>3343</v>
      </c>
      <c r="CH337" s="20">
        <v>1.7198899999999999</v>
      </c>
      <c r="CI337" s="20">
        <v>1.7216100000000001</v>
      </c>
      <c r="CJ337" s="20">
        <v>1.74495</v>
      </c>
      <c r="CK337" s="20">
        <v>1.7784</v>
      </c>
      <c r="CL337" s="20">
        <v>1.7402500000000001</v>
      </c>
      <c r="CM337" s="20">
        <v>1.73231</v>
      </c>
      <c r="CN337" s="20">
        <v>1.7216800000000001</v>
      </c>
      <c r="CO337" s="20">
        <v>1.73716</v>
      </c>
      <c r="CP337" s="20">
        <v>1.7023600000000001</v>
      </c>
      <c r="CQ337" s="20">
        <v>1.72336</v>
      </c>
      <c r="CR337" s="20">
        <v>1.75972</v>
      </c>
      <c r="CS337" s="20">
        <v>1.7621500000000001</v>
      </c>
      <c r="CT337" s="20">
        <v>1.71157</v>
      </c>
      <c r="CU337" s="20">
        <v>1.7051499999999999</v>
      </c>
      <c r="CV337" s="20">
        <v>1.6659600000000001</v>
      </c>
      <c r="CW337" s="20">
        <v>1.6653199999999999</v>
      </c>
      <c r="CX337" s="20">
        <v>1.6536599999999999</v>
      </c>
      <c r="CY337" s="6" t="s">
        <v>441</v>
      </c>
      <c r="CZ337" s="6" t="s">
        <v>442</v>
      </c>
      <c r="DA337" s="6" t="s">
        <v>112</v>
      </c>
      <c r="DB337" s="6" t="s">
        <v>345</v>
      </c>
      <c r="DC337" s="6">
        <v>16020</v>
      </c>
      <c r="DD337" s="6">
        <v>164</v>
      </c>
      <c r="DE337" s="6" t="s">
        <v>412</v>
      </c>
      <c r="DF337" s="6" t="s">
        <v>375</v>
      </c>
      <c r="DG337" s="6" t="s">
        <v>364</v>
      </c>
      <c r="DH337" s="6" t="s">
        <v>419</v>
      </c>
      <c r="DI337" s="6" t="s">
        <v>413</v>
      </c>
      <c r="DJ337" s="6">
        <v>29</v>
      </c>
      <c r="DK337" s="6">
        <v>31</v>
      </c>
      <c r="DL337" s="6">
        <v>2</v>
      </c>
      <c r="DM337" s="6" t="s">
        <v>379</v>
      </c>
      <c r="DN337" s="6">
        <v>3</v>
      </c>
      <c r="DO337" s="6" t="s">
        <v>380</v>
      </c>
      <c r="DP337" s="6"/>
      <c r="DQ337" s="6"/>
    </row>
    <row r="338" spans="1:121" x14ac:dyDescent="0.2">
      <c r="A338" s="6" t="s">
        <v>322</v>
      </c>
      <c r="B338" s="6" t="s">
        <v>322</v>
      </c>
      <c r="C338" s="6" t="s">
        <v>191</v>
      </c>
      <c r="D338" s="6" t="s">
        <v>112</v>
      </c>
      <c r="E338" s="6" t="s">
        <v>253</v>
      </c>
      <c r="F338" s="11">
        <v>535</v>
      </c>
      <c r="G338" s="13">
        <v>1.59</v>
      </c>
      <c r="H338" s="11">
        <v>156</v>
      </c>
      <c r="I338" s="13">
        <v>0.4642857142857143</v>
      </c>
      <c r="J338" s="11">
        <v>-64</v>
      </c>
      <c r="K338" s="13">
        <v>-0.13008130081300814</v>
      </c>
      <c r="L338" s="11">
        <v>443</v>
      </c>
      <c r="M338" s="13">
        <v>1.0350467289719627</v>
      </c>
      <c r="N338" s="11">
        <v>379</v>
      </c>
      <c r="O338" s="13">
        <v>0.77032520325203269</v>
      </c>
      <c r="P338" s="7">
        <v>336</v>
      </c>
      <c r="Q338" s="7">
        <v>399</v>
      </c>
      <c r="R338" s="7">
        <v>386</v>
      </c>
      <c r="S338" s="7">
        <v>421</v>
      </c>
      <c r="T338" s="7">
        <v>468</v>
      </c>
      <c r="U338" s="7">
        <v>482</v>
      </c>
      <c r="V338" s="7">
        <v>492</v>
      </c>
      <c r="W338" s="7">
        <v>496</v>
      </c>
      <c r="X338" s="7">
        <v>436</v>
      </c>
      <c r="Y338" s="7">
        <v>428</v>
      </c>
      <c r="Z338" s="7">
        <v>415</v>
      </c>
      <c r="AA338" s="7">
        <v>616</v>
      </c>
      <c r="AB338" s="7">
        <v>925</v>
      </c>
      <c r="AC338" s="7">
        <v>835</v>
      </c>
      <c r="AD338" s="7">
        <v>829</v>
      </c>
      <c r="AE338" s="7">
        <v>818</v>
      </c>
      <c r="AF338" s="7">
        <v>871</v>
      </c>
      <c r="AG338" s="9">
        <v>12375</v>
      </c>
      <c r="AH338" s="13">
        <v>0.85462707182320452</v>
      </c>
      <c r="AI338" s="9">
        <v>2594</v>
      </c>
      <c r="AJ338" s="13">
        <v>0.17914364640883981</v>
      </c>
      <c r="AK338" s="9">
        <v>1470</v>
      </c>
      <c r="AL338" s="13">
        <v>8.6095818203115834E-2</v>
      </c>
      <c r="AM338" s="9">
        <v>8311</v>
      </c>
      <c r="AN338" s="13">
        <v>0.44817730802415878</v>
      </c>
      <c r="AO338" s="9">
        <v>9781</v>
      </c>
      <c r="AP338" s="13">
        <v>0.57285931826168446</v>
      </c>
      <c r="AQ338" s="9">
        <v>14480</v>
      </c>
      <c r="AR338" s="9">
        <v>15049</v>
      </c>
      <c r="AS338" s="9">
        <v>15240</v>
      </c>
      <c r="AT338" s="9">
        <v>16229</v>
      </c>
      <c r="AU338" s="9">
        <v>16592</v>
      </c>
      <c r="AV338" s="9">
        <v>16708</v>
      </c>
      <c r="AW338" s="9">
        <v>17074</v>
      </c>
      <c r="AX338" s="9">
        <v>17409</v>
      </c>
      <c r="AY338" s="9">
        <v>17794</v>
      </c>
      <c r="AZ338" s="9">
        <v>18544</v>
      </c>
      <c r="BA338" s="9">
        <v>18979</v>
      </c>
      <c r="BB338" s="9">
        <v>21930</v>
      </c>
      <c r="BC338" s="9">
        <v>25251</v>
      </c>
      <c r="BD338" s="9">
        <v>26152</v>
      </c>
      <c r="BE338" s="9">
        <v>27617</v>
      </c>
      <c r="BF338" s="9">
        <v>26855</v>
      </c>
      <c r="BG338" s="11">
        <v>1</v>
      </c>
      <c r="BH338" s="13">
        <v>3.8461538461538464E-2</v>
      </c>
      <c r="BI338" s="6">
        <v>3</v>
      </c>
      <c r="BJ338" s="13">
        <v>0.11538461538461539</v>
      </c>
      <c r="BK338" s="6">
        <v>1</v>
      </c>
      <c r="BL338" s="13">
        <v>3.4482758620689655E-2</v>
      </c>
      <c r="BM338" s="11">
        <v>-3</v>
      </c>
      <c r="BN338" s="13">
        <v>-0.1</v>
      </c>
      <c r="BO338" s="11">
        <v>-2</v>
      </c>
      <c r="BP338" s="13">
        <v>-6.8965517241379309E-2</v>
      </c>
      <c r="BQ338" s="6">
        <v>26</v>
      </c>
      <c r="BR338" s="6">
        <v>29</v>
      </c>
      <c r="BS338" s="6">
        <v>28</v>
      </c>
      <c r="BT338" s="6">
        <v>29</v>
      </c>
      <c r="BU338" s="6">
        <v>27</v>
      </c>
      <c r="BV338" s="6">
        <v>27</v>
      </c>
      <c r="BW338" s="6">
        <v>30</v>
      </c>
      <c r="BX338" s="6">
        <v>31</v>
      </c>
      <c r="BY338" s="6">
        <v>32</v>
      </c>
      <c r="BZ338" s="6">
        <v>26</v>
      </c>
      <c r="CA338" s="6">
        <v>26</v>
      </c>
      <c r="CB338" s="6">
        <v>28</v>
      </c>
      <c r="CC338" s="11">
        <v>27</v>
      </c>
      <c r="CD338" s="11">
        <v>437</v>
      </c>
      <c r="CE338" s="11">
        <v>61</v>
      </c>
      <c r="CF338" s="11">
        <v>37</v>
      </c>
      <c r="CG338" s="11">
        <v>98</v>
      </c>
      <c r="CH338" s="20">
        <v>0.53</v>
      </c>
      <c r="CI338" s="20">
        <v>0.61</v>
      </c>
      <c r="CJ338" s="20">
        <v>0.57999999999999996</v>
      </c>
      <c r="CK338" s="20">
        <v>0.64</v>
      </c>
      <c r="CL338" s="20">
        <v>0.69</v>
      </c>
      <c r="CM338" s="20">
        <v>0.69</v>
      </c>
      <c r="CN338" s="20">
        <v>0.68</v>
      </c>
      <c r="CO338" s="20">
        <v>0.69</v>
      </c>
      <c r="CP338" s="20">
        <v>0.61</v>
      </c>
      <c r="CQ338" s="20">
        <v>0.61</v>
      </c>
      <c r="CR338" s="20">
        <v>0.59</v>
      </c>
      <c r="CS338" s="20">
        <v>0.86</v>
      </c>
      <c r="CT338" s="20">
        <v>1.27</v>
      </c>
      <c r="CU338" s="20">
        <v>1.1399999999999999</v>
      </c>
      <c r="CV338" s="20">
        <v>1.1100000000000001</v>
      </c>
      <c r="CW338" s="20">
        <v>1.08</v>
      </c>
      <c r="CX338" s="20">
        <v>1.1299999999999999</v>
      </c>
      <c r="CY338" s="6" t="s">
        <v>441</v>
      </c>
      <c r="CZ338" s="6" t="s">
        <v>442</v>
      </c>
      <c r="DA338" s="6" t="s">
        <v>112</v>
      </c>
      <c r="DB338" s="6" t="s">
        <v>345</v>
      </c>
      <c r="DC338" s="6">
        <v>16020</v>
      </c>
      <c r="DD338" s="6">
        <v>164</v>
      </c>
      <c r="DE338" s="6" t="s">
        <v>412</v>
      </c>
      <c r="DF338" s="6" t="s">
        <v>375</v>
      </c>
      <c r="DG338" s="6" t="s">
        <v>364</v>
      </c>
      <c r="DH338" s="6" t="s">
        <v>419</v>
      </c>
      <c r="DI338" s="6" t="s">
        <v>413</v>
      </c>
      <c r="DJ338" s="6">
        <v>29</v>
      </c>
      <c r="DK338" s="6">
        <v>31</v>
      </c>
      <c r="DL338" s="6">
        <v>2</v>
      </c>
      <c r="DM338" s="6" t="s">
        <v>379</v>
      </c>
      <c r="DN338" s="6">
        <v>3</v>
      </c>
      <c r="DO338" s="6" t="s">
        <v>380</v>
      </c>
      <c r="DP338" s="6"/>
      <c r="DQ338" s="6"/>
    </row>
    <row r="339" spans="1:121" x14ac:dyDescent="0.2">
      <c r="A339" s="6" t="s">
        <v>323</v>
      </c>
      <c r="B339" s="6" t="s">
        <v>323</v>
      </c>
      <c r="C339" s="6" t="s">
        <v>192</v>
      </c>
      <c r="D339" s="6" t="s">
        <v>112</v>
      </c>
      <c r="E339" s="6" t="s">
        <v>253</v>
      </c>
      <c r="F339" s="11">
        <v>847</v>
      </c>
      <c r="G339" s="13">
        <v>0.26719242902200002</v>
      </c>
      <c r="H339" s="11">
        <v>1134.14942397</v>
      </c>
      <c r="I339" s="13">
        <v>0.35775639274082793</v>
      </c>
      <c r="J339" s="11">
        <v>-755.04058845000009</v>
      </c>
      <c r="K339" s="13">
        <v>-0.1754145317804017</v>
      </c>
      <c r="L339" s="11">
        <v>467.33762964000016</v>
      </c>
      <c r="M339" s="13">
        <v>0.13167106389571254</v>
      </c>
      <c r="N339" s="11">
        <v>-287.70295880999993</v>
      </c>
      <c r="O339" s="13">
        <v>-6.6840485906982938E-2</v>
      </c>
      <c r="P339" s="7">
        <v>3170.1723490700001</v>
      </c>
      <c r="Q339" s="7">
        <v>3345.6377648900002</v>
      </c>
      <c r="R339" s="7">
        <v>3527.6504435400002</v>
      </c>
      <c r="S339" s="7">
        <v>3529.67130064</v>
      </c>
      <c r="T339" s="7">
        <v>3585.5939731600001</v>
      </c>
      <c r="U339" s="7">
        <v>3978.4801601899999</v>
      </c>
      <c r="V339" s="7">
        <v>4304.3217730400002</v>
      </c>
      <c r="W339" s="7">
        <v>4201.7031316299999</v>
      </c>
      <c r="X339" s="7">
        <v>3808.6565246</v>
      </c>
      <c r="Y339" s="7">
        <v>3549.2811845900001</v>
      </c>
      <c r="Z339" s="7">
        <v>3701.4752237500002</v>
      </c>
      <c r="AA339" s="7">
        <v>3785.3211646999998</v>
      </c>
      <c r="AB339" s="7">
        <v>3716.4633077899998</v>
      </c>
      <c r="AC339" s="7">
        <v>3747.96642346</v>
      </c>
      <c r="AD339" s="7">
        <v>3960.1549213399999</v>
      </c>
      <c r="AE339" s="7">
        <v>4004.1705561700001</v>
      </c>
      <c r="AF339" s="7">
        <v>4016.6188142300002</v>
      </c>
      <c r="AG339" s="9">
        <v>5616.599591799999</v>
      </c>
      <c r="AH339" s="13">
        <v>0.48026231377173567</v>
      </c>
      <c r="AI339" s="9">
        <v>2283.3114148000004</v>
      </c>
      <c r="AJ339" s="13">
        <v>0.19524062650544588</v>
      </c>
      <c r="AK339" s="9">
        <v>1536.2594957999991</v>
      </c>
      <c r="AL339" s="13">
        <v>0.10990419728532544</v>
      </c>
      <c r="AM339" s="9">
        <v>1797.0286811999995</v>
      </c>
      <c r="AN339" s="13">
        <v>0.11582950841717898</v>
      </c>
      <c r="AO339" s="9">
        <v>3333.2881769999985</v>
      </c>
      <c r="AP339" s="13">
        <v>0.23846385484704832</v>
      </c>
      <c r="AQ339" s="9">
        <v>11694.8580614</v>
      </c>
      <c r="AR339" s="9">
        <v>12154.277361099999</v>
      </c>
      <c r="AS339" s="9">
        <v>11941.577376699999</v>
      </c>
      <c r="AT339" s="9">
        <v>12316.840608300001</v>
      </c>
      <c r="AU339" s="9">
        <v>12884.8247563</v>
      </c>
      <c r="AV339" s="9">
        <v>13128.2641392</v>
      </c>
      <c r="AW339" s="9">
        <v>13978.169476200001</v>
      </c>
      <c r="AX339" s="9">
        <v>14269.8521752</v>
      </c>
      <c r="AY339" s="9">
        <v>14845.730927000001</v>
      </c>
      <c r="AZ339" s="9">
        <v>15514.428972</v>
      </c>
      <c r="BA339" s="9">
        <v>15206.217615699999</v>
      </c>
      <c r="BB339" s="9">
        <v>15686.6047906</v>
      </c>
      <c r="BC339" s="9">
        <v>15975.8973406</v>
      </c>
      <c r="BD339" s="9">
        <v>16230.569213000001</v>
      </c>
      <c r="BE339" s="9">
        <v>16951.178380400001</v>
      </c>
      <c r="BF339" s="9">
        <v>17311.457653199999</v>
      </c>
      <c r="BG339" s="11">
        <v>11</v>
      </c>
      <c r="BH339" s="13">
        <v>6.9620253164556958E-2</v>
      </c>
      <c r="BI339" s="6">
        <v>4</v>
      </c>
      <c r="BJ339" s="13">
        <v>2.5316455696202531E-2</v>
      </c>
      <c r="BK339" s="6">
        <v>4</v>
      </c>
      <c r="BL339" s="13">
        <v>2.4691358024691357E-2</v>
      </c>
      <c r="BM339" s="11">
        <v>3</v>
      </c>
      <c r="BN339" s="13">
        <v>1.8072289156626505E-2</v>
      </c>
      <c r="BO339" s="11">
        <v>7</v>
      </c>
      <c r="BP339" s="13">
        <v>4.3209876543209874E-2</v>
      </c>
      <c r="BQ339" s="6">
        <v>158</v>
      </c>
      <c r="BR339" s="6">
        <v>158</v>
      </c>
      <c r="BS339" s="6">
        <v>157</v>
      </c>
      <c r="BT339" s="6">
        <v>162</v>
      </c>
      <c r="BU339" s="6">
        <v>170</v>
      </c>
      <c r="BV339" s="6">
        <v>165</v>
      </c>
      <c r="BW339" s="6">
        <v>166</v>
      </c>
      <c r="BX339" s="6">
        <v>165</v>
      </c>
      <c r="BY339" s="6">
        <v>162</v>
      </c>
      <c r="BZ339" s="6">
        <v>162</v>
      </c>
      <c r="CA339" s="6">
        <v>161</v>
      </c>
      <c r="CB339" s="6">
        <v>171</v>
      </c>
      <c r="CC339" s="11">
        <v>169</v>
      </c>
      <c r="CD339" s="11">
        <v>-221.006</v>
      </c>
      <c r="CE339" s="11">
        <v>720.91499999999996</v>
      </c>
      <c r="CF339" s="11">
        <v>346.53800000000001</v>
      </c>
      <c r="CG339" s="11">
        <v>1068</v>
      </c>
      <c r="CH339" s="20">
        <v>1.04061</v>
      </c>
      <c r="CI339" s="20">
        <v>1.0682100000000001</v>
      </c>
      <c r="CJ339" s="20">
        <v>1.1077300000000001</v>
      </c>
      <c r="CK339" s="20">
        <v>1.1006100000000001</v>
      </c>
      <c r="CL339" s="20">
        <v>1.07887</v>
      </c>
      <c r="CM339" s="20">
        <v>1.1611</v>
      </c>
      <c r="CN339" s="20">
        <v>1.21966</v>
      </c>
      <c r="CO339" s="20">
        <v>1.19635</v>
      </c>
      <c r="CP339" s="20">
        <v>1.11104</v>
      </c>
      <c r="CQ339" s="20">
        <v>1.0352699999999999</v>
      </c>
      <c r="CR339" s="20">
        <v>1.0740799999999999</v>
      </c>
      <c r="CS339" s="20">
        <v>1.0623400000000001</v>
      </c>
      <c r="CT339" s="20">
        <v>1.01309</v>
      </c>
      <c r="CU339" s="20">
        <v>1.0197799999999999</v>
      </c>
      <c r="CV339" s="20">
        <v>1.05515</v>
      </c>
      <c r="CW339" s="20">
        <v>1.05253</v>
      </c>
      <c r="CX339" s="20">
        <v>1.03959</v>
      </c>
      <c r="CY339" s="6" t="s">
        <v>441</v>
      </c>
      <c r="CZ339" s="6" t="s">
        <v>442</v>
      </c>
      <c r="DA339" s="6" t="s">
        <v>112</v>
      </c>
      <c r="DB339" s="6" t="s">
        <v>345</v>
      </c>
      <c r="DC339" s="6">
        <v>16020</v>
      </c>
      <c r="DD339" s="6">
        <v>164</v>
      </c>
      <c r="DE339" s="6" t="s">
        <v>412</v>
      </c>
      <c r="DF339" s="6" t="s">
        <v>375</v>
      </c>
      <c r="DG339" s="6" t="s">
        <v>364</v>
      </c>
      <c r="DH339" s="6" t="s">
        <v>419</v>
      </c>
      <c r="DI339" s="6" t="s">
        <v>413</v>
      </c>
      <c r="DJ339" s="6">
        <v>29</v>
      </c>
      <c r="DK339" s="6">
        <v>31</v>
      </c>
      <c r="DL339" s="6">
        <v>2</v>
      </c>
      <c r="DM339" s="6" t="s">
        <v>379</v>
      </c>
      <c r="DN339" s="6">
        <v>3</v>
      </c>
      <c r="DO339" s="6" t="s">
        <v>380</v>
      </c>
      <c r="DP339" s="6"/>
      <c r="DQ339" s="6"/>
    </row>
    <row r="340" spans="1:121" x14ac:dyDescent="0.2">
      <c r="A340" s="6" t="s">
        <v>325</v>
      </c>
      <c r="B340" s="6" t="s">
        <v>325</v>
      </c>
      <c r="C340" s="6" t="s">
        <v>193</v>
      </c>
      <c r="D340" s="6" t="s">
        <v>112</v>
      </c>
      <c r="E340" s="6" t="s">
        <v>253</v>
      </c>
      <c r="F340" s="11">
        <v>258</v>
      </c>
      <c r="G340" s="13">
        <v>0.13665254237300001</v>
      </c>
      <c r="H340" s="11">
        <v>321.07528310999987</v>
      </c>
      <c r="I340" s="13">
        <v>0.17009824065892065</v>
      </c>
      <c r="J340" s="11">
        <v>50.91077101000019</v>
      </c>
      <c r="K340" s="13">
        <v>2.3050497082709488E-2</v>
      </c>
      <c r="L340" s="11">
        <v>-113.28590910000003</v>
      </c>
      <c r="M340" s="13">
        <v>-5.0135972629085306E-2</v>
      </c>
      <c r="N340" s="11">
        <v>-62.375138089999837</v>
      </c>
      <c r="O340" s="13">
        <v>-2.8241134637201352E-2</v>
      </c>
      <c r="P340" s="7">
        <v>1887.5873252199999</v>
      </c>
      <c r="Q340" s="7">
        <v>1927.77794993</v>
      </c>
      <c r="R340" s="7">
        <v>1999.9240111500001</v>
      </c>
      <c r="S340" s="7">
        <v>1980.4031354700001</v>
      </c>
      <c r="T340" s="7">
        <v>2016.8444050999999</v>
      </c>
      <c r="U340" s="7">
        <v>2162.5594512100001</v>
      </c>
      <c r="V340" s="7">
        <v>2208.6626083299998</v>
      </c>
      <c r="W340" s="7">
        <v>2156.6289135000002</v>
      </c>
      <c r="X340" s="7">
        <v>2157.3948283999998</v>
      </c>
      <c r="Y340" s="7">
        <v>2259.57337934</v>
      </c>
      <c r="Z340" s="7">
        <v>2222.69947641</v>
      </c>
      <c r="AA340" s="7">
        <v>2257.5189738200002</v>
      </c>
      <c r="AB340" s="7">
        <v>2024.0835179200001</v>
      </c>
      <c r="AC340" s="7">
        <v>2078.88013955</v>
      </c>
      <c r="AD340" s="7">
        <v>2112.9087976699998</v>
      </c>
      <c r="AE340" s="7">
        <v>2130.4394887600001</v>
      </c>
      <c r="AF340" s="7">
        <v>2146.2874702399999</v>
      </c>
      <c r="AG340" s="9">
        <v>7352.8839771000021</v>
      </c>
      <c r="AH340" s="13">
        <v>0.44862811136033343</v>
      </c>
      <c r="AI340" s="9">
        <v>2374.9464611000003</v>
      </c>
      <c r="AJ340" s="13">
        <v>0.14490474060838157</v>
      </c>
      <c r="AK340" s="9">
        <v>462.24363839999933</v>
      </c>
      <c r="AL340" s="13">
        <v>2.4633740347156156E-2</v>
      </c>
      <c r="AM340" s="9">
        <v>4515.6938776000025</v>
      </c>
      <c r="AN340" s="13">
        <v>0.23486335305547229</v>
      </c>
      <c r="AO340" s="9">
        <v>4977.9375160000018</v>
      </c>
      <c r="AP340" s="13">
        <v>0.26528265625885944</v>
      </c>
      <c r="AQ340" s="9">
        <v>16389.708515599999</v>
      </c>
      <c r="AR340" s="9">
        <v>17259.529910199999</v>
      </c>
      <c r="AS340" s="9">
        <v>16989.510563</v>
      </c>
      <c r="AT340" s="9">
        <v>17679.020842800001</v>
      </c>
      <c r="AU340" s="9">
        <v>18601.2929649</v>
      </c>
      <c r="AV340" s="9">
        <v>18083.788429200002</v>
      </c>
      <c r="AW340" s="9">
        <v>18764.6549767</v>
      </c>
      <c r="AX340" s="9">
        <v>19405.0266056</v>
      </c>
      <c r="AY340" s="9">
        <v>19360.336007400001</v>
      </c>
      <c r="AZ340" s="9">
        <v>19226.898615099999</v>
      </c>
      <c r="BA340" s="9">
        <v>20026.689396900001</v>
      </c>
      <c r="BB340" s="9">
        <v>20647.488586300002</v>
      </c>
      <c r="BC340" s="9">
        <v>22581.914954799999</v>
      </c>
      <c r="BD340" s="9">
        <v>22584.009588500001</v>
      </c>
      <c r="BE340" s="9">
        <v>23403.499342899999</v>
      </c>
      <c r="BF340" s="9">
        <v>23742.592492700001</v>
      </c>
      <c r="BG340" s="11">
        <v>-36.25</v>
      </c>
      <c r="BH340" s="13">
        <v>-0.15829694323144106</v>
      </c>
      <c r="BI340" s="6">
        <v>60</v>
      </c>
      <c r="BJ340" s="13">
        <v>0.26200873362445415</v>
      </c>
      <c r="BK340" s="6">
        <v>62</v>
      </c>
      <c r="BL340" s="13">
        <v>0.21453287197231835</v>
      </c>
      <c r="BM340" s="11">
        <v>-158.25</v>
      </c>
      <c r="BN340" s="13">
        <v>-0.45085470085470086</v>
      </c>
      <c r="BO340" s="11">
        <v>-96.25</v>
      </c>
      <c r="BP340" s="13">
        <v>-0.33304498269896193</v>
      </c>
      <c r="BQ340" s="6">
        <v>229</v>
      </c>
      <c r="BR340" s="6">
        <v>236</v>
      </c>
      <c r="BS340" s="6">
        <v>250</v>
      </c>
      <c r="BT340" s="6">
        <v>289</v>
      </c>
      <c r="BU340" s="6">
        <v>296</v>
      </c>
      <c r="BV340" s="6">
        <v>319</v>
      </c>
      <c r="BW340" s="6">
        <v>351</v>
      </c>
      <c r="BX340" s="6">
        <v>399</v>
      </c>
      <c r="BY340" s="6">
        <v>410</v>
      </c>
      <c r="BZ340" s="6">
        <v>186</v>
      </c>
      <c r="CA340" s="6">
        <v>192</v>
      </c>
      <c r="CB340" s="6">
        <v>199</v>
      </c>
      <c r="CC340" s="11">
        <v>192.75</v>
      </c>
      <c r="CD340" s="11">
        <v>69.747</v>
      </c>
      <c r="CE340" s="11">
        <v>-17.382899999999999</v>
      </c>
      <c r="CF340" s="11">
        <v>206.33600000000001</v>
      </c>
      <c r="CG340" s="11">
        <v>189</v>
      </c>
      <c r="CH340" s="20">
        <v>0.91217800000000004</v>
      </c>
      <c r="CI340" s="20">
        <v>0.90239599999999998</v>
      </c>
      <c r="CJ340" s="20">
        <v>0.92599900000000002</v>
      </c>
      <c r="CK340" s="20">
        <v>0.92702600000000002</v>
      </c>
      <c r="CL340" s="20">
        <v>0.92610800000000004</v>
      </c>
      <c r="CM340" s="20">
        <v>0.97218099999999996</v>
      </c>
      <c r="CN340" s="20">
        <v>0.96879400000000004</v>
      </c>
      <c r="CO340" s="20">
        <v>0.94964700000000002</v>
      </c>
      <c r="CP340" s="20">
        <v>0.95345100000000005</v>
      </c>
      <c r="CQ340" s="20">
        <v>1.0059100000000001</v>
      </c>
      <c r="CR340" s="20">
        <v>0.99874700000000005</v>
      </c>
      <c r="CS340" s="20">
        <v>0.98865999999999998</v>
      </c>
      <c r="CT340" s="20">
        <v>0.93921200000000005</v>
      </c>
      <c r="CU340" s="20">
        <v>0.97310200000000002</v>
      </c>
      <c r="CV340" s="20">
        <v>0.98766600000000004</v>
      </c>
      <c r="CW340" s="20">
        <v>0.99290599999999996</v>
      </c>
      <c r="CX340" s="20">
        <v>0.99371900000000002</v>
      </c>
      <c r="CY340" s="6" t="s">
        <v>441</v>
      </c>
      <c r="CZ340" s="6" t="s">
        <v>442</v>
      </c>
      <c r="DA340" s="6" t="s">
        <v>112</v>
      </c>
      <c r="DB340" s="6" t="s">
        <v>345</v>
      </c>
      <c r="DC340" s="6">
        <v>16020</v>
      </c>
      <c r="DD340" s="6">
        <v>164</v>
      </c>
      <c r="DE340" s="6" t="s">
        <v>412</v>
      </c>
      <c r="DF340" s="6" t="s">
        <v>375</v>
      </c>
      <c r="DG340" s="6" t="s">
        <v>364</v>
      </c>
      <c r="DH340" s="6" t="s">
        <v>419</v>
      </c>
      <c r="DI340" s="6" t="s">
        <v>413</v>
      </c>
      <c r="DJ340" s="6">
        <v>29</v>
      </c>
      <c r="DK340" s="6">
        <v>31</v>
      </c>
      <c r="DL340" s="6">
        <v>2</v>
      </c>
      <c r="DM340" s="6" t="s">
        <v>379</v>
      </c>
      <c r="DN340" s="6">
        <v>3</v>
      </c>
      <c r="DO340" s="6" t="s">
        <v>380</v>
      </c>
      <c r="DP340" s="6"/>
      <c r="DQ340" s="6"/>
    </row>
    <row r="341" spans="1:121" x14ac:dyDescent="0.2">
      <c r="A341" s="6" t="s">
        <v>327</v>
      </c>
      <c r="B341" s="6" t="s">
        <v>327</v>
      </c>
      <c r="C341" s="6" t="s">
        <v>194</v>
      </c>
      <c r="D341" s="6" t="s">
        <v>112</v>
      </c>
      <c r="E341" s="6" t="s">
        <v>253</v>
      </c>
      <c r="F341" s="11">
        <v>594</v>
      </c>
      <c r="G341" s="13">
        <v>0.10710421925700001</v>
      </c>
      <c r="H341" s="11">
        <v>618.34178900000006</v>
      </c>
      <c r="I341" s="13">
        <v>0.11149061550896829</v>
      </c>
      <c r="J341" s="11">
        <v>-111.88402799999949</v>
      </c>
      <c r="K341" s="13">
        <v>-1.8149806864010496E-2</v>
      </c>
      <c r="L341" s="11">
        <v>87.880793939999421</v>
      </c>
      <c r="M341" s="13">
        <v>1.451953328432695E-2</v>
      </c>
      <c r="N341" s="11">
        <v>-24.003234060000068</v>
      </c>
      <c r="O341" s="13">
        <v>-3.8938003045496522E-3</v>
      </c>
      <c r="P341" s="7">
        <v>5546.1330639999996</v>
      </c>
      <c r="Q341" s="7">
        <v>5651.9616100000003</v>
      </c>
      <c r="R341" s="7">
        <v>5762.5659569999998</v>
      </c>
      <c r="S341" s="7">
        <v>5759.674207</v>
      </c>
      <c r="T341" s="7">
        <v>5944.9215960000001</v>
      </c>
      <c r="U341" s="7">
        <v>6090.3558210000001</v>
      </c>
      <c r="V341" s="7">
        <v>6164.4748529999997</v>
      </c>
      <c r="W341" s="7">
        <v>6136.5930779999999</v>
      </c>
      <c r="X341" s="7">
        <v>6326.108518</v>
      </c>
      <c r="Y341" s="7">
        <v>6052.5908250000002</v>
      </c>
      <c r="Z341" s="7">
        <v>6002.446379</v>
      </c>
      <c r="AA341" s="7">
        <v>6024.9410639999996</v>
      </c>
      <c r="AB341" s="7">
        <v>6098.7218590000002</v>
      </c>
      <c r="AC341" s="7">
        <v>6031.2519270000003</v>
      </c>
      <c r="AD341" s="7">
        <v>6024.0723010000002</v>
      </c>
      <c r="AE341" s="7">
        <v>6123.3902280000002</v>
      </c>
      <c r="AF341" s="7">
        <v>6140.4716189399996</v>
      </c>
      <c r="AG341" s="9">
        <v>14092.0000716</v>
      </c>
      <c r="AH341" s="13">
        <v>0.3906031764841576</v>
      </c>
      <c r="AI341" s="9">
        <v>6515.832551200001</v>
      </c>
      <c r="AJ341" s="13">
        <v>0.18060636382388429</v>
      </c>
      <c r="AK341" s="9">
        <v>4898.4124335000015</v>
      </c>
      <c r="AL341" s="13">
        <v>0.11500411041752276</v>
      </c>
      <c r="AM341" s="9">
        <v>2677.755086899997</v>
      </c>
      <c r="AN341" s="13">
        <v>5.6383547728268313E-2</v>
      </c>
      <c r="AO341" s="9">
        <v>7576.1675203999985</v>
      </c>
      <c r="AP341" s="13">
        <v>0.17787199789446451</v>
      </c>
      <c r="AQ341" s="9">
        <v>36077.535770299997</v>
      </c>
      <c r="AR341" s="9">
        <v>36757.037774500001</v>
      </c>
      <c r="AS341" s="9">
        <v>37920.379050099997</v>
      </c>
      <c r="AT341" s="9">
        <v>40073.204650200001</v>
      </c>
      <c r="AU341" s="9">
        <v>40685.943842599998</v>
      </c>
      <c r="AV341" s="9">
        <v>41456.593672399998</v>
      </c>
      <c r="AW341" s="9">
        <v>42593.368321499998</v>
      </c>
      <c r="AX341" s="9">
        <v>44242.864133399999</v>
      </c>
      <c r="AY341" s="9">
        <v>44222.1873423</v>
      </c>
      <c r="AZ341" s="9">
        <v>47491.780755</v>
      </c>
      <c r="BA341" s="9">
        <v>47127.6789451</v>
      </c>
      <c r="BB341" s="9">
        <v>47166.036467799997</v>
      </c>
      <c r="BC341" s="9">
        <v>47613.238611399996</v>
      </c>
      <c r="BD341" s="9">
        <v>48681.576433100003</v>
      </c>
      <c r="BE341" s="9">
        <v>50199.278436699999</v>
      </c>
      <c r="BF341" s="9">
        <v>50169.535841899997</v>
      </c>
      <c r="BG341" s="11">
        <v>-4.75</v>
      </c>
      <c r="BH341" s="13">
        <v>-3.9583333333333331E-2</v>
      </c>
      <c r="BI341" s="6">
        <v>4</v>
      </c>
      <c r="BJ341" s="13">
        <v>3.3333333333333333E-2</v>
      </c>
      <c r="BK341" s="6">
        <v>-2</v>
      </c>
      <c r="BL341" s="13">
        <v>-1.6129032258064516E-2</v>
      </c>
      <c r="BM341" s="11">
        <v>-6.75</v>
      </c>
      <c r="BN341" s="13">
        <v>-5.5327868852459015E-2</v>
      </c>
      <c r="BO341" s="11">
        <v>-8.75</v>
      </c>
      <c r="BP341" s="13">
        <v>-7.0564516129032265E-2</v>
      </c>
      <c r="BQ341" s="6">
        <v>120</v>
      </c>
      <c r="BR341" s="6">
        <v>117</v>
      </c>
      <c r="BS341" s="6">
        <v>116</v>
      </c>
      <c r="BT341" s="6">
        <v>124</v>
      </c>
      <c r="BU341" s="6">
        <v>122</v>
      </c>
      <c r="BV341" s="6">
        <v>123</v>
      </c>
      <c r="BW341" s="6">
        <v>122</v>
      </c>
      <c r="BX341" s="6">
        <v>125</v>
      </c>
      <c r="BY341" s="6">
        <v>120</v>
      </c>
      <c r="BZ341" s="6">
        <v>118</v>
      </c>
      <c r="CA341" s="6">
        <v>116</v>
      </c>
      <c r="CB341" s="6">
        <v>114</v>
      </c>
      <c r="CC341" s="11">
        <v>115.25</v>
      </c>
      <c r="CD341" s="11">
        <v>313.21899999999999</v>
      </c>
      <c r="CE341" s="11">
        <v>-325.14</v>
      </c>
      <c r="CF341" s="11">
        <v>606.25900000000001</v>
      </c>
      <c r="CG341" s="11">
        <v>281</v>
      </c>
      <c r="CH341" s="20">
        <v>0.80684500000000003</v>
      </c>
      <c r="CI341" s="20">
        <v>0.79489399999999999</v>
      </c>
      <c r="CJ341" s="20">
        <v>0.80755999999999994</v>
      </c>
      <c r="CK341" s="20">
        <v>0.82192699999999996</v>
      </c>
      <c r="CL341" s="20">
        <v>0.83412799999999998</v>
      </c>
      <c r="CM341" s="20">
        <v>0.84212200000000004</v>
      </c>
      <c r="CN341" s="20">
        <v>0.83763799999999999</v>
      </c>
      <c r="CO341" s="20">
        <v>0.82871499999999998</v>
      </c>
      <c r="CP341" s="20">
        <v>0.84783699999999995</v>
      </c>
      <c r="CQ341" s="20">
        <v>0.81242800000000004</v>
      </c>
      <c r="CR341" s="20">
        <v>0.83232399999999995</v>
      </c>
      <c r="CS341" s="20">
        <v>0.84186700000000003</v>
      </c>
      <c r="CT341" s="20">
        <v>0.857622</v>
      </c>
      <c r="CU341" s="20">
        <v>0.87175400000000003</v>
      </c>
      <c r="CV341" s="20">
        <v>0.87698600000000004</v>
      </c>
      <c r="CW341" s="20">
        <v>0.89329099999999995</v>
      </c>
      <c r="CX341" s="20">
        <v>0.89611600000000002</v>
      </c>
      <c r="CY341" s="6" t="s">
        <v>441</v>
      </c>
      <c r="CZ341" s="6" t="s">
        <v>442</v>
      </c>
      <c r="DA341" s="6" t="s">
        <v>112</v>
      </c>
      <c r="DB341" s="6" t="s">
        <v>345</v>
      </c>
      <c r="DC341" s="6">
        <v>16020</v>
      </c>
      <c r="DD341" s="6">
        <v>164</v>
      </c>
      <c r="DE341" s="6" t="s">
        <v>412</v>
      </c>
      <c r="DF341" s="6" t="s">
        <v>375</v>
      </c>
      <c r="DG341" s="6" t="s">
        <v>364</v>
      </c>
      <c r="DH341" s="6" t="s">
        <v>419</v>
      </c>
      <c r="DI341" s="6" t="s">
        <v>413</v>
      </c>
      <c r="DJ341" s="6">
        <v>29</v>
      </c>
      <c r="DK341" s="6">
        <v>31</v>
      </c>
      <c r="DL341" s="6">
        <v>2</v>
      </c>
      <c r="DM341" s="6" t="s">
        <v>379</v>
      </c>
      <c r="DN341" s="6">
        <v>3</v>
      </c>
      <c r="DO341" s="6" t="s">
        <v>380</v>
      </c>
      <c r="DP341" s="6"/>
      <c r="DQ341" s="6"/>
    </row>
    <row r="342" spans="1:121" x14ac:dyDescent="0.2">
      <c r="A342" s="6" t="s">
        <v>1</v>
      </c>
      <c r="B342" s="6" t="s">
        <v>1</v>
      </c>
      <c r="C342" s="6" t="s">
        <v>2</v>
      </c>
      <c r="D342" s="6" t="s">
        <v>59</v>
      </c>
      <c r="E342" s="6" t="s">
        <v>200</v>
      </c>
      <c r="F342" s="11">
        <v>334</v>
      </c>
      <c r="G342" s="13">
        <v>3.27450980392</v>
      </c>
      <c r="H342" s="11">
        <v>115.33285249300002</v>
      </c>
      <c r="I342" s="13">
        <v>1.1338875529404946</v>
      </c>
      <c r="J342" s="11">
        <v>-10.643612734000016</v>
      </c>
      <c r="K342" s="13">
        <v>-4.9038196409934946E-2</v>
      </c>
      <c r="L342" s="11">
        <v>229.26211071700001</v>
      </c>
      <c r="M342" s="13">
        <v>1.1107456916927838</v>
      </c>
      <c r="N342" s="11">
        <v>218.618497983</v>
      </c>
      <c r="O342" s="13">
        <v>1.0072385298921291</v>
      </c>
      <c r="P342" s="7">
        <v>101.71454144099999</v>
      </c>
      <c r="Q342" s="7">
        <v>116.598553501</v>
      </c>
      <c r="R342" s="7">
        <v>98.140515764300005</v>
      </c>
      <c r="S342" s="7">
        <v>115.657086945</v>
      </c>
      <c r="T342" s="7">
        <v>149.844865696</v>
      </c>
      <c r="U342" s="7">
        <v>210.780595801</v>
      </c>
      <c r="V342" s="7">
        <v>217.04739393400001</v>
      </c>
      <c r="W342" s="7">
        <v>202.94728615400001</v>
      </c>
      <c r="X342" s="7">
        <v>372.84365440800002</v>
      </c>
      <c r="Y342" s="7">
        <v>206.4037812</v>
      </c>
      <c r="Z342" s="7">
        <v>194.643997095</v>
      </c>
      <c r="AA342" s="7">
        <v>281.98595460500002</v>
      </c>
      <c r="AB342" s="7">
        <v>297.67438777400002</v>
      </c>
      <c r="AC342" s="7">
        <v>325.076735703</v>
      </c>
      <c r="AD342" s="7">
        <v>390.81227282600003</v>
      </c>
      <c r="AE342" s="7">
        <v>409.45731808199997</v>
      </c>
      <c r="AF342" s="7">
        <v>435.66589191700001</v>
      </c>
      <c r="AG342" s="9">
        <v>6945.4502197999973</v>
      </c>
      <c r="AH342" s="13">
        <v>0.30772674877658956</v>
      </c>
      <c r="AI342" s="9">
        <v>1414.692997099999</v>
      </c>
      <c r="AJ342" s="13">
        <v>6.2679720210726389E-2</v>
      </c>
      <c r="AK342" s="9">
        <v>905.91309379999802</v>
      </c>
      <c r="AL342" s="13">
        <v>3.7770174352822733E-2</v>
      </c>
      <c r="AM342" s="9">
        <v>4624.8441289000002</v>
      </c>
      <c r="AN342" s="13">
        <v>0.18580541564806871</v>
      </c>
      <c r="AO342" s="9">
        <v>5530.7572226999982</v>
      </c>
      <c r="AP342" s="13">
        <v>0.23059349294561771</v>
      </c>
      <c r="AQ342" s="9">
        <v>22570.186853800002</v>
      </c>
      <c r="AR342" s="9">
        <v>22336.890662099999</v>
      </c>
      <c r="AS342" s="9">
        <v>22848.105027500002</v>
      </c>
      <c r="AT342" s="9">
        <v>23956.6164565</v>
      </c>
      <c r="AU342" s="9">
        <v>23725.0009211</v>
      </c>
      <c r="AV342" s="9">
        <v>21853.992671799999</v>
      </c>
      <c r="AW342" s="9">
        <v>23984.879850900001</v>
      </c>
      <c r="AX342" s="9">
        <v>28387.3581553</v>
      </c>
      <c r="AY342" s="9">
        <v>31864.179829000001</v>
      </c>
      <c r="AZ342" s="9">
        <v>24890.792944699999</v>
      </c>
      <c r="BA342" s="9">
        <v>28150.0498759</v>
      </c>
      <c r="BB342" s="9">
        <v>27288.100896299999</v>
      </c>
      <c r="BC342" s="9">
        <v>28606.1119211</v>
      </c>
      <c r="BD342" s="9">
        <v>28368.128931399999</v>
      </c>
      <c r="BE342" s="9">
        <v>28770.6240311</v>
      </c>
      <c r="BF342" s="9">
        <v>29515.637073599999</v>
      </c>
      <c r="BG342" s="11">
        <v>18.25</v>
      </c>
      <c r="BH342" s="13">
        <v>2.0277777777777777</v>
      </c>
      <c r="BI342" s="6">
        <v>3</v>
      </c>
      <c r="BJ342" s="13">
        <v>0.33333333333333331</v>
      </c>
      <c r="BK342" s="6">
        <v>0</v>
      </c>
      <c r="BL342" s="13">
        <v>0</v>
      </c>
      <c r="BM342" s="11">
        <v>15.25</v>
      </c>
      <c r="BN342" s="13">
        <v>1.2708333333333333</v>
      </c>
      <c r="BO342" s="11">
        <v>15.25</v>
      </c>
      <c r="BP342" s="13">
        <v>1.2708333333333333</v>
      </c>
      <c r="BQ342" s="6">
        <v>9</v>
      </c>
      <c r="BR342" s="6">
        <v>11</v>
      </c>
      <c r="BS342" s="6">
        <v>13</v>
      </c>
      <c r="BT342" s="6">
        <v>12</v>
      </c>
      <c r="BU342" s="6">
        <v>13</v>
      </c>
      <c r="BV342" s="6">
        <v>12</v>
      </c>
      <c r="BW342" s="6">
        <v>12</v>
      </c>
      <c r="BX342" s="6">
        <v>13</v>
      </c>
      <c r="BY342" s="6">
        <v>19</v>
      </c>
      <c r="BZ342" s="6">
        <v>22</v>
      </c>
      <c r="CA342" s="6">
        <v>23</v>
      </c>
      <c r="CB342" s="6">
        <v>26</v>
      </c>
      <c r="CC342" s="11">
        <v>27.25</v>
      </c>
      <c r="CD342" s="11">
        <v>332.10599999999999</v>
      </c>
      <c r="CE342" s="11">
        <v>-9.2736900000000002</v>
      </c>
      <c r="CF342" s="11">
        <v>11.118600000000001</v>
      </c>
      <c r="CG342" s="11">
        <v>2</v>
      </c>
      <c r="CH342" s="20">
        <v>2.41296</v>
      </c>
      <c r="CI342" s="20">
        <v>2.79853</v>
      </c>
      <c r="CJ342" s="20">
        <v>2.3407</v>
      </c>
      <c r="CK342" s="20">
        <v>2.84076</v>
      </c>
      <c r="CL342" s="20">
        <v>3.6189399999999998</v>
      </c>
      <c r="CM342" s="20">
        <v>4.8305999999999996</v>
      </c>
      <c r="CN342" s="20">
        <v>5.1562000000000001</v>
      </c>
      <c r="CO342" s="20">
        <v>5.3473800000000002</v>
      </c>
      <c r="CP342" s="20">
        <v>9.4359599999999997</v>
      </c>
      <c r="CQ342" s="20">
        <v>5.6910999999999996</v>
      </c>
      <c r="CR342" s="20">
        <v>5.4961399999999996</v>
      </c>
      <c r="CS342" s="20">
        <v>7.8837700000000002</v>
      </c>
      <c r="CT342" s="20">
        <v>8.0048200000000005</v>
      </c>
      <c r="CU342" s="20">
        <v>8.6334900000000001</v>
      </c>
      <c r="CV342" s="20">
        <v>10.1656</v>
      </c>
      <c r="CW342" s="20">
        <v>10.8178</v>
      </c>
      <c r="CX342" s="20">
        <v>11.3277</v>
      </c>
      <c r="CY342" s="6" t="s">
        <v>444</v>
      </c>
      <c r="CZ342" s="6" t="s">
        <v>445</v>
      </c>
      <c r="DA342" s="6" t="s">
        <v>59</v>
      </c>
      <c r="DB342" s="6"/>
      <c r="DC342" s="6"/>
      <c r="DD342" s="6"/>
      <c r="DE342" s="6"/>
      <c r="DF342" s="6"/>
      <c r="DG342" s="6"/>
      <c r="DH342" s="6" t="s">
        <v>333</v>
      </c>
      <c r="DI342" s="6"/>
      <c r="DJ342" s="6"/>
      <c r="DK342" s="6"/>
      <c r="DL342" s="6">
        <v>4</v>
      </c>
      <c r="DM342" s="6" t="s">
        <v>446</v>
      </c>
      <c r="DN342" s="6">
        <v>6</v>
      </c>
      <c r="DO342" s="6" t="s">
        <v>393</v>
      </c>
      <c r="DP342" s="6"/>
      <c r="DQ342" s="6"/>
    </row>
    <row r="343" spans="1:121" x14ac:dyDescent="0.2">
      <c r="A343" s="6" t="s">
        <v>310</v>
      </c>
      <c r="B343" s="6" t="s">
        <v>310</v>
      </c>
      <c r="C343" s="6" t="s">
        <v>173</v>
      </c>
      <c r="D343" s="6" t="s">
        <v>59</v>
      </c>
      <c r="E343" s="6" t="s">
        <v>200</v>
      </c>
      <c r="F343" s="11">
        <v>1</v>
      </c>
      <c r="G343" s="13">
        <v>1</v>
      </c>
      <c r="H343" s="11">
        <v>0</v>
      </c>
      <c r="I343" s="13">
        <v>0</v>
      </c>
      <c r="J343" s="11">
        <v>6.3598110000000005</v>
      </c>
      <c r="K343" s="13">
        <v>1.2719622000000002</v>
      </c>
      <c r="L343" s="11">
        <v>-6.3598110000000005</v>
      </c>
      <c r="M343" s="13">
        <v>-0.55985183204192401</v>
      </c>
      <c r="N343" s="11">
        <v>0</v>
      </c>
      <c r="O343" s="13">
        <v>0</v>
      </c>
      <c r="P343" s="7">
        <v>5</v>
      </c>
      <c r="Q343" s="7">
        <v>5</v>
      </c>
      <c r="R343" s="7">
        <v>5</v>
      </c>
      <c r="S343" s="7">
        <v>5</v>
      </c>
      <c r="T343" s="7">
        <v>5</v>
      </c>
      <c r="U343" s="7">
        <v>5</v>
      </c>
      <c r="V343" s="7">
        <v>5</v>
      </c>
      <c r="W343" s="7">
        <v>5</v>
      </c>
      <c r="X343" s="7">
        <v>10.287442</v>
      </c>
      <c r="Y343" s="7">
        <v>11.359811000000001</v>
      </c>
      <c r="Z343" s="7">
        <v>0</v>
      </c>
      <c r="AA343" s="7">
        <v>0</v>
      </c>
      <c r="AB343" s="7">
        <v>0</v>
      </c>
      <c r="AC343" s="7">
        <v>5</v>
      </c>
      <c r="AD343" s="7">
        <v>5</v>
      </c>
      <c r="AE343" s="7">
        <v>5</v>
      </c>
      <c r="AF343" s="7">
        <v>5</v>
      </c>
      <c r="AG343" s="9">
        <v>0</v>
      </c>
      <c r="AH343" s="13">
        <v>0</v>
      </c>
      <c r="AI343" s="9">
        <v>0</v>
      </c>
      <c r="AJ343" s="13">
        <v>0</v>
      </c>
      <c r="AK343" s="9">
        <v>32309.345555</v>
      </c>
      <c r="AL343" s="13">
        <v>32309.345555</v>
      </c>
      <c r="AM343" s="9">
        <v>-32309.345555</v>
      </c>
      <c r="AN343" s="13">
        <v>-0.99996905016078219</v>
      </c>
      <c r="AO343" s="9">
        <v>0</v>
      </c>
      <c r="AP343" s="13">
        <v>0</v>
      </c>
      <c r="AQ343" s="9">
        <v>1</v>
      </c>
      <c r="AR343" s="9">
        <v>1</v>
      </c>
      <c r="AS343" s="9">
        <v>1</v>
      </c>
      <c r="AT343" s="9">
        <v>1</v>
      </c>
      <c r="AU343" s="9">
        <v>1</v>
      </c>
      <c r="AV343" s="9">
        <v>1</v>
      </c>
      <c r="AW343" s="9">
        <v>1</v>
      </c>
      <c r="AX343" s="9">
        <v>1</v>
      </c>
      <c r="AY343" s="9">
        <v>96580.807501400006</v>
      </c>
      <c r="AZ343" s="9">
        <v>32310.345555</v>
      </c>
      <c r="BA343" s="9">
        <v>0</v>
      </c>
      <c r="BB343" s="9">
        <v>0</v>
      </c>
      <c r="BC343" s="9">
        <v>0</v>
      </c>
      <c r="BD343" s="9">
        <v>1</v>
      </c>
      <c r="BE343" s="9">
        <v>1</v>
      </c>
      <c r="BF343" s="9">
        <v>1</v>
      </c>
      <c r="BG343" s="11">
        <v>-2</v>
      </c>
      <c r="BH343" s="13">
        <v>-1</v>
      </c>
      <c r="BI343" s="6">
        <v>1</v>
      </c>
      <c r="BJ343" s="13">
        <v>0.5</v>
      </c>
      <c r="BK343" s="6">
        <v>-2</v>
      </c>
      <c r="BL343" s="13">
        <v>-0.66666666666666663</v>
      </c>
      <c r="BM343" s="11">
        <v>-1</v>
      </c>
      <c r="BN343" s="13">
        <v>-1</v>
      </c>
      <c r="BO343" s="11">
        <v>-3</v>
      </c>
      <c r="BP343" s="13">
        <v>-1</v>
      </c>
      <c r="BQ343" s="6">
        <v>2</v>
      </c>
      <c r="BR343" s="6">
        <v>2</v>
      </c>
      <c r="BS343" s="6">
        <v>3</v>
      </c>
      <c r="BT343" s="6">
        <v>3</v>
      </c>
      <c r="BU343" s="6">
        <v>2</v>
      </c>
      <c r="BV343" s="6">
        <v>3</v>
      </c>
      <c r="BW343" s="6">
        <v>1</v>
      </c>
      <c r="BX343" s="6">
        <v>0</v>
      </c>
      <c r="BY343" s="6">
        <v>0</v>
      </c>
      <c r="BZ343" s="6">
        <v>0</v>
      </c>
      <c r="CA343" s="6">
        <v>0</v>
      </c>
      <c r="CB343" s="6">
        <v>0</v>
      </c>
      <c r="CC343" s="11">
        <v>0</v>
      </c>
      <c r="CD343" s="11">
        <v>0.50429800000000002</v>
      </c>
      <c r="CE343" s="11">
        <v>2.5940399999999999E-2</v>
      </c>
      <c r="CF343" s="11">
        <v>2.7331600000000001E-2</v>
      </c>
      <c r="CG343" s="11">
        <v>0</v>
      </c>
      <c r="CH343" s="20">
        <v>2.09061E-2</v>
      </c>
      <c r="CI343" s="20">
        <v>2.2228100000000001E-2</v>
      </c>
      <c r="CJ343" s="20">
        <v>0.11340699999999999</v>
      </c>
      <c r="CK343" s="20">
        <v>0.173316</v>
      </c>
      <c r="CL343" s="20">
        <v>0.107987</v>
      </c>
      <c r="CM343" s="20">
        <v>0.60261399999999998</v>
      </c>
      <c r="CN343" s="20">
        <v>0.55839700000000003</v>
      </c>
      <c r="CO343" s="20">
        <v>0.13712199999999999</v>
      </c>
      <c r="CP343" s="20">
        <v>0.73271399999999998</v>
      </c>
      <c r="CQ343" s="20">
        <v>0.86441299999999999</v>
      </c>
      <c r="CR343" s="20">
        <v>0</v>
      </c>
      <c r="CS343" s="20">
        <v>0</v>
      </c>
      <c r="CT343" s="20">
        <v>0</v>
      </c>
      <c r="CU343" s="20">
        <v>4.7174899999999999E-2</v>
      </c>
      <c r="CV343" s="20">
        <v>3.9933299999999998E-2</v>
      </c>
      <c r="CW343" s="20">
        <v>5.6516900000000002E-2</v>
      </c>
      <c r="CX343" s="20">
        <v>6.2118100000000002E-2</v>
      </c>
      <c r="CY343" s="6" t="s">
        <v>444</v>
      </c>
      <c r="CZ343" s="6" t="s">
        <v>445</v>
      </c>
      <c r="DA343" s="6" t="s">
        <v>59</v>
      </c>
      <c r="DB343" s="6"/>
      <c r="DC343" s="6"/>
      <c r="DD343" s="6"/>
      <c r="DE343" s="6"/>
      <c r="DF343" s="6"/>
      <c r="DG343" s="6"/>
      <c r="DH343" s="6" t="s">
        <v>333</v>
      </c>
      <c r="DI343" s="6"/>
      <c r="DJ343" s="6"/>
      <c r="DK343" s="6"/>
      <c r="DL343" s="6">
        <v>4</v>
      </c>
      <c r="DM343" s="6" t="s">
        <v>446</v>
      </c>
      <c r="DN343" s="6">
        <v>6</v>
      </c>
      <c r="DO343" s="6" t="s">
        <v>393</v>
      </c>
      <c r="DP343" s="6"/>
      <c r="DQ343" s="6"/>
    </row>
    <row r="344" spans="1:121" x14ac:dyDescent="0.2">
      <c r="A344" s="6" t="s">
        <v>311</v>
      </c>
      <c r="B344" s="6" t="s">
        <v>311</v>
      </c>
      <c r="C344" s="6" t="s">
        <v>174</v>
      </c>
      <c r="D344" s="6" t="s">
        <v>59</v>
      </c>
      <c r="E344" s="6" t="s">
        <v>200</v>
      </c>
      <c r="F344" s="11">
        <v>1</v>
      </c>
      <c r="G344" s="13">
        <v>1</v>
      </c>
      <c r="H344" s="11">
        <v>0</v>
      </c>
      <c r="I344" s="13"/>
      <c r="J344" s="11">
        <v>0</v>
      </c>
      <c r="K344" s="13"/>
      <c r="L344" s="11">
        <v>5</v>
      </c>
      <c r="M344" s="13"/>
      <c r="N344" s="11">
        <v>5</v>
      </c>
      <c r="O344" s="13"/>
      <c r="P344" s="7">
        <v>0</v>
      </c>
      <c r="Q344" s="7">
        <v>0</v>
      </c>
      <c r="R344" s="7">
        <v>0</v>
      </c>
      <c r="S344" s="7">
        <v>0</v>
      </c>
      <c r="T344" s="7">
        <v>0</v>
      </c>
      <c r="U344" s="7">
        <v>0</v>
      </c>
      <c r="V344" s="7">
        <v>0</v>
      </c>
      <c r="W344" s="7">
        <v>0</v>
      </c>
      <c r="X344" s="7">
        <v>0</v>
      </c>
      <c r="Y344" s="7">
        <v>0</v>
      </c>
      <c r="Z344" s="7">
        <v>0</v>
      </c>
      <c r="AA344" s="7">
        <v>0</v>
      </c>
      <c r="AB344" s="7">
        <v>0</v>
      </c>
      <c r="AC344" s="7">
        <v>0</v>
      </c>
      <c r="AD344" s="7">
        <v>5</v>
      </c>
      <c r="AE344" s="7">
        <v>5</v>
      </c>
      <c r="AF344" s="7">
        <v>5</v>
      </c>
      <c r="AG344" s="9">
        <v>1</v>
      </c>
      <c r="AH344" s="13"/>
      <c r="AI344" s="9">
        <v>0</v>
      </c>
      <c r="AJ344" s="13"/>
      <c r="AK344" s="9">
        <v>0</v>
      </c>
      <c r="AL344" s="13"/>
      <c r="AM344" s="9">
        <v>1</v>
      </c>
      <c r="AN344" s="13"/>
      <c r="AO344" s="9">
        <v>1</v>
      </c>
      <c r="AP344" s="13"/>
      <c r="AQ344" s="9">
        <v>0</v>
      </c>
      <c r="AR344" s="9">
        <v>0</v>
      </c>
      <c r="AS344" s="9">
        <v>0</v>
      </c>
      <c r="AT344" s="9">
        <v>0</v>
      </c>
      <c r="AU344" s="9">
        <v>0</v>
      </c>
      <c r="AV344" s="9">
        <v>0</v>
      </c>
      <c r="AW344" s="9">
        <v>0</v>
      </c>
      <c r="AX344" s="9">
        <v>0</v>
      </c>
      <c r="AY344" s="9">
        <v>0</v>
      </c>
      <c r="AZ344" s="9">
        <v>0</v>
      </c>
      <c r="BA344" s="9">
        <v>0</v>
      </c>
      <c r="BB344" s="9">
        <v>0</v>
      </c>
      <c r="BC344" s="9">
        <v>0</v>
      </c>
      <c r="BD344" s="9">
        <v>0</v>
      </c>
      <c r="BE344" s="9">
        <v>1</v>
      </c>
      <c r="BF344" s="9">
        <v>1</v>
      </c>
      <c r="BG344" s="11">
        <v>1</v>
      </c>
      <c r="BH344" s="13" t="e">
        <v>#DIV/0!</v>
      </c>
      <c r="BI344" s="6">
        <v>0</v>
      </c>
      <c r="BJ344" s="13" t="e">
        <v>#DIV/0!</v>
      </c>
      <c r="BK344" s="6">
        <v>0</v>
      </c>
      <c r="BL344" s="13" t="e">
        <v>#DIV/0!</v>
      </c>
      <c r="BM344" s="11">
        <v>1</v>
      </c>
      <c r="BN344" s="13" t="e">
        <v>#DIV/0!</v>
      </c>
      <c r="BO344" s="11">
        <v>1</v>
      </c>
      <c r="BP344" s="13" t="e">
        <v>#DIV/0!</v>
      </c>
      <c r="BQ344" s="6">
        <v>0</v>
      </c>
      <c r="BR344" s="6">
        <v>0</v>
      </c>
      <c r="BS344" s="6">
        <v>0</v>
      </c>
      <c r="BT344" s="6">
        <v>0</v>
      </c>
      <c r="BU344" s="6">
        <v>0</v>
      </c>
      <c r="BV344" s="6">
        <v>0</v>
      </c>
      <c r="BW344" s="6">
        <v>0</v>
      </c>
      <c r="BX344" s="6">
        <v>0</v>
      </c>
      <c r="BY344" s="6">
        <v>0</v>
      </c>
      <c r="BZ344" s="6">
        <v>0</v>
      </c>
      <c r="CA344" s="6">
        <v>0</v>
      </c>
      <c r="CB344" s="6">
        <v>1</v>
      </c>
      <c r="CC344" s="11">
        <v>1</v>
      </c>
      <c r="CD344" s="11">
        <v>7.3018200000000002</v>
      </c>
      <c r="CE344" s="11">
        <v>-0.16284399999999999</v>
      </c>
      <c r="CF344" s="11">
        <v>0.10931200000000001</v>
      </c>
      <c r="CG344" s="11">
        <v>0</v>
      </c>
      <c r="CH344" s="20">
        <v>0</v>
      </c>
      <c r="CI344" s="20">
        <v>0</v>
      </c>
      <c r="CJ344" s="20">
        <v>0</v>
      </c>
      <c r="CK344" s="20">
        <v>0</v>
      </c>
      <c r="CL344" s="20">
        <v>0</v>
      </c>
      <c r="CM344" s="20">
        <v>0</v>
      </c>
      <c r="CN344" s="20">
        <v>0</v>
      </c>
      <c r="CO344" s="20">
        <v>0</v>
      </c>
      <c r="CP344" s="20">
        <v>0</v>
      </c>
      <c r="CQ344" s="20">
        <v>0</v>
      </c>
      <c r="CR344" s="20">
        <v>0</v>
      </c>
      <c r="CS344" s="20">
        <v>0</v>
      </c>
      <c r="CT344" s="20">
        <v>0</v>
      </c>
      <c r="CU344" s="20">
        <v>0</v>
      </c>
      <c r="CV344" s="20">
        <v>0.28631800000000002</v>
      </c>
      <c r="CW344" s="20">
        <v>0.59056500000000001</v>
      </c>
      <c r="CX344" s="20">
        <v>0.65217099999999995</v>
      </c>
      <c r="CY344" s="6" t="s">
        <v>444</v>
      </c>
      <c r="CZ344" s="6" t="s">
        <v>445</v>
      </c>
      <c r="DA344" s="6" t="s">
        <v>59</v>
      </c>
      <c r="DB344" s="6"/>
      <c r="DC344" s="6"/>
      <c r="DD344" s="6"/>
      <c r="DE344" s="6"/>
      <c r="DF344" s="6"/>
      <c r="DG344" s="6"/>
      <c r="DH344" s="6" t="s">
        <v>333</v>
      </c>
      <c r="DI344" s="6"/>
      <c r="DJ344" s="6"/>
      <c r="DK344" s="6"/>
      <c r="DL344" s="6">
        <v>4</v>
      </c>
      <c r="DM344" s="6" t="s">
        <v>446</v>
      </c>
      <c r="DN344" s="6">
        <v>6</v>
      </c>
      <c r="DO344" s="6" t="s">
        <v>393</v>
      </c>
      <c r="DP344" s="6"/>
      <c r="DQ344" s="6"/>
    </row>
    <row r="345" spans="1:121" x14ac:dyDescent="0.2">
      <c r="A345" s="6" t="s">
        <v>312</v>
      </c>
      <c r="B345" s="6" t="s">
        <v>312</v>
      </c>
      <c r="C345" s="6" t="s">
        <v>175</v>
      </c>
      <c r="D345" s="6" t="s">
        <v>59</v>
      </c>
      <c r="E345" s="6" t="s">
        <v>200</v>
      </c>
      <c r="F345" s="11">
        <v>37</v>
      </c>
      <c r="G345" s="13">
        <v>0.2</v>
      </c>
      <c r="H345" s="11">
        <v>71.308508415000006</v>
      </c>
      <c r="I345" s="13">
        <v>0.38646004315745341</v>
      </c>
      <c r="J345" s="11">
        <v>-27.832340710000011</v>
      </c>
      <c r="K345" s="13">
        <v>-0.10879416917304913</v>
      </c>
      <c r="L345" s="11">
        <v>-5.8892546019999941</v>
      </c>
      <c r="M345" s="13">
        <v>-2.5830820320996137E-2</v>
      </c>
      <c r="N345" s="11">
        <v>-33.721595312000005</v>
      </c>
      <c r="O345" s="13">
        <v>-0.13181474685816416</v>
      </c>
      <c r="P345" s="7">
        <v>184.51715689</v>
      </c>
      <c r="Q345" s="7">
        <v>184.079012108</v>
      </c>
      <c r="R345" s="7">
        <v>203.688797709</v>
      </c>
      <c r="S345" s="7">
        <v>199.93809598999999</v>
      </c>
      <c r="T345" s="7">
        <v>210.53794041099999</v>
      </c>
      <c r="U345" s="7">
        <v>255.54402057499999</v>
      </c>
      <c r="V345" s="7">
        <v>255.825665305</v>
      </c>
      <c r="W345" s="7">
        <v>259.05298942899998</v>
      </c>
      <c r="X345" s="7">
        <v>245.61221510300001</v>
      </c>
      <c r="Y345" s="7">
        <v>227.99332459499999</v>
      </c>
      <c r="Z345" s="7">
        <v>216.97366618199999</v>
      </c>
      <c r="AA345" s="7">
        <v>233.24246004099999</v>
      </c>
      <c r="AB345" s="7">
        <v>256.24301247699998</v>
      </c>
      <c r="AC345" s="7">
        <v>246.87720888999999</v>
      </c>
      <c r="AD345" s="7">
        <v>252.213917466</v>
      </c>
      <c r="AE345" s="7">
        <v>217.46662279700001</v>
      </c>
      <c r="AF345" s="7">
        <v>222.104069993</v>
      </c>
      <c r="AG345" s="9">
        <v>12607.719454600003</v>
      </c>
      <c r="AH345" s="13">
        <v>0.34176554248270496</v>
      </c>
      <c r="AI345" s="9">
        <v>8255.7373787000033</v>
      </c>
      <c r="AJ345" s="13">
        <v>0.22379357138984407</v>
      </c>
      <c r="AK345" s="9">
        <v>722.39452580000216</v>
      </c>
      <c r="AL345" s="13">
        <v>1.6001401280511689E-2</v>
      </c>
      <c r="AM345" s="9">
        <v>3629.5875500999973</v>
      </c>
      <c r="AN345" s="13">
        <v>7.913097919318976E-2</v>
      </c>
      <c r="AO345" s="9">
        <v>4351.9820758999995</v>
      </c>
      <c r="AP345" s="13">
        <v>9.6398587025491506E-2</v>
      </c>
      <c r="AQ345" s="9">
        <v>36889.966621599997</v>
      </c>
      <c r="AR345" s="9">
        <v>33910.464126899999</v>
      </c>
      <c r="AS345" s="9">
        <v>37242.085376800002</v>
      </c>
      <c r="AT345" s="9">
        <v>39972.933956000001</v>
      </c>
      <c r="AU345" s="9">
        <v>36618.022672500003</v>
      </c>
      <c r="AV345" s="9">
        <v>40266.004653099997</v>
      </c>
      <c r="AW345" s="9">
        <v>45145.7040003</v>
      </c>
      <c r="AX345" s="9">
        <v>54651.901997599998</v>
      </c>
      <c r="AY345" s="9">
        <v>50945.748090000001</v>
      </c>
      <c r="AZ345" s="9">
        <v>45868.098526100002</v>
      </c>
      <c r="BA345" s="9">
        <v>42711.554259800003</v>
      </c>
      <c r="BB345" s="9">
        <v>42691.789523300002</v>
      </c>
      <c r="BC345" s="9">
        <v>51218.766944299998</v>
      </c>
      <c r="BD345" s="9">
        <v>50753.990685500001</v>
      </c>
      <c r="BE345" s="9">
        <v>53309.884602400001</v>
      </c>
      <c r="BF345" s="9">
        <v>49497.6860762</v>
      </c>
      <c r="BG345" s="11">
        <v>1.75</v>
      </c>
      <c r="BH345" s="13">
        <v>8.3333333333333329E-2</v>
      </c>
      <c r="BI345" s="6">
        <v>3</v>
      </c>
      <c r="BJ345" s="13">
        <v>0.14285714285714285</v>
      </c>
      <c r="BK345" s="6">
        <v>-2</v>
      </c>
      <c r="BL345" s="13">
        <v>-8.3333333333333329E-2</v>
      </c>
      <c r="BM345" s="11">
        <v>0.75</v>
      </c>
      <c r="BN345" s="13">
        <v>3.4090909090909088E-2</v>
      </c>
      <c r="BO345" s="11">
        <v>-1.25</v>
      </c>
      <c r="BP345" s="13">
        <v>-5.2083333333333336E-2</v>
      </c>
      <c r="BQ345" s="6">
        <v>21</v>
      </c>
      <c r="BR345" s="6">
        <v>27</v>
      </c>
      <c r="BS345" s="6">
        <v>24</v>
      </c>
      <c r="BT345" s="6">
        <v>24</v>
      </c>
      <c r="BU345" s="6">
        <v>25</v>
      </c>
      <c r="BV345" s="6">
        <v>22</v>
      </c>
      <c r="BW345" s="6">
        <v>22</v>
      </c>
      <c r="BX345" s="6">
        <v>22</v>
      </c>
      <c r="BY345" s="6">
        <v>21</v>
      </c>
      <c r="BZ345" s="6">
        <v>21</v>
      </c>
      <c r="CA345" s="6">
        <v>19</v>
      </c>
      <c r="CB345" s="6">
        <v>25</v>
      </c>
      <c r="CC345" s="11">
        <v>22.75</v>
      </c>
      <c r="CD345" s="11">
        <v>39.7667</v>
      </c>
      <c r="CE345" s="11">
        <v>-22.349699999999999</v>
      </c>
      <c r="CF345" s="11">
        <v>20.169899999999998</v>
      </c>
      <c r="CG345" s="11">
        <v>-2</v>
      </c>
      <c r="CH345" s="20">
        <v>0.97082900000000005</v>
      </c>
      <c r="CI345" s="20">
        <v>0.97636599999999996</v>
      </c>
      <c r="CJ345" s="20">
        <v>1.05938</v>
      </c>
      <c r="CK345" s="20">
        <v>1.03138</v>
      </c>
      <c r="CL345" s="20">
        <v>1.0261499999999999</v>
      </c>
      <c r="CM345" s="20">
        <v>1.1314900000000001</v>
      </c>
      <c r="CN345" s="20">
        <v>1.17395</v>
      </c>
      <c r="CO345" s="20">
        <v>1.3551500000000001</v>
      </c>
      <c r="CP345" s="20">
        <v>1.4039600000000001</v>
      </c>
      <c r="CQ345" s="20">
        <v>1.53498</v>
      </c>
      <c r="CR345" s="20">
        <v>1.5246900000000001</v>
      </c>
      <c r="CS345" s="20">
        <v>1.6286700000000001</v>
      </c>
      <c r="CT345" s="20">
        <v>1.7001299999999999</v>
      </c>
      <c r="CU345" s="20">
        <v>1.5803499999999999</v>
      </c>
      <c r="CV345" s="20">
        <v>1.5397400000000001</v>
      </c>
      <c r="CW345" s="20">
        <v>1.3189599999999999</v>
      </c>
      <c r="CX345" s="20">
        <v>1.3196300000000001</v>
      </c>
      <c r="CY345" s="6" t="s">
        <v>444</v>
      </c>
      <c r="CZ345" s="6" t="s">
        <v>445</v>
      </c>
      <c r="DA345" s="6" t="s">
        <v>59</v>
      </c>
      <c r="DB345" s="6"/>
      <c r="DC345" s="6"/>
      <c r="DD345" s="6"/>
      <c r="DE345" s="6"/>
      <c r="DF345" s="6"/>
      <c r="DG345" s="6"/>
      <c r="DH345" s="6" t="s">
        <v>333</v>
      </c>
      <c r="DI345" s="6"/>
      <c r="DJ345" s="6"/>
      <c r="DK345" s="6"/>
      <c r="DL345" s="6">
        <v>4</v>
      </c>
      <c r="DM345" s="6" t="s">
        <v>446</v>
      </c>
      <c r="DN345" s="6">
        <v>6</v>
      </c>
      <c r="DO345" s="6" t="s">
        <v>393</v>
      </c>
      <c r="DP345" s="6"/>
      <c r="DQ345" s="6"/>
    </row>
    <row r="346" spans="1:121" x14ac:dyDescent="0.2">
      <c r="A346" s="6" t="s">
        <v>792</v>
      </c>
      <c r="B346" s="6" t="s">
        <v>176</v>
      </c>
      <c r="C346" s="6" t="s">
        <v>177</v>
      </c>
      <c r="D346" s="6" t="s">
        <v>59</v>
      </c>
      <c r="E346" s="6" t="s">
        <v>200</v>
      </c>
      <c r="F346" s="11">
        <v>-227</v>
      </c>
      <c r="G346" s="13">
        <v>-0.51126126126100002</v>
      </c>
      <c r="H346" s="11">
        <v>-151.46782906300001</v>
      </c>
      <c r="I346" s="13">
        <v>-0.34138287526685845</v>
      </c>
      <c r="J346" s="11">
        <v>-93.600088759999977</v>
      </c>
      <c r="K346" s="13">
        <v>-0.32030563048070293</v>
      </c>
      <c r="L346" s="11">
        <v>17.918120955000006</v>
      </c>
      <c r="M346" s="13">
        <v>9.0212580119989297E-2</v>
      </c>
      <c r="N346" s="11">
        <v>-75.681967804999971</v>
      </c>
      <c r="O346" s="13">
        <v>-0.25898864771333774</v>
      </c>
      <c r="P346" s="7">
        <v>443.68900737799999</v>
      </c>
      <c r="Q346" s="7">
        <v>392.10393817400001</v>
      </c>
      <c r="R346" s="7">
        <v>397.86734444799998</v>
      </c>
      <c r="S346" s="7">
        <v>344.81788807100003</v>
      </c>
      <c r="T346" s="7">
        <v>373.83715084400001</v>
      </c>
      <c r="U346" s="7">
        <v>378.00997213699998</v>
      </c>
      <c r="V346" s="7">
        <v>292.22117831499997</v>
      </c>
      <c r="W346" s="7">
        <v>259.69510520599999</v>
      </c>
      <c r="X346" s="7">
        <v>182.89940551000001</v>
      </c>
      <c r="Y346" s="7">
        <v>198.621089555</v>
      </c>
      <c r="Z346" s="7">
        <v>200.647428453</v>
      </c>
      <c r="AA346" s="7">
        <v>190.21236471200001</v>
      </c>
      <c r="AB346" s="7">
        <v>203.87740051899999</v>
      </c>
      <c r="AC346" s="7">
        <v>205.368960934</v>
      </c>
      <c r="AD346" s="7">
        <v>206.949018567</v>
      </c>
      <c r="AE346" s="7">
        <v>199.12835311800001</v>
      </c>
      <c r="AF346" s="7">
        <v>216.53921051</v>
      </c>
      <c r="AG346" s="9">
        <v>18787.4666813</v>
      </c>
      <c r="AH346" s="13">
        <v>0.73759109157612068</v>
      </c>
      <c r="AI346" s="9">
        <v>6170.1631081000014</v>
      </c>
      <c r="AJ346" s="13">
        <v>0.24223901068237469</v>
      </c>
      <c r="AK346" s="9">
        <v>14594.853179799997</v>
      </c>
      <c r="AL346" s="13">
        <v>0.4612559764913004</v>
      </c>
      <c r="AM346" s="9">
        <v>-1977.5496065999978</v>
      </c>
      <c r="AN346" s="13">
        <v>-4.2770404932800189E-2</v>
      </c>
      <c r="AO346" s="9">
        <v>12617.303573199999</v>
      </c>
      <c r="AP346" s="13">
        <v>0.39875746666629314</v>
      </c>
      <c r="AQ346" s="9">
        <v>25471.385020599999</v>
      </c>
      <c r="AR346" s="9">
        <v>28560.420633999998</v>
      </c>
      <c r="AS346" s="9">
        <v>27617.0285448</v>
      </c>
      <c r="AT346" s="9">
        <v>29390.5253256</v>
      </c>
      <c r="AU346" s="9">
        <v>31181.939245099999</v>
      </c>
      <c r="AV346" s="9">
        <v>33484.5194892</v>
      </c>
      <c r="AW346" s="9">
        <v>31641.5481287</v>
      </c>
      <c r="AX346" s="9">
        <v>33879.207212000001</v>
      </c>
      <c r="AY346" s="9">
        <v>37272.935056399998</v>
      </c>
      <c r="AZ346" s="9">
        <v>46236.401308499997</v>
      </c>
      <c r="BA346" s="9">
        <v>43383.022838600002</v>
      </c>
      <c r="BB346" s="9">
        <v>35196.277016599997</v>
      </c>
      <c r="BC346" s="9">
        <v>37501.617918299999</v>
      </c>
      <c r="BD346" s="9">
        <v>40436.492788099997</v>
      </c>
      <c r="BE346" s="9">
        <v>40679.085515600003</v>
      </c>
      <c r="BF346" s="9">
        <v>44258.851701899999</v>
      </c>
      <c r="BG346" s="11">
        <v>0.5</v>
      </c>
      <c r="BH346" s="13">
        <v>0.05</v>
      </c>
      <c r="BI346" s="6">
        <v>-1</v>
      </c>
      <c r="BJ346" s="13">
        <v>-0.1</v>
      </c>
      <c r="BK346" s="6">
        <v>2</v>
      </c>
      <c r="BL346" s="13">
        <v>0.22222222222222221</v>
      </c>
      <c r="BM346" s="11">
        <v>-0.5</v>
      </c>
      <c r="BN346" s="13">
        <v>-4.5454545454545456E-2</v>
      </c>
      <c r="BO346" s="11">
        <v>1.5</v>
      </c>
      <c r="BP346" s="13">
        <v>0.16666666666666666</v>
      </c>
      <c r="BQ346" s="6">
        <v>10</v>
      </c>
      <c r="BR346" s="6">
        <v>9</v>
      </c>
      <c r="BS346" s="6">
        <v>9</v>
      </c>
      <c r="BT346" s="6">
        <v>9</v>
      </c>
      <c r="BU346" s="6">
        <v>10</v>
      </c>
      <c r="BV346" s="6">
        <v>11</v>
      </c>
      <c r="BW346" s="6">
        <v>11</v>
      </c>
      <c r="BX346" s="6">
        <v>11</v>
      </c>
      <c r="BY346" s="6">
        <v>9</v>
      </c>
      <c r="BZ346" s="6">
        <v>9</v>
      </c>
      <c r="CA346" s="6">
        <v>12</v>
      </c>
      <c r="CB346" s="6">
        <v>12</v>
      </c>
      <c r="CC346" s="11">
        <v>10.5</v>
      </c>
      <c r="CD346" s="11">
        <v>-119.038</v>
      </c>
      <c r="CE346" s="11">
        <v>-156.61199999999999</v>
      </c>
      <c r="CF346" s="11">
        <v>48.500599999999999</v>
      </c>
      <c r="CG346" s="11">
        <v>-108</v>
      </c>
      <c r="CH346" s="20">
        <v>1.2193799999999999</v>
      </c>
      <c r="CI346" s="20">
        <v>1.1609100000000001</v>
      </c>
      <c r="CJ346" s="20">
        <v>1.23472</v>
      </c>
      <c r="CK346" s="20">
        <v>1.12416</v>
      </c>
      <c r="CL346" s="20">
        <v>1.21258</v>
      </c>
      <c r="CM346" s="20">
        <v>1.1675199999999999</v>
      </c>
      <c r="CN346" s="20">
        <v>0.94700099999999998</v>
      </c>
      <c r="CO346" s="20">
        <v>0.93865900000000002</v>
      </c>
      <c r="CP346" s="20">
        <v>0.71171399999999996</v>
      </c>
      <c r="CQ346" s="20">
        <v>0.86116400000000004</v>
      </c>
      <c r="CR346" s="20">
        <v>0.880965</v>
      </c>
      <c r="CS346" s="20">
        <v>0.82392399999999999</v>
      </c>
      <c r="CT346" s="20">
        <v>0.852329</v>
      </c>
      <c r="CU346" s="20">
        <v>0.84865699999999999</v>
      </c>
      <c r="CV346" s="20">
        <v>0.83842700000000003</v>
      </c>
      <c r="CW346" s="20">
        <v>0.81896899999999995</v>
      </c>
      <c r="CX346" s="20">
        <v>0.87803399999999998</v>
      </c>
      <c r="CY346" s="6" t="s">
        <v>444</v>
      </c>
      <c r="CZ346" s="6" t="s">
        <v>445</v>
      </c>
      <c r="DA346" s="6" t="s">
        <v>59</v>
      </c>
      <c r="DB346" s="6"/>
      <c r="DC346" s="6"/>
      <c r="DD346" s="6"/>
      <c r="DE346" s="6"/>
      <c r="DF346" s="6"/>
      <c r="DG346" s="6"/>
      <c r="DH346" s="6" t="s">
        <v>333</v>
      </c>
      <c r="DI346" s="6"/>
      <c r="DJ346" s="6"/>
      <c r="DK346" s="6"/>
      <c r="DL346" s="6">
        <v>4</v>
      </c>
      <c r="DM346" s="6" t="s">
        <v>446</v>
      </c>
      <c r="DN346" s="6">
        <v>6</v>
      </c>
      <c r="DO346" s="6" t="s">
        <v>393</v>
      </c>
      <c r="DP346" s="6"/>
      <c r="DQ346" s="6"/>
    </row>
    <row r="347" spans="1:121" x14ac:dyDescent="0.2">
      <c r="A347" s="6" t="s">
        <v>313</v>
      </c>
      <c r="B347" s="6" t="s">
        <v>313</v>
      </c>
      <c r="C347" s="6" t="s">
        <v>178</v>
      </c>
      <c r="D347" s="6" t="s">
        <v>59</v>
      </c>
      <c r="E347" s="6" t="s">
        <v>200</v>
      </c>
      <c r="F347" s="11">
        <v>10</v>
      </c>
      <c r="G347" s="13">
        <v>9.2592592592599998E-2</v>
      </c>
      <c r="H347" s="11">
        <v>-25.961086429000005</v>
      </c>
      <c r="I347" s="13">
        <v>-0.24116852939085412</v>
      </c>
      <c r="J347" s="11">
        <v>1.770521196499999</v>
      </c>
      <c r="K347" s="13">
        <v>2.1674723636304551E-2</v>
      </c>
      <c r="L347" s="11">
        <v>34.834469478499997</v>
      </c>
      <c r="M347" s="13">
        <v>0.41739667962886562</v>
      </c>
      <c r="N347" s="11">
        <v>36.604990674999996</v>
      </c>
      <c r="O347" s="13">
        <v>0.44811836094283697</v>
      </c>
      <c r="P347" s="7">
        <v>107.647073582</v>
      </c>
      <c r="Q347" s="7">
        <v>119.42479004800001</v>
      </c>
      <c r="R347" s="7">
        <v>124.909690669</v>
      </c>
      <c r="S347" s="7">
        <v>107.61993942399999</v>
      </c>
      <c r="T347" s="7">
        <v>104.48014071599999</v>
      </c>
      <c r="U347" s="7">
        <v>92.977434478399999</v>
      </c>
      <c r="V347" s="7">
        <v>81.685987152999999</v>
      </c>
      <c r="W347" s="7">
        <v>87.626290862700003</v>
      </c>
      <c r="X347" s="7">
        <v>100.007552655</v>
      </c>
      <c r="Y347" s="7">
        <v>83.456508349499998</v>
      </c>
      <c r="Z347" s="7">
        <v>92.3687343414</v>
      </c>
      <c r="AA347" s="7">
        <v>95.589355278400006</v>
      </c>
      <c r="AB347" s="7">
        <v>80.451852418800001</v>
      </c>
      <c r="AC347" s="7">
        <v>85.233666046799996</v>
      </c>
      <c r="AD347" s="7">
        <v>107.70654426599999</v>
      </c>
      <c r="AE347" s="7">
        <v>111.54282885000001</v>
      </c>
      <c r="AF347" s="7">
        <v>118.290977828</v>
      </c>
      <c r="AG347" s="9">
        <v>11148.695689100001</v>
      </c>
      <c r="AH347" s="13">
        <v>0.32987024756249844</v>
      </c>
      <c r="AI347" s="9">
        <v>6667.2061538000053</v>
      </c>
      <c r="AJ347" s="13">
        <v>0.19727087417539552</v>
      </c>
      <c r="AK347" s="9">
        <v>-6479.8537709000011</v>
      </c>
      <c r="AL347" s="13">
        <v>-0.1601370681012515</v>
      </c>
      <c r="AM347" s="9">
        <v>10961.343306199997</v>
      </c>
      <c r="AN347" s="13">
        <v>0.32253885043755087</v>
      </c>
      <c r="AO347" s="9">
        <v>4481.4895352999956</v>
      </c>
      <c r="AP347" s="13">
        <v>0.11075135647848192</v>
      </c>
      <c r="AQ347" s="9">
        <v>33797.215030699997</v>
      </c>
      <c r="AR347" s="9">
        <v>35162.873682799996</v>
      </c>
      <c r="AS347" s="9">
        <v>34436.739933299999</v>
      </c>
      <c r="AT347" s="9">
        <v>34676.754421600002</v>
      </c>
      <c r="AU347" s="9">
        <v>36380.452803300002</v>
      </c>
      <c r="AV347" s="9">
        <v>37318.551451899999</v>
      </c>
      <c r="AW347" s="9">
        <v>40464.421184500003</v>
      </c>
      <c r="AX347" s="9">
        <v>55581.054449800002</v>
      </c>
      <c r="AY347" s="9">
        <v>39729.2546735</v>
      </c>
      <c r="AZ347" s="9">
        <v>33984.567413600002</v>
      </c>
      <c r="BA347" s="9">
        <v>34967.4697658</v>
      </c>
      <c r="BB347" s="9">
        <v>38062.563930099997</v>
      </c>
      <c r="BC347" s="9">
        <v>41179.828783099998</v>
      </c>
      <c r="BD347" s="9">
        <v>40257.426626200002</v>
      </c>
      <c r="BE347" s="9">
        <v>45315.944499199999</v>
      </c>
      <c r="BF347" s="9">
        <v>44945.910719799998</v>
      </c>
      <c r="BG347" s="11">
        <v>-3.25</v>
      </c>
      <c r="BH347" s="13">
        <v>-0.17105263157894737</v>
      </c>
      <c r="BI347" s="6">
        <v>-3</v>
      </c>
      <c r="BJ347" s="13">
        <v>-0.15789473684210525</v>
      </c>
      <c r="BK347" s="6">
        <v>-3</v>
      </c>
      <c r="BL347" s="13">
        <v>-0.1875</v>
      </c>
      <c r="BM347" s="11">
        <v>2.75</v>
      </c>
      <c r="BN347" s="13">
        <v>0.21153846153846154</v>
      </c>
      <c r="BO347" s="11">
        <v>-0.25</v>
      </c>
      <c r="BP347" s="13">
        <v>-1.5625E-2</v>
      </c>
      <c r="BQ347" s="6">
        <v>19</v>
      </c>
      <c r="BR347" s="6">
        <v>18</v>
      </c>
      <c r="BS347" s="6">
        <v>18</v>
      </c>
      <c r="BT347" s="6">
        <v>16</v>
      </c>
      <c r="BU347" s="6">
        <v>16</v>
      </c>
      <c r="BV347" s="6">
        <v>15</v>
      </c>
      <c r="BW347" s="6">
        <v>13</v>
      </c>
      <c r="BX347" s="6">
        <v>13</v>
      </c>
      <c r="BY347" s="6">
        <v>12</v>
      </c>
      <c r="BZ347" s="6">
        <v>11</v>
      </c>
      <c r="CA347" s="6">
        <v>12</v>
      </c>
      <c r="CB347" s="6">
        <v>14</v>
      </c>
      <c r="CC347" s="11">
        <v>15.75</v>
      </c>
      <c r="CD347" s="11">
        <v>7.67882</v>
      </c>
      <c r="CE347" s="11">
        <v>-8.8020300000000002</v>
      </c>
      <c r="CF347" s="11">
        <v>11.767099999999999</v>
      </c>
      <c r="CG347" s="11">
        <v>3</v>
      </c>
      <c r="CH347" s="20">
        <v>0.83083899999999999</v>
      </c>
      <c r="CI347" s="20">
        <v>0.94309799999999999</v>
      </c>
      <c r="CJ347" s="20">
        <v>0.98835499999999998</v>
      </c>
      <c r="CK347" s="20">
        <v>0.87340200000000001</v>
      </c>
      <c r="CL347" s="20">
        <v>0.82361099999999998</v>
      </c>
      <c r="CM347" s="20">
        <v>0.67904100000000001</v>
      </c>
      <c r="CN347" s="20">
        <v>0.60379300000000002</v>
      </c>
      <c r="CO347" s="20">
        <v>0.70389599999999997</v>
      </c>
      <c r="CP347" s="20">
        <v>0.81756099999999998</v>
      </c>
      <c r="CQ347" s="20">
        <v>0.75260499999999997</v>
      </c>
      <c r="CR347" s="20">
        <v>0.84722299999999995</v>
      </c>
      <c r="CS347" s="20">
        <v>0.86396700000000004</v>
      </c>
      <c r="CT347" s="20">
        <v>0.69782100000000002</v>
      </c>
      <c r="CU347" s="20">
        <v>0.73168</v>
      </c>
      <c r="CV347" s="20">
        <v>0.90706699999999996</v>
      </c>
      <c r="CW347" s="20">
        <v>0.95607299999999995</v>
      </c>
      <c r="CX347" s="20">
        <v>0.99150099999999997</v>
      </c>
      <c r="CY347" s="6" t="s">
        <v>444</v>
      </c>
      <c r="CZ347" s="6" t="s">
        <v>445</v>
      </c>
      <c r="DA347" s="6" t="s">
        <v>59</v>
      </c>
      <c r="DB347" s="6"/>
      <c r="DC347" s="6"/>
      <c r="DD347" s="6"/>
      <c r="DE347" s="6"/>
      <c r="DF347" s="6"/>
      <c r="DG347" s="6"/>
      <c r="DH347" s="6" t="s">
        <v>333</v>
      </c>
      <c r="DI347" s="6"/>
      <c r="DJ347" s="6"/>
      <c r="DK347" s="6"/>
      <c r="DL347" s="6">
        <v>4</v>
      </c>
      <c r="DM347" s="6" t="s">
        <v>446</v>
      </c>
      <c r="DN347" s="6">
        <v>6</v>
      </c>
      <c r="DO347" s="6" t="s">
        <v>393</v>
      </c>
      <c r="DP347" s="6"/>
      <c r="DQ347" s="6"/>
    </row>
    <row r="348" spans="1:121" x14ac:dyDescent="0.2">
      <c r="A348" s="6" t="s">
        <v>793</v>
      </c>
      <c r="B348" s="6" t="s">
        <v>179</v>
      </c>
      <c r="C348" s="6" t="s">
        <v>180</v>
      </c>
      <c r="D348" s="6" t="s">
        <v>59</v>
      </c>
      <c r="E348" s="6" t="s">
        <v>200</v>
      </c>
      <c r="F348" s="11">
        <v>-59</v>
      </c>
      <c r="G348" s="13">
        <v>-0.16</v>
      </c>
      <c r="H348" s="11">
        <v>-27</v>
      </c>
      <c r="I348" s="13">
        <v>-7.277628032345014E-2</v>
      </c>
      <c r="J348" s="11">
        <v>-22</v>
      </c>
      <c r="K348" s="13">
        <v>-6.3953488372093026E-2</v>
      </c>
      <c r="L348" s="11">
        <v>-10</v>
      </c>
      <c r="M348" s="13">
        <v>-3.1055900621118012E-2</v>
      </c>
      <c r="N348" s="11">
        <v>-32</v>
      </c>
      <c r="O348" s="13">
        <v>-9.3023255813953487E-2</v>
      </c>
      <c r="P348" s="7">
        <v>371</v>
      </c>
      <c r="Q348" s="7">
        <v>335</v>
      </c>
      <c r="R348" s="7">
        <v>333</v>
      </c>
      <c r="S348" s="7">
        <v>332</v>
      </c>
      <c r="T348" s="7">
        <v>347</v>
      </c>
      <c r="U348" s="7">
        <v>349</v>
      </c>
      <c r="V348" s="7">
        <v>344</v>
      </c>
      <c r="W348" s="7">
        <v>335</v>
      </c>
      <c r="X348" s="7">
        <v>337</v>
      </c>
      <c r="Y348" s="7">
        <v>322</v>
      </c>
      <c r="Z348" s="7">
        <v>321</v>
      </c>
      <c r="AA348" s="7">
        <v>292</v>
      </c>
      <c r="AB348" s="7">
        <v>295</v>
      </c>
      <c r="AC348" s="7">
        <v>278</v>
      </c>
      <c r="AD348" s="7">
        <v>304</v>
      </c>
      <c r="AE348" s="7">
        <v>310</v>
      </c>
      <c r="AF348" s="7">
        <v>312</v>
      </c>
      <c r="AG348" s="9">
        <v>6682</v>
      </c>
      <c r="AH348" s="13">
        <v>0.38176312632120207</v>
      </c>
      <c r="AI348" s="9">
        <v>5331</v>
      </c>
      <c r="AJ348" s="13">
        <v>0.30457635833857055</v>
      </c>
      <c r="AK348" s="9">
        <v>4654</v>
      </c>
      <c r="AL348" s="13">
        <v>0.20381886660243495</v>
      </c>
      <c r="AM348" s="9">
        <v>-3303</v>
      </c>
      <c r="AN348" s="13">
        <v>-0.1201615250291036</v>
      </c>
      <c r="AO348" s="9">
        <v>1351</v>
      </c>
      <c r="AP348" s="13">
        <v>5.9166155732679339E-2</v>
      </c>
      <c r="AQ348" s="9">
        <v>17503</v>
      </c>
      <c r="AR348" s="9">
        <v>19026</v>
      </c>
      <c r="AS348" s="9">
        <v>19900</v>
      </c>
      <c r="AT348" s="9">
        <v>21317</v>
      </c>
      <c r="AU348" s="9">
        <v>21506</v>
      </c>
      <c r="AV348" s="9">
        <v>22497</v>
      </c>
      <c r="AW348" s="9">
        <v>22834</v>
      </c>
      <c r="AX348" s="9">
        <v>23845</v>
      </c>
      <c r="AY348" s="9">
        <v>25429</v>
      </c>
      <c r="AZ348" s="9">
        <v>27488</v>
      </c>
      <c r="BA348" s="9">
        <v>27308</v>
      </c>
      <c r="BB348" s="9">
        <v>24700</v>
      </c>
      <c r="BC348" s="9">
        <v>24539</v>
      </c>
      <c r="BD348" s="9">
        <v>25465</v>
      </c>
      <c r="BE348" s="9">
        <v>23503</v>
      </c>
      <c r="BF348" s="9">
        <v>24185</v>
      </c>
      <c r="BG348" s="11">
        <v>-6</v>
      </c>
      <c r="BH348" s="13">
        <v>-0.14634146341463414</v>
      </c>
      <c r="BI348" s="6">
        <v>0</v>
      </c>
      <c r="BJ348" s="13">
        <v>0</v>
      </c>
      <c r="BK348" s="6">
        <v>-1</v>
      </c>
      <c r="BL348" s="13">
        <v>-2.4390243902439025E-2</v>
      </c>
      <c r="BM348" s="11">
        <v>-5</v>
      </c>
      <c r="BN348" s="13">
        <v>-0.125</v>
      </c>
      <c r="BO348" s="11">
        <v>-6</v>
      </c>
      <c r="BP348" s="13">
        <v>-0.14634146341463414</v>
      </c>
      <c r="BQ348" s="6">
        <v>41</v>
      </c>
      <c r="BR348" s="6">
        <v>40</v>
      </c>
      <c r="BS348" s="6">
        <v>40</v>
      </c>
      <c r="BT348" s="6">
        <v>41</v>
      </c>
      <c r="BU348" s="6">
        <v>41</v>
      </c>
      <c r="BV348" s="6">
        <v>40</v>
      </c>
      <c r="BW348" s="6">
        <v>40</v>
      </c>
      <c r="BX348" s="6">
        <v>37</v>
      </c>
      <c r="BY348" s="6">
        <v>34</v>
      </c>
      <c r="BZ348" s="6">
        <v>34</v>
      </c>
      <c r="CA348" s="6">
        <v>33</v>
      </c>
      <c r="CB348" s="6">
        <v>32</v>
      </c>
      <c r="CC348" s="11">
        <v>35</v>
      </c>
      <c r="CD348" s="11">
        <v>-76</v>
      </c>
      <c r="CE348" s="11">
        <v>-24</v>
      </c>
      <c r="CF348" s="11">
        <v>41</v>
      </c>
      <c r="CG348" s="11">
        <v>17</v>
      </c>
      <c r="CH348" s="20">
        <v>1.07</v>
      </c>
      <c r="CI348" s="20">
        <v>0.97</v>
      </c>
      <c r="CJ348" s="20">
        <v>0.97</v>
      </c>
      <c r="CK348" s="20">
        <v>0.99</v>
      </c>
      <c r="CL348" s="20">
        <v>1.02</v>
      </c>
      <c r="CM348" s="20">
        <v>0.96</v>
      </c>
      <c r="CN348" s="20">
        <v>0.96</v>
      </c>
      <c r="CO348" s="20">
        <v>1.03</v>
      </c>
      <c r="CP348" s="20">
        <v>1.03</v>
      </c>
      <c r="CQ348" s="20">
        <v>1.08</v>
      </c>
      <c r="CR348" s="20">
        <v>1.1000000000000001</v>
      </c>
      <c r="CS348" s="20">
        <v>0.99</v>
      </c>
      <c r="CT348" s="20">
        <v>0.96</v>
      </c>
      <c r="CU348" s="20">
        <v>0.89</v>
      </c>
      <c r="CV348" s="20">
        <v>0.95</v>
      </c>
      <c r="CW348" s="20">
        <v>0.97</v>
      </c>
      <c r="CX348" s="20">
        <v>0.96</v>
      </c>
      <c r="CY348" s="6" t="s">
        <v>444</v>
      </c>
      <c r="CZ348" s="6" t="s">
        <v>445</v>
      </c>
      <c r="DA348" s="6" t="s">
        <v>59</v>
      </c>
      <c r="DB348" s="6"/>
      <c r="DC348" s="6"/>
      <c r="DD348" s="6"/>
      <c r="DE348" s="6"/>
      <c r="DF348" s="6"/>
      <c r="DG348" s="6"/>
      <c r="DH348" s="6" t="s">
        <v>333</v>
      </c>
      <c r="DI348" s="6"/>
      <c r="DJ348" s="6"/>
      <c r="DK348" s="6"/>
      <c r="DL348" s="6">
        <v>4</v>
      </c>
      <c r="DM348" s="6" t="s">
        <v>446</v>
      </c>
      <c r="DN348" s="6">
        <v>6</v>
      </c>
      <c r="DO348" s="6" t="s">
        <v>393</v>
      </c>
      <c r="DP348" s="6"/>
      <c r="DQ348" s="6"/>
    </row>
    <row r="349" spans="1:121" x14ac:dyDescent="0.2">
      <c r="A349" s="6" t="s">
        <v>794</v>
      </c>
      <c r="B349" s="6" t="s">
        <v>181</v>
      </c>
      <c r="C349" s="6" t="s">
        <v>182</v>
      </c>
      <c r="D349" s="6" t="s">
        <v>59</v>
      </c>
      <c r="E349" s="6" t="s">
        <v>200</v>
      </c>
      <c r="F349" s="11">
        <v>9</v>
      </c>
      <c r="G349" s="13">
        <v>0.16071428571400001</v>
      </c>
      <c r="H349" s="11">
        <v>8.7339302055000019</v>
      </c>
      <c r="I349" s="13">
        <v>0.15662865302347717</v>
      </c>
      <c r="J349" s="11">
        <v>-20.209965334400003</v>
      </c>
      <c r="K349" s="13">
        <v>-0.31335246668771771</v>
      </c>
      <c r="L349" s="11">
        <v>20.589991346200001</v>
      </c>
      <c r="M349" s="13">
        <v>0.46493243948227331</v>
      </c>
      <c r="N349" s="11">
        <v>0.38002601179999829</v>
      </c>
      <c r="O349" s="13">
        <v>5.8922460396471791E-3</v>
      </c>
      <c r="P349" s="7">
        <v>55.762020785499999</v>
      </c>
      <c r="Q349" s="7">
        <v>62.7736567476</v>
      </c>
      <c r="R349" s="7">
        <v>59.965799518099999</v>
      </c>
      <c r="S349" s="7">
        <v>62.742150695299998</v>
      </c>
      <c r="T349" s="7">
        <v>60.5138832783</v>
      </c>
      <c r="U349" s="7">
        <v>62.182852334300001</v>
      </c>
      <c r="V349" s="7">
        <v>64.495950991000001</v>
      </c>
      <c r="W349" s="7">
        <v>54.703701153099999</v>
      </c>
      <c r="X349" s="7">
        <v>50.020765756700001</v>
      </c>
      <c r="Y349" s="7">
        <v>44.285985656599998</v>
      </c>
      <c r="Z349" s="7">
        <v>48.700857888400002</v>
      </c>
      <c r="AA349" s="7">
        <v>79.582585054299997</v>
      </c>
      <c r="AB349" s="7">
        <v>87.498376880400002</v>
      </c>
      <c r="AC349" s="7">
        <v>91.194481518499998</v>
      </c>
      <c r="AD349" s="7">
        <v>61.083525301400002</v>
      </c>
      <c r="AE349" s="7">
        <v>62.419189566699998</v>
      </c>
      <c r="AF349" s="7">
        <v>64.875977002799999</v>
      </c>
      <c r="AG349" s="9">
        <v>19607.095571600003</v>
      </c>
      <c r="AH349" s="13">
        <v>0.4701124908880297</v>
      </c>
      <c r="AI349" s="9">
        <v>10962.167389800001</v>
      </c>
      <c r="AJ349" s="13">
        <v>0.26283606352258276</v>
      </c>
      <c r="AK349" s="9">
        <v>10688.078411399998</v>
      </c>
      <c r="AL349" s="13">
        <v>0.20292762861424787</v>
      </c>
      <c r="AM349" s="9">
        <v>-2043.1502295999962</v>
      </c>
      <c r="AN349" s="13">
        <v>-3.2247967689839632E-2</v>
      </c>
      <c r="AO349" s="9">
        <v>8644.9281818000018</v>
      </c>
      <c r="AP349" s="13">
        <v>0.1641356573134802</v>
      </c>
      <c r="AQ349" s="9">
        <v>41707.242312499999</v>
      </c>
      <c r="AR349" s="9">
        <v>43622.333444600001</v>
      </c>
      <c r="AS349" s="9">
        <v>44755.556451700002</v>
      </c>
      <c r="AT349" s="9">
        <v>45107.039852200003</v>
      </c>
      <c r="AU349" s="9">
        <v>51603.824079999999</v>
      </c>
      <c r="AV349" s="9">
        <v>48842.107497700003</v>
      </c>
      <c r="AW349" s="9">
        <v>52669.409702299999</v>
      </c>
      <c r="AX349" s="9">
        <v>59176.238652100001</v>
      </c>
      <c r="AY349" s="9">
        <v>58239.278971200001</v>
      </c>
      <c r="AZ349" s="9">
        <v>63357.488113699997</v>
      </c>
      <c r="BA349" s="9">
        <v>67138.555799299997</v>
      </c>
      <c r="BB349" s="9">
        <v>62198.273867900003</v>
      </c>
      <c r="BC349" s="9">
        <v>56739.828338200001</v>
      </c>
      <c r="BD349" s="9">
        <v>64407.190139099999</v>
      </c>
      <c r="BE349" s="9">
        <v>64969.310962800002</v>
      </c>
      <c r="BF349" s="9">
        <v>61314.337884100001</v>
      </c>
      <c r="BG349" s="11">
        <v>-5.25</v>
      </c>
      <c r="BH349" s="13">
        <v>-0.47727272727272729</v>
      </c>
      <c r="BI349" s="6">
        <v>-1</v>
      </c>
      <c r="BJ349" s="13">
        <v>-9.0909090909090912E-2</v>
      </c>
      <c r="BK349" s="6">
        <v>-2</v>
      </c>
      <c r="BL349" s="13">
        <v>-0.2</v>
      </c>
      <c r="BM349" s="11">
        <v>-2.25</v>
      </c>
      <c r="BN349" s="13">
        <v>-0.28125</v>
      </c>
      <c r="BO349" s="11">
        <v>-4.25</v>
      </c>
      <c r="BP349" s="13">
        <v>-0.42499999999999999</v>
      </c>
      <c r="BQ349" s="6">
        <v>11</v>
      </c>
      <c r="BR349" s="6">
        <v>11</v>
      </c>
      <c r="BS349" s="6">
        <v>10</v>
      </c>
      <c r="BT349" s="6">
        <v>10</v>
      </c>
      <c r="BU349" s="6">
        <v>8</v>
      </c>
      <c r="BV349" s="6">
        <v>7</v>
      </c>
      <c r="BW349" s="6">
        <v>8</v>
      </c>
      <c r="BX349" s="6">
        <v>5</v>
      </c>
      <c r="BY349" s="6">
        <v>7</v>
      </c>
      <c r="BZ349" s="6">
        <v>7</v>
      </c>
      <c r="CA349" s="6">
        <v>7</v>
      </c>
      <c r="CB349" s="6">
        <v>6</v>
      </c>
      <c r="CC349" s="11">
        <v>5.75</v>
      </c>
      <c r="CD349" s="11">
        <v>-0.49620599999999998</v>
      </c>
      <c r="CE349" s="11">
        <v>3.5146999999999999</v>
      </c>
      <c r="CF349" s="11">
        <v>6.0954600000000001</v>
      </c>
      <c r="CG349" s="11">
        <v>10</v>
      </c>
      <c r="CH349" s="20">
        <v>0.543682</v>
      </c>
      <c r="CI349" s="20">
        <v>0.63153999999999999</v>
      </c>
      <c r="CJ349" s="20">
        <v>0.60575100000000004</v>
      </c>
      <c r="CK349" s="20">
        <v>0.64380099999999996</v>
      </c>
      <c r="CL349" s="20">
        <v>0.599522</v>
      </c>
      <c r="CM349" s="20">
        <v>0.56911500000000004</v>
      </c>
      <c r="CN349" s="20">
        <v>0.59614100000000003</v>
      </c>
      <c r="CO349" s="20">
        <v>0.54955799999999999</v>
      </c>
      <c r="CP349" s="20">
        <v>0.50990800000000003</v>
      </c>
      <c r="CQ349" s="20">
        <v>0.49499199999999999</v>
      </c>
      <c r="CR349" s="20">
        <v>0.54647400000000002</v>
      </c>
      <c r="CS349" s="20">
        <v>0.87653099999999995</v>
      </c>
      <c r="CT349" s="20">
        <v>0.91929799999999995</v>
      </c>
      <c r="CU349" s="20">
        <v>0.92712799999999995</v>
      </c>
      <c r="CV349" s="20">
        <v>0.58837200000000001</v>
      </c>
      <c r="CW349" s="20">
        <v>0.59628199999999998</v>
      </c>
      <c r="CX349" s="20">
        <v>0.60209199999999996</v>
      </c>
      <c r="CY349" s="6" t="s">
        <v>444</v>
      </c>
      <c r="CZ349" s="6" t="s">
        <v>445</v>
      </c>
      <c r="DA349" s="6" t="s">
        <v>59</v>
      </c>
      <c r="DB349" s="6"/>
      <c r="DC349" s="6"/>
      <c r="DD349" s="6"/>
      <c r="DE349" s="6"/>
      <c r="DF349" s="6"/>
      <c r="DG349" s="6"/>
      <c r="DH349" s="6" t="s">
        <v>333</v>
      </c>
      <c r="DI349" s="6"/>
      <c r="DJ349" s="6"/>
      <c r="DK349" s="6"/>
      <c r="DL349" s="6">
        <v>4</v>
      </c>
      <c r="DM349" s="6" t="s">
        <v>446</v>
      </c>
      <c r="DN349" s="6">
        <v>6</v>
      </c>
      <c r="DO349" s="6" t="s">
        <v>393</v>
      </c>
      <c r="DP349" s="6"/>
      <c r="DQ349" s="6"/>
    </row>
    <row r="350" spans="1:121" x14ac:dyDescent="0.2">
      <c r="A350" s="6" t="s">
        <v>314</v>
      </c>
      <c r="B350" s="6" t="s">
        <v>314</v>
      </c>
      <c r="C350" s="6" t="s">
        <v>183</v>
      </c>
      <c r="D350" s="6" t="s">
        <v>59</v>
      </c>
      <c r="E350" s="6" t="s">
        <v>200</v>
      </c>
      <c r="F350" s="11">
        <v>-27</v>
      </c>
      <c r="G350" s="13">
        <v>-0.428571428571</v>
      </c>
      <c r="H350" s="11">
        <v>0.411558847000002</v>
      </c>
      <c r="I350" s="13">
        <v>6.584030938067466E-3</v>
      </c>
      <c r="J350" s="11">
        <v>-7.4592870000000033</v>
      </c>
      <c r="K350" s="13">
        <v>-0.1185515405918192</v>
      </c>
      <c r="L350" s="11">
        <v>-19.489897882699999</v>
      </c>
      <c r="M350" s="13">
        <v>-0.35141680463229275</v>
      </c>
      <c r="N350" s="11">
        <v>-26.949184882700003</v>
      </c>
      <c r="O350" s="13">
        <v>-0.42830734164509937</v>
      </c>
      <c r="P350" s="7">
        <v>62.508644152999999</v>
      </c>
      <c r="Q350" s="7">
        <v>64.787682820499995</v>
      </c>
      <c r="R350" s="7">
        <v>66.524731850899997</v>
      </c>
      <c r="S350" s="7">
        <v>65.306495999999996</v>
      </c>
      <c r="T350" s="7">
        <v>64.252964000000006</v>
      </c>
      <c r="U350" s="7">
        <v>66.058369999999996</v>
      </c>
      <c r="V350" s="7">
        <v>62.920203000000001</v>
      </c>
      <c r="W350" s="7">
        <v>61.507230999999997</v>
      </c>
      <c r="X350" s="7">
        <v>54.537297000000002</v>
      </c>
      <c r="Y350" s="7">
        <v>55.460915999999997</v>
      </c>
      <c r="Z350" s="7">
        <v>48.382669</v>
      </c>
      <c r="AA350" s="7">
        <v>42.012596000000002</v>
      </c>
      <c r="AB350" s="7">
        <v>35.753799000000001</v>
      </c>
      <c r="AC350" s="7">
        <v>35.980834999999999</v>
      </c>
      <c r="AD350" s="7">
        <v>34.767322999999998</v>
      </c>
      <c r="AE350" s="7">
        <v>37.623249999999999</v>
      </c>
      <c r="AF350" s="7">
        <v>35.971018117299998</v>
      </c>
      <c r="AG350" s="9">
        <v>254.00584129999697</v>
      </c>
      <c r="AH350" s="13">
        <v>7.8965459681413427E-3</v>
      </c>
      <c r="AI350" s="9">
        <v>-1639.9102568000017</v>
      </c>
      <c r="AJ350" s="13">
        <v>-5.0981609951061553E-2</v>
      </c>
      <c r="AK350" s="9">
        <v>4469.8145606999969</v>
      </c>
      <c r="AL350" s="13">
        <v>0.14642267659465691</v>
      </c>
      <c r="AM350" s="9">
        <v>-2575.8984625999983</v>
      </c>
      <c r="AN350" s="13">
        <v>-7.3604235716731595E-2</v>
      </c>
      <c r="AO350" s="9">
        <v>1893.9160980999986</v>
      </c>
      <c r="AP350" s="13">
        <v>6.2041111675577437E-2</v>
      </c>
      <c r="AQ350" s="9">
        <v>32166.702039700001</v>
      </c>
      <c r="AR350" s="9">
        <v>30874.8118994</v>
      </c>
      <c r="AS350" s="9">
        <v>32554.389017500002</v>
      </c>
      <c r="AT350" s="9">
        <v>31906.152499</v>
      </c>
      <c r="AU350" s="9">
        <v>30609.9818476</v>
      </c>
      <c r="AV350" s="9">
        <v>28635.260076499999</v>
      </c>
      <c r="AW350" s="9">
        <v>30526.7917829</v>
      </c>
      <c r="AX350" s="9">
        <v>29028.075793</v>
      </c>
      <c r="AY350" s="9">
        <v>34112.498113499998</v>
      </c>
      <c r="AZ350" s="9">
        <v>34996.606343599997</v>
      </c>
      <c r="BA350" s="9">
        <v>39399.546707499998</v>
      </c>
      <c r="BB350" s="9">
        <v>41348.373829700002</v>
      </c>
      <c r="BC350" s="9">
        <v>44675.722023599999</v>
      </c>
      <c r="BD350" s="9">
        <v>47078.318651299996</v>
      </c>
      <c r="BE350" s="9">
        <v>40578.653578199999</v>
      </c>
      <c r="BF350" s="9">
        <v>32420.707880999998</v>
      </c>
      <c r="BG350" s="11">
        <v>-6.75</v>
      </c>
      <c r="BH350" s="13">
        <v>-0.61363636363636365</v>
      </c>
      <c r="BI350" s="6">
        <v>-3</v>
      </c>
      <c r="BJ350" s="13">
        <v>-0.27272727272727271</v>
      </c>
      <c r="BK350" s="6">
        <v>1</v>
      </c>
      <c r="BL350" s="13">
        <v>0.125</v>
      </c>
      <c r="BM350" s="11">
        <v>-4.75</v>
      </c>
      <c r="BN350" s="13">
        <v>-0.52777777777777779</v>
      </c>
      <c r="BO350" s="11">
        <v>-3.75</v>
      </c>
      <c r="BP350" s="13">
        <v>-0.46875</v>
      </c>
      <c r="BQ350" s="6">
        <v>11</v>
      </c>
      <c r="BR350" s="6">
        <v>10</v>
      </c>
      <c r="BS350" s="6">
        <v>9</v>
      </c>
      <c r="BT350" s="6">
        <v>8</v>
      </c>
      <c r="BU350" s="6">
        <v>9</v>
      </c>
      <c r="BV350" s="6">
        <v>9</v>
      </c>
      <c r="BW350" s="6">
        <v>9</v>
      </c>
      <c r="BX350" s="6">
        <v>8</v>
      </c>
      <c r="BY350" s="6">
        <v>6</v>
      </c>
      <c r="BZ350" s="6">
        <v>6</v>
      </c>
      <c r="CA350" s="6">
        <v>6</v>
      </c>
      <c r="CB350" s="6">
        <v>5</v>
      </c>
      <c r="CC350" s="11">
        <v>4.25</v>
      </c>
      <c r="CD350" s="11">
        <v>-14.2248</v>
      </c>
      <c r="CE350" s="11">
        <v>-19.145800000000001</v>
      </c>
      <c r="CF350" s="11">
        <v>6.8329500000000003</v>
      </c>
      <c r="CG350" s="11">
        <v>-12</v>
      </c>
      <c r="CH350" s="20">
        <v>0.77393900000000004</v>
      </c>
      <c r="CI350" s="20">
        <v>0.85105600000000003</v>
      </c>
      <c r="CJ350" s="20">
        <v>0.91618999999999995</v>
      </c>
      <c r="CK350" s="20">
        <v>0.95225599999999999</v>
      </c>
      <c r="CL350" s="20">
        <v>0.93887900000000002</v>
      </c>
      <c r="CM350" s="20">
        <v>0.91828399999999999</v>
      </c>
      <c r="CN350" s="20">
        <v>0.90356300000000001</v>
      </c>
      <c r="CO350" s="20">
        <v>0.96835599999999999</v>
      </c>
      <c r="CP350" s="20">
        <v>0.86713200000000001</v>
      </c>
      <c r="CQ350" s="20">
        <v>0.99175199999999997</v>
      </c>
      <c r="CR350" s="20">
        <v>0.90090099999999995</v>
      </c>
      <c r="CS350" s="20">
        <v>0.78337299999999999</v>
      </c>
      <c r="CT350" s="20">
        <v>0.64254199999999995</v>
      </c>
      <c r="CU350" s="20">
        <v>0.639131</v>
      </c>
      <c r="CV350" s="20">
        <v>0.606491</v>
      </c>
      <c r="CW350" s="20">
        <v>0.65799600000000003</v>
      </c>
      <c r="CX350" s="20">
        <v>0.61889799999999995</v>
      </c>
      <c r="CY350" s="6" t="s">
        <v>444</v>
      </c>
      <c r="CZ350" s="6" t="s">
        <v>445</v>
      </c>
      <c r="DA350" s="6" t="s">
        <v>59</v>
      </c>
      <c r="DB350" s="6"/>
      <c r="DC350" s="6"/>
      <c r="DD350" s="6"/>
      <c r="DE350" s="6"/>
      <c r="DF350" s="6"/>
      <c r="DG350" s="6"/>
      <c r="DH350" s="6" t="s">
        <v>333</v>
      </c>
      <c r="DI350" s="6"/>
      <c r="DJ350" s="6"/>
      <c r="DK350" s="6"/>
      <c r="DL350" s="6">
        <v>4</v>
      </c>
      <c r="DM350" s="6" t="s">
        <v>446</v>
      </c>
      <c r="DN350" s="6">
        <v>6</v>
      </c>
      <c r="DO350" s="6" t="s">
        <v>393</v>
      </c>
      <c r="DP350" s="6"/>
      <c r="DQ350" s="6"/>
    </row>
    <row r="351" spans="1:121" x14ac:dyDescent="0.2">
      <c r="A351" s="6" t="s">
        <v>315</v>
      </c>
      <c r="B351" s="6" t="s">
        <v>315</v>
      </c>
      <c r="C351" s="6" t="s">
        <v>184</v>
      </c>
      <c r="D351" s="6" t="s">
        <v>59</v>
      </c>
      <c r="E351" s="6" t="s">
        <v>200</v>
      </c>
      <c r="F351" s="11">
        <v>7</v>
      </c>
      <c r="G351" s="13">
        <v>0.05</v>
      </c>
      <c r="H351" s="11">
        <v>9</v>
      </c>
      <c r="I351" s="13">
        <v>6.7164179104477612E-2</v>
      </c>
      <c r="J351" s="11">
        <v>-18</v>
      </c>
      <c r="K351" s="13">
        <v>-0.12587412587412589</v>
      </c>
      <c r="L351" s="11">
        <v>16</v>
      </c>
      <c r="M351" s="13">
        <v>0.128</v>
      </c>
      <c r="N351" s="11">
        <v>-2</v>
      </c>
      <c r="O351" s="13">
        <v>-1.3986013986013986E-2</v>
      </c>
      <c r="P351" s="7">
        <v>134</v>
      </c>
      <c r="Q351" s="7">
        <v>134</v>
      </c>
      <c r="R351" s="7">
        <v>135</v>
      </c>
      <c r="S351" s="7">
        <v>136</v>
      </c>
      <c r="T351" s="7">
        <v>139</v>
      </c>
      <c r="U351" s="7">
        <v>142</v>
      </c>
      <c r="V351" s="7">
        <v>143</v>
      </c>
      <c r="W351" s="7">
        <v>137</v>
      </c>
      <c r="X351" s="7">
        <v>127</v>
      </c>
      <c r="Y351" s="7">
        <v>125</v>
      </c>
      <c r="Z351" s="7">
        <v>120</v>
      </c>
      <c r="AA351" s="7">
        <v>116</v>
      </c>
      <c r="AB351" s="7">
        <v>123</v>
      </c>
      <c r="AC351" s="7">
        <v>126</v>
      </c>
      <c r="AD351" s="7">
        <v>137</v>
      </c>
      <c r="AE351" s="7">
        <v>138</v>
      </c>
      <c r="AF351" s="7">
        <v>141</v>
      </c>
      <c r="AG351" s="9">
        <v>14630</v>
      </c>
      <c r="AH351" s="13">
        <v>0.40197829372166505</v>
      </c>
      <c r="AI351" s="9">
        <v>6943</v>
      </c>
      <c r="AJ351" s="13">
        <v>0.1907679626322297</v>
      </c>
      <c r="AK351" s="9">
        <v>5087</v>
      </c>
      <c r="AL351" s="13">
        <v>0.11737966680511328</v>
      </c>
      <c r="AM351" s="9">
        <v>2600</v>
      </c>
      <c r="AN351" s="13">
        <v>5.3691275167785234E-2</v>
      </c>
      <c r="AO351" s="9">
        <v>7687</v>
      </c>
      <c r="AP351" s="13">
        <v>0.1773732059624348</v>
      </c>
      <c r="AQ351" s="9">
        <v>36395</v>
      </c>
      <c r="AR351" s="9">
        <v>38486</v>
      </c>
      <c r="AS351" s="9">
        <v>36963</v>
      </c>
      <c r="AT351" s="9">
        <v>41174</v>
      </c>
      <c r="AU351" s="9">
        <v>41752</v>
      </c>
      <c r="AV351" s="9">
        <v>43560</v>
      </c>
      <c r="AW351" s="9">
        <v>43338</v>
      </c>
      <c r="AX351" s="9">
        <v>46921</v>
      </c>
      <c r="AY351" s="9">
        <v>46520</v>
      </c>
      <c r="AZ351" s="9">
        <v>48425</v>
      </c>
      <c r="BA351" s="9">
        <v>47051</v>
      </c>
      <c r="BB351" s="9">
        <v>46929</v>
      </c>
      <c r="BC351" s="9">
        <v>47700</v>
      </c>
      <c r="BD351" s="9">
        <v>46349</v>
      </c>
      <c r="BE351" s="9">
        <v>48372</v>
      </c>
      <c r="BF351" s="9">
        <v>51025</v>
      </c>
      <c r="BG351" s="11">
        <v>0</v>
      </c>
      <c r="BH351" s="13">
        <v>0</v>
      </c>
      <c r="BI351" s="6">
        <v>0</v>
      </c>
      <c r="BJ351" s="13">
        <v>0</v>
      </c>
      <c r="BK351" s="6">
        <v>-2</v>
      </c>
      <c r="BL351" s="13">
        <v>-0.11764705882352941</v>
      </c>
      <c r="BM351" s="11">
        <v>2</v>
      </c>
      <c r="BN351" s="13">
        <v>0.13333333333333333</v>
      </c>
      <c r="BO351" s="11">
        <v>0</v>
      </c>
      <c r="BP351" s="13">
        <v>0</v>
      </c>
      <c r="BQ351" s="6">
        <v>17</v>
      </c>
      <c r="BR351" s="6">
        <v>16</v>
      </c>
      <c r="BS351" s="6">
        <v>17</v>
      </c>
      <c r="BT351" s="6">
        <v>17</v>
      </c>
      <c r="BU351" s="6">
        <v>16</v>
      </c>
      <c r="BV351" s="6">
        <v>15</v>
      </c>
      <c r="BW351" s="6">
        <v>15</v>
      </c>
      <c r="BX351" s="6">
        <v>15</v>
      </c>
      <c r="BY351" s="6">
        <v>15</v>
      </c>
      <c r="BZ351" s="6">
        <v>16</v>
      </c>
      <c r="CA351" s="6">
        <v>16</v>
      </c>
      <c r="CB351" s="6">
        <v>17</v>
      </c>
      <c r="CC351" s="11">
        <v>17</v>
      </c>
      <c r="CD351" s="11">
        <v>2</v>
      </c>
      <c r="CE351" s="11">
        <v>-11</v>
      </c>
      <c r="CF351" s="11">
        <v>15</v>
      </c>
      <c r="CG351" s="11">
        <v>4</v>
      </c>
      <c r="CH351" s="20">
        <v>1.02</v>
      </c>
      <c r="CI351" s="20">
        <v>1.02</v>
      </c>
      <c r="CJ351" s="20">
        <v>1</v>
      </c>
      <c r="CK351" s="20">
        <v>1.04</v>
      </c>
      <c r="CL351" s="20">
        <v>1.04</v>
      </c>
      <c r="CM351" s="20">
        <v>0.99</v>
      </c>
      <c r="CN351" s="20">
        <v>1.03</v>
      </c>
      <c r="CO351" s="20">
        <v>1.0900000000000001</v>
      </c>
      <c r="CP351" s="20">
        <v>1</v>
      </c>
      <c r="CQ351" s="20">
        <v>1.0900000000000001</v>
      </c>
      <c r="CR351" s="20">
        <v>1.07</v>
      </c>
      <c r="CS351" s="20">
        <v>1.03</v>
      </c>
      <c r="CT351" s="20">
        <v>1.06</v>
      </c>
      <c r="CU351" s="20">
        <v>1.08</v>
      </c>
      <c r="CV351" s="20">
        <v>1.1499999999999999</v>
      </c>
      <c r="CW351" s="20">
        <v>1.1599999999999999</v>
      </c>
      <c r="CX351" s="20">
        <v>1.1599999999999999</v>
      </c>
      <c r="CY351" s="6" t="s">
        <v>444</v>
      </c>
      <c r="CZ351" s="6" t="s">
        <v>445</v>
      </c>
      <c r="DA351" s="6" t="s">
        <v>59</v>
      </c>
      <c r="DB351" s="6"/>
      <c r="DC351" s="6"/>
      <c r="DD351" s="6"/>
      <c r="DE351" s="6"/>
      <c r="DF351" s="6"/>
      <c r="DG351" s="6"/>
      <c r="DH351" s="6" t="s">
        <v>333</v>
      </c>
      <c r="DI351" s="6"/>
      <c r="DJ351" s="6"/>
      <c r="DK351" s="6"/>
      <c r="DL351" s="6">
        <v>4</v>
      </c>
      <c r="DM351" s="6" t="s">
        <v>446</v>
      </c>
      <c r="DN351" s="6">
        <v>6</v>
      </c>
      <c r="DO351" s="6" t="s">
        <v>393</v>
      </c>
      <c r="DP351" s="6"/>
      <c r="DQ351" s="6"/>
    </row>
    <row r="352" spans="1:121" x14ac:dyDescent="0.2">
      <c r="A352" s="6" t="s">
        <v>316</v>
      </c>
      <c r="B352" s="6" t="s">
        <v>316</v>
      </c>
      <c r="C352" s="6" t="s">
        <v>185</v>
      </c>
      <c r="D352" s="6" t="s">
        <v>59</v>
      </c>
      <c r="E352" s="6" t="s">
        <v>200</v>
      </c>
      <c r="F352" s="11">
        <v>-1</v>
      </c>
      <c r="G352" s="13">
        <v>-0.06</v>
      </c>
      <c r="H352" s="11">
        <v>0</v>
      </c>
      <c r="I352" s="13">
        <v>0</v>
      </c>
      <c r="J352" s="11">
        <v>-1</v>
      </c>
      <c r="K352" s="13">
        <v>-6.25E-2</v>
      </c>
      <c r="L352" s="11">
        <v>0</v>
      </c>
      <c r="M352" s="13">
        <v>0</v>
      </c>
      <c r="N352" s="11">
        <v>-1</v>
      </c>
      <c r="O352" s="13">
        <v>-6.25E-2</v>
      </c>
      <c r="P352" s="7">
        <v>16</v>
      </c>
      <c r="Q352" s="7">
        <v>16</v>
      </c>
      <c r="R352" s="7">
        <v>18</v>
      </c>
      <c r="S352" s="7">
        <v>15</v>
      </c>
      <c r="T352" s="7">
        <v>15</v>
      </c>
      <c r="U352" s="7">
        <v>17</v>
      </c>
      <c r="V352" s="7">
        <v>16</v>
      </c>
      <c r="W352" s="7">
        <v>14</v>
      </c>
      <c r="X352" s="7">
        <v>19</v>
      </c>
      <c r="Y352" s="7">
        <v>15</v>
      </c>
      <c r="Z352" s="7">
        <v>13</v>
      </c>
      <c r="AA352" s="7">
        <v>14</v>
      </c>
      <c r="AB352" s="7">
        <v>15</v>
      </c>
      <c r="AC352" s="7">
        <v>14</v>
      </c>
      <c r="AD352" s="7">
        <v>14</v>
      </c>
      <c r="AE352" s="7">
        <v>14</v>
      </c>
      <c r="AF352" s="7">
        <v>15</v>
      </c>
      <c r="AG352" s="9">
        <v>7303</v>
      </c>
      <c r="AH352" s="13">
        <v>0.46026343984370077</v>
      </c>
      <c r="AI352" s="9">
        <v>-425</v>
      </c>
      <c r="AJ352" s="13">
        <v>-2.6785151572445955E-2</v>
      </c>
      <c r="AK352" s="9">
        <v>2232</v>
      </c>
      <c r="AL352" s="13">
        <v>0.14454086258256699</v>
      </c>
      <c r="AM352" s="9">
        <v>5496</v>
      </c>
      <c r="AN352" s="13">
        <v>0.31096525970351929</v>
      </c>
      <c r="AO352" s="9">
        <v>7728</v>
      </c>
      <c r="AP352" s="13">
        <v>0.50045330915684494</v>
      </c>
      <c r="AQ352" s="9">
        <v>15867</v>
      </c>
      <c r="AR352" s="9">
        <v>15054</v>
      </c>
      <c r="AS352" s="9">
        <v>15503</v>
      </c>
      <c r="AT352" s="9">
        <v>15390</v>
      </c>
      <c r="AU352" s="9">
        <v>15400</v>
      </c>
      <c r="AV352" s="9">
        <v>13895</v>
      </c>
      <c r="AW352" s="9">
        <v>15442</v>
      </c>
      <c r="AX352" s="9">
        <v>13225</v>
      </c>
      <c r="AY352" s="9">
        <v>14977</v>
      </c>
      <c r="AZ352" s="9">
        <v>17674</v>
      </c>
      <c r="BA352" s="9">
        <v>17408</v>
      </c>
      <c r="BB352" s="9">
        <v>19416</v>
      </c>
      <c r="BC352" s="9">
        <v>22235</v>
      </c>
      <c r="BD352" s="9">
        <v>20020</v>
      </c>
      <c r="BE352" s="9">
        <v>21698</v>
      </c>
      <c r="BF352" s="9">
        <v>23170</v>
      </c>
      <c r="BG352" s="11">
        <v>3</v>
      </c>
      <c r="BH352" s="13">
        <v>0.75</v>
      </c>
      <c r="BI352" s="6">
        <v>2</v>
      </c>
      <c r="BJ352" s="13">
        <v>0.5</v>
      </c>
      <c r="BK352" s="6">
        <v>1</v>
      </c>
      <c r="BL352" s="13">
        <v>0.16666666666666666</v>
      </c>
      <c r="BM352" s="11">
        <v>0</v>
      </c>
      <c r="BN352" s="13">
        <v>0</v>
      </c>
      <c r="BO352" s="11">
        <v>1</v>
      </c>
      <c r="BP352" s="13">
        <v>0.16666666666666666</v>
      </c>
      <c r="BQ352" s="6">
        <v>4</v>
      </c>
      <c r="BR352" s="6">
        <v>5</v>
      </c>
      <c r="BS352" s="6">
        <v>6</v>
      </c>
      <c r="BT352" s="6">
        <v>6</v>
      </c>
      <c r="BU352" s="6">
        <v>6</v>
      </c>
      <c r="BV352" s="6">
        <v>8</v>
      </c>
      <c r="BW352" s="6">
        <v>7</v>
      </c>
      <c r="BX352" s="6">
        <v>6</v>
      </c>
      <c r="BY352" s="6">
        <v>5</v>
      </c>
      <c r="BZ352" s="6">
        <v>5</v>
      </c>
      <c r="CA352" s="6">
        <v>6</v>
      </c>
      <c r="CB352" s="6">
        <v>7</v>
      </c>
      <c r="CC352" s="11">
        <v>7</v>
      </c>
      <c r="CD352" s="11">
        <v>-2</v>
      </c>
      <c r="CE352" s="11">
        <v>-1</v>
      </c>
      <c r="CF352" s="11">
        <v>2</v>
      </c>
      <c r="CG352" s="11">
        <v>1</v>
      </c>
      <c r="CH352" s="20">
        <v>0.3</v>
      </c>
      <c r="CI352" s="20">
        <v>0.28999999999999998</v>
      </c>
      <c r="CJ352" s="20">
        <v>0.32</v>
      </c>
      <c r="CK352" s="20">
        <v>0.27</v>
      </c>
      <c r="CL352" s="20">
        <v>0.26</v>
      </c>
      <c r="CM352" s="20">
        <v>0.27</v>
      </c>
      <c r="CN352" s="20">
        <v>0.27</v>
      </c>
      <c r="CO352" s="20">
        <v>0.26</v>
      </c>
      <c r="CP352" s="20">
        <v>0.36</v>
      </c>
      <c r="CQ352" s="20">
        <v>0.31</v>
      </c>
      <c r="CR352" s="20">
        <v>0.28999999999999998</v>
      </c>
      <c r="CS352" s="20">
        <v>0.28999999999999998</v>
      </c>
      <c r="CT352" s="20">
        <v>0.3</v>
      </c>
      <c r="CU352" s="20">
        <v>0.28999999999999998</v>
      </c>
      <c r="CV352" s="20">
        <v>0.28000000000000003</v>
      </c>
      <c r="CW352" s="20">
        <v>0.28999999999999998</v>
      </c>
      <c r="CX352" s="20">
        <v>0.28999999999999998</v>
      </c>
      <c r="CY352" s="6" t="s">
        <v>444</v>
      </c>
      <c r="CZ352" s="6" t="s">
        <v>445</v>
      </c>
      <c r="DA352" s="6" t="s">
        <v>59</v>
      </c>
      <c r="DB352" s="6"/>
      <c r="DC352" s="6"/>
      <c r="DD352" s="6"/>
      <c r="DE352" s="6"/>
      <c r="DF352" s="6"/>
      <c r="DG352" s="6"/>
      <c r="DH352" s="6" t="s">
        <v>333</v>
      </c>
      <c r="DI352" s="6"/>
      <c r="DJ352" s="6"/>
      <c r="DK352" s="6"/>
      <c r="DL352" s="6">
        <v>4</v>
      </c>
      <c r="DM352" s="6" t="s">
        <v>446</v>
      </c>
      <c r="DN352" s="6">
        <v>6</v>
      </c>
      <c r="DO352" s="6" t="s">
        <v>393</v>
      </c>
      <c r="DP352" s="6"/>
      <c r="DQ352" s="6"/>
    </row>
    <row r="353" spans="1:121" x14ac:dyDescent="0.2">
      <c r="A353" s="6" t="s">
        <v>317</v>
      </c>
      <c r="B353" s="6" t="s">
        <v>317</v>
      </c>
      <c r="C353" s="6" t="s">
        <v>186</v>
      </c>
      <c r="D353" s="6" t="s">
        <v>59</v>
      </c>
      <c r="E353" s="6" t="s">
        <v>200</v>
      </c>
      <c r="F353" s="11">
        <v>12</v>
      </c>
      <c r="G353" s="13">
        <v>0.27</v>
      </c>
      <c r="H353" s="11">
        <v>7</v>
      </c>
      <c r="I353" s="13">
        <v>0.15555555555555556</v>
      </c>
      <c r="J353" s="11">
        <v>-9</v>
      </c>
      <c r="K353" s="13">
        <v>-0.17307692307692307</v>
      </c>
      <c r="L353" s="11">
        <v>14</v>
      </c>
      <c r="M353" s="13">
        <v>0.32558139534883723</v>
      </c>
      <c r="N353" s="11">
        <v>5</v>
      </c>
      <c r="O353" s="13">
        <v>9.6153846153846159E-2</v>
      </c>
      <c r="P353" s="7">
        <v>45</v>
      </c>
      <c r="Q353" s="7">
        <v>45</v>
      </c>
      <c r="R353" s="7">
        <v>44</v>
      </c>
      <c r="S353" s="7">
        <v>45</v>
      </c>
      <c r="T353" s="7">
        <v>40</v>
      </c>
      <c r="U353" s="7">
        <v>43</v>
      </c>
      <c r="V353" s="7">
        <v>52</v>
      </c>
      <c r="W353" s="7">
        <v>42</v>
      </c>
      <c r="X353" s="7">
        <v>38</v>
      </c>
      <c r="Y353" s="7">
        <v>43</v>
      </c>
      <c r="Z353" s="7">
        <v>51</v>
      </c>
      <c r="AA353" s="7">
        <v>43</v>
      </c>
      <c r="AB353" s="7">
        <v>44</v>
      </c>
      <c r="AC353" s="7">
        <v>51</v>
      </c>
      <c r="AD353" s="7">
        <v>57</v>
      </c>
      <c r="AE353" s="7">
        <v>54</v>
      </c>
      <c r="AF353" s="7">
        <v>57</v>
      </c>
      <c r="AG353" s="9">
        <v>9758</v>
      </c>
      <c r="AH353" s="13">
        <v>0.39450171821305841</v>
      </c>
      <c r="AI353" s="9">
        <v>13252</v>
      </c>
      <c r="AJ353" s="13">
        <v>0.53575904588639578</v>
      </c>
      <c r="AK353" s="9">
        <v>-1017</v>
      </c>
      <c r="AL353" s="13">
        <v>-2.6772316845236527E-2</v>
      </c>
      <c r="AM353" s="9">
        <v>-2477</v>
      </c>
      <c r="AN353" s="13">
        <v>-6.700027048958615E-2</v>
      </c>
      <c r="AO353" s="9">
        <v>-3494</v>
      </c>
      <c r="AP353" s="13">
        <v>-9.1978834864558934E-2</v>
      </c>
      <c r="AQ353" s="9">
        <v>24735</v>
      </c>
      <c r="AR353" s="9">
        <v>25267</v>
      </c>
      <c r="AS353" s="9">
        <v>26995</v>
      </c>
      <c r="AT353" s="9">
        <v>27759</v>
      </c>
      <c r="AU353" s="9">
        <v>25589</v>
      </c>
      <c r="AV353" s="9">
        <v>27101</v>
      </c>
      <c r="AW353" s="9">
        <v>37987</v>
      </c>
      <c r="AX353" s="9">
        <v>30771</v>
      </c>
      <c r="AY353" s="9">
        <v>29279</v>
      </c>
      <c r="AZ353" s="9">
        <v>36970</v>
      </c>
      <c r="BA353" s="9">
        <v>40247</v>
      </c>
      <c r="BB353" s="9">
        <v>34569</v>
      </c>
      <c r="BC353" s="9">
        <v>35647</v>
      </c>
      <c r="BD353" s="9">
        <v>41525</v>
      </c>
      <c r="BE353" s="9">
        <v>42025</v>
      </c>
      <c r="BF353" s="9">
        <v>34493</v>
      </c>
      <c r="BG353" s="11">
        <v>-2</v>
      </c>
      <c r="BH353" s="13">
        <v>-0.125</v>
      </c>
      <c r="BI353" s="6">
        <v>2</v>
      </c>
      <c r="BJ353" s="13">
        <v>0.125</v>
      </c>
      <c r="BK353" s="6">
        <v>-2</v>
      </c>
      <c r="BL353" s="13">
        <v>-0.1111111111111111</v>
      </c>
      <c r="BM353" s="11">
        <v>-2</v>
      </c>
      <c r="BN353" s="13">
        <v>-0.125</v>
      </c>
      <c r="BO353" s="11">
        <v>-4</v>
      </c>
      <c r="BP353" s="13">
        <v>-0.22222222222222221</v>
      </c>
      <c r="BQ353" s="6">
        <v>16</v>
      </c>
      <c r="BR353" s="6">
        <v>18</v>
      </c>
      <c r="BS353" s="6">
        <v>15</v>
      </c>
      <c r="BT353" s="6">
        <v>18</v>
      </c>
      <c r="BU353" s="6">
        <v>17</v>
      </c>
      <c r="BV353" s="6">
        <v>17</v>
      </c>
      <c r="BW353" s="6">
        <v>16</v>
      </c>
      <c r="BX353" s="6">
        <v>15</v>
      </c>
      <c r="BY353" s="6">
        <v>13</v>
      </c>
      <c r="BZ353" s="6">
        <v>15</v>
      </c>
      <c r="CA353" s="6">
        <v>16</v>
      </c>
      <c r="CB353" s="6">
        <v>15</v>
      </c>
      <c r="CC353" s="11">
        <v>14</v>
      </c>
      <c r="CD353" s="11">
        <v>-3</v>
      </c>
      <c r="CE353" s="11">
        <v>9</v>
      </c>
      <c r="CF353" s="11">
        <v>5</v>
      </c>
      <c r="CG353" s="11">
        <v>14</v>
      </c>
      <c r="CH353" s="20">
        <v>0.26</v>
      </c>
      <c r="CI353" s="20">
        <v>0.27</v>
      </c>
      <c r="CJ353" s="20">
        <v>0.26</v>
      </c>
      <c r="CK353" s="20">
        <v>0.27</v>
      </c>
      <c r="CL353" s="20">
        <v>0.23</v>
      </c>
      <c r="CM353" s="20">
        <v>0.22</v>
      </c>
      <c r="CN353" s="20">
        <v>0.27</v>
      </c>
      <c r="CO353" s="20">
        <v>0.23</v>
      </c>
      <c r="CP353" s="20">
        <v>0.2</v>
      </c>
      <c r="CQ353" s="20">
        <v>0.25</v>
      </c>
      <c r="CR353" s="20">
        <v>0.3</v>
      </c>
      <c r="CS353" s="20">
        <v>0.25</v>
      </c>
      <c r="CT353" s="20">
        <v>0.24</v>
      </c>
      <c r="CU353" s="20">
        <v>0.27</v>
      </c>
      <c r="CV353" s="20">
        <v>0.28999999999999998</v>
      </c>
      <c r="CW353" s="20">
        <v>0.28000000000000003</v>
      </c>
      <c r="CX353" s="20">
        <v>0.28000000000000003</v>
      </c>
      <c r="CY353" s="6" t="s">
        <v>444</v>
      </c>
      <c r="CZ353" s="6" t="s">
        <v>445</v>
      </c>
      <c r="DA353" s="6" t="s">
        <v>59</v>
      </c>
      <c r="DB353" s="6"/>
      <c r="DC353" s="6"/>
      <c r="DD353" s="6"/>
      <c r="DE353" s="6"/>
      <c r="DF353" s="6"/>
      <c r="DG353" s="6"/>
      <c r="DH353" s="6" t="s">
        <v>333</v>
      </c>
      <c r="DI353" s="6"/>
      <c r="DJ353" s="6"/>
      <c r="DK353" s="6"/>
      <c r="DL353" s="6">
        <v>4</v>
      </c>
      <c r="DM353" s="6" t="s">
        <v>446</v>
      </c>
      <c r="DN353" s="6">
        <v>6</v>
      </c>
      <c r="DO353" s="6" t="s">
        <v>393</v>
      </c>
      <c r="DP353" s="6"/>
      <c r="DQ353" s="6"/>
    </row>
    <row r="354" spans="1:121" x14ac:dyDescent="0.2">
      <c r="A354" s="6" t="s">
        <v>318</v>
      </c>
      <c r="B354" s="6" t="s">
        <v>318</v>
      </c>
      <c r="C354" s="6" t="s">
        <v>187</v>
      </c>
      <c r="D354" s="6" t="s">
        <v>59</v>
      </c>
      <c r="E354" s="6" t="s">
        <v>200</v>
      </c>
      <c r="F354" s="11">
        <v>1</v>
      </c>
      <c r="G354" s="13">
        <v>1</v>
      </c>
      <c r="H354" s="11">
        <v>14.666931000000002</v>
      </c>
      <c r="I354" s="13">
        <v>2.9333862000000002</v>
      </c>
      <c r="J354" s="11">
        <v>-6.4447280000000013</v>
      </c>
      <c r="K354" s="13">
        <v>-0.32769362947375985</v>
      </c>
      <c r="L354" s="11">
        <v>-8.2222030000000004</v>
      </c>
      <c r="M354" s="13">
        <v>-0.62184818974568767</v>
      </c>
      <c r="N354" s="11">
        <v>-14.666931000000002</v>
      </c>
      <c r="O354" s="13">
        <v>-0.74576612893999583</v>
      </c>
      <c r="P354" s="7">
        <v>5</v>
      </c>
      <c r="Q354" s="7">
        <v>5</v>
      </c>
      <c r="R354" s="7">
        <v>5</v>
      </c>
      <c r="S354" s="7">
        <v>5</v>
      </c>
      <c r="T354" s="7">
        <v>5</v>
      </c>
      <c r="U354" s="7">
        <v>19.525977000000001</v>
      </c>
      <c r="V354" s="7">
        <v>19.666931000000002</v>
      </c>
      <c r="W354" s="7">
        <v>5</v>
      </c>
      <c r="X354" s="7">
        <v>10.470347</v>
      </c>
      <c r="Y354" s="7">
        <v>13.222203</v>
      </c>
      <c r="Z354" s="7">
        <v>12.191622000000001</v>
      </c>
      <c r="AA354" s="7">
        <v>5</v>
      </c>
      <c r="AB354" s="7">
        <v>5</v>
      </c>
      <c r="AC354" s="7">
        <v>5</v>
      </c>
      <c r="AD354" s="7">
        <v>5</v>
      </c>
      <c r="AE354" s="7">
        <v>5</v>
      </c>
      <c r="AF354" s="7">
        <v>5</v>
      </c>
      <c r="AG354" s="9">
        <v>0</v>
      </c>
      <c r="AH354" s="13">
        <v>0</v>
      </c>
      <c r="AI354" s="9">
        <v>181737.69800500001</v>
      </c>
      <c r="AJ354" s="13">
        <v>181737.69800500001</v>
      </c>
      <c r="AK354" s="9">
        <v>-97927.94892130002</v>
      </c>
      <c r="AL354" s="13">
        <v>-0.53883927857019098</v>
      </c>
      <c r="AM354" s="9">
        <v>-83809.749083699993</v>
      </c>
      <c r="AN354" s="13">
        <v>-0.99998806835625587</v>
      </c>
      <c r="AO354" s="9">
        <v>-181737.69800500001</v>
      </c>
      <c r="AP354" s="13">
        <v>-0.99999449759456305</v>
      </c>
      <c r="AQ354" s="9">
        <v>1</v>
      </c>
      <c r="AR354" s="9">
        <v>1</v>
      </c>
      <c r="AS354" s="9">
        <v>1</v>
      </c>
      <c r="AT354" s="9">
        <v>1</v>
      </c>
      <c r="AU354" s="9">
        <v>1</v>
      </c>
      <c r="AV354" s="9">
        <v>101208.152273</v>
      </c>
      <c r="AW354" s="9">
        <v>181738.69800500001</v>
      </c>
      <c r="AX354" s="9">
        <v>1</v>
      </c>
      <c r="AY354" s="9">
        <v>52961.603111700002</v>
      </c>
      <c r="AZ354" s="9">
        <v>83810.749083699993</v>
      </c>
      <c r="BA354" s="9">
        <v>52879.740551800001</v>
      </c>
      <c r="BB354" s="9">
        <v>1</v>
      </c>
      <c r="BC354" s="9">
        <v>1</v>
      </c>
      <c r="BD354" s="9">
        <v>1</v>
      </c>
      <c r="BE354" s="9">
        <v>1</v>
      </c>
      <c r="BF354" s="9">
        <v>1</v>
      </c>
      <c r="BG354" s="11">
        <v>-1</v>
      </c>
      <c r="BH354" s="13">
        <v>-0.5</v>
      </c>
      <c r="BI354" s="6">
        <v>0</v>
      </c>
      <c r="BJ354" s="13">
        <v>0</v>
      </c>
      <c r="BK354" s="6">
        <v>0</v>
      </c>
      <c r="BL354" s="13">
        <v>0</v>
      </c>
      <c r="BM354" s="11">
        <v>-1</v>
      </c>
      <c r="BN354" s="13">
        <v>-0.5</v>
      </c>
      <c r="BO354" s="11">
        <v>-1</v>
      </c>
      <c r="BP354" s="13">
        <v>-0.5</v>
      </c>
      <c r="BQ354" s="6">
        <v>2</v>
      </c>
      <c r="BR354" s="6">
        <v>2</v>
      </c>
      <c r="BS354" s="6">
        <v>1</v>
      </c>
      <c r="BT354" s="6">
        <v>2</v>
      </c>
      <c r="BU354" s="6">
        <v>3</v>
      </c>
      <c r="BV354" s="6">
        <v>3</v>
      </c>
      <c r="BW354" s="6">
        <v>2</v>
      </c>
      <c r="BX354" s="6">
        <v>1</v>
      </c>
      <c r="BY354" s="6">
        <v>1</v>
      </c>
      <c r="BZ354" s="6">
        <v>1</v>
      </c>
      <c r="CA354" s="6">
        <v>1</v>
      </c>
      <c r="CB354" s="6">
        <v>1</v>
      </c>
      <c r="CC354" s="11">
        <v>1</v>
      </c>
      <c r="CD354" s="11">
        <v>-6.1195899999999996</v>
      </c>
      <c r="CE354" s="11">
        <v>1.3142100000000001</v>
      </c>
      <c r="CF354" s="11">
        <v>0.67096299999999998</v>
      </c>
      <c r="CG354" s="11">
        <v>2</v>
      </c>
      <c r="CH354" s="20">
        <v>0.163743</v>
      </c>
      <c r="CI354" s="20">
        <v>0.17274100000000001</v>
      </c>
      <c r="CJ354" s="20">
        <v>6.89341E-3</v>
      </c>
      <c r="CK354" s="20">
        <v>0.13988900000000001</v>
      </c>
      <c r="CL354" s="20">
        <v>0.22438900000000001</v>
      </c>
      <c r="CM354" s="20">
        <v>0.48590100000000003</v>
      </c>
      <c r="CN354" s="20">
        <v>0.48836600000000002</v>
      </c>
      <c r="CO354" s="20">
        <v>0.20851</v>
      </c>
      <c r="CP354" s="20">
        <v>0.264706</v>
      </c>
      <c r="CQ354" s="20">
        <v>0.36202200000000001</v>
      </c>
      <c r="CR354" s="20">
        <v>0.33330399999999999</v>
      </c>
      <c r="CS354" s="20">
        <v>0.17521200000000001</v>
      </c>
      <c r="CT354" s="20">
        <v>0.120255</v>
      </c>
      <c r="CU354" s="20">
        <v>0.11026</v>
      </c>
      <c r="CV354" s="20">
        <v>6.5404799999999999E-2</v>
      </c>
      <c r="CW354" s="20">
        <v>5.68648E-2</v>
      </c>
      <c r="CX354" s="20">
        <v>4.50693E-2</v>
      </c>
      <c r="CY354" s="6" t="s">
        <v>444</v>
      </c>
      <c r="CZ354" s="6" t="s">
        <v>445</v>
      </c>
      <c r="DA354" s="6" t="s">
        <v>59</v>
      </c>
      <c r="DB354" s="6"/>
      <c r="DC354" s="6"/>
      <c r="DD354" s="6"/>
      <c r="DE354" s="6"/>
      <c r="DF354" s="6"/>
      <c r="DG354" s="6"/>
      <c r="DH354" s="6" t="s">
        <v>333</v>
      </c>
      <c r="DI354" s="6"/>
      <c r="DJ354" s="6"/>
      <c r="DK354" s="6"/>
      <c r="DL354" s="6">
        <v>4</v>
      </c>
      <c r="DM354" s="6" t="s">
        <v>446</v>
      </c>
      <c r="DN354" s="6">
        <v>6</v>
      </c>
      <c r="DO354" s="6" t="s">
        <v>393</v>
      </c>
      <c r="DP354" s="6"/>
      <c r="DQ354" s="6"/>
    </row>
    <row r="355" spans="1:121" x14ac:dyDescent="0.2">
      <c r="A355" s="6" t="s">
        <v>319</v>
      </c>
      <c r="B355" s="6" t="s">
        <v>319</v>
      </c>
      <c r="C355" s="6" t="s">
        <v>188</v>
      </c>
      <c r="D355" s="6" t="s">
        <v>59</v>
      </c>
      <c r="E355" s="6" t="s">
        <v>200</v>
      </c>
      <c r="F355" s="11">
        <v>-156</v>
      </c>
      <c r="G355" s="13">
        <v>-0.78391959798999999</v>
      </c>
      <c r="H355" s="11">
        <v>75.974778504999989</v>
      </c>
      <c r="I355" s="13">
        <v>0.3813054399305581</v>
      </c>
      <c r="J355" s="11">
        <v>-217.73238654399998</v>
      </c>
      <c r="K355" s="13">
        <v>-0.79110999098088708</v>
      </c>
      <c r="L355" s="11">
        <v>-14.655289143499999</v>
      </c>
      <c r="M355" s="13">
        <v>-0.25491216359255547</v>
      </c>
      <c r="N355" s="11">
        <v>-232.38767568749998</v>
      </c>
      <c r="O355" s="13">
        <v>-0.84435859513281764</v>
      </c>
      <c r="P355" s="7">
        <v>199.2491335</v>
      </c>
      <c r="Q355" s="7">
        <v>194.53544209500001</v>
      </c>
      <c r="R355" s="7">
        <v>191.89078553600001</v>
      </c>
      <c r="S355" s="7">
        <v>178.70653769</v>
      </c>
      <c r="T355" s="7">
        <v>175.927376318</v>
      </c>
      <c r="U355" s="7">
        <v>231.413514698</v>
      </c>
      <c r="V355" s="7">
        <v>275.22391200499999</v>
      </c>
      <c r="W355" s="7">
        <v>124.136041143</v>
      </c>
      <c r="X355" s="7">
        <v>95.992800090200006</v>
      </c>
      <c r="Y355" s="7">
        <v>57.491525461000002</v>
      </c>
      <c r="Z355" s="7">
        <v>41.549140688000001</v>
      </c>
      <c r="AA355" s="7">
        <v>41.234050195499997</v>
      </c>
      <c r="AB355" s="7">
        <v>35.693976849400002</v>
      </c>
      <c r="AC355" s="7">
        <v>39.115018678200002</v>
      </c>
      <c r="AD355" s="7">
        <v>41.585175686600003</v>
      </c>
      <c r="AE355" s="7">
        <v>44.7614392917</v>
      </c>
      <c r="AF355" s="7">
        <v>42.836236317500003</v>
      </c>
      <c r="AG355" s="9">
        <v>5663.8763022999992</v>
      </c>
      <c r="AH355" s="13">
        <v>0.30726859469785001</v>
      </c>
      <c r="AI355" s="9">
        <v>-8137.0296261999993</v>
      </c>
      <c r="AJ355" s="13">
        <v>-0.44143860579051442</v>
      </c>
      <c r="AK355" s="9">
        <v>7495.0834344999985</v>
      </c>
      <c r="AL355" s="13">
        <v>0.7279641136715882</v>
      </c>
      <c r="AM355" s="9">
        <v>6305.822494</v>
      </c>
      <c r="AN355" s="13">
        <v>0.35443819918208369</v>
      </c>
      <c r="AO355" s="9">
        <v>13800.905928499998</v>
      </c>
      <c r="AP355" s="13">
        <v>1.3404206023726113</v>
      </c>
      <c r="AQ355" s="9">
        <v>18432.9814372</v>
      </c>
      <c r="AR355" s="9">
        <v>18164.034191800001</v>
      </c>
      <c r="AS355" s="9">
        <v>17649.813946800001</v>
      </c>
      <c r="AT355" s="9">
        <v>17368.9891628</v>
      </c>
      <c r="AU355" s="9">
        <v>11604.676470099999</v>
      </c>
      <c r="AV355" s="9">
        <v>8769.8335311400006</v>
      </c>
      <c r="AW355" s="9">
        <v>10295.951811000001</v>
      </c>
      <c r="AX355" s="9">
        <v>18906.9621959</v>
      </c>
      <c r="AY355" s="9">
        <v>19883.472900699999</v>
      </c>
      <c r="AZ355" s="9">
        <v>17791.035245499999</v>
      </c>
      <c r="BA355" s="9">
        <v>13387.421229899999</v>
      </c>
      <c r="BB355" s="9">
        <v>18839.8070601</v>
      </c>
      <c r="BC355" s="9">
        <v>17658.887463899999</v>
      </c>
      <c r="BD355" s="9">
        <v>17490.437279999998</v>
      </c>
      <c r="BE355" s="9">
        <v>27842.834416400001</v>
      </c>
      <c r="BF355" s="9">
        <v>24096.857739499999</v>
      </c>
      <c r="BG355" s="11">
        <v>3</v>
      </c>
      <c r="BH355" s="13">
        <v>0.6</v>
      </c>
      <c r="BI355" s="6">
        <v>3</v>
      </c>
      <c r="BJ355" s="13">
        <v>0.6</v>
      </c>
      <c r="BK355" s="6">
        <v>1</v>
      </c>
      <c r="BL355" s="13">
        <v>0.125</v>
      </c>
      <c r="BM355" s="11">
        <v>-1</v>
      </c>
      <c r="BN355" s="13">
        <v>-0.1111111111111111</v>
      </c>
      <c r="BO355" s="11">
        <v>0</v>
      </c>
      <c r="BP355" s="13">
        <v>0</v>
      </c>
      <c r="BQ355" s="6">
        <v>5</v>
      </c>
      <c r="BR355" s="6">
        <v>6</v>
      </c>
      <c r="BS355" s="6">
        <v>7</v>
      </c>
      <c r="BT355" s="6">
        <v>8</v>
      </c>
      <c r="BU355" s="6">
        <v>8</v>
      </c>
      <c r="BV355" s="6">
        <v>9</v>
      </c>
      <c r="BW355" s="6">
        <v>9</v>
      </c>
      <c r="BX355" s="6">
        <v>8</v>
      </c>
      <c r="BY355" s="6">
        <v>8</v>
      </c>
      <c r="BZ355" s="6">
        <v>8</v>
      </c>
      <c r="CA355" s="6">
        <v>7</v>
      </c>
      <c r="CB355" s="6">
        <v>7</v>
      </c>
      <c r="CC355" s="11">
        <v>8</v>
      </c>
      <c r="CD355" s="11">
        <v>-196.12</v>
      </c>
      <c r="CE355" s="11">
        <v>17.927</v>
      </c>
      <c r="CF355" s="11">
        <v>21.7803</v>
      </c>
      <c r="CG355" s="11">
        <v>40</v>
      </c>
      <c r="CH355" s="20">
        <v>1.0835999999999999</v>
      </c>
      <c r="CI355" s="20">
        <v>1.0624800000000001</v>
      </c>
      <c r="CJ355" s="20">
        <v>1.0491699999999999</v>
      </c>
      <c r="CK355" s="20">
        <v>0.97886600000000001</v>
      </c>
      <c r="CL355" s="20">
        <v>0.92141899999999999</v>
      </c>
      <c r="CM355" s="20">
        <v>1.1154599999999999</v>
      </c>
      <c r="CN355" s="20">
        <v>1.35161</v>
      </c>
      <c r="CO355" s="20">
        <v>0.68762400000000001</v>
      </c>
      <c r="CP355" s="20">
        <v>0.55674699999999999</v>
      </c>
      <c r="CQ355" s="20">
        <v>0.35101700000000002</v>
      </c>
      <c r="CR355" s="20">
        <v>0.25191400000000003</v>
      </c>
      <c r="CS355" s="20">
        <v>0.24285799999999999</v>
      </c>
      <c r="CT355" s="20">
        <v>0.198384</v>
      </c>
      <c r="CU355" s="20">
        <v>0.21077299999999999</v>
      </c>
      <c r="CV355" s="20">
        <v>0.21704399999999999</v>
      </c>
      <c r="CW355" s="20">
        <v>0.233739</v>
      </c>
      <c r="CX355" s="20">
        <v>0.21676500000000001</v>
      </c>
      <c r="CY355" s="6" t="s">
        <v>444</v>
      </c>
      <c r="CZ355" s="6" t="s">
        <v>445</v>
      </c>
      <c r="DA355" s="6" t="s">
        <v>59</v>
      </c>
      <c r="DB355" s="6"/>
      <c r="DC355" s="6"/>
      <c r="DD355" s="6"/>
      <c r="DE355" s="6"/>
      <c r="DF355" s="6"/>
      <c r="DG355" s="6"/>
      <c r="DH355" s="6" t="s">
        <v>333</v>
      </c>
      <c r="DI355" s="6"/>
      <c r="DJ355" s="6"/>
      <c r="DK355" s="6"/>
      <c r="DL355" s="6">
        <v>4</v>
      </c>
      <c r="DM355" s="6" t="s">
        <v>446</v>
      </c>
      <c r="DN355" s="6">
        <v>6</v>
      </c>
      <c r="DO355" s="6" t="s">
        <v>393</v>
      </c>
      <c r="DP355" s="6"/>
      <c r="DQ355" s="6"/>
    </row>
    <row r="356" spans="1:121" x14ac:dyDescent="0.2">
      <c r="A356" s="6" t="s">
        <v>320</v>
      </c>
      <c r="B356" s="6" t="s">
        <v>320</v>
      </c>
      <c r="C356" s="6" t="s">
        <v>189</v>
      </c>
      <c r="D356" s="6" t="s">
        <v>59</v>
      </c>
      <c r="E356" s="6" t="s">
        <v>200</v>
      </c>
      <c r="F356" s="11">
        <v>1</v>
      </c>
      <c r="G356" s="13">
        <v>1</v>
      </c>
      <c r="H356" s="11">
        <v>0</v>
      </c>
      <c r="I356" s="13">
        <v>0</v>
      </c>
      <c r="J356" s="11">
        <v>10.7589948258</v>
      </c>
      <c r="K356" s="13">
        <v>2.1517989651599998</v>
      </c>
      <c r="L356" s="11">
        <v>34.381081693500001</v>
      </c>
      <c r="M356" s="13">
        <v>2.1816798643281903</v>
      </c>
      <c r="N356" s="11">
        <v>45.140076519300003</v>
      </c>
      <c r="O356" s="13">
        <v>9.0280153038600002</v>
      </c>
      <c r="P356" s="7">
        <v>5</v>
      </c>
      <c r="Q356" s="7">
        <v>10.140082017699999</v>
      </c>
      <c r="R356" s="7">
        <v>5</v>
      </c>
      <c r="S356" s="7">
        <v>5</v>
      </c>
      <c r="T356" s="7">
        <v>5</v>
      </c>
      <c r="U356" s="7">
        <v>5</v>
      </c>
      <c r="V356" s="7">
        <v>5</v>
      </c>
      <c r="W356" s="7">
        <v>5</v>
      </c>
      <c r="X356" s="7">
        <v>5</v>
      </c>
      <c r="Y356" s="7">
        <v>15.7589948258</v>
      </c>
      <c r="Z356" s="7">
        <v>21.143382594799998</v>
      </c>
      <c r="AA356" s="7">
        <v>36.0139563221</v>
      </c>
      <c r="AB356" s="7">
        <v>49.4239895909</v>
      </c>
      <c r="AC356" s="7">
        <v>54.083160158299997</v>
      </c>
      <c r="AD356" s="7">
        <v>44.1365203963</v>
      </c>
      <c r="AE356" s="7">
        <v>45.288672172699997</v>
      </c>
      <c r="AF356" s="7">
        <v>50.140076519300003</v>
      </c>
      <c r="AG356" s="9">
        <v>9109.8510532300006</v>
      </c>
      <c r="AH356" s="13">
        <v>9109.8510532300006</v>
      </c>
      <c r="AI356" s="9">
        <v>0</v>
      </c>
      <c r="AJ356" s="13">
        <v>0</v>
      </c>
      <c r="AK356" s="9">
        <v>7891.8158824700004</v>
      </c>
      <c r="AL356" s="13">
        <v>7891.8158824700004</v>
      </c>
      <c r="AM356" s="9">
        <v>1218.0351707600003</v>
      </c>
      <c r="AN356" s="13">
        <v>0.15432200483293484</v>
      </c>
      <c r="AO356" s="9">
        <v>9109.8510532300006</v>
      </c>
      <c r="AP356" s="13">
        <v>9109.8510532300006</v>
      </c>
      <c r="AQ356" s="9">
        <v>1</v>
      </c>
      <c r="AR356" s="9">
        <v>12892.905347399999</v>
      </c>
      <c r="AS356" s="9">
        <v>1</v>
      </c>
      <c r="AT356" s="9">
        <v>1</v>
      </c>
      <c r="AU356" s="9">
        <v>1</v>
      </c>
      <c r="AV356" s="9">
        <v>1</v>
      </c>
      <c r="AW356" s="9">
        <v>1</v>
      </c>
      <c r="AX356" s="9">
        <v>1</v>
      </c>
      <c r="AY356" s="9">
        <v>1</v>
      </c>
      <c r="AZ356" s="9">
        <v>7892.8158824700004</v>
      </c>
      <c r="BA356" s="9">
        <v>11920.5594692</v>
      </c>
      <c r="BB356" s="9">
        <v>9565.51121117</v>
      </c>
      <c r="BC356" s="9">
        <v>12799.009877500001</v>
      </c>
      <c r="BD356" s="9">
        <v>10403.5897644</v>
      </c>
      <c r="BE356" s="9">
        <v>10564.860359800001</v>
      </c>
      <c r="BF356" s="9">
        <v>9110.8510532300006</v>
      </c>
      <c r="BG356" s="11">
        <v>0</v>
      </c>
      <c r="BH356" s="13">
        <v>0</v>
      </c>
      <c r="BI356" s="6">
        <v>-1</v>
      </c>
      <c r="BJ356" s="13">
        <v>-0.5</v>
      </c>
      <c r="BK356" s="6">
        <v>0</v>
      </c>
      <c r="BL356" s="13">
        <v>0</v>
      </c>
      <c r="BM356" s="11">
        <v>1</v>
      </c>
      <c r="BN356" s="13">
        <v>1</v>
      </c>
      <c r="BO356" s="11">
        <v>1</v>
      </c>
      <c r="BP356" s="13">
        <v>1</v>
      </c>
      <c r="BQ356" s="6">
        <v>2</v>
      </c>
      <c r="BR356" s="6">
        <v>1</v>
      </c>
      <c r="BS356" s="6">
        <v>1</v>
      </c>
      <c r="BT356" s="6">
        <v>1</v>
      </c>
      <c r="BU356" s="6">
        <v>1</v>
      </c>
      <c r="BV356" s="6">
        <v>1</v>
      </c>
      <c r="BW356" s="6">
        <v>1</v>
      </c>
      <c r="BX356" s="6">
        <v>1</v>
      </c>
      <c r="BY356" s="6">
        <v>1</v>
      </c>
      <c r="BZ356" s="6">
        <v>1</v>
      </c>
      <c r="CA356" s="6">
        <v>1</v>
      </c>
      <c r="CB356" s="6">
        <v>2</v>
      </c>
      <c r="CC356" s="11">
        <v>2</v>
      </c>
      <c r="CD356" s="11">
        <v>37.303699999999999</v>
      </c>
      <c r="CE356" s="11">
        <v>3.1589499999999999</v>
      </c>
      <c r="CF356" s="11">
        <v>0.95362100000000005</v>
      </c>
      <c r="CG356" s="11">
        <v>4</v>
      </c>
      <c r="CH356" s="20">
        <v>0.142206</v>
      </c>
      <c r="CI356" s="20">
        <v>0.15863099999999999</v>
      </c>
      <c r="CJ356" s="20">
        <v>0.10672</v>
      </c>
      <c r="CK356" s="20">
        <v>8.3946300000000001E-2</v>
      </c>
      <c r="CL356" s="20">
        <v>9.2879000000000003E-2</v>
      </c>
      <c r="CM356" s="20">
        <v>4.0842000000000003E-2</v>
      </c>
      <c r="CN356" s="20">
        <v>6.0449799999999998E-2</v>
      </c>
      <c r="CO356" s="20">
        <v>3.9084500000000001E-2</v>
      </c>
      <c r="CP356" s="20">
        <v>6.8867999999999999E-2</v>
      </c>
      <c r="CQ356" s="20">
        <v>0.22354299999999999</v>
      </c>
      <c r="CR356" s="20">
        <v>0.30001499999999998</v>
      </c>
      <c r="CS356" s="20">
        <v>0.50120399999999998</v>
      </c>
      <c r="CT356" s="20">
        <v>0.65756099999999995</v>
      </c>
      <c r="CU356" s="20">
        <v>0.70597900000000002</v>
      </c>
      <c r="CV356" s="20">
        <v>0.56407499999999999</v>
      </c>
      <c r="CW356" s="20">
        <v>0.57984400000000003</v>
      </c>
      <c r="CX356" s="20">
        <v>0.61985100000000004</v>
      </c>
      <c r="CY356" s="6" t="s">
        <v>444</v>
      </c>
      <c r="CZ356" s="6" t="s">
        <v>445</v>
      </c>
      <c r="DA356" s="6" t="s">
        <v>59</v>
      </c>
      <c r="DB356" s="6"/>
      <c r="DC356" s="6"/>
      <c r="DD356" s="6"/>
      <c r="DE356" s="6"/>
      <c r="DF356" s="6"/>
      <c r="DG356" s="6"/>
      <c r="DH356" s="6" t="s">
        <v>333</v>
      </c>
      <c r="DI356" s="6"/>
      <c r="DJ356" s="6"/>
      <c r="DK356" s="6"/>
      <c r="DL356" s="6">
        <v>4</v>
      </c>
      <c r="DM356" s="6" t="s">
        <v>446</v>
      </c>
      <c r="DN356" s="6">
        <v>6</v>
      </c>
      <c r="DO356" s="6" t="s">
        <v>393</v>
      </c>
      <c r="DP356" s="6"/>
      <c r="DQ356" s="6"/>
    </row>
    <row r="357" spans="1:121" x14ac:dyDescent="0.2">
      <c r="A357" s="6" t="s">
        <v>321</v>
      </c>
      <c r="B357" s="6" t="s">
        <v>321</v>
      </c>
      <c r="C357" s="6" t="s">
        <v>190</v>
      </c>
      <c r="D357" s="6" t="s">
        <v>59</v>
      </c>
      <c r="E357" s="6" t="s">
        <v>200</v>
      </c>
      <c r="F357" s="11">
        <v>76</v>
      </c>
      <c r="G357" s="13">
        <v>0.218390804598</v>
      </c>
      <c r="H357" s="11">
        <v>84.274672114999987</v>
      </c>
      <c r="I357" s="13">
        <v>0.24200079582442044</v>
      </c>
      <c r="J357" s="11">
        <v>-17.292801756000017</v>
      </c>
      <c r="K357" s="13">
        <v>-3.9981879996954794E-2</v>
      </c>
      <c r="L357" s="11">
        <v>8.3578592389999926</v>
      </c>
      <c r="M357" s="13">
        <v>2.0128595426151169E-2</v>
      </c>
      <c r="N357" s="11">
        <v>-8.9349425170000245</v>
      </c>
      <c r="O357" s="13">
        <v>-2.0658063657639253E-2</v>
      </c>
      <c r="P357" s="7">
        <v>348.24130155400002</v>
      </c>
      <c r="Q357" s="7">
        <v>373.375836397</v>
      </c>
      <c r="R357" s="7">
        <v>387.65816905899999</v>
      </c>
      <c r="S357" s="7">
        <v>403.55625558899999</v>
      </c>
      <c r="T357" s="7">
        <v>408.28998850300002</v>
      </c>
      <c r="U357" s="7">
        <v>436.13707465200002</v>
      </c>
      <c r="V357" s="7">
        <v>432.515973669</v>
      </c>
      <c r="W357" s="7">
        <v>426.85236718700003</v>
      </c>
      <c r="X357" s="7">
        <v>444.94111788700002</v>
      </c>
      <c r="Y357" s="7">
        <v>415.22317191299999</v>
      </c>
      <c r="Z357" s="7">
        <v>409.39756847400002</v>
      </c>
      <c r="AA357" s="7">
        <v>382.48902823700001</v>
      </c>
      <c r="AB357" s="7">
        <v>380.69090461500002</v>
      </c>
      <c r="AC357" s="7">
        <v>396.52949142799997</v>
      </c>
      <c r="AD357" s="7">
        <v>416.33720434600002</v>
      </c>
      <c r="AE357" s="7">
        <v>416.52749351300002</v>
      </c>
      <c r="AF357" s="7">
        <v>423.58103115199998</v>
      </c>
      <c r="AG357" s="9">
        <v>21680.000935199998</v>
      </c>
      <c r="AH357" s="13">
        <v>1.096788312013421</v>
      </c>
      <c r="AI357" s="9">
        <v>5890.375914799999</v>
      </c>
      <c r="AJ357" s="13">
        <v>0.29799332002004841</v>
      </c>
      <c r="AK357" s="9">
        <v>6489.8725145999997</v>
      </c>
      <c r="AL357" s="13">
        <v>0.2529456560160302</v>
      </c>
      <c r="AM357" s="9">
        <v>9299.7525057999992</v>
      </c>
      <c r="AN357" s="13">
        <v>0.28928786464084577</v>
      </c>
      <c r="AO357" s="9">
        <v>15789.625020399999</v>
      </c>
      <c r="AP357" s="13">
        <v>0.6154076293559313</v>
      </c>
      <c r="AQ357" s="9">
        <v>19766.805223700001</v>
      </c>
      <c r="AR357" s="9">
        <v>20204.674322399998</v>
      </c>
      <c r="AS357" s="9">
        <v>20720.586358100001</v>
      </c>
      <c r="AT357" s="9">
        <v>21513.8396469</v>
      </c>
      <c r="AU357" s="9">
        <v>22955.408085300001</v>
      </c>
      <c r="AV357" s="9">
        <v>23948.069238700002</v>
      </c>
      <c r="AW357" s="9">
        <v>25657.1811385</v>
      </c>
      <c r="AX357" s="9">
        <v>27913.9507161</v>
      </c>
      <c r="AY357" s="9">
        <v>29203.500243400002</v>
      </c>
      <c r="AZ357" s="9">
        <v>32147.0536531</v>
      </c>
      <c r="BA357" s="9">
        <v>31746.354096999999</v>
      </c>
      <c r="BB357" s="9">
        <v>33233.094547200002</v>
      </c>
      <c r="BC357" s="9">
        <v>33689.0572923</v>
      </c>
      <c r="BD357" s="9">
        <v>37960.978161899999</v>
      </c>
      <c r="BE357" s="9">
        <v>38906.188817200004</v>
      </c>
      <c r="BF357" s="9">
        <v>41446.806158899999</v>
      </c>
      <c r="BG357" s="11">
        <v>16</v>
      </c>
      <c r="BH357" s="13">
        <v>0.8</v>
      </c>
      <c r="BI357" s="6">
        <v>1</v>
      </c>
      <c r="BJ357" s="13">
        <v>0.05</v>
      </c>
      <c r="BK357" s="6">
        <v>-1</v>
      </c>
      <c r="BL357" s="13">
        <v>-4.7619047619047616E-2</v>
      </c>
      <c r="BM357" s="11">
        <v>16</v>
      </c>
      <c r="BN357" s="13">
        <v>0.8</v>
      </c>
      <c r="BO357" s="11">
        <v>15</v>
      </c>
      <c r="BP357" s="13">
        <v>0.7142857142857143</v>
      </c>
      <c r="BQ357" s="6">
        <v>20</v>
      </c>
      <c r="BR357" s="6">
        <v>20</v>
      </c>
      <c r="BS357" s="6">
        <v>21</v>
      </c>
      <c r="BT357" s="6">
        <v>21</v>
      </c>
      <c r="BU357" s="6">
        <v>21</v>
      </c>
      <c r="BV357" s="6">
        <v>20</v>
      </c>
      <c r="BW357" s="6">
        <v>20</v>
      </c>
      <c r="BX357" s="6">
        <v>21</v>
      </c>
      <c r="BY357" s="6">
        <v>22</v>
      </c>
      <c r="BZ357" s="6">
        <v>35</v>
      </c>
      <c r="CA357" s="6">
        <v>37</v>
      </c>
      <c r="CB357" s="6">
        <v>40</v>
      </c>
      <c r="CC357" s="11">
        <v>36</v>
      </c>
      <c r="CD357" s="11">
        <v>-89.545100000000005</v>
      </c>
      <c r="CE357" s="11">
        <v>126.818</v>
      </c>
      <c r="CF357" s="11">
        <v>38.067</v>
      </c>
      <c r="CG357" s="11">
        <v>165</v>
      </c>
      <c r="CH357" s="20">
        <v>1.14941</v>
      </c>
      <c r="CI357" s="20">
        <v>1.1913100000000001</v>
      </c>
      <c r="CJ357" s="20">
        <v>1.2003900000000001</v>
      </c>
      <c r="CK357" s="20">
        <v>1.2673700000000001</v>
      </c>
      <c r="CL357" s="20">
        <v>1.23994</v>
      </c>
      <c r="CM357" s="20">
        <v>1.2210799999999999</v>
      </c>
      <c r="CN357" s="20">
        <v>1.2118100000000001</v>
      </c>
      <c r="CO357" s="20">
        <v>1.25797</v>
      </c>
      <c r="CP357" s="20">
        <v>1.2248399999999999</v>
      </c>
      <c r="CQ357" s="20">
        <v>1.2199199999999999</v>
      </c>
      <c r="CR357" s="20">
        <v>1.2246600000000001</v>
      </c>
      <c r="CS357" s="20">
        <v>1.10371</v>
      </c>
      <c r="CT357" s="20">
        <v>1.0446500000000001</v>
      </c>
      <c r="CU357" s="20">
        <v>1.06978</v>
      </c>
      <c r="CV357" s="20">
        <v>1.08873</v>
      </c>
      <c r="CW357" s="20">
        <v>1.08464</v>
      </c>
      <c r="CX357" s="20">
        <v>1.05881</v>
      </c>
      <c r="CY357" s="6" t="s">
        <v>444</v>
      </c>
      <c r="CZ357" s="6" t="s">
        <v>445</v>
      </c>
      <c r="DA357" s="6" t="s">
        <v>59</v>
      </c>
      <c r="DB357" s="6"/>
      <c r="DC357" s="6"/>
      <c r="DD357" s="6"/>
      <c r="DE357" s="6"/>
      <c r="DF357" s="6"/>
      <c r="DG357" s="6"/>
      <c r="DH357" s="6" t="s">
        <v>333</v>
      </c>
      <c r="DI357" s="6"/>
      <c r="DJ357" s="6"/>
      <c r="DK357" s="6"/>
      <c r="DL357" s="6">
        <v>4</v>
      </c>
      <c r="DM357" s="6" t="s">
        <v>446</v>
      </c>
      <c r="DN357" s="6">
        <v>6</v>
      </c>
      <c r="DO357" s="6" t="s">
        <v>393</v>
      </c>
      <c r="DP357" s="6"/>
      <c r="DQ357" s="6"/>
    </row>
    <row r="358" spans="1:121" x14ac:dyDescent="0.2">
      <c r="A358" s="6" t="s">
        <v>322</v>
      </c>
      <c r="B358" s="6" t="s">
        <v>322</v>
      </c>
      <c r="C358" s="6" t="s">
        <v>191</v>
      </c>
      <c r="D358" s="6" t="s">
        <v>59</v>
      </c>
      <c r="E358" s="6" t="s">
        <v>200</v>
      </c>
      <c r="F358" s="11">
        <v>-5</v>
      </c>
      <c r="G358" s="13">
        <v>-0.19</v>
      </c>
      <c r="H358" s="11">
        <v>8</v>
      </c>
      <c r="I358" s="13">
        <v>0.29629629629629628</v>
      </c>
      <c r="J358" s="11">
        <v>-8</v>
      </c>
      <c r="K358" s="13">
        <v>-0.22857142857142856</v>
      </c>
      <c r="L358" s="11">
        <v>-5</v>
      </c>
      <c r="M358" s="13">
        <v>-0.18518518518518515</v>
      </c>
      <c r="N358" s="11">
        <v>-13</v>
      </c>
      <c r="O358" s="13">
        <v>-0.37142857142857144</v>
      </c>
      <c r="P358" s="7">
        <v>27</v>
      </c>
      <c r="Q358" s="7">
        <v>28</v>
      </c>
      <c r="R358" s="7">
        <v>33</v>
      </c>
      <c r="S358" s="7">
        <v>37</v>
      </c>
      <c r="T358" s="7">
        <v>33</v>
      </c>
      <c r="U358" s="7">
        <v>33</v>
      </c>
      <c r="V358" s="7">
        <v>35</v>
      </c>
      <c r="W358" s="7">
        <v>35</v>
      </c>
      <c r="X358" s="7">
        <v>35</v>
      </c>
      <c r="Y358" s="7">
        <v>27</v>
      </c>
      <c r="Z358" s="7">
        <v>27</v>
      </c>
      <c r="AA358" s="7">
        <v>29</v>
      </c>
      <c r="AB358" s="7">
        <v>31</v>
      </c>
      <c r="AC358" s="7">
        <v>30</v>
      </c>
      <c r="AD358" s="7">
        <v>26</v>
      </c>
      <c r="AE358" s="7">
        <v>22</v>
      </c>
      <c r="AF358" s="7">
        <v>22</v>
      </c>
      <c r="AG358" s="9">
        <v>6203</v>
      </c>
      <c r="AH358" s="13">
        <v>0.54850119373949946</v>
      </c>
      <c r="AI358" s="9">
        <v>1417</v>
      </c>
      <c r="AJ358" s="13">
        <v>0.12529843487487841</v>
      </c>
      <c r="AK358" s="9">
        <v>2342</v>
      </c>
      <c r="AL358" s="13">
        <v>0.18403268898318403</v>
      </c>
      <c r="AM358" s="9">
        <v>2444</v>
      </c>
      <c r="AN358" s="13">
        <v>0.16219803557207327</v>
      </c>
      <c r="AO358" s="9">
        <v>4786</v>
      </c>
      <c r="AP358" s="13">
        <v>0.3760804651893761</v>
      </c>
      <c r="AQ358" s="9">
        <v>11309</v>
      </c>
      <c r="AR358" s="9">
        <v>11663</v>
      </c>
      <c r="AS358" s="9">
        <v>10386</v>
      </c>
      <c r="AT358" s="9">
        <v>10195</v>
      </c>
      <c r="AU358" s="9">
        <v>12530</v>
      </c>
      <c r="AV358" s="9">
        <v>12232</v>
      </c>
      <c r="AW358" s="9">
        <v>12726</v>
      </c>
      <c r="AX358" s="9">
        <v>12123</v>
      </c>
      <c r="AY358" s="9">
        <v>11845</v>
      </c>
      <c r="AZ358" s="9">
        <v>15068</v>
      </c>
      <c r="BA358" s="9">
        <v>14693</v>
      </c>
      <c r="BB358" s="9">
        <v>15834</v>
      </c>
      <c r="BC358" s="9">
        <v>14483</v>
      </c>
      <c r="BD358" s="9">
        <v>16266</v>
      </c>
      <c r="BE358" s="9">
        <v>18960</v>
      </c>
      <c r="BF358" s="9">
        <v>17512</v>
      </c>
      <c r="BG358" s="11">
        <v>-2</v>
      </c>
      <c r="BH358" s="13">
        <v>-0.33333333333333331</v>
      </c>
      <c r="BI358" s="6">
        <v>0</v>
      </c>
      <c r="BJ358" s="13">
        <v>0</v>
      </c>
      <c r="BK358" s="6">
        <v>-2</v>
      </c>
      <c r="BL358" s="13">
        <v>-0.33333333333333331</v>
      </c>
      <c r="BM358" s="11">
        <v>0</v>
      </c>
      <c r="BN358" s="13">
        <v>0</v>
      </c>
      <c r="BO358" s="11">
        <v>-2</v>
      </c>
      <c r="BP358" s="13">
        <v>-0.33333333333333331</v>
      </c>
      <c r="BQ358" s="6">
        <v>6</v>
      </c>
      <c r="BR358" s="6">
        <v>6</v>
      </c>
      <c r="BS358" s="6">
        <v>6</v>
      </c>
      <c r="BT358" s="6">
        <v>6</v>
      </c>
      <c r="BU358" s="6">
        <v>5</v>
      </c>
      <c r="BV358" s="6">
        <v>5</v>
      </c>
      <c r="BW358" s="6">
        <v>4</v>
      </c>
      <c r="BX358" s="6">
        <v>4</v>
      </c>
      <c r="BY358" s="6">
        <v>4</v>
      </c>
      <c r="BZ358" s="6">
        <v>5</v>
      </c>
      <c r="CA358" s="6">
        <v>4</v>
      </c>
      <c r="CB358" s="6">
        <v>4</v>
      </c>
      <c r="CC358" s="11">
        <v>4</v>
      </c>
      <c r="CD358" s="11">
        <v>-13</v>
      </c>
      <c r="CE358" s="11">
        <v>5</v>
      </c>
      <c r="CF358" s="11">
        <v>3</v>
      </c>
      <c r="CG358" s="11">
        <v>8</v>
      </c>
      <c r="CH358" s="20">
        <v>0.57999999999999996</v>
      </c>
      <c r="CI358" s="20">
        <v>0.6</v>
      </c>
      <c r="CJ358" s="20">
        <v>0.69</v>
      </c>
      <c r="CK358" s="20">
        <v>0.78</v>
      </c>
      <c r="CL358" s="20">
        <v>0.67</v>
      </c>
      <c r="CM358" s="20">
        <v>0.63</v>
      </c>
      <c r="CN358" s="20">
        <v>0.67</v>
      </c>
      <c r="CO358" s="20">
        <v>0.73</v>
      </c>
      <c r="CP358" s="20">
        <v>0.71</v>
      </c>
      <c r="CQ358" s="20">
        <v>0.59</v>
      </c>
      <c r="CR358" s="20">
        <v>0.61</v>
      </c>
      <c r="CS358" s="20">
        <v>0.62</v>
      </c>
      <c r="CT358" s="20">
        <v>0.65</v>
      </c>
      <c r="CU358" s="20">
        <v>0.6</v>
      </c>
      <c r="CV358" s="20">
        <v>0.51</v>
      </c>
      <c r="CW358" s="20">
        <v>0.43</v>
      </c>
      <c r="CX358" s="20">
        <v>0.42</v>
      </c>
      <c r="CY358" s="6" t="s">
        <v>444</v>
      </c>
      <c r="CZ358" s="6" t="s">
        <v>445</v>
      </c>
      <c r="DA358" s="6" t="s">
        <v>59</v>
      </c>
      <c r="DB358" s="6"/>
      <c r="DC358" s="6"/>
      <c r="DD358" s="6"/>
      <c r="DE358" s="6"/>
      <c r="DF358" s="6"/>
      <c r="DG358" s="6"/>
      <c r="DH358" s="6" t="s">
        <v>333</v>
      </c>
      <c r="DI358" s="6"/>
      <c r="DJ358" s="6"/>
      <c r="DK358" s="6"/>
      <c r="DL358" s="6">
        <v>4</v>
      </c>
      <c r="DM358" s="6" t="s">
        <v>446</v>
      </c>
      <c r="DN358" s="6">
        <v>6</v>
      </c>
      <c r="DO358" s="6" t="s">
        <v>393</v>
      </c>
      <c r="DP358" s="6"/>
      <c r="DQ358" s="6"/>
    </row>
    <row r="359" spans="1:121" x14ac:dyDescent="0.2">
      <c r="A359" s="6" t="s">
        <v>323</v>
      </c>
      <c r="B359" s="6" t="s">
        <v>323</v>
      </c>
      <c r="C359" s="6" t="s">
        <v>192</v>
      </c>
      <c r="D359" s="6" t="s">
        <v>59</v>
      </c>
      <c r="E359" s="6" t="s">
        <v>200</v>
      </c>
      <c r="F359" s="11">
        <v>3</v>
      </c>
      <c r="G359" s="13">
        <v>1.98675496689E-2</v>
      </c>
      <c r="H359" s="11">
        <v>-2.6523867390000078</v>
      </c>
      <c r="I359" s="13">
        <v>-1.7612205957564821E-2</v>
      </c>
      <c r="J359" s="11">
        <v>-21.932890972999999</v>
      </c>
      <c r="K359" s="13">
        <v>-0.14824833673095456</v>
      </c>
      <c r="L359" s="11">
        <v>28.44174932</v>
      </c>
      <c r="M359" s="13">
        <v>0.22570296468937964</v>
      </c>
      <c r="N359" s="11">
        <v>6.5088583470000003</v>
      </c>
      <c r="O359" s="13">
        <v>4.399453884797918E-2</v>
      </c>
      <c r="P359" s="7">
        <v>150.599348281</v>
      </c>
      <c r="Q359" s="7">
        <v>158.352024056</v>
      </c>
      <c r="R359" s="7">
        <v>137.19450710500001</v>
      </c>
      <c r="S359" s="7">
        <v>136.05175227699999</v>
      </c>
      <c r="T359" s="7">
        <v>134.31121040299999</v>
      </c>
      <c r="U359" s="7">
        <v>155.300217046</v>
      </c>
      <c r="V359" s="7">
        <v>147.946961542</v>
      </c>
      <c r="W359" s="7">
        <v>125.710956704</v>
      </c>
      <c r="X359" s="7">
        <v>119.70936091</v>
      </c>
      <c r="Y359" s="7">
        <v>126.014070569</v>
      </c>
      <c r="Z359" s="7">
        <v>123.66304677399999</v>
      </c>
      <c r="AA359" s="7">
        <v>102.32876580999999</v>
      </c>
      <c r="AB359" s="7">
        <v>154.38803793</v>
      </c>
      <c r="AC359" s="7">
        <v>155.21387948099999</v>
      </c>
      <c r="AD359" s="7">
        <v>160.27988041699999</v>
      </c>
      <c r="AE359" s="7">
        <v>149.204568271</v>
      </c>
      <c r="AF359" s="7">
        <v>154.455819889</v>
      </c>
      <c r="AG359" s="9">
        <v>5246.3111496700003</v>
      </c>
      <c r="AH359" s="13">
        <v>0.59362959540851956</v>
      </c>
      <c r="AI359" s="9">
        <v>997.58214269000018</v>
      </c>
      <c r="AJ359" s="13">
        <v>0.11287822373804088</v>
      </c>
      <c r="AK359" s="9">
        <v>1054.6866090799995</v>
      </c>
      <c r="AL359" s="13">
        <v>0.107235180676025</v>
      </c>
      <c r="AM359" s="9">
        <v>3194.0423979000007</v>
      </c>
      <c r="AN359" s="13">
        <v>0.29330175132154446</v>
      </c>
      <c r="AO359" s="9">
        <v>4248.7290069800001</v>
      </c>
      <c r="AP359" s="13">
        <v>0.43198919829312982</v>
      </c>
      <c r="AQ359" s="9">
        <v>8837.6846273299998</v>
      </c>
      <c r="AR359" s="9">
        <v>9038.0714869999993</v>
      </c>
      <c r="AS359" s="9">
        <v>8683.7469767700004</v>
      </c>
      <c r="AT359" s="9">
        <v>9674.7102704299996</v>
      </c>
      <c r="AU359" s="9">
        <v>8199.0998145899994</v>
      </c>
      <c r="AV359" s="9">
        <v>8986.6826046799997</v>
      </c>
      <c r="AW359" s="9">
        <v>9835.26677002</v>
      </c>
      <c r="AX359" s="9">
        <v>11677.0048238</v>
      </c>
      <c r="AY359" s="9">
        <v>11819.245118700001</v>
      </c>
      <c r="AZ359" s="9">
        <v>10889.953379099999</v>
      </c>
      <c r="BA359" s="9">
        <v>10483.3946151</v>
      </c>
      <c r="BB359" s="9">
        <v>11709.1975308</v>
      </c>
      <c r="BC359" s="9">
        <v>11705.4060169</v>
      </c>
      <c r="BD359" s="9">
        <v>12455.6665877</v>
      </c>
      <c r="BE359" s="9">
        <v>12718.013122099999</v>
      </c>
      <c r="BF359" s="9">
        <v>14083.995777</v>
      </c>
      <c r="BG359" s="11">
        <v>2</v>
      </c>
      <c r="BH359" s="13">
        <v>0.2</v>
      </c>
      <c r="BI359" s="6">
        <v>4</v>
      </c>
      <c r="BJ359" s="13">
        <v>0.4</v>
      </c>
      <c r="BK359" s="6">
        <v>-1</v>
      </c>
      <c r="BL359" s="13">
        <v>-7.1428571428571425E-2</v>
      </c>
      <c r="BM359" s="11">
        <v>-1</v>
      </c>
      <c r="BN359" s="13">
        <v>-7.6923076923076927E-2</v>
      </c>
      <c r="BO359" s="11">
        <v>-2</v>
      </c>
      <c r="BP359" s="13">
        <v>-0.14285714285714285</v>
      </c>
      <c r="BQ359" s="6">
        <v>10</v>
      </c>
      <c r="BR359" s="6">
        <v>11</v>
      </c>
      <c r="BS359" s="6">
        <v>14</v>
      </c>
      <c r="BT359" s="6">
        <v>14</v>
      </c>
      <c r="BU359" s="6">
        <v>12</v>
      </c>
      <c r="BV359" s="6">
        <v>13</v>
      </c>
      <c r="BW359" s="6">
        <v>13</v>
      </c>
      <c r="BX359" s="6">
        <v>13</v>
      </c>
      <c r="BY359" s="6">
        <v>13</v>
      </c>
      <c r="BZ359" s="6">
        <v>13</v>
      </c>
      <c r="CA359" s="6">
        <v>14</v>
      </c>
      <c r="CB359" s="6">
        <v>13</v>
      </c>
      <c r="CC359" s="11">
        <v>12</v>
      </c>
      <c r="CD359" s="11">
        <v>-46.853000000000002</v>
      </c>
      <c r="CE359" s="11">
        <v>34.247100000000003</v>
      </c>
      <c r="CF359" s="11">
        <v>16.462299999999999</v>
      </c>
      <c r="CG359" s="11">
        <v>50</v>
      </c>
      <c r="CH359" s="20">
        <v>0.669798</v>
      </c>
      <c r="CI359" s="20">
        <v>0.69812399999999997</v>
      </c>
      <c r="CJ359" s="20">
        <v>0.59419</v>
      </c>
      <c r="CK359" s="20">
        <v>0.59448900000000005</v>
      </c>
      <c r="CL359" s="20">
        <v>0.56709900000000002</v>
      </c>
      <c r="CM359" s="20">
        <v>0.60690900000000003</v>
      </c>
      <c r="CN359" s="20">
        <v>0.58182900000000004</v>
      </c>
      <c r="CO359" s="20">
        <v>0.53193199999999996</v>
      </c>
      <c r="CP359" s="20">
        <v>0.49659999999999999</v>
      </c>
      <c r="CQ359" s="20">
        <v>0.56521900000000003</v>
      </c>
      <c r="CR359" s="20">
        <v>0.55856700000000004</v>
      </c>
      <c r="CS359" s="20">
        <v>0.44862400000000002</v>
      </c>
      <c r="CT359" s="20">
        <v>0.63680000000000003</v>
      </c>
      <c r="CU359" s="20">
        <v>0.62279200000000001</v>
      </c>
      <c r="CV359" s="20">
        <v>0.61740300000000004</v>
      </c>
      <c r="CW359" s="20">
        <v>0.57096999999999998</v>
      </c>
      <c r="CX359" s="20">
        <v>0.57347300000000001</v>
      </c>
      <c r="CY359" s="6" t="s">
        <v>444</v>
      </c>
      <c r="CZ359" s="6" t="s">
        <v>445</v>
      </c>
      <c r="DA359" s="6" t="s">
        <v>59</v>
      </c>
      <c r="DB359" s="6"/>
      <c r="DC359" s="6"/>
      <c r="DD359" s="6"/>
      <c r="DE359" s="6"/>
      <c r="DF359" s="6"/>
      <c r="DG359" s="6"/>
      <c r="DH359" s="6" t="s">
        <v>333</v>
      </c>
      <c r="DI359" s="6"/>
      <c r="DJ359" s="6"/>
      <c r="DK359" s="6"/>
      <c r="DL359" s="6">
        <v>4</v>
      </c>
      <c r="DM359" s="6" t="s">
        <v>446</v>
      </c>
      <c r="DN359" s="6">
        <v>6</v>
      </c>
      <c r="DO359" s="6" t="s">
        <v>393</v>
      </c>
      <c r="DP359" s="6"/>
      <c r="DQ359" s="6"/>
    </row>
    <row r="360" spans="1:121" x14ac:dyDescent="0.2">
      <c r="A360" s="6" t="s">
        <v>325</v>
      </c>
      <c r="B360" s="6" t="s">
        <v>325</v>
      </c>
      <c r="C360" s="6" t="s">
        <v>193</v>
      </c>
      <c r="D360" s="6" t="s">
        <v>59</v>
      </c>
      <c r="E360" s="6" t="s">
        <v>200</v>
      </c>
      <c r="F360" s="11">
        <v>16</v>
      </c>
      <c r="G360" s="13">
        <v>8.6486486486499994E-2</v>
      </c>
      <c r="H360" s="11">
        <v>-2.2765181489999975</v>
      </c>
      <c r="I360" s="13">
        <v>-1.2305348680481595E-2</v>
      </c>
      <c r="J360" s="11">
        <v>-16.195247660000007</v>
      </c>
      <c r="K360" s="13">
        <v>-8.8631418299089978E-2</v>
      </c>
      <c r="L360" s="11">
        <v>34.210338129999997</v>
      </c>
      <c r="M360" s="13">
        <v>0.20542978863671615</v>
      </c>
      <c r="N360" s="11">
        <v>18.01509046999999</v>
      </c>
      <c r="O360" s="13">
        <v>9.8590836809871782E-2</v>
      </c>
      <c r="P360" s="7">
        <v>185.00232769600001</v>
      </c>
      <c r="Q360" s="7">
        <v>199.914547898</v>
      </c>
      <c r="R360" s="7">
        <v>197.74285745099999</v>
      </c>
      <c r="S360" s="7">
        <v>179.26284300200001</v>
      </c>
      <c r="T360" s="7">
        <v>187.65979976700001</v>
      </c>
      <c r="U360" s="7">
        <v>187.69410529800001</v>
      </c>
      <c r="V360" s="7">
        <v>182.72580954700001</v>
      </c>
      <c r="W360" s="7">
        <v>193.74709535900001</v>
      </c>
      <c r="X360" s="7">
        <v>171.62061241000001</v>
      </c>
      <c r="Y360" s="7">
        <v>166.530561887</v>
      </c>
      <c r="Z360" s="7">
        <v>169.90401032</v>
      </c>
      <c r="AA360" s="7">
        <v>186.908829228</v>
      </c>
      <c r="AB360" s="7">
        <v>212.599230535</v>
      </c>
      <c r="AC360" s="7">
        <v>224.68358644400001</v>
      </c>
      <c r="AD360" s="7">
        <v>184.49683416600001</v>
      </c>
      <c r="AE360" s="7">
        <v>193.66845665599999</v>
      </c>
      <c r="AF360" s="7">
        <v>200.740900017</v>
      </c>
      <c r="AG360" s="9">
        <v>265.07560569999987</v>
      </c>
      <c r="AH360" s="13">
        <v>1.3772685876184592E-2</v>
      </c>
      <c r="AI360" s="9">
        <v>-2492.7546022999995</v>
      </c>
      <c r="AJ360" s="13">
        <v>-0.12951748620258408</v>
      </c>
      <c r="AK360" s="9">
        <v>889.68214810000063</v>
      </c>
      <c r="AL360" s="13">
        <v>5.31035683268921E-2</v>
      </c>
      <c r="AM360" s="9">
        <v>1868.1480598999988</v>
      </c>
      <c r="AN360" s="13">
        <v>0.10588368255185694</v>
      </c>
      <c r="AO360" s="9">
        <v>2757.8302079999994</v>
      </c>
      <c r="AP360" s="13">
        <v>0.16461005224984454</v>
      </c>
      <c r="AQ360" s="9">
        <v>19246.471464099999</v>
      </c>
      <c r="AR360" s="9">
        <v>17621.186037899999</v>
      </c>
      <c r="AS360" s="9">
        <v>17446.709312700001</v>
      </c>
      <c r="AT360" s="9">
        <v>17831.147187300001</v>
      </c>
      <c r="AU360" s="9">
        <v>17668.528323400002</v>
      </c>
      <c r="AV360" s="9">
        <v>16648.023823299998</v>
      </c>
      <c r="AW360" s="9">
        <v>16753.7168618</v>
      </c>
      <c r="AX360" s="9">
        <v>15216.981992499999</v>
      </c>
      <c r="AY360" s="9">
        <v>17681.813243000001</v>
      </c>
      <c r="AZ360" s="9">
        <v>17643.3990099</v>
      </c>
      <c r="BA360" s="9">
        <v>18392.010244699999</v>
      </c>
      <c r="BB360" s="9">
        <v>17999.099726299999</v>
      </c>
      <c r="BC360" s="9">
        <v>19107.649119099999</v>
      </c>
      <c r="BD360" s="9">
        <v>19250.7091974</v>
      </c>
      <c r="BE360" s="9">
        <v>20472.059420699999</v>
      </c>
      <c r="BF360" s="9">
        <v>19511.547069799999</v>
      </c>
      <c r="BG360" s="11">
        <v>-12.75</v>
      </c>
      <c r="BH360" s="13">
        <v>-0.35416666666666669</v>
      </c>
      <c r="BI360" s="6">
        <v>2</v>
      </c>
      <c r="BJ360" s="13">
        <v>5.5555555555555552E-2</v>
      </c>
      <c r="BK360" s="6">
        <v>-2</v>
      </c>
      <c r="BL360" s="13">
        <v>-5.2631578947368418E-2</v>
      </c>
      <c r="BM360" s="11">
        <v>-12.75</v>
      </c>
      <c r="BN360" s="13">
        <v>-0.35416666666666669</v>
      </c>
      <c r="BO360" s="11">
        <v>-14.75</v>
      </c>
      <c r="BP360" s="13">
        <v>-0.38815789473684209</v>
      </c>
      <c r="BQ360" s="6">
        <v>36</v>
      </c>
      <c r="BR360" s="6">
        <v>39</v>
      </c>
      <c r="BS360" s="6">
        <v>42</v>
      </c>
      <c r="BT360" s="6">
        <v>38</v>
      </c>
      <c r="BU360" s="6">
        <v>35</v>
      </c>
      <c r="BV360" s="6">
        <v>34</v>
      </c>
      <c r="BW360" s="6">
        <v>36</v>
      </c>
      <c r="BX360" s="6">
        <v>40</v>
      </c>
      <c r="BY360" s="6">
        <v>44</v>
      </c>
      <c r="BZ360" s="6">
        <v>31</v>
      </c>
      <c r="CA360" s="6">
        <v>29</v>
      </c>
      <c r="CB360" s="6">
        <v>24</v>
      </c>
      <c r="CC360" s="11">
        <v>23.25</v>
      </c>
      <c r="CD360" s="11">
        <v>-2.78071</v>
      </c>
      <c r="CE360" s="11">
        <v>-1.7037</v>
      </c>
      <c r="CF360" s="11">
        <v>20.222999999999999</v>
      </c>
      <c r="CG360" s="11">
        <v>18</v>
      </c>
      <c r="CH360" s="20">
        <v>1.2113400000000001</v>
      </c>
      <c r="CI360" s="20">
        <v>1.29216</v>
      </c>
      <c r="CJ360" s="20">
        <v>1.26281</v>
      </c>
      <c r="CK360" s="20">
        <v>1.1758999999999999</v>
      </c>
      <c r="CL360" s="20">
        <v>1.2092099999999999</v>
      </c>
      <c r="CM360" s="20">
        <v>1.1298699999999999</v>
      </c>
      <c r="CN360" s="20">
        <v>1.11239</v>
      </c>
      <c r="CO360" s="20">
        <v>1.2678700000000001</v>
      </c>
      <c r="CP360" s="20">
        <v>1.0786</v>
      </c>
      <c r="CQ360" s="20">
        <v>1.14001</v>
      </c>
      <c r="CR360" s="20">
        <v>1.1883699999999999</v>
      </c>
      <c r="CS360" s="20">
        <v>1.27871</v>
      </c>
      <c r="CT360" s="20">
        <v>1.4926900000000001</v>
      </c>
      <c r="CU360" s="20">
        <v>1.5509599999999999</v>
      </c>
      <c r="CV360" s="20">
        <v>1.2468300000000001</v>
      </c>
      <c r="CW360" s="20">
        <v>1.3140400000000001</v>
      </c>
      <c r="CX360" s="20">
        <v>1.33327</v>
      </c>
      <c r="CY360" s="6" t="s">
        <v>444</v>
      </c>
      <c r="CZ360" s="6" t="s">
        <v>445</v>
      </c>
      <c r="DA360" s="6" t="s">
        <v>59</v>
      </c>
      <c r="DB360" s="6"/>
      <c r="DC360" s="6"/>
      <c r="DD360" s="6"/>
      <c r="DE360" s="6"/>
      <c r="DF360" s="6"/>
      <c r="DG360" s="6"/>
      <c r="DH360" s="6" t="s">
        <v>333</v>
      </c>
      <c r="DI360" s="6"/>
      <c r="DJ360" s="6"/>
      <c r="DK360" s="6"/>
      <c r="DL360" s="6">
        <v>4</v>
      </c>
      <c r="DM360" s="6" t="s">
        <v>446</v>
      </c>
      <c r="DN360" s="6">
        <v>6</v>
      </c>
      <c r="DO360" s="6" t="s">
        <v>393</v>
      </c>
      <c r="DP360" s="6"/>
      <c r="DQ360" s="6"/>
    </row>
    <row r="361" spans="1:121" x14ac:dyDescent="0.2">
      <c r="A361" s="6" t="s">
        <v>327</v>
      </c>
      <c r="B361" s="6" t="s">
        <v>327</v>
      </c>
      <c r="C361" s="6" t="s">
        <v>194</v>
      </c>
      <c r="D361" s="6" t="s">
        <v>59</v>
      </c>
      <c r="E361" s="6" t="s">
        <v>200</v>
      </c>
      <c r="F361" s="11">
        <v>-92</v>
      </c>
      <c r="G361" s="13">
        <v>-0.12867132867100001</v>
      </c>
      <c r="H361" s="11">
        <v>-11.971454999999992</v>
      </c>
      <c r="I361" s="13">
        <v>-1.6754178556331687E-2</v>
      </c>
      <c r="J361" s="11">
        <v>-16.628514999999993</v>
      </c>
      <c r="K361" s="13">
        <v>-2.3668326916779319E-2</v>
      </c>
      <c r="L361" s="11">
        <v>-63.390588233000017</v>
      </c>
      <c r="M361" s="13">
        <v>-9.2414793229490061E-2</v>
      </c>
      <c r="N361" s="11">
        <v>-80.01910323300001</v>
      </c>
      <c r="O361" s="13">
        <v>-0.11389581660816724</v>
      </c>
      <c r="P361" s="7">
        <v>714.53547900000001</v>
      </c>
      <c r="Q361" s="7">
        <v>699.31450800000005</v>
      </c>
      <c r="R361" s="7">
        <v>709.61992999999995</v>
      </c>
      <c r="S361" s="7">
        <v>705.90303400000005</v>
      </c>
      <c r="T361" s="7">
        <v>703.91348100000005</v>
      </c>
      <c r="U361" s="7">
        <v>708.00584700000002</v>
      </c>
      <c r="V361" s="7">
        <v>702.56402400000002</v>
      </c>
      <c r="W361" s="7">
        <v>703.02170999999998</v>
      </c>
      <c r="X361" s="7">
        <v>680.38137900000004</v>
      </c>
      <c r="Y361" s="7">
        <v>685.93550900000002</v>
      </c>
      <c r="Z361" s="7">
        <v>671.96128599999997</v>
      </c>
      <c r="AA361" s="7">
        <v>654.01315199999999</v>
      </c>
      <c r="AB361" s="7">
        <v>635.28045999999995</v>
      </c>
      <c r="AC361" s="7">
        <v>629.01574200000005</v>
      </c>
      <c r="AD361" s="7">
        <v>630.92166799999995</v>
      </c>
      <c r="AE361" s="7">
        <v>630.49208550000003</v>
      </c>
      <c r="AF361" s="7">
        <v>622.54492076700001</v>
      </c>
      <c r="AG361" s="9">
        <v>14219.026926899998</v>
      </c>
      <c r="AH361" s="13">
        <v>0.51832331937715248</v>
      </c>
      <c r="AI361" s="9">
        <v>8048.9987951000003</v>
      </c>
      <c r="AJ361" s="13">
        <v>0.29340852890898211</v>
      </c>
      <c r="AK361" s="9">
        <v>4217.6364176999996</v>
      </c>
      <c r="AL361" s="13">
        <v>0.11886781774008748</v>
      </c>
      <c r="AM361" s="9">
        <v>1952.3917140999984</v>
      </c>
      <c r="AN361" s="13">
        <v>4.9179411179896299E-2</v>
      </c>
      <c r="AO361" s="9">
        <v>6170.0281317999979</v>
      </c>
      <c r="AP361" s="13">
        <v>0.17389307820468053</v>
      </c>
      <c r="AQ361" s="9">
        <v>27432.736277399999</v>
      </c>
      <c r="AR361" s="9">
        <v>28978.4086905</v>
      </c>
      <c r="AS361" s="9">
        <v>30176.585432799999</v>
      </c>
      <c r="AT361" s="9">
        <v>31385.729881800002</v>
      </c>
      <c r="AU361" s="9">
        <v>32711.5964155</v>
      </c>
      <c r="AV361" s="9">
        <v>34245.566111400003</v>
      </c>
      <c r="AW361" s="9">
        <v>35481.7350725</v>
      </c>
      <c r="AX361" s="9">
        <v>36261.5785407</v>
      </c>
      <c r="AY361" s="9">
        <v>38065.7890281</v>
      </c>
      <c r="AZ361" s="9">
        <v>39699.371490199999</v>
      </c>
      <c r="BA361" s="9">
        <v>38725.441971100001</v>
      </c>
      <c r="BB361" s="9">
        <v>38292.568765099997</v>
      </c>
      <c r="BC361" s="9">
        <v>39880.681030899999</v>
      </c>
      <c r="BD361" s="9">
        <v>39759.479718199997</v>
      </c>
      <c r="BE361" s="9">
        <v>40847.369317700002</v>
      </c>
      <c r="BF361" s="9">
        <v>41651.763204299998</v>
      </c>
      <c r="BG361" s="11">
        <v>-2</v>
      </c>
      <c r="BH361" s="13">
        <v>-2.7027027027027029E-2</v>
      </c>
      <c r="BI361" s="6">
        <v>1</v>
      </c>
      <c r="BJ361" s="13">
        <v>1.3513513513513514E-2</v>
      </c>
      <c r="BK361" s="6">
        <v>2</v>
      </c>
      <c r="BL361" s="13">
        <v>2.6666666666666668E-2</v>
      </c>
      <c r="BM361" s="11">
        <v>-5</v>
      </c>
      <c r="BN361" s="13">
        <v>-6.4935064935064929E-2</v>
      </c>
      <c r="BO361" s="11">
        <v>-3</v>
      </c>
      <c r="BP361" s="13">
        <v>-0.04</v>
      </c>
      <c r="BQ361" s="6">
        <v>74</v>
      </c>
      <c r="BR361" s="6">
        <v>74</v>
      </c>
      <c r="BS361" s="6">
        <v>74</v>
      </c>
      <c r="BT361" s="6">
        <v>75</v>
      </c>
      <c r="BU361" s="6">
        <v>74</v>
      </c>
      <c r="BV361" s="6">
        <v>76</v>
      </c>
      <c r="BW361" s="6">
        <v>77</v>
      </c>
      <c r="BX361" s="6">
        <v>75</v>
      </c>
      <c r="BY361" s="6">
        <v>74</v>
      </c>
      <c r="BZ361" s="6">
        <v>73</v>
      </c>
      <c r="CA361" s="6">
        <v>73</v>
      </c>
      <c r="CB361" s="6">
        <v>73</v>
      </c>
      <c r="CC361" s="11">
        <v>72</v>
      </c>
      <c r="CD361" s="11">
        <v>-128.209</v>
      </c>
      <c r="CE361" s="11">
        <v>-41.889400000000002</v>
      </c>
      <c r="CF361" s="11">
        <v>78.107299999999995</v>
      </c>
      <c r="CG361" s="11">
        <v>36</v>
      </c>
      <c r="CH361" s="20">
        <v>1.4084399999999999</v>
      </c>
      <c r="CI361" s="20">
        <v>1.3580399999999999</v>
      </c>
      <c r="CJ361" s="20">
        <v>1.3715900000000001</v>
      </c>
      <c r="CK361" s="20">
        <v>1.41164</v>
      </c>
      <c r="CL361" s="20">
        <v>1.3859399999999999</v>
      </c>
      <c r="CM361" s="20">
        <v>1.3108900000000001</v>
      </c>
      <c r="CN361" s="20">
        <v>1.3249599999999999</v>
      </c>
      <c r="CO361" s="20">
        <v>1.4109100000000001</v>
      </c>
      <c r="CP361" s="20">
        <v>1.2967299999999999</v>
      </c>
      <c r="CQ361" s="20">
        <v>1.4158299999999999</v>
      </c>
      <c r="CR361" s="20">
        <v>1.45038</v>
      </c>
      <c r="CS361" s="20">
        <v>1.4275899999999999</v>
      </c>
      <c r="CT361" s="20">
        <v>1.35175</v>
      </c>
      <c r="CU361" s="20">
        <v>1.3407500000000001</v>
      </c>
      <c r="CV361" s="20">
        <v>1.3279000000000001</v>
      </c>
      <c r="CW361" s="20">
        <v>1.3390299999999999</v>
      </c>
      <c r="CX361" s="20">
        <v>1.30328</v>
      </c>
      <c r="CY361" s="6" t="s">
        <v>444</v>
      </c>
      <c r="CZ361" s="6" t="s">
        <v>445</v>
      </c>
      <c r="DA361" s="6" t="s">
        <v>59</v>
      </c>
      <c r="DB361" s="6"/>
      <c r="DC361" s="6"/>
      <c r="DD361" s="6"/>
      <c r="DE361" s="6"/>
      <c r="DF361" s="6"/>
      <c r="DG361" s="6"/>
      <c r="DH361" s="6" t="s">
        <v>333</v>
      </c>
      <c r="DI361" s="6"/>
      <c r="DJ361" s="6"/>
      <c r="DK361" s="6"/>
      <c r="DL361" s="6">
        <v>4</v>
      </c>
      <c r="DM361" s="6" t="s">
        <v>446</v>
      </c>
      <c r="DN361" s="6">
        <v>6</v>
      </c>
      <c r="DO361" s="6" t="s">
        <v>393</v>
      </c>
      <c r="DP361" s="6"/>
      <c r="DQ361" s="6"/>
    </row>
    <row r="362" spans="1:121" x14ac:dyDescent="0.2">
      <c r="A362" s="6" t="s">
        <v>1</v>
      </c>
      <c r="B362" s="6" t="s">
        <v>1</v>
      </c>
      <c r="C362" s="6" t="s">
        <v>2</v>
      </c>
      <c r="D362" s="6" t="s">
        <v>139</v>
      </c>
      <c r="E362" s="6" t="s">
        <v>280</v>
      </c>
      <c r="F362" s="11">
        <v>-54</v>
      </c>
      <c r="G362" s="13">
        <v>-0.45</v>
      </c>
      <c r="H362" s="11">
        <v>-55.159793227099996</v>
      </c>
      <c r="I362" s="13">
        <v>-0.45885008421738854</v>
      </c>
      <c r="J362" s="11">
        <v>23.637983273200007</v>
      </c>
      <c r="K362" s="13">
        <v>0.36336325897818544</v>
      </c>
      <c r="L362" s="11">
        <v>-22.777320867600011</v>
      </c>
      <c r="M362" s="13">
        <v>-0.25681574416502922</v>
      </c>
      <c r="N362" s="11">
        <v>0.86066240559999585</v>
      </c>
      <c r="O362" s="13">
        <v>1.3230109056443331E-2</v>
      </c>
      <c r="P362" s="7">
        <v>120.21310472499999</v>
      </c>
      <c r="Q362" s="7">
        <v>111.04978391</v>
      </c>
      <c r="R362" s="7">
        <v>109.971523518</v>
      </c>
      <c r="S362" s="7">
        <v>107.040572794</v>
      </c>
      <c r="T362" s="7">
        <v>103.443266634</v>
      </c>
      <c r="U362" s="7">
        <v>58.066793804600003</v>
      </c>
      <c r="V362" s="7">
        <v>65.053311497899998</v>
      </c>
      <c r="W362" s="7">
        <v>62.865709399499998</v>
      </c>
      <c r="X362" s="7">
        <v>53.5717542529</v>
      </c>
      <c r="Y362" s="7">
        <v>88.691294771100004</v>
      </c>
      <c r="Z362" s="7">
        <v>74.166990022299998</v>
      </c>
      <c r="AA362" s="7">
        <v>70.235787923800004</v>
      </c>
      <c r="AB362" s="7">
        <v>63.533720564799999</v>
      </c>
      <c r="AC362" s="7">
        <v>50.807626009499998</v>
      </c>
      <c r="AD362" s="7">
        <v>63.599480723799999</v>
      </c>
      <c r="AE362" s="7">
        <v>64.428443887399993</v>
      </c>
      <c r="AF362" s="7">
        <v>65.913973903499993</v>
      </c>
      <c r="AG362" s="9">
        <v>6144.0832699999992</v>
      </c>
      <c r="AH362" s="13">
        <v>0.32297907627246558</v>
      </c>
      <c r="AI362" s="9">
        <v>1601.4502313000012</v>
      </c>
      <c r="AJ362" s="13">
        <v>8.4184229554167614E-2</v>
      </c>
      <c r="AK362" s="9">
        <v>1062.8744017999998</v>
      </c>
      <c r="AL362" s="13">
        <v>5.153427337967386E-2</v>
      </c>
      <c r="AM362" s="9">
        <v>3479.7586368999982</v>
      </c>
      <c r="AN362" s="13">
        <v>0.1604500653290882</v>
      </c>
      <c r="AO362" s="9">
        <v>4542.633038699998</v>
      </c>
      <c r="AP362" s="13">
        <v>0.22025301623921784</v>
      </c>
      <c r="AQ362" s="9">
        <v>19023.1619364</v>
      </c>
      <c r="AR362" s="9">
        <v>19411.519725300001</v>
      </c>
      <c r="AS362" s="9">
        <v>20059.944219600002</v>
      </c>
      <c r="AT362" s="9">
        <v>20576.852488199998</v>
      </c>
      <c r="AU362" s="9">
        <v>21083.228575199999</v>
      </c>
      <c r="AV362" s="9">
        <v>22221.523734800001</v>
      </c>
      <c r="AW362" s="9">
        <v>20624.612167700001</v>
      </c>
      <c r="AX362" s="9">
        <v>19303.925787600001</v>
      </c>
      <c r="AY362" s="9">
        <v>19800.977415199999</v>
      </c>
      <c r="AZ362" s="9">
        <v>21687.486569500001</v>
      </c>
      <c r="BA362" s="9">
        <v>21408.932738799998</v>
      </c>
      <c r="BB362" s="9">
        <v>20133.165680499998</v>
      </c>
      <c r="BC362" s="9">
        <v>21857.423185899999</v>
      </c>
      <c r="BD362" s="9">
        <v>21459.2190715</v>
      </c>
      <c r="BE362" s="9">
        <v>24982.036386899999</v>
      </c>
      <c r="BF362" s="9">
        <v>25167.245206399999</v>
      </c>
      <c r="BG362" s="11">
        <v>-2.5</v>
      </c>
      <c r="BH362" s="13">
        <v>-0.5</v>
      </c>
      <c r="BI362" s="6">
        <v>0</v>
      </c>
      <c r="BJ362" s="13">
        <v>0</v>
      </c>
      <c r="BK362" s="6">
        <v>-3</v>
      </c>
      <c r="BL362" s="13">
        <v>-0.6</v>
      </c>
      <c r="BM362" s="11">
        <v>0.5</v>
      </c>
      <c r="BN362" s="13">
        <v>0.25</v>
      </c>
      <c r="BO362" s="11">
        <v>-2.5</v>
      </c>
      <c r="BP362" s="13">
        <v>-0.5</v>
      </c>
      <c r="BQ362" s="6">
        <v>5</v>
      </c>
      <c r="BR362" s="6">
        <v>6</v>
      </c>
      <c r="BS362" s="6">
        <v>5</v>
      </c>
      <c r="BT362" s="6">
        <v>5</v>
      </c>
      <c r="BU362" s="6">
        <v>5</v>
      </c>
      <c r="BV362" s="6">
        <v>4</v>
      </c>
      <c r="BW362" s="6">
        <v>2</v>
      </c>
      <c r="BX362" s="6">
        <v>2</v>
      </c>
      <c r="BY362" s="6">
        <v>2</v>
      </c>
      <c r="BZ362" s="6">
        <v>2</v>
      </c>
      <c r="CA362" s="6">
        <v>2</v>
      </c>
      <c r="CB362" s="6">
        <v>2</v>
      </c>
      <c r="CC362" s="11">
        <v>2.5</v>
      </c>
      <c r="CD362" s="11">
        <v>-56.479599999999998</v>
      </c>
      <c r="CE362" s="11">
        <v>-10.9603</v>
      </c>
      <c r="CF362" s="11">
        <v>13.140700000000001</v>
      </c>
      <c r="CG362" s="11">
        <v>2</v>
      </c>
      <c r="CH362" s="20">
        <v>5.50624</v>
      </c>
      <c r="CI362" s="20">
        <v>4.7458200000000001</v>
      </c>
      <c r="CJ362" s="20">
        <v>4.47722</v>
      </c>
      <c r="CK362" s="20">
        <v>4.23515</v>
      </c>
      <c r="CL362" s="20">
        <v>4.1246</v>
      </c>
      <c r="CM362" s="20">
        <v>2.3815900000000001</v>
      </c>
      <c r="CN362" s="20">
        <v>2.6880199999999999</v>
      </c>
      <c r="CO362" s="20">
        <v>2.7183600000000001</v>
      </c>
      <c r="CP362" s="20">
        <v>2.21421</v>
      </c>
      <c r="CQ362" s="20">
        <v>3.5204300000000002</v>
      </c>
      <c r="CR362" s="20">
        <v>3.0226700000000002</v>
      </c>
      <c r="CS362" s="20">
        <v>2.9216000000000002</v>
      </c>
      <c r="CT362" s="20">
        <v>2.8299300000000001</v>
      </c>
      <c r="CU362" s="20">
        <v>2.3039200000000002</v>
      </c>
      <c r="CV362" s="20">
        <v>2.8935399999999998</v>
      </c>
      <c r="CW362" s="20">
        <v>2.8881999999999999</v>
      </c>
      <c r="CX362" s="20">
        <v>2.9251999999999998</v>
      </c>
      <c r="CY362" s="6" t="s">
        <v>447</v>
      </c>
      <c r="CZ362" s="6" t="s">
        <v>448</v>
      </c>
      <c r="DA362" s="6" t="s">
        <v>139</v>
      </c>
      <c r="DB362" s="6" t="s">
        <v>345</v>
      </c>
      <c r="DC362" s="6"/>
      <c r="DD362" s="6"/>
      <c r="DE362" s="6"/>
      <c r="DF362" s="6"/>
      <c r="DG362" s="6"/>
      <c r="DH362" s="6" t="s">
        <v>333</v>
      </c>
      <c r="DI362" s="6"/>
      <c r="DJ362" s="6"/>
      <c r="DK362" s="6"/>
      <c r="DL362" s="6">
        <v>10</v>
      </c>
      <c r="DM362" s="6" t="s">
        <v>383</v>
      </c>
      <c r="DN362" s="6">
        <v>9</v>
      </c>
      <c r="DO362" s="6" t="s">
        <v>384</v>
      </c>
      <c r="DP362" s="6"/>
      <c r="DQ362" s="6"/>
    </row>
    <row r="363" spans="1:121" x14ac:dyDescent="0.2">
      <c r="A363" s="6" t="s">
        <v>310</v>
      </c>
      <c r="B363" s="6" t="s">
        <v>310</v>
      </c>
      <c r="C363" s="6" t="s">
        <v>173</v>
      </c>
      <c r="D363" s="6" t="s">
        <v>139</v>
      </c>
      <c r="E363" s="6" t="s">
        <v>280</v>
      </c>
      <c r="F363" s="11">
        <v>11</v>
      </c>
      <c r="G363" s="13">
        <v>1</v>
      </c>
      <c r="H363" s="11">
        <v>0</v>
      </c>
      <c r="I363" s="13"/>
      <c r="J363" s="11">
        <v>5</v>
      </c>
      <c r="K363" s="13"/>
      <c r="L363" s="11">
        <v>6.4916731091000006</v>
      </c>
      <c r="M363" s="13">
        <v>1.29833462182</v>
      </c>
      <c r="N363" s="11">
        <v>11.491673109100001</v>
      </c>
      <c r="O363" s="13"/>
      <c r="P363" s="7">
        <v>0</v>
      </c>
      <c r="Q363" s="7">
        <v>0</v>
      </c>
      <c r="R363" s="7">
        <v>0</v>
      </c>
      <c r="S363" s="7">
        <v>0</v>
      </c>
      <c r="T363" s="7">
        <v>0</v>
      </c>
      <c r="U363" s="7">
        <v>0</v>
      </c>
      <c r="V363" s="7">
        <v>0</v>
      </c>
      <c r="W363" s="7">
        <v>5</v>
      </c>
      <c r="X363" s="7">
        <v>5</v>
      </c>
      <c r="Y363" s="7">
        <v>5</v>
      </c>
      <c r="Z363" s="7">
        <v>5</v>
      </c>
      <c r="AA363" s="7">
        <v>5</v>
      </c>
      <c r="AB363" s="7">
        <v>5</v>
      </c>
      <c r="AC363" s="7">
        <v>5</v>
      </c>
      <c r="AD363" s="7">
        <v>5</v>
      </c>
      <c r="AE363" s="7">
        <v>10.3540953792</v>
      </c>
      <c r="AF363" s="7">
        <v>11.491673109100001</v>
      </c>
      <c r="AG363" s="9">
        <v>36639.507019600002</v>
      </c>
      <c r="AH363" s="13"/>
      <c r="AI363" s="9">
        <v>0</v>
      </c>
      <c r="AJ363" s="13"/>
      <c r="AK363" s="9">
        <v>1</v>
      </c>
      <c r="AL363" s="13"/>
      <c r="AM363" s="9">
        <v>36638.507019600002</v>
      </c>
      <c r="AN363" s="13">
        <v>36638.507019600002</v>
      </c>
      <c r="AO363" s="9">
        <v>36639.507019600002</v>
      </c>
      <c r="AP363" s="13"/>
      <c r="AQ363" s="9">
        <v>0</v>
      </c>
      <c r="AR363" s="9">
        <v>0</v>
      </c>
      <c r="AS363" s="9">
        <v>0</v>
      </c>
      <c r="AT363" s="9">
        <v>0</v>
      </c>
      <c r="AU363" s="9">
        <v>0</v>
      </c>
      <c r="AV363" s="9">
        <v>0</v>
      </c>
      <c r="AW363" s="9">
        <v>0</v>
      </c>
      <c r="AX363" s="9">
        <v>1</v>
      </c>
      <c r="AY363" s="9">
        <v>1</v>
      </c>
      <c r="AZ363" s="9">
        <v>1</v>
      </c>
      <c r="BA363" s="9">
        <v>1</v>
      </c>
      <c r="BB363" s="9">
        <v>1</v>
      </c>
      <c r="BC363" s="9">
        <v>1</v>
      </c>
      <c r="BD363" s="9">
        <v>1</v>
      </c>
      <c r="BE363" s="9">
        <v>1</v>
      </c>
      <c r="BF363" s="9">
        <v>36639.507019600002</v>
      </c>
      <c r="BG363" s="11">
        <v>2</v>
      </c>
      <c r="BH363" s="13" t="e">
        <v>#DIV/0!</v>
      </c>
      <c r="BI363" s="6">
        <v>0</v>
      </c>
      <c r="BJ363" s="13" t="e">
        <v>#DIV/0!</v>
      </c>
      <c r="BK363" s="6">
        <v>1</v>
      </c>
      <c r="BL363" s="13" t="e">
        <v>#DIV/0!</v>
      </c>
      <c r="BM363" s="11">
        <v>1</v>
      </c>
      <c r="BN363" s="13">
        <v>1</v>
      </c>
      <c r="BO363" s="11">
        <v>2</v>
      </c>
      <c r="BP363" s="13" t="e">
        <v>#DIV/0!</v>
      </c>
      <c r="BQ363" s="6">
        <v>0</v>
      </c>
      <c r="BR363" s="6">
        <v>0</v>
      </c>
      <c r="BS363" s="6">
        <v>0</v>
      </c>
      <c r="BT363" s="6">
        <v>0</v>
      </c>
      <c r="BU363" s="6">
        <v>0</v>
      </c>
      <c r="BV363" s="6">
        <v>0</v>
      </c>
      <c r="BW363" s="6">
        <v>1</v>
      </c>
      <c r="BX363" s="6">
        <v>1</v>
      </c>
      <c r="BY363" s="6">
        <v>1</v>
      </c>
      <c r="BZ363" s="6">
        <v>1</v>
      </c>
      <c r="CA363" s="6">
        <v>2</v>
      </c>
      <c r="CB363" s="6">
        <v>2</v>
      </c>
      <c r="CC363" s="11">
        <v>2</v>
      </c>
      <c r="CD363" s="11">
        <v>11.278600000000001</v>
      </c>
      <c r="CE363" s="11">
        <v>0.10374800000000001</v>
      </c>
      <c r="CF363" s="11">
        <v>0.10931200000000001</v>
      </c>
      <c r="CG363" s="11">
        <v>0</v>
      </c>
      <c r="CH363" s="20">
        <v>0</v>
      </c>
      <c r="CI363" s="20">
        <v>0</v>
      </c>
      <c r="CJ363" s="20">
        <v>0</v>
      </c>
      <c r="CK363" s="20">
        <v>0</v>
      </c>
      <c r="CL363" s="20">
        <v>0</v>
      </c>
      <c r="CM363" s="20">
        <v>0</v>
      </c>
      <c r="CN363" s="20">
        <v>0</v>
      </c>
      <c r="CO363" s="20">
        <v>0.36630000000000001</v>
      </c>
      <c r="CP363" s="20">
        <v>0.45228299999999999</v>
      </c>
      <c r="CQ363" s="20">
        <v>0.205514</v>
      </c>
      <c r="CR363" s="20">
        <v>0.29566900000000002</v>
      </c>
      <c r="CS363" s="20">
        <v>0.54961000000000004</v>
      </c>
      <c r="CT363" s="20">
        <v>0.94620000000000004</v>
      </c>
      <c r="CU363" s="20">
        <v>0.65822199999999997</v>
      </c>
      <c r="CV363" s="20">
        <v>1.10311</v>
      </c>
      <c r="CW363" s="20">
        <v>1.3866400000000001</v>
      </c>
      <c r="CX363" s="20">
        <v>1.50867</v>
      </c>
      <c r="CY363" s="6" t="s">
        <v>447</v>
      </c>
      <c r="CZ363" s="6" t="s">
        <v>448</v>
      </c>
      <c r="DA363" s="6" t="s">
        <v>139</v>
      </c>
      <c r="DB363" s="6" t="s">
        <v>345</v>
      </c>
      <c r="DC363" s="6"/>
      <c r="DD363" s="6"/>
      <c r="DE363" s="6"/>
      <c r="DF363" s="6"/>
      <c r="DG363" s="6"/>
      <c r="DH363" s="6" t="s">
        <v>333</v>
      </c>
      <c r="DI363" s="6"/>
      <c r="DJ363" s="6"/>
      <c r="DK363" s="6"/>
      <c r="DL363" s="6">
        <v>10</v>
      </c>
      <c r="DM363" s="6" t="s">
        <v>383</v>
      </c>
      <c r="DN363" s="6">
        <v>9</v>
      </c>
      <c r="DO363" s="6" t="s">
        <v>384</v>
      </c>
      <c r="DP363" s="6"/>
      <c r="DQ363" s="6"/>
    </row>
    <row r="364" spans="1:121" x14ac:dyDescent="0.2">
      <c r="A364" s="6" t="s">
        <v>311</v>
      </c>
      <c r="B364" s="6" t="s">
        <v>311</v>
      </c>
      <c r="C364" s="6" t="s">
        <v>174</v>
      </c>
      <c r="D364" s="6" t="s">
        <v>139</v>
      </c>
      <c r="E364" s="6" t="s">
        <v>280</v>
      </c>
      <c r="F364" s="11">
        <v>1</v>
      </c>
      <c r="G364" s="13">
        <v>1</v>
      </c>
      <c r="H364" s="11">
        <v>30.681950999999998</v>
      </c>
      <c r="I364" s="13">
        <v>6.1363901999999992</v>
      </c>
      <c r="J364" s="11">
        <v>-30.681950999999998</v>
      </c>
      <c r="K364" s="13">
        <v>-0.85987313305822322</v>
      </c>
      <c r="L364" s="11">
        <v>0</v>
      </c>
      <c r="M364" s="13">
        <v>0</v>
      </c>
      <c r="N364" s="11">
        <v>-30.681950999999998</v>
      </c>
      <c r="O364" s="13">
        <v>-0.85987313305822322</v>
      </c>
      <c r="P364" s="7">
        <v>5</v>
      </c>
      <c r="Q364" s="7">
        <v>5</v>
      </c>
      <c r="R364" s="7">
        <v>5</v>
      </c>
      <c r="S364" s="7">
        <v>5</v>
      </c>
      <c r="T364" s="7">
        <v>5</v>
      </c>
      <c r="U364" s="7">
        <v>38.430374</v>
      </c>
      <c r="V364" s="7">
        <v>35.681950999999998</v>
      </c>
      <c r="W364" s="7">
        <v>29.655079000000001</v>
      </c>
      <c r="X364" s="7">
        <v>22.445958999999998</v>
      </c>
      <c r="Y364" s="7">
        <v>5</v>
      </c>
      <c r="Z364" s="7">
        <v>5</v>
      </c>
      <c r="AA364" s="7">
        <v>5</v>
      </c>
      <c r="AB364" s="7">
        <v>5</v>
      </c>
      <c r="AC364" s="7">
        <v>5</v>
      </c>
      <c r="AD364" s="7">
        <v>5</v>
      </c>
      <c r="AE364" s="7">
        <v>5</v>
      </c>
      <c r="AF364" s="7">
        <v>5</v>
      </c>
      <c r="AG364" s="9">
        <v>0</v>
      </c>
      <c r="AH364" s="13">
        <v>0</v>
      </c>
      <c r="AI364" s="9">
        <v>39261.822244499999</v>
      </c>
      <c r="AJ364" s="13">
        <v>39261.822244499999</v>
      </c>
      <c r="AK364" s="9">
        <v>-39261.822244499999</v>
      </c>
      <c r="AL364" s="13">
        <v>-0.99997453061336827</v>
      </c>
      <c r="AM364" s="9">
        <v>0</v>
      </c>
      <c r="AN364" s="13">
        <v>0</v>
      </c>
      <c r="AO364" s="9">
        <v>-39261.822244499999</v>
      </c>
      <c r="AP364" s="13">
        <v>-0.99997453061336827</v>
      </c>
      <c r="AQ364" s="9">
        <v>1</v>
      </c>
      <c r="AR364" s="9">
        <v>1</v>
      </c>
      <c r="AS364" s="9">
        <v>1</v>
      </c>
      <c r="AT364" s="9">
        <v>1</v>
      </c>
      <c r="AU364" s="9">
        <v>1</v>
      </c>
      <c r="AV364" s="9">
        <v>38331.285111500001</v>
      </c>
      <c r="AW364" s="9">
        <v>39262.822244499999</v>
      </c>
      <c r="AX364" s="9">
        <v>38823.927398300002</v>
      </c>
      <c r="AY364" s="9">
        <v>50435.704041199999</v>
      </c>
      <c r="AZ364" s="9">
        <v>1</v>
      </c>
      <c r="BA364" s="9">
        <v>1</v>
      </c>
      <c r="BB364" s="9">
        <v>1</v>
      </c>
      <c r="BC364" s="9">
        <v>1</v>
      </c>
      <c r="BD364" s="9">
        <v>1</v>
      </c>
      <c r="BE364" s="9">
        <v>1</v>
      </c>
      <c r="BF364" s="9">
        <v>1</v>
      </c>
      <c r="BG364" s="11">
        <v>0</v>
      </c>
      <c r="BH364" s="13">
        <v>0</v>
      </c>
      <c r="BI364" s="6">
        <v>0</v>
      </c>
      <c r="BJ364" s="13">
        <v>0</v>
      </c>
      <c r="BK364" s="6">
        <v>0</v>
      </c>
      <c r="BL364" s="13">
        <v>0</v>
      </c>
      <c r="BM364" s="11">
        <v>0</v>
      </c>
      <c r="BN364" s="13">
        <v>0</v>
      </c>
      <c r="BO364" s="11">
        <v>0</v>
      </c>
      <c r="BP364" s="13">
        <v>0</v>
      </c>
      <c r="BQ364" s="6">
        <v>1</v>
      </c>
      <c r="BR364" s="6">
        <v>1</v>
      </c>
      <c r="BS364" s="6">
        <v>1</v>
      </c>
      <c r="BT364" s="6">
        <v>1</v>
      </c>
      <c r="BU364" s="6">
        <v>1</v>
      </c>
      <c r="BV364" s="6">
        <v>1</v>
      </c>
      <c r="BW364" s="6">
        <v>1</v>
      </c>
      <c r="BX364" s="6">
        <v>1</v>
      </c>
      <c r="BY364" s="6">
        <v>1</v>
      </c>
      <c r="BZ364" s="6">
        <v>1</v>
      </c>
      <c r="CA364" s="6">
        <v>1</v>
      </c>
      <c r="CB364" s="6">
        <v>1</v>
      </c>
      <c r="CC364" s="11">
        <v>1</v>
      </c>
      <c r="CD364" s="11">
        <v>6.3260500000000004</v>
      </c>
      <c r="CE364" s="11">
        <v>-0.29626200000000003</v>
      </c>
      <c r="CF364" s="11">
        <v>0.19887199999999999</v>
      </c>
      <c r="CG364" s="11">
        <v>0</v>
      </c>
      <c r="CH364" s="20">
        <v>0.26806799999999997</v>
      </c>
      <c r="CI364" s="20">
        <v>0.306896</v>
      </c>
      <c r="CJ364" s="20">
        <v>0.79826699999999995</v>
      </c>
      <c r="CK364" s="20">
        <v>0.677091</v>
      </c>
      <c r="CL364" s="20">
        <v>0.37939000000000001</v>
      </c>
      <c r="CM364" s="20">
        <v>5.5907799999999996</v>
      </c>
      <c r="CN364" s="20">
        <v>5.1591100000000001</v>
      </c>
      <c r="CO364" s="20">
        <v>4.2971300000000001</v>
      </c>
      <c r="CP364" s="20">
        <v>3.0661999999999998</v>
      </c>
      <c r="CQ364" s="20">
        <v>1.10164</v>
      </c>
      <c r="CR364" s="20">
        <v>0.30146000000000001</v>
      </c>
      <c r="CS364" s="20">
        <v>0.31115799999999999</v>
      </c>
      <c r="CT364" s="20">
        <v>0.57418499999999995</v>
      </c>
      <c r="CU364" s="20">
        <v>0.58470500000000003</v>
      </c>
      <c r="CV364" s="20">
        <v>1.1006800000000001</v>
      </c>
      <c r="CW364" s="20">
        <v>1.17344</v>
      </c>
      <c r="CX364" s="20">
        <v>1.2359500000000001</v>
      </c>
      <c r="CY364" s="6" t="s">
        <v>447</v>
      </c>
      <c r="CZ364" s="6" t="s">
        <v>448</v>
      </c>
      <c r="DA364" s="6" t="s">
        <v>139</v>
      </c>
      <c r="DB364" s="6" t="s">
        <v>345</v>
      </c>
      <c r="DC364" s="6"/>
      <c r="DD364" s="6"/>
      <c r="DE364" s="6"/>
      <c r="DF364" s="6"/>
      <c r="DG364" s="6"/>
      <c r="DH364" s="6" t="s">
        <v>333</v>
      </c>
      <c r="DI364" s="6"/>
      <c r="DJ364" s="6"/>
      <c r="DK364" s="6"/>
      <c r="DL364" s="6">
        <v>10</v>
      </c>
      <c r="DM364" s="6" t="s">
        <v>383</v>
      </c>
      <c r="DN364" s="6">
        <v>9</v>
      </c>
      <c r="DO364" s="6" t="s">
        <v>384</v>
      </c>
      <c r="DP364" s="6"/>
      <c r="DQ364" s="6"/>
    </row>
    <row r="365" spans="1:121" x14ac:dyDescent="0.2">
      <c r="A365" s="6" t="s">
        <v>312</v>
      </c>
      <c r="B365" s="6" t="s">
        <v>312</v>
      </c>
      <c r="C365" s="6" t="s">
        <v>175</v>
      </c>
      <c r="D365" s="6" t="s">
        <v>139</v>
      </c>
      <c r="E365" s="6" t="s">
        <v>280</v>
      </c>
      <c r="F365" s="11">
        <v>117</v>
      </c>
      <c r="G365" s="13">
        <v>1.2061855670099999</v>
      </c>
      <c r="H365" s="11">
        <v>42.738283531900009</v>
      </c>
      <c r="I365" s="13">
        <v>0.44154180999720594</v>
      </c>
      <c r="J365" s="11">
        <v>28.650390295999983</v>
      </c>
      <c r="K365" s="13">
        <v>0.20533267133309632</v>
      </c>
      <c r="L365" s="11">
        <v>46.288867113999999</v>
      </c>
      <c r="M365" s="13">
        <v>0.27523086685592008</v>
      </c>
      <c r="N365" s="11">
        <v>74.939257409999982</v>
      </c>
      <c r="O365" s="13">
        <v>0.53707742731386632</v>
      </c>
      <c r="P365" s="7">
        <v>96.7932878931</v>
      </c>
      <c r="Q365" s="7">
        <v>108.55535993300001</v>
      </c>
      <c r="R365" s="7">
        <v>109.30820248000001</v>
      </c>
      <c r="S365" s="7">
        <v>135.40320145800001</v>
      </c>
      <c r="T365" s="7">
        <v>136.48178026100001</v>
      </c>
      <c r="U365" s="7">
        <v>140.180134818</v>
      </c>
      <c r="V365" s="7">
        <v>139.53157142500001</v>
      </c>
      <c r="W365" s="7">
        <v>120.265946017</v>
      </c>
      <c r="X365" s="7">
        <v>138.21674979900001</v>
      </c>
      <c r="Y365" s="7">
        <v>168.18196172099999</v>
      </c>
      <c r="Z365" s="7">
        <v>175.754735388</v>
      </c>
      <c r="AA365" s="7">
        <v>173.243426556</v>
      </c>
      <c r="AB365" s="7">
        <v>166.72286749899999</v>
      </c>
      <c r="AC365" s="7">
        <v>178.04111963899999</v>
      </c>
      <c r="AD365" s="7">
        <v>176.622379693</v>
      </c>
      <c r="AE365" s="7">
        <v>201.36042427199999</v>
      </c>
      <c r="AF365" s="7">
        <v>214.47082883499999</v>
      </c>
      <c r="AG365" s="9">
        <v>16595.106936599997</v>
      </c>
      <c r="AH365" s="13">
        <v>0.6746872158019126</v>
      </c>
      <c r="AI365" s="9">
        <v>4007.363827600002</v>
      </c>
      <c r="AJ365" s="13">
        <v>0.16292255023592384</v>
      </c>
      <c r="AK365" s="9">
        <v>11796.106861599998</v>
      </c>
      <c r="AL365" s="13">
        <v>0.41239209511947639</v>
      </c>
      <c r="AM365" s="9">
        <v>791.63624739999796</v>
      </c>
      <c r="AN365" s="13">
        <v>1.9594853777210368E-2</v>
      </c>
      <c r="AO365" s="9">
        <v>12587.743108999995</v>
      </c>
      <c r="AP365" s="13">
        <v>0.44006771169943032</v>
      </c>
      <c r="AQ365" s="9">
        <v>24596.7413461</v>
      </c>
      <c r="AR365" s="9">
        <v>27766.382801700001</v>
      </c>
      <c r="AS365" s="9">
        <v>27276.8251375</v>
      </c>
      <c r="AT365" s="9">
        <v>26432.0077141</v>
      </c>
      <c r="AU365" s="9">
        <v>27610.2905082</v>
      </c>
      <c r="AV365" s="9">
        <v>27467.2112222</v>
      </c>
      <c r="AW365" s="9">
        <v>28604.105173700002</v>
      </c>
      <c r="AX365" s="9">
        <v>29072.948487199999</v>
      </c>
      <c r="AY365" s="9">
        <v>28392.336219299999</v>
      </c>
      <c r="AZ365" s="9">
        <v>40400.212035299999</v>
      </c>
      <c r="BA365" s="9">
        <v>37614.969356900001</v>
      </c>
      <c r="BB365" s="9">
        <v>41013.0847994</v>
      </c>
      <c r="BC365" s="9">
        <v>46048.784793400002</v>
      </c>
      <c r="BD365" s="9">
        <v>44158.8699461</v>
      </c>
      <c r="BE365" s="9">
        <v>43113.290378799997</v>
      </c>
      <c r="BF365" s="9">
        <v>41191.848282699997</v>
      </c>
      <c r="BG365" s="11">
        <v>1</v>
      </c>
      <c r="BH365" s="13">
        <v>0.1111111111111111</v>
      </c>
      <c r="BI365" s="6">
        <v>3</v>
      </c>
      <c r="BJ365" s="13">
        <v>0.33333333333333331</v>
      </c>
      <c r="BK365" s="6">
        <v>-4</v>
      </c>
      <c r="BL365" s="13">
        <v>-0.33333333333333331</v>
      </c>
      <c r="BM365" s="11">
        <v>2</v>
      </c>
      <c r="BN365" s="13">
        <v>0.25</v>
      </c>
      <c r="BO365" s="11">
        <v>-2</v>
      </c>
      <c r="BP365" s="13">
        <v>-0.16666666666666666</v>
      </c>
      <c r="BQ365" s="6">
        <v>9</v>
      </c>
      <c r="BR365" s="6">
        <v>12</v>
      </c>
      <c r="BS365" s="6">
        <v>12</v>
      </c>
      <c r="BT365" s="6">
        <v>12</v>
      </c>
      <c r="BU365" s="6">
        <v>10</v>
      </c>
      <c r="BV365" s="6">
        <v>8</v>
      </c>
      <c r="BW365" s="6">
        <v>8</v>
      </c>
      <c r="BX365" s="6">
        <v>9</v>
      </c>
      <c r="BY365" s="6">
        <v>8</v>
      </c>
      <c r="BZ365" s="6">
        <v>8</v>
      </c>
      <c r="CA365" s="6">
        <v>8</v>
      </c>
      <c r="CB365" s="6">
        <v>9</v>
      </c>
      <c r="CC365" s="11">
        <v>10</v>
      </c>
      <c r="CD365" s="11">
        <v>118.821</v>
      </c>
      <c r="CE365" s="11">
        <v>-11.7241</v>
      </c>
      <c r="CF365" s="11">
        <v>10.5807</v>
      </c>
      <c r="CG365" s="11">
        <v>-1</v>
      </c>
      <c r="CH365" s="20">
        <v>0.98330099999999998</v>
      </c>
      <c r="CI365" s="20">
        <v>1.02522</v>
      </c>
      <c r="CJ365" s="20">
        <v>0.97043500000000005</v>
      </c>
      <c r="CK365" s="20">
        <v>1.1251500000000001</v>
      </c>
      <c r="CL365" s="20">
        <v>1.09823</v>
      </c>
      <c r="CM365" s="20">
        <v>1.1108199999999999</v>
      </c>
      <c r="CN365" s="20">
        <v>1.1136900000000001</v>
      </c>
      <c r="CO365" s="20">
        <v>1.03247</v>
      </c>
      <c r="CP365" s="20">
        <v>1.2902899999999999</v>
      </c>
      <c r="CQ365" s="20">
        <v>1.6300300000000001</v>
      </c>
      <c r="CR365" s="20">
        <v>1.7825599999999999</v>
      </c>
      <c r="CS365" s="20">
        <v>1.79986</v>
      </c>
      <c r="CT365" s="20">
        <v>1.83226</v>
      </c>
      <c r="CU365" s="20">
        <v>1.9459500000000001</v>
      </c>
      <c r="CV365" s="20">
        <v>1.88598</v>
      </c>
      <c r="CW365" s="20">
        <v>2.0722100000000001</v>
      </c>
      <c r="CX365" s="20">
        <v>2.1749700000000001</v>
      </c>
      <c r="CY365" s="6" t="s">
        <v>447</v>
      </c>
      <c r="CZ365" s="6" t="s">
        <v>448</v>
      </c>
      <c r="DA365" s="6" t="s">
        <v>139</v>
      </c>
      <c r="DB365" s="6" t="s">
        <v>345</v>
      </c>
      <c r="DC365" s="6"/>
      <c r="DD365" s="6"/>
      <c r="DE365" s="6"/>
      <c r="DF365" s="6"/>
      <c r="DG365" s="6"/>
      <c r="DH365" s="6" t="s">
        <v>333</v>
      </c>
      <c r="DI365" s="6"/>
      <c r="DJ365" s="6"/>
      <c r="DK365" s="6"/>
      <c r="DL365" s="6">
        <v>10</v>
      </c>
      <c r="DM365" s="6" t="s">
        <v>383</v>
      </c>
      <c r="DN365" s="6">
        <v>9</v>
      </c>
      <c r="DO365" s="6" t="s">
        <v>384</v>
      </c>
      <c r="DP365" s="6"/>
      <c r="DQ365" s="6"/>
    </row>
    <row r="366" spans="1:121" x14ac:dyDescent="0.2">
      <c r="A366" s="6" t="s">
        <v>792</v>
      </c>
      <c r="B366" s="6" t="s">
        <v>176</v>
      </c>
      <c r="C366" s="6" t="s">
        <v>177</v>
      </c>
      <c r="D366" s="6" t="s">
        <v>139</v>
      </c>
      <c r="E366" s="6" t="s">
        <v>280</v>
      </c>
      <c r="F366" s="11">
        <v>-52</v>
      </c>
      <c r="G366" s="13">
        <v>-0.21940928270000001</v>
      </c>
      <c r="H366" s="11">
        <v>-8.641410403000009</v>
      </c>
      <c r="I366" s="13">
        <v>-3.6504764465184789E-2</v>
      </c>
      <c r="J366" s="11">
        <v>-12.093564519000012</v>
      </c>
      <c r="K366" s="13">
        <v>-5.3023656554853915E-2</v>
      </c>
      <c r="L366" s="11">
        <v>-30.504256462000001</v>
      </c>
      <c r="M366" s="13">
        <v>-0.14123315517474327</v>
      </c>
      <c r="N366" s="11">
        <v>-42.597820981000012</v>
      </c>
      <c r="O366" s="13">
        <v>-0.18676811341545321</v>
      </c>
      <c r="P366" s="7">
        <v>236.72007009500001</v>
      </c>
      <c r="Q366" s="7">
        <v>251.870024328</v>
      </c>
      <c r="R366" s="7">
        <v>243.79325096900001</v>
      </c>
      <c r="S366" s="7">
        <v>263.66179393599998</v>
      </c>
      <c r="T366" s="7">
        <v>229.363510894</v>
      </c>
      <c r="U366" s="7">
        <v>243.92633256299999</v>
      </c>
      <c r="V366" s="7">
        <v>228.078659692</v>
      </c>
      <c r="W366" s="7">
        <v>201.72202062700001</v>
      </c>
      <c r="X366" s="7">
        <v>178.74591692600001</v>
      </c>
      <c r="Y366" s="7">
        <v>215.98509517299999</v>
      </c>
      <c r="Z366" s="7">
        <v>193.87318024800001</v>
      </c>
      <c r="AA366" s="7">
        <v>181.44849384599999</v>
      </c>
      <c r="AB366" s="7">
        <v>194.332873167</v>
      </c>
      <c r="AC366" s="7">
        <v>191.75238626699999</v>
      </c>
      <c r="AD366" s="7">
        <v>194.84296504100001</v>
      </c>
      <c r="AE366" s="7">
        <v>183.25500759799999</v>
      </c>
      <c r="AF366" s="7">
        <v>185.48083871099999</v>
      </c>
      <c r="AG366" s="9">
        <v>9658.8291624000012</v>
      </c>
      <c r="AH366" s="13">
        <v>0.42962954651145718</v>
      </c>
      <c r="AI366" s="9">
        <v>2899.5190021999988</v>
      </c>
      <c r="AJ366" s="13">
        <v>0.12897205376257065</v>
      </c>
      <c r="AK366" s="9">
        <v>810.56454630000007</v>
      </c>
      <c r="AL366" s="13">
        <v>3.1935525633200811E-2</v>
      </c>
      <c r="AM366" s="9">
        <v>5948.7456139000024</v>
      </c>
      <c r="AN366" s="13">
        <v>0.22712204947714401</v>
      </c>
      <c r="AO366" s="9">
        <v>6759.3101602000024</v>
      </c>
      <c r="AP366" s="13">
        <v>0.26631083714328724</v>
      </c>
      <c r="AQ366" s="9">
        <v>22481.7618826</v>
      </c>
      <c r="AR366" s="9">
        <v>22398.848828800001</v>
      </c>
      <c r="AS366" s="9">
        <v>23992.2872197</v>
      </c>
      <c r="AT366" s="9">
        <v>21861.838370199999</v>
      </c>
      <c r="AU366" s="9">
        <v>24271.100801500001</v>
      </c>
      <c r="AV366" s="9">
        <v>24502.419972399999</v>
      </c>
      <c r="AW366" s="9">
        <v>25381.280884799999</v>
      </c>
      <c r="AX366" s="9">
        <v>26790.396140199999</v>
      </c>
      <c r="AY366" s="9">
        <v>28956.1104553</v>
      </c>
      <c r="AZ366" s="9">
        <v>26191.845431099999</v>
      </c>
      <c r="BA366" s="9">
        <v>27584.113288600001</v>
      </c>
      <c r="BB366" s="9">
        <v>28133.942400799999</v>
      </c>
      <c r="BC366" s="9">
        <v>28544.991730000002</v>
      </c>
      <c r="BD366" s="9">
        <v>30824.1349214</v>
      </c>
      <c r="BE366" s="9">
        <v>30574.631276799999</v>
      </c>
      <c r="BF366" s="9">
        <v>32140.591045000001</v>
      </c>
      <c r="BG366" s="11">
        <v>-10.25</v>
      </c>
      <c r="BH366" s="13">
        <v>-0.39423076923076922</v>
      </c>
      <c r="BI366" s="6">
        <v>-4</v>
      </c>
      <c r="BJ366" s="13">
        <v>-0.15384615384615385</v>
      </c>
      <c r="BK366" s="6">
        <v>-1</v>
      </c>
      <c r="BL366" s="13">
        <v>-4.5454545454545456E-2</v>
      </c>
      <c r="BM366" s="11">
        <v>-5.25</v>
      </c>
      <c r="BN366" s="13">
        <v>-0.25</v>
      </c>
      <c r="BO366" s="11">
        <v>-6.25</v>
      </c>
      <c r="BP366" s="13">
        <v>-0.28409090909090912</v>
      </c>
      <c r="BQ366" s="6">
        <v>26</v>
      </c>
      <c r="BR366" s="6">
        <v>24</v>
      </c>
      <c r="BS366" s="6">
        <v>23</v>
      </c>
      <c r="BT366" s="6">
        <v>22</v>
      </c>
      <c r="BU366" s="6">
        <v>21</v>
      </c>
      <c r="BV366" s="6">
        <v>20</v>
      </c>
      <c r="BW366" s="6">
        <v>21</v>
      </c>
      <c r="BX366" s="6">
        <v>20</v>
      </c>
      <c r="BY366" s="6">
        <v>19</v>
      </c>
      <c r="BZ366" s="6">
        <v>19</v>
      </c>
      <c r="CA366" s="6">
        <v>18</v>
      </c>
      <c r="CB366" s="6">
        <v>17</v>
      </c>
      <c r="CC366" s="11">
        <v>15.75</v>
      </c>
      <c r="CD366" s="11">
        <v>6.4413200000000002</v>
      </c>
      <c r="CE366" s="11">
        <v>-83.556899999999999</v>
      </c>
      <c r="CF366" s="11">
        <v>25.8764</v>
      </c>
      <c r="CG366" s="11">
        <v>-58</v>
      </c>
      <c r="CH366" s="20">
        <v>1.2561199999999999</v>
      </c>
      <c r="CI366" s="20">
        <v>1.32779</v>
      </c>
      <c r="CJ366" s="20">
        <v>1.2914699999999999</v>
      </c>
      <c r="CK366" s="20">
        <v>1.38466</v>
      </c>
      <c r="CL366" s="20">
        <v>1.22827</v>
      </c>
      <c r="CM366" s="20">
        <v>1.3483099999999999</v>
      </c>
      <c r="CN366" s="20">
        <v>1.28562</v>
      </c>
      <c r="CO366" s="20">
        <v>1.1965600000000001</v>
      </c>
      <c r="CP366" s="20">
        <v>1.1359300000000001</v>
      </c>
      <c r="CQ366" s="20">
        <v>1.34809</v>
      </c>
      <c r="CR366" s="20">
        <v>1.2285900000000001</v>
      </c>
      <c r="CS366" s="20">
        <v>1.1693800000000001</v>
      </c>
      <c r="CT366" s="20">
        <v>1.3456900000000001</v>
      </c>
      <c r="CU366" s="20">
        <v>1.35293</v>
      </c>
      <c r="CV366" s="20">
        <v>1.3807</v>
      </c>
      <c r="CW366" s="20">
        <v>1.2788200000000001</v>
      </c>
      <c r="CX366" s="20">
        <v>1.2837000000000001</v>
      </c>
      <c r="CY366" s="6" t="s">
        <v>447</v>
      </c>
      <c r="CZ366" s="6" t="s">
        <v>448</v>
      </c>
      <c r="DA366" s="6" t="s">
        <v>139</v>
      </c>
      <c r="DB366" s="6" t="s">
        <v>345</v>
      </c>
      <c r="DC366" s="6"/>
      <c r="DD366" s="6"/>
      <c r="DE366" s="6"/>
      <c r="DF366" s="6"/>
      <c r="DG366" s="6"/>
      <c r="DH366" s="6" t="s">
        <v>333</v>
      </c>
      <c r="DI366" s="6"/>
      <c r="DJ366" s="6"/>
      <c r="DK366" s="6"/>
      <c r="DL366" s="6">
        <v>10</v>
      </c>
      <c r="DM366" s="6" t="s">
        <v>383</v>
      </c>
      <c r="DN366" s="6">
        <v>9</v>
      </c>
      <c r="DO366" s="6" t="s">
        <v>384</v>
      </c>
      <c r="DP366" s="6"/>
      <c r="DQ366" s="6"/>
    </row>
    <row r="367" spans="1:121" x14ac:dyDescent="0.2">
      <c r="A367" s="6" t="s">
        <v>313</v>
      </c>
      <c r="B367" s="6" t="s">
        <v>313</v>
      </c>
      <c r="C367" s="6" t="s">
        <v>178</v>
      </c>
      <c r="D367" s="6" t="s">
        <v>139</v>
      </c>
      <c r="E367" s="6" t="s">
        <v>280</v>
      </c>
      <c r="F367" s="11">
        <v>-7</v>
      </c>
      <c r="G367" s="13">
        <v>-0.17499999999999999</v>
      </c>
      <c r="H367" s="11">
        <v>-24.099663310299999</v>
      </c>
      <c r="I367" s="13">
        <v>-0.59856826665119756</v>
      </c>
      <c r="J367" s="11">
        <v>22.554392400599998</v>
      </c>
      <c r="K367" s="13">
        <v>1.3954752713378549</v>
      </c>
      <c r="L367" s="11">
        <v>-5.888030650999994</v>
      </c>
      <c r="M367" s="13">
        <v>-0.15207904724977736</v>
      </c>
      <c r="N367" s="11">
        <v>16.666361749600004</v>
      </c>
      <c r="O367" s="13">
        <v>1.031173674362392</v>
      </c>
      <c r="P367" s="7">
        <v>40.262180026899998</v>
      </c>
      <c r="Q367" s="7">
        <v>44.429591614800003</v>
      </c>
      <c r="R367" s="7">
        <v>55.218997450400003</v>
      </c>
      <c r="S367" s="7">
        <v>56.926709451699999</v>
      </c>
      <c r="T367" s="7">
        <v>50.8116162301</v>
      </c>
      <c r="U367" s="7">
        <v>19.302034611900002</v>
      </c>
      <c r="V367" s="7">
        <v>16.162516716599999</v>
      </c>
      <c r="W367" s="7">
        <v>21.311989809699998</v>
      </c>
      <c r="X367" s="7">
        <v>11.321936064100001</v>
      </c>
      <c r="Y367" s="7">
        <v>38.716909117199997</v>
      </c>
      <c r="Z367" s="7">
        <v>21.951973965699999</v>
      </c>
      <c r="AA367" s="7">
        <v>20.406517009200002</v>
      </c>
      <c r="AB367" s="7">
        <v>21.6847880031</v>
      </c>
      <c r="AC367" s="7">
        <v>26.396066007400002</v>
      </c>
      <c r="AD367" s="7">
        <v>29.5744827603</v>
      </c>
      <c r="AE367" s="7">
        <v>30.594338721100002</v>
      </c>
      <c r="AF367" s="7">
        <v>32.828878466200003</v>
      </c>
      <c r="AG367" s="9">
        <v>24685.154203300001</v>
      </c>
      <c r="AH367" s="13">
        <v>0.9964969122713988</v>
      </c>
      <c r="AI367" s="9">
        <v>5913.339643299998</v>
      </c>
      <c r="AJ367" s="13">
        <v>0.2387112775245599</v>
      </c>
      <c r="AK367" s="9">
        <v>-10349.3346466</v>
      </c>
      <c r="AL367" s="13">
        <v>-0.33727368012714543</v>
      </c>
      <c r="AM367" s="9">
        <v>29121.149206600003</v>
      </c>
      <c r="AN367" s="13">
        <v>1.4320042670507325</v>
      </c>
      <c r="AO367" s="9">
        <v>18771.814560000003</v>
      </c>
      <c r="AP367" s="13">
        <v>0.61175323781761104</v>
      </c>
      <c r="AQ367" s="9">
        <v>24771.932455900002</v>
      </c>
      <c r="AR367" s="9">
        <v>23221.670607200002</v>
      </c>
      <c r="AS367" s="9">
        <v>24977.965578700001</v>
      </c>
      <c r="AT367" s="9">
        <v>26319.2662055</v>
      </c>
      <c r="AU367" s="9">
        <v>25637.4810621</v>
      </c>
      <c r="AV367" s="9">
        <v>25863.9740967</v>
      </c>
      <c r="AW367" s="9">
        <v>30685.2720992</v>
      </c>
      <c r="AX367" s="9">
        <v>36752.235207700003</v>
      </c>
      <c r="AY367" s="9">
        <v>33092.70839</v>
      </c>
      <c r="AZ367" s="9">
        <v>20335.937452599999</v>
      </c>
      <c r="BA367" s="9">
        <v>26381.788355699999</v>
      </c>
      <c r="BB367" s="9">
        <v>39715.976843900004</v>
      </c>
      <c r="BC367" s="9">
        <v>45714.019434399997</v>
      </c>
      <c r="BD367" s="9">
        <v>48308.202447199998</v>
      </c>
      <c r="BE367" s="9">
        <v>44222.879028900003</v>
      </c>
      <c r="BF367" s="9">
        <v>49457.086659200002</v>
      </c>
      <c r="BG367" s="11">
        <v>-0.5</v>
      </c>
      <c r="BH367" s="13">
        <v>-8.3333333333333329E-2</v>
      </c>
      <c r="BI367" s="6">
        <v>-3</v>
      </c>
      <c r="BJ367" s="13">
        <v>-0.5</v>
      </c>
      <c r="BK367" s="6">
        <v>-1</v>
      </c>
      <c r="BL367" s="13">
        <v>-0.33333333333333331</v>
      </c>
      <c r="BM367" s="11">
        <v>3.5</v>
      </c>
      <c r="BN367" s="13">
        <v>1.75</v>
      </c>
      <c r="BO367" s="11">
        <v>2.5</v>
      </c>
      <c r="BP367" s="13">
        <v>0.83333333333333337</v>
      </c>
      <c r="BQ367" s="6">
        <v>6</v>
      </c>
      <c r="BR367" s="6">
        <v>4</v>
      </c>
      <c r="BS367" s="6">
        <v>3</v>
      </c>
      <c r="BT367" s="6">
        <v>3</v>
      </c>
      <c r="BU367" s="6">
        <v>2</v>
      </c>
      <c r="BV367" s="6">
        <v>2</v>
      </c>
      <c r="BW367" s="6">
        <v>2</v>
      </c>
      <c r="BX367" s="6">
        <v>1</v>
      </c>
      <c r="BY367" s="6">
        <v>2</v>
      </c>
      <c r="BZ367" s="6">
        <v>2</v>
      </c>
      <c r="CA367" s="6">
        <v>4</v>
      </c>
      <c r="CB367" s="6">
        <v>5</v>
      </c>
      <c r="CC367" s="11">
        <v>5.5</v>
      </c>
      <c r="CD367" s="11">
        <v>-8.5422999999999991</v>
      </c>
      <c r="CE367" s="11">
        <v>-3.2921399999999998</v>
      </c>
      <c r="CF367" s="11">
        <v>4.4011399999999998</v>
      </c>
      <c r="CG367" s="11">
        <v>1</v>
      </c>
      <c r="CH367" s="20">
        <v>0.59999499999999995</v>
      </c>
      <c r="CI367" s="20">
        <v>0.62472799999999995</v>
      </c>
      <c r="CJ367" s="20">
        <v>0.74582300000000001</v>
      </c>
      <c r="CK367" s="20">
        <v>0.74421099999999996</v>
      </c>
      <c r="CL367" s="20">
        <v>0.66129000000000004</v>
      </c>
      <c r="CM367" s="20">
        <v>0.25228499999999998</v>
      </c>
      <c r="CN367" s="20">
        <v>0.20779600000000001</v>
      </c>
      <c r="CO367" s="20">
        <v>0.28095300000000001</v>
      </c>
      <c r="CP367" s="20">
        <v>0.15115799999999999</v>
      </c>
      <c r="CQ367" s="20">
        <v>0.50262399999999996</v>
      </c>
      <c r="CR367" s="20">
        <v>0.29060900000000001</v>
      </c>
      <c r="CS367" s="20">
        <v>0.274418</v>
      </c>
      <c r="CT367" s="20">
        <v>0.31154700000000002</v>
      </c>
      <c r="CU367" s="20">
        <v>0.38689000000000001</v>
      </c>
      <c r="CV367" s="20">
        <v>0.435639</v>
      </c>
      <c r="CW367" s="20">
        <v>0.44495000000000001</v>
      </c>
      <c r="CX367" s="20">
        <v>0.46966400000000003</v>
      </c>
      <c r="CY367" s="6" t="s">
        <v>447</v>
      </c>
      <c r="CZ367" s="6" t="s">
        <v>448</v>
      </c>
      <c r="DA367" s="6" t="s">
        <v>139</v>
      </c>
      <c r="DB367" s="6" t="s">
        <v>345</v>
      </c>
      <c r="DC367" s="6"/>
      <c r="DD367" s="6"/>
      <c r="DE367" s="6"/>
      <c r="DF367" s="6"/>
      <c r="DG367" s="6"/>
      <c r="DH367" s="6" t="s">
        <v>333</v>
      </c>
      <c r="DI367" s="6"/>
      <c r="DJ367" s="6"/>
      <c r="DK367" s="6"/>
      <c r="DL367" s="6">
        <v>10</v>
      </c>
      <c r="DM367" s="6" t="s">
        <v>383</v>
      </c>
      <c r="DN367" s="6">
        <v>9</v>
      </c>
      <c r="DO367" s="6" t="s">
        <v>384</v>
      </c>
      <c r="DP367" s="6"/>
      <c r="DQ367" s="6"/>
    </row>
    <row r="368" spans="1:121" x14ac:dyDescent="0.2">
      <c r="A368" s="6" t="s">
        <v>793</v>
      </c>
      <c r="B368" s="6" t="s">
        <v>179</v>
      </c>
      <c r="C368" s="6" t="s">
        <v>180</v>
      </c>
      <c r="D368" s="6" t="s">
        <v>139</v>
      </c>
      <c r="E368" s="6" t="s">
        <v>280</v>
      </c>
      <c r="F368" s="11">
        <v>32</v>
      </c>
      <c r="G368" s="13">
        <v>0.18</v>
      </c>
      <c r="H368" s="11">
        <v>81</v>
      </c>
      <c r="I368" s="13">
        <v>0.4576271186440678</v>
      </c>
      <c r="J368" s="11">
        <v>-65</v>
      </c>
      <c r="K368" s="13">
        <v>-0.25193798449612403</v>
      </c>
      <c r="L368" s="11">
        <v>16</v>
      </c>
      <c r="M368" s="13">
        <v>8.2901554404145095E-2</v>
      </c>
      <c r="N368" s="11">
        <v>-49</v>
      </c>
      <c r="O368" s="13">
        <v>-0.18992248062015504</v>
      </c>
      <c r="P368" s="7">
        <v>177</v>
      </c>
      <c r="Q368" s="7">
        <v>186</v>
      </c>
      <c r="R368" s="7">
        <v>218</v>
      </c>
      <c r="S368" s="7">
        <v>202</v>
      </c>
      <c r="T368" s="7">
        <v>233</v>
      </c>
      <c r="U368" s="7">
        <v>234</v>
      </c>
      <c r="V368" s="7">
        <v>258</v>
      </c>
      <c r="W368" s="7">
        <v>260</v>
      </c>
      <c r="X368" s="7">
        <v>257</v>
      </c>
      <c r="Y368" s="7">
        <v>193</v>
      </c>
      <c r="Z368" s="7">
        <v>212</v>
      </c>
      <c r="AA368" s="7">
        <v>209</v>
      </c>
      <c r="AB368" s="7">
        <v>211</v>
      </c>
      <c r="AC368" s="7">
        <v>209</v>
      </c>
      <c r="AD368" s="7">
        <v>200</v>
      </c>
      <c r="AE368" s="7">
        <v>203</v>
      </c>
      <c r="AF368" s="7">
        <v>209</v>
      </c>
      <c r="AG368" s="9">
        <v>7573</v>
      </c>
      <c r="AH368" s="13">
        <v>0.53002519596864506</v>
      </c>
      <c r="AI368" s="9">
        <v>2860</v>
      </c>
      <c r="AJ368" s="13">
        <v>0.20016797312430012</v>
      </c>
      <c r="AK368" s="9">
        <v>2150</v>
      </c>
      <c r="AL368" s="13">
        <v>0.12537905295078144</v>
      </c>
      <c r="AM368" s="9">
        <v>2563</v>
      </c>
      <c r="AN368" s="13">
        <v>0.13281169033060422</v>
      </c>
      <c r="AO368" s="9">
        <v>4713</v>
      </c>
      <c r="AP368" s="13">
        <v>0.27484254723582924</v>
      </c>
      <c r="AQ368" s="9">
        <v>14288</v>
      </c>
      <c r="AR368" s="9">
        <v>14379</v>
      </c>
      <c r="AS368" s="9">
        <v>13466</v>
      </c>
      <c r="AT368" s="9">
        <v>17456</v>
      </c>
      <c r="AU368" s="9">
        <v>16543</v>
      </c>
      <c r="AV368" s="9">
        <v>17636</v>
      </c>
      <c r="AW368" s="9">
        <v>17148</v>
      </c>
      <c r="AX368" s="9">
        <v>17709</v>
      </c>
      <c r="AY368" s="9">
        <v>17994</v>
      </c>
      <c r="AZ368" s="9">
        <v>19298</v>
      </c>
      <c r="BA368" s="9">
        <v>19704</v>
      </c>
      <c r="BB368" s="9">
        <v>20869</v>
      </c>
      <c r="BC368" s="9">
        <v>21169</v>
      </c>
      <c r="BD368" s="9">
        <v>20868</v>
      </c>
      <c r="BE368" s="9">
        <v>21901</v>
      </c>
      <c r="BF368" s="9">
        <v>21861</v>
      </c>
      <c r="BG368" s="11">
        <v>-1</v>
      </c>
      <c r="BH368" s="13">
        <v>-4.1666666666666664E-2</v>
      </c>
      <c r="BI368" s="6">
        <v>1</v>
      </c>
      <c r="BJ368" s="13">
        <v>4.1666666666666664E-2</v>
      </c>
      <c r="BK368" s="6">
        <v>-1</v>
      </c>
      <c r="BL368" s="13">
        <v>-0.04</v>
      </c>
      <c r="BM368" s="11">
        <v>-1</v>
      </c>
      <c r="BN368" s="13">
        <v>-4.1666666666666664E-2</v>
      </c>
      <c r="BO368" s="11">
        <v>-2</v>
      </c>
      <c r="BP368" s="13">
        <v>-0.08</v>
      </c>
      <c r="BQ368" s="6">
        <v>24</v>
      </c>
      <c r="BR368" s="6">
        <v>24</v>
      </c>
      <c r="BS368" s="6">
        <v>24</v>
      </c>
      <c r="BT368" s="6">
        <v>25</v>
      </c>
      <c r="BU368" s="6">
        <v>26</v>
      </c>
      <c r="BV368" s="6">
        <v>26</v>
      </c>
      <c r="BW368" s="6">
        <v>24</v>
      </c>
      <c r="BX368" s="6">
        <v>24</v>
      </c>
      <c r="BY368" s="6">
        <v>24</v>
      </c>
      <c r="BZ368" s="6">
        <v>22</v>
      </c>
      <c r="CA368" s="6">
        <v>24</v>
      </c>
      <c r="CB368" s="6">
        <v>24</v>
      </c>
      <c r="CC368" s="11">
        <v>23</v>
      </c>
      <c r="CD368" s="11">
        <v>24</v>
      </c>
      <c r="CE368" s="11">
        <v>-11</v>
      </c>
      <c r="CF368" s="11">
        <v>19</v>
      </c>
      <c r="CG368" s="11">
        <v>8</v>
      </c>
      <c r="CH368" s="20">
        <v>0.99</v>
      </c>
      <c r="CI368" s="20">
        <v>0.96</v>
      </c>
      <c r="CJ368" s="20">
        <v>1.08</v>
      </c>
      <c r="CK368" s="20">
        <v>0.97</v>
      </c>
      <c r="CL368" s="20">
        <v>1.1200000000000001</v>
      </c>
      <c r="CM368" s="20">
        <v>1.1499999999999999</v>
      </c>
      <c r="CN368" s="20">
        <v>1.26</v>
      </c>
      <c r="CO368" s="20">
        <v>1.31</v>
      </c>
      <c r="CP368" s="20">
        <v>1.29</v>
      </c>
      <c r="CQ368" s="20">
        <v>0.93</v>
      </c>
      <c r="CR368" s="20">
        <v>1.05</v>
      </c>
      <c r="CS368" s="20">
        <v>1.05</v>
      </c>
      <c r="CT368" s="20">
        <v>1.1299999999999999</v>
      </c>
      <c r="CU368" s="20">
        <v>1.1399999999999999</v>
      </c>
      <c r="CV368" s="20">
        <v>1.0900000000000001</v>
      </c>
      <c r="CW368" s="20">
        <v>1.08</v>
      </c>
      <c r="CX368" s="20">
        <v>1.1000000000000001</v>
      </c>
      <c r="CY368" s="6" t="s">
        <v>447</v>
      </c>
      <c r="CZ368" s="6" t="s">
        <v>448</v>
      </c>
      <c r="DA368" s="6" t="s">
        <v>139</v>
      </c>
      <c r="DB368" s="6" t="s">
        <v>345</v>
      </c>
      <c r="DC368" s="6"/>
      <c r="DD368" s="6"/>
      <c r="DE368" s="6"/>
      <c r="DF368" s="6"/>
      <c r="DG368" s="6"/>
      <c r="DH368" s="6" t="s">
        <v>333</v>
      </c>
      <c r="DI368" s="6"/>
      <c r="DJ368" s="6"/>
      <c r="DK368" s="6"/>
      <c r="DL368" s="6">
        <v>10</v>
      </c>
      <c r="DM368" s="6" t="s">
        <v>383</v>
      </c>
      <c r="DN368" s="6">
        <v>9</v>
      </c>
      <c r="DO368" s="6" t="s">
        <v>384</v>
      </c>
      <c r="DP368" s="6"/>
      <c r="DQ368" s="6"/>
    </row>
    <row r="369" spans="1:121" x14ac:dyDescent="0.2">
      <c r="A369" s="6" t="s">
        <v>794</v>
      </c>
      <c r="B369" s="6" t="s">
        <v>181</v>
      </c>
      <c r="C369" s="6" t="s">
        <v>182</v>
      </c>
      <c r="D369" s="6" t="s">
        <v>139</v>
      </c>
      <c r="E369" s="6" t="s">
        <v>280</v>
      </c>
      <c r="F369" s="11">
        <v>-17</v>
      </c>
      <c r="G369" s="13">
        <v>-0.215189873418</v>
      </c>
      <c r="H369" s="11">
        <v>4.8549069933999931</v>
      </c>
      <c r="I369" s="13">
        <v>6.1395807121244227E-2</v>
      </c>
      <c r="J369" s="11">
        <v>-0.86808899489999192</v>
      </c>
      <c r="K369" s="13">
        <v>-1.0342956102760335E-2</v>
      </c>
      <c r="L369" s="11">
        <v>-21.258936550200005</v>
      </c>
      <c r="M369" s="13">
        <v>-0.255939458380534</v>
      </c>
      <c r="N369" s="11">
        <v>-22.127025545099997</v>
      </c>
      <c r="O369" s="13">
        <v>-0.26363524390030024</v>
      </c>
      <c r="P369" s="7">
        <v>79.075546377500004</v>
      </c>
      <c r="Q369" s="7">
        <v>71.381389982300007</v>
      </c>
      <c r="R369" s="7">
        <v>82.338353049199995</v>
      </c>
      <c r="S369" s="7">
        <v>83.5020671292</v>
      </c>
      <c r="T369" s="7">
        <v>84.683499480699993</v>
      </c>
      <c r="U369" s="7">
        <v>87.180331768900004</v>
      </c>
      <c r="V369" s="7">
        <v>83.930453370899997</v>
      </c>
      <c r="W369" s="7">
        <v>79.679856607100007</v>
      </c>
      <c r="X369" s="7">
        <v>88.284027392900001</v>
      </c>
      <c r="Y369" s="7">
        <v>83.062364376000005</v>
      </c>
      <c r="Z369" s="7">
        <v>82.830391647599996</v>
      </c>
      <c r="AA369" s="7">
        <v>80.443930242199997</v>
      </c>
      <c r="AB369" s="7">
        <v>75.153142256500004</v>
      </c>
      <c r="AC369" s="7">
        <v>70.471963764199998</v>
      </c>
      <c r="AD369" s="7">
        <v>68.507348140399998</v>
      </c>
      <c r="AE369" s="7">
        <v>63.443785312199999</v>
      </c>
      <c r="AF369" s="7">
        <v>61.8034278258</v>
      </c>
      <c r="AG369" s="9">
        <v>24118.699794800003</v>
      </c>
      <c r="AH369" s="13">
        <v>0.78588614846205407</v>
      </c>
      <c r="AI369" s="9">
        <v>10066.615877799999</v>
      </c>
      <c r="AJ369" s="13">
        <v>0.3280116278057767</v>
      </c>
      <c r="AK369" s="9">
        <v>45.204198799998267</v>
      </c>
      <c r="AL369" s="13">
        <v>1.1091304815473812E-3</v>
      </c>
      <c r="AM369" s="9">
        <v>14006.879718200005</v>
      </c>
      <c r="AN369" s="13">
        <v>0.3432921255034706</v>
      </c>
      <c r="AO369" s="9">
        <v>14052.083917000004</v>
      </c>
      <c r="AP369" s="13">
        <v>0.34478201174548911</v>
      </c>
      <c r="AQ369" s="9">
        <v>30689.8140933</v>
      </c>
      <c r="AR369" s="9">
        <v>32442.444208699999</v>
      </c>
      <c r="AS369" s="9">
        <v>35780.294429000001</v>
      </c>
      <c r="AT369" s="9">
        <v>38802.436962200001</v>
      </c>
      <c r="AU369" s="9">
        <v>39611.279819099997</v>
      </c>
      <c r="AV369" s="9">
        <v>39027.637118099999</v>
      </c>
      <c r="AW369" s="9">
        <v>40756.429971099999</v>
      </c>
      <c r="AX369" s="9">
        <v>43361.396878599997</v>
      </c>
      <c r="AY369" s="9">
        <v>39213.290313400001</v>
      </c>
      <c r="AZ369" s="9">
        <v>40801.634169899997</v>
      </c>
      <c r="BA369" s="9">
        <v>44025.8058618</v>
      </c>
      <c r="BB369" s="9">
        <v>45644.5648889</v>
      </c>
      <c r="BC369" s="9">
        <v>47912.811521700001</v>
      </c>
      <c r="BD369" s="9">
        <v>48838.162710899996</v>
      </c>
      <c r="BE369" s="9">
        <v>53682.926669799999</v>
      </c>
      <c r="BF369" s="9">
        <v>54808.513888100002</v>
      </c>
      <c r="BG369" s="11">
        <v>-4</v>
      </c>
      <c r="BH369" s="13">
        <v>-0.26666666666666666</v>
      </c>
      <c r="BI369" s="6">
        <v>-3</v>
      </c>
      <c r="BJ369" s="13">
        <v>-0.2</v>
      </c>
      <c r="BK369" s="6">
        <v>3</v>
      </c>
      <c r="BL369" s="13">
        <v>0.25</v>
      </c>
      <c r="BM369" s="11">
        <v>-4</v>
      </c>
      <c r="BN369" s="13">
        <v>-0.26666666666666666</v>
      </c>
      <c r="BO369" s="11">
        <v>-1</v>
      </c>
      <c r="BP369" s="13">
        <v>-8.3333333333333329E-2</v>
      </c>
      <c r="BQ369" s="6">
        <v>15</v>
      </c>
      <c r="BR369" s="6">
        <v>16</v>
      </c>
      <c r="BS369" s="6">
        <v>14</v>
      </c>
      <c r="BT369" s="6">
        <v>12</v>
      </c>
      <c r="BU369" s="6">
        <v>13</v>
      </c>
      <c r="BV369" s="6">
        <v>15</v>
      </c>
      <c r="BW369" s="6">
        <v>15</v>
      </c>
      <c r="BX369" s="6">
        <v>13</v>
      </c>
      <c r="BY369" s="6">
        <v>12</v>
      </c>
      <c r="BZ369" s="6">
        <v>11</v>
      </c>
      <c r="CA369" s="6">
        <v>11</v>
      </c>
      <c r="CB369" s="6">
        <v>13</v>
      </c>
      <c r="CC369" s="11">
        <v>11</v>
      </c>
      <c r="CD369" s="11">
        <v>-30.900200000000002</v>
      </c>
      <c r="CE369" s="11">
        <v>4.9841600000000001</v>
      </c>
      <c r="CF369" s="11">
        <v>8.64391</v>
      </c>
      <c r="CG369" s="11">
        <v>14</v>
      </c>
      <c r="CH369" s="20">
        <v>1.4886200000000001</v>
      </c>
      <c r="CI369" s="20">
        <v>1.2786900000000001</v>
      </c>
      <c r="CJ369" s="20">
        <v>1.4197900000000001</v>
      </c>
      <c r="CK369" s="20">
        <v>1.38022</v>
      </c>
      <c r="CL369" s="20">
        <v>1.38513</v>
      </c>
      <c r="CM369" s="20">
        <v>1.4279599999999999</v>
      </c>
      <c r="CN369" s="20">
        <v>1.34935</v>
      </c>
      <c r="CO369" s="20">
        <v>1.31366</v>
      </c>
      <c r="CP369" s="20">
        <v>1.46976</v>
      </c>
      <c r="CQ369" s="20">
        <v>1.3365100000000001</v>
      </c>
      <c r="CR369" s="20">
        <v>1.3414900000000001</v>
      </c>
      <c r="CS369" s="20">
        <v>1.3182499999999999</v>
      </c>
      <c r="CT369" s="20">
        <v>1.3078700000000001</v>
      </c>
      <c r="CU369" s="20">
        <v>1.2232799999999999</v>
      </c>
      <c r="CV369" s="20">
        <v>1.15419</v>
      </c>
      <c r="CW369" s="20">
        <v>1.0283500000000001</v>
      </c>
      <c r="CX369" s="20">
        <v>0.97899800000000003</v>
      </c>
      <c r="CY369" s="6" t="s">
        <v>447</v>
      </c>
      <c r="CZ369" s="6" t="s">
        <v>448</v>
      </c>
      <c r="DA369" s="6" t="s">
        <v>139</v>
      </c>
      <c r="DB369" s="6" t="s">
        <v>345</v>
      </c>
      <c r="DC369" s="6"/>
      <c r="DD369" s="6"/>
      <c r="DE369" s="6"/>
      <c r="DF369" s="6"/>
      <c r="DG369" s="6"/>
      <c r="DH369" s="6" t="s">
        <v>333</v>
      </c>
      <c r="DI369" s="6"/>
      <c r="DJ369" s="6"/>
      <c r="DK369" s="6"/>
      <c r="DL369" s="6">
        <v>10</v>
      </c>
      <c r="DM369" s="6" t="s">
        <v>383</v>
      </c>
      <c r="DN369" s="6">
        <v>9</v>
      </c>
      <c r="DO369" s="6" t="s">
        <v>384</v>
      </c>
      <c r="DP369" s="6"/>
      <c r="DQ369" s="6"/>
    </row>
    <row r="370" spans="1:121" x14ac:dyDescent="0.2">
      <c r="A370" s="6" t="s">
        <v>314</v>
      </c>
      <c r="B370" s="6" t="s">
        <v>314</v>
      </c>
      <c r="C370" s="6" t="s">
        <v>183</v>
      </c>
      <c r="D370" s="6" t="s">
        <v>139</v>
      </c>
      <c r="E370" s="6" t="s">
        <v>280</v>
      </c>
      <c r="F370" s="11">
        <v>1</v>
      </c>
      <c r="G370" s="13">
        <v>1</v>
      </c>
      <c r="H370" s="11">
        <v>0</v>
      </c>
      <c r="I370" s="13">
        <v>0</v>
      </c>
      <c r="J370" s="11">
        <v>5.1860022970999999</v>
      </c>
      <c r="K370" s="13">
        <v>1.0372004594199999</v>
      </c>
      <c r="L370" s="11">
        <v>-5.1860022970999999</v>
      </c>
      <c r="M370" s="13">
        <v>-0.50913028937530058</v>
      </c>
      <c r="N370" s="11">
        <v>0</v>
      </c>
      <c r="O370" s="13">
        <v>0</v>
      </c>
      <c r="P370" s="7">
        <v>5</v>
      </c>
      <c r="Q370" s="7">
        <v>5</v>
      </c>
      <c r="R370" s="7">
        <v>5</v>
      </c>
      <c r="S370" s="7">
        <v>13.386517</v>
      </c>
      <c r="T370" s="7">
        <v>5</v>
      </c>
      <c r="U370" s="7">
        <v>5</v>
      </c>
      <c r="V370" s="7">
        <v>5</v>
      </c>
      <c r="W370" s="7">
        <v>15.0420518984</v>
      </c>
      <c r="X370" s="7">
        <v>5</v>
      </c>
      <c r="Y370" s="7">
        <v>10.1860022971</v>
      </c>
      <c r="Z370" s="7">
        <v>5</v>
      </c>
      <c r="AA370" s="7">
        <v>5</v>
      </c>
      <c r="AB370" s="7">
        <v>5</v>
      </c>
      <c r="AC370" s="7">
        <v>5</v>
      </c>
      <c r="AD370" s="7">
        <v>5</v>
      </c>
      <c r="AE370" s="7">
        <v>5</v>
      </c>
      <c r="AF370" s="7">
        <v>5</v>
      </c>
      <c r="AG370" s="9">
        <v>0</v>
      </c>
      <c r="AH370" s="13">
        <v>0</v>
      </c>
      <c r="AI370" s="9">
        <v>0</v>
      </c>
      <c r="AJ370" s="13">
        <v>0</v>
      </c>
      <c r="AK370" s="9">
        <v>45229.763221900001</v>
      </c>
      <c r="AL370" s="13">
        <v>45229.763221900001</v>
      </c>
      <c r="AM370" s="9">
        <v>-45229.763221900001</v>
      </c>
      <c r="AN370" s="13">
        <v>-0.99997789115352542</v>
      </c>
      <c r="AO370" s="9">
        <v>0</v>
      </c>
      <c r="AP370" s="13">
        <v>0</v>
      </c>
      <c r="AQ370" s="9">
        <v>1</v>
      </c>
      <c r="AR370" s="9">
        <v>1</v>
      </c>
      <c r="AS370" s="9">
        <v>1</v>
      </c>
      <c r="AT370" s="9">
        <v>43035.724297599998</v>
      </c>
      <c r="AU370" s="9">
        <v>1</v>
      </c>
      <c r="AV370" s="9">
        <v>1</v>
      </c>
      <c r="AW370" s="9">
        <v>1</v>
      </c>
      <c r="AX370" s="9">
        <v>38701.4313692</v>
      </c>
      <c r="AY370" s="9">
        <v>1</v>
      </c>
      <c r="AZ370" s="9">
        <v>45230.763221900001</v>
      </c>
      <c r="BA370" s="9">
        <v>1</v>
      </c>
      <c r="BB370" s="9">
        <v>1</v>
      </c>
      <c r="BC370" s="9">
        <v>1</v>
      </c>
      <c r="BD370" s="9">
        <v>1</v>
      </c>
      <c r="BE370" s="9">
        <v>1</v>
      </c>
      <c r="BF370" s="9">
        <v>1</v>
      </c>
      <c r="BG370" s="11">
        <v>-0.5</v>
      </c>
      <c r="BH370" s="13">
        <v>-0.16666666666666666</v>
      </c>
      <c r="BI370" s="6">
        <v>0</v>
      </c>
      <c r="BJ370" s="13">
        <v>0</v>
      </c>
      <c r="BK370" s="6">
        <v>0</v>
      </c>
      <c r="BL370" s="13">
        <v>0</v>
      </c>
      <c r="BM370" s="11">
        <v>-0.5</v>
      </c>
      <c r="BN370" s="13">
        <v>-0.16666666666666666</v>
      </c>
      <c r="BO370" s="11">
        <v>-0.5</v>
      </c>
      <c r="BP370" s="13">
        <v>-0.16666666666666666</v>
      </c>
      <c r="BQ370" s="6">
        <v>3</v>
      </c>
      <c r="BR370" s="6">
        <v>3</v>
      </c>
      <c r="BS370" s="6">
        <v>3</v>
      </c>
      <c r="BT370" s="6">
        <v>3</v>
      </c>
      <c r="BU370" s="6">
        <v>3</v>
      </c>
      <c r="BV370" s="6">
        <v>3</v>
      </c>
      <c r="BW370" s="6">
        <v>3</v>
      </c>
      <c r="BX370" s="6">
        <v>4</v>
      </c>
      <c r="BY370" s="6">
        <v>3</v>
      </c>
      <c r="BZ370" s="6">
        <v>3</v>
      </c>
      <c r="CA370" s="6">
        <v>3</v>
      </c>
      <c r="CB370" s="6">
        <v>3</v>
      </c>
      <c r="CC370" s="11">
        <v>2.5</v>
      </c>
      <c r="CD370" s="11">
        <v>4.5705299999999998</v>
      </c>
      <c r="CE370" s="11">
        <v>-1.1472500000000001</v>
      </c>
      <c r="CF370" s="11">
        <v>0.409443</v>
      </c>
      <c r="CG370" s="11">
        <v>-1</v>
      </c>
      <c r="CH370" s="20">
        <v>8.9542099999999999E-2</v>
      </c>
      <c r="CI370" s="20">
        <v>5.0506299999999997E-2</v>
      </c>
      <c r="CJ370" s="20">
        <v>0.114458</v>
      </c>
      <c r="CK370" s="20">
        <v>0.31442900000000001</v>
      </c>
      <c r="CL370" s="20">
        <v>0.226523</v>
      </c>
      <c r="CM370" s="20">
        <v>0.126694</v>
      </c>
      <c r="CN370" s="20">
        <v>0.18061099999999999</v>
      </c>
      <c r="CO370" s="20">
        <v>0.38864399999999999</v>
      </c>
      <c r="CP370" s="20">
        <v>0.12049600000000001</v>
      </c>
      <c r="CQ370" s="20">
        <v>0.262214</v>
      </c>
      <c r="CR370" s="20">
        <v>0.13794100000000001</v>
      </c>
      <c r="CS370" s="20">
        <v>0.147952</v>
      </c>
      <c r="CT370" s="20">
        <v>0.18335199999999999</v>
      </c>
      <c r="CU370" s="20">
        <v>0.233713</v>
      </c>
      <c r="CV370" s="20">
        <v>0.18443699999999999</v>
      </c>
      <c r="CW370" s="20">
        <v>0.222576</v>
      </c>
      <c r="CX370" s="20">
        <v>0.222552</v>
      </c>
      <c r="CY370" s="6" t="s">
        <v>447</v>
      </c>
      <c r="CZ370" s="6" t="s">
        <v>448</v>
      </c>
      <c r="DA370" s="6" t="s">
        <v>139</v>
      </c>
      <c r="DB370" s="6" t="s">
        <v>345</v>
      </c>
      <c r="DC370" s="6"/>
      <c r="DD370" s="6"/>
      <c r="DE370" s="6"/>
      <c r="DF370" s="6"/>
      <c r="DG370" s="6"/>
      <c r="DH370" s="6" t="s">
        <v>333</v>
      </c>
      <c r="DI370" s="6"/>
      <c r="DJ370" s="6"/>
      <c r="DK370" s="6"/>
      <c r="DL370" s="6">
        <v>10</v>
      </c>
      <c r="DM370" s="6" t="s">
        <v>383</v>
      </c>
      <c r="DN370" s="6">
        <v>9</v>
      </c>
      <c r="DO370" s="6" t="s">
        <v>384</v>
      </c>
      <c r="DP370" s="6"/>
      <c r="DQ370" s="6"/>
    </row>
    <row r="371" spans="1:121" x14ac:dyDescent="0.2">
      <c r="A371" s="6" t="s">
        <v>315</v>
      </c>
      <c r="B371" s="6" t="s">
        <v>315</v>
      </c>
      <c r="C371" s="6" t="s">
        <v>184</v>
      </c>
      <c r="D371" s="6" t="s">
        <v>139</v>
      </c>
      <c r="E371" s="6" t="s">
        <v>280</v>
      </c>
      <c r="F371" s="11">
        <v>6</v>
      </c>
      <c r="G371" s="13">
        <v>0.14000000000000001</v>
      </c>
      <c r="H371" s="11">
        <v>-13</v>
      </c>
      <c r="I371" s="13">
        <v>-0.30232558139534882</v>
      </c>
      <c r="J371" s="11">
        <v>14</v>
      </c>
      <c r="K371" s="13">
        <v>0.46666666666666662</v>
      </c>
      <c r="L371" s="11">
        <v>5</v>
      </c>
      <c r="M371" s="13">
        <v>0.11363636363636365</v>
      </c>
      <c r="N371" s="11">
        <v>19</v>
      </c>
      <c r="O371" s="13">
        <v>0.6333333333333333</v>
      </c>
      <c r="P371" s="7">
        <v>43</v>
      </c>
      <c r="Q371" s="7">
        <v>42</v>
      </c>
      <c r="R371" s="7">
        <v>46</v>
      </c>
      <c r="S371" s="7">
        <v>44</v>
      </c>
      <c r="T371" s="7">
        <v>30</v>
      </c>
      <c r="U371" s="7">
        <v>36</v>
      </c>
      <c r="V371" s="7">
        <v>30</v>
      </c>
      <c r="W371" s="7">
        <v>30</v>
      </c>
      <c r="X371" s="7">
        <v>43</v>
      </c>
      <c r="Y371" s="7">
        <v>44</v>
      </c>
      <c r="Z371" s="7">
        <v>43</v>
      </c>
      <c r="AA371" s="7">
        <v>50</v>
      </c>
      <c r="AB371" s="7">
        <v>46</v>
      </c>
      <c r="AC371" s="7">
        <v>45</v>
      </c>
      <c r="AD371" s="7">
        <v>44</v>
      </c>
      <c r="AE371" s="7">
        <v>48</v>
      </c>
      <c r="AF371" s="7">
        <v>49</v>
      </c>
      <c r="AG371" s="9">
        <v>10568</v>
      </c>
      <c r="AH371" s="13">
        <v>0.31522744220730797</v>
      </c>
      <c r="AI371" s="9">
        <v>4866</v>
      </c>
      <c r="AJ371" s="13">
        <v>0.1451454138702461</v>
      </c>
      <c r="AK371" s="9">
        <v>753</v>
      </c>
      <c r="AL371" s="13">
        <v>1.9613972024693289E-2</v>
      </c>
      <c r="AM371" s="9">
        <v>4949</v>
      </c>
      <c r="AN371" s="13">
        <v>0.12643061516452075</v>
      </c>
      <c r="AO371" s="9">
        <v>5702</v>
      </c>
      <c r="AP371" s="13">
        <v>0.14852439373811571</v>
      </c>
      <c r="AQ371" s="9">
        <v>33525</v>
      </c>
      <c r="AR371" s="9">
        <v>37291</v>
      </c>
      <c r="AS371" s="9">
        <v>35910</v>
      </c>
      <c r="AT371" s="9">
        <v>63756</v>
      </c>
      <c r="AU371" s="9">
        <v>34036</v>
      </c>
      <c r="AV371" s="9">
        <v>32022</v>
      </c>
      <c r="AW371" s="9">
        <v>38391</v>
      </c>
      <c r="AX371" s="9">
        <v>41440</v>
      </c>
      <c r="AY371" s="9">
        <v>38028</v>
      </c>
      <c r="AZ371" s="9">
        <v>39144</v>
      </c>
      <c r="BA371" s="9">
        <v>39945</v>
      </c>
      <c r="BB371" s="9">
        <v>38153</v>
      </c>
      <c r="BC371" s="9">
        <v>41595</v>
      </c>
      <c r="BD371" s="9">
        <v>42512</v>
      </c>
      <c r="BE371" s="9">
        <v>44444</v>
      </c>
      <c r="BF371" s="9">
        <v>44093</v>
      </c>
      <c r="BG371" s="11">
        <v>-2</v>
      </c>
      <c r="BH371" s="13">
        <v>-0.22222222222222221</v>
      </c>
      <c r="BI371" s="6">
        <v>-2</v>
      </c>
      <c r="BJ371" s="13">
        <v>-0.22222222222222221</v>
      </c>
      <c r="BK371" s="6">
        <v>0</v>
      </c>
      <c r="BL371" s="13">
        <v>0</v>
      </c>
      <c r="BM371" s="11">
        <v>0</v>
      </c>
      <c r="BN371" s="13">
        <v>0</v>
      </c>
      <c r="BO371" s="11">
        <v>0</v>
      </c>
      <c r="BP371" s="13">
        <v>0</v>
      </c>
      <c r="BQ371" s="6">
        <v>9</v>
      </c>
      <c r="BR371" s="6">
        <v>8</v>
      </c>
      <c r="BS371" s="6">
        <v>7</v>
      </c>
      <c r="BT371" s="6">
        <v>7</v>
      </c>
      <c r="BU371" s="6">
        <v>6</v>
      </c>
      <c r="BV371" s="6">
        <v>7</v>
      </c>
      <c r="BW371" s="6">
        <v>7</v>
      </c>
      <c r="BX371" s="6">
        <v>7</v>
      </c>
      <c r="BY371" s="6">
        <v>7</v>
      </c>
      <c r="BZ371" s="6">
        <v>7</v>
      </c>
      <c r="CA371" s="6">
        <v>7</v>
      </c>
      <c r="CB371" s="6">
        <v>7</v>
      </c>
      <c r="CC371" s="11">
        <v>7</v>
      </c>
      <c r="CD371" s="11">
        <v>4</v>
      </c>
      <c r="CE371" s="11">
        <v>-3</v>
      </c>
      <c r="CF371" s="11">
        <v>5</v>
      </c>
      <c r="CG371" s="11">
        <v>2</v>
      </c>
      <c r="CH371" s="20">
        <v>0.64</v>
      </c>
      <c r="CI371" s="20">
        <v>0.57999999999999996</v>
      </c>
      <c r="CJ371" s="20">
        <v>0.57999999999999996</v>
      </c>
      <c r="CK371" s="20">
        <v>0.54</v>
      </c>
      <c r="CL371" s="20">
        <v>0.37</v>
      </c>
      <c r="CM371" s="20">
        <v>0.45</v>
      </c>
      <c r="CN371" s="20">
        <v>0.38</v>
      </c>
      <c r="CO371" s="20">
        <v>0.39</v>
      </c>
      <c r="CP371" s="20">
        <v>0.55000000000000004</v>
      </c>
      <c r="CQ371" s="20">
        <v>0.55000000000000004</v>
      </c>
      <c r="CR371" s="20">
        <v>0.55000000000000004</v>
      </c>
      <c r="CS371" s="20">
        <v>0.66</v>
      </c>
      <c r="CT371" s="20">
        <v>0.66</v>
      </c>
      <c r="CU371" s="20">
        <v>0.66</v>
      </c>
      <c r="CV371" s="20">
        <v>0.64</v>
      </c>
      <c r="CW371" s="20">
        <v>0.68</v>
      </c>
      <c r="CX371" s="20">
        <v>0.69</v>
      </c>
      <c r="CY371" s="6" t="s">
        <v>447</v>
      </c>
      <c r="CZ371" s="6" t="s">
        <v>448</v>
      </c>
      <c r="DA371" s="6" t="s">
        <v>139</v>
      </c>
      <c r="DB371" s="6" t="s">
        <v>345</v>
      </c>
      <c r="DC371" s="6"/>
      <c r="DD371" s="6"/>
      <c r="DE371" s="6"/>
      <c r="DF371" s="6"/>
      <c r="DG371" s="6"/>
      <c r="DH371" s="6" t="s">
        <v>333</v>
      </c>
      <c r="DI371" s="6"/>
      <c r="DJ371" s="6"/>
      <c r="DK371" s="6"/>
      <c r="DL371" s="6">
        <v>10</v>
      </c>
      <c r="DM371" s="6" t="s">
        <v>383</v>
      </c>
      <c r="DN371" s="6">
        <v>9</v>
      </c>
      <c r="DO371" s="6" t="s">
        <v>384</v>
      </c>
      <c r="DP371" s="6"/>
      <c r="DQ371" s="6"/>
    </row>
    <row r="372" spans="1:121" x14ac:dyDescent="0.2">
      <c r="A372" s="6" t="s">
        <v>316</v>
      </c>
      <c r="B372" s="6" t="s">
        <v>316</v>
      </c>
      <c r="C372" s="6" t="s">
        <v>185</v>
      </c>
      <c r="D372" s="6" t="s">
        <v>139</v>
      </c>
      <c r="E372" s="6" t="s">
        <v>280</v>
      </c>
      <c r="F372" s="11">
        <v>1</v>
      </c>
      <c r="G372" s="13">
        <v>1</v>
      </c>
      <c r="H372" s="11">
        <v>10</v>
      </c>
      <c r="I372" s="13">
        <v>0.625</v>
      </c>
      <c r="J372" s="11">
        <v>-21</v>
      </c>
      <c r="K372" s="13">
        <v>-0.80769230769230771</v>
      </c>
      <c r="L372" s="11">
        <v>0</v>
      </c>
      <c r="M372" s="13">
        <v>0</v>
      </c>
      <c r="N372" s="11">
        <v>-21</v>
      </c>
      <c r="O372" s="13">
        <v>-0.80769230769230771</v>
      </c>
      <c r="P372" s="7">
        <v>16</v>
      </c>
      <c r="Q372" s="7">
        <v>16</v>
      </c>
      <c r="R372" s="7">
        <v>19</v>
      </c>
      <c r="S372" s="7">
        <v>22</v>
      </c>
      <c r="T372" s="7">
        <v>22</v>
      </c>
      <c r="U372" s="7">
        <v>17</v>
      </c>
      <c r="V372" s="7">
        <v>26</v>
      </c>
      <c r="W372" s="7">
        <v>15</v>
      </c>
      <c r="X372" s="7">
        <v>5</v>
      </c>
      <c r="Y372" s="7">
        <v>5</v>
      </c>
      <c r="Z372" s="7">
        <v>5</v>
      </c>
      <c r="AA372" s="7">
        <v>5</v>
      </c>
      <c r="AB372" s="7">
        <v>5</v>
      </c>
      <c r="AC372" s="7">
        <v>5</v>
      </c>
      <c r="AD372" s="7">
        <v>5</v>
      </c>
      <c r="AE372" s="7">
        <v>5</v>
      </c>
      <c r="AF372" s="7">
        <v>5</v>
      </c>
      <c r="AG372" s="9">
        <v>-12291</v>
      </c>
      <c r="AH372" s="13">
        <v>-0.9999186462739994</v>
      </c>
      <c r="AI372" s="9">
        <v>-82</v>
      </c>
      <c r="AJ372" s="13">
        <v>-6.6710055320533682E-3</v>
      </c>
      <c r="AK372" s="9">
        <v>-12209</v>
      </c>
      <c r="AL372" s="13">
        <v>-0.99991809991809988</v>
      </c>
      <c r="AM372" s="9">
        <v>0</v>
      </c>
      <c r="AN372" s="13">
        <v>0</v>
      </c>
      <c r="AO372" s="9">
        <v>-12209</v>
      </c>
      <c r="AP372" s="13">
        <v>-0.99991809991809988</v>
      </c>
      <c r="AQ372" s="9">
        <v>12292</v>
      </c>
      <c r="AR372" s="9">
        <v>13551</v>
      </c>
      <c r="AS372" s="9">
        <v>9895</v>
      </c>
      <c r="AT372" s="9">
        <v>9971</v>
      </c>
      <c r="AU372" s="9">
        <v>18325</v>
      </c>
      <c r="AV372" s="9">
        <v>14275</v>
      </c>
      <c r="AW372" s="9">
        <v>12210</v>
      </c>
      <c r="AX372" s="9">
        <v>15746</v>
      </c>
      <c r="AY372" s="9">
        <v>1</v>
      </c>
      <c r="AZ372" s="9">
        <v>1</v>
      </c>
      <c r="BA372" s="9">
        <v>1</v>
      </c>
      <c r="BB372" s="9">
        <v>1</v>
      </c>
      <c r="BC372" s="9">
        <v>1</v>
      </c>
      <c r="BD372" s="9">
        <v>1</v>
      </c>
      <c r="BE372" s="9">
        <v>1</v>
      </c>
      <c r="BF372" s="9">
        <v>1</v>
      </c>
      <c r="BG372" s="11">
        <v>-3</v>
      </c>
      <c r="BH372" s="13">
        <v>-0.75</v>
      </c>
      <c r="BI372" s="6">
        <v>0</v>
      </c>
      <c r="BJ372" s="13">
        <v>0</v>
      </c>
      <c r="BK372" s="6">
        <v>-2</v>
      </c>
      <c r="BL372" s="13">
        <v>-0.5</v>
      </c>
      <c r="BM372" s="11">
        <v>-1</v>
      </c>
      <c r="BN372" s="13">
        <v>-0.5</v>
      </c>
      <c r="BO372" s="11">
        <v>-3</v>
      </c>
      <c r="BP372" s="13">
        <v>-0.75</v>
      </c>
      <c r="BQ372" s="6">
        <v>4</v>
      </c>
      <c r="BR372" s="6">
        <v>4</v>
      </c>
      <c r="BS372" s="6">
        <v>4</v>
      </c>
      <c r="BT372" s="6">
        <v>4</v>
      </c>
      <c r="BU372" s="6">
        <v>3</v>
      </c>
      <c r="BV372" s="6">
        <v>2</v>
      </c>
      <c r="BW372" s="6">
        <v>2</v>
      </c>
      <c r="BX372" s="6">
        <v>2</v>
      </c>
      <c r="BY372" s="6">
        <v>2</v>
      </c>
      <c r="BZ372" s="6">
        <v>1</v>
      </c>
      <c r="CA372" s="6">
        <v>1</v>
      </c>
      <c r="CB372" s="6">
        <v>1</v>
      </c>
      <c r="CC372" s="11">
        <v>1</v>
      </c>
      <c r="CD372" s="11">
        <v>-13</v>
      </c>
      <c r="CE372" s="11">
        <v>-1</v>
      </c>
      <c r="CF372" s="11">
        <v>2</v>
      </c>
      <c r="CG372" s="11">
        <v>1</v>
      </c>
      <c r="CH372" s="20">
        <v>0.56999999999999995</v>
      </c>
      <c r="CI372" s="20">
        <v>0.53</v>
      </c>
      <c r="CJ372" s="20">
        <v>0.59</v>
      </c>
      <c r="CK372" s="20">
        <v>0.65</v>
      </c>
      <c r="CL372" s="20">
        <v>0.63</v>
      </c>
      <c r="CM372" s="20">
        <v>0.5</v>
      </c>
      <c r="CN372" s="20">
        <v>0.76</v>
      </c>
      <c r="CO372" s="20">
        <v>0.46</v>
      </c>
      <c r="CP372" s="20">
        <v>0.25</v>
      </c>
      <c r="CQ372" s="20">
        <v>0.28999999999999998</v>
      </c>
      <c r="CR372" s="20">
        <v>0.28999999999999998</v>
      </c>
      <c r="CS372" s="20">
        <v>0.14000000000000001</v>
      </c>
      <c r="CT372" s="20">
        <v>0.18</v>
      </c>
      <c r="CU372" s="20">
        <v>0.19</v>
      </c>
      <c r="CV372" s="20">
        <v>0.16</v>
      </c>
      <c r="CW372" s="20">
        <v>0.14000000000000001</v>
      </c>
      <c r="CX372" s="20">
        <v>0.14000000000000001</v>
      </c>
      <c r="CY372" s="6" t="s">
        <v>447</v>
      </c>
      <c r="CZ372" s="6" t="s">
        <v>448</v>
      </c>
      <c r="DA372" s="6" t="s">
        <v>139</v>
      </c>
      <c r="DB372" s="6" t="s">
        <v>345</v>
      </c>
      <c r="DC372" s="6"/>
      <c r="DD372" s="6"/>
      <c r="DE372" s="6"/>
      <c r="DF372" s="6"/>
      <c r="DG372" s="6"/>
      <c r="DH372" s="6" t="s">
        <v>333</v>
      </c>
      <c r="DI372" s="6"/>
      <c r="DJ372" s="6"/>
      <c r="DK372" s="6"/>
      <c r="DL372" s="6">
        <v>10</v>
      </c>
      <c r="DM372" s="6" t="s">
        <v>383</v>
      </c>
      <c r="DN372" s="6">
        <v>9</v>
      </c>
      <c r="DO372" s="6" t="s">
        <v>384</v>
      </c>
      <c r="DP372" s="6"/>
      <c r="DQ372" s="6"/>
    </row>
    <row r="373" spans="1:121" x14ac:dyDescent="0.2">
      <c r="A373" s="6" t="s">
        <v>317</v>
      </c>
      <c r="B373" s="6" t="s">
        <v>317</v>
      </c>
      <c r="C373" s="6" t="s">
        <v>186</v>
      </c>
      <c r="D373" s="6" t="s">
        <v>139</v>
      </c>
      <c r="E373" s="6" t="s">
        <v>280</v>
      </c>
      <c r="F373" s="11">
        <v>1</v>
      </c>
      <c r="G373" s="13">
        <v>1</v>
      </c>
      <c r="H373" s="11">
        <v>14</v>
      </c>
      <c r="I373" s="13">
        <v>2.8</v>
      </c>
      <c r="J373" s="11">
        <v>-6</v>
      </c>
      <c r="K373" s="13">
        <v>-0.31578947368421051</v>
      </c>
      <c r="L373" s="11">
        <v>-3</v>
      </c>
      <c r="M373" s="13">
        <v>-0.23076923076923081</v>
      </c>
      <c r="N373" s="11">
        <v>-9</v>
      </c>
      <c r="O373" s="13">
        <v>-0.47368421052631576</v>
      </c>
      <c r="P373" s="7">
        <v>5</v>
      </c>
      <c r="Q373" s="7">
        <v>20</v>
      </c>
      <c r="R373" s="7">
        <v>23</v>
      </c>
      <c r="S373" s="7">
        <v>21</v>
      </c>
      <c r="T373" s="7">
        <v>23</v>
      </c>
      <c r="U373" s="7">
        <v>18</v>
      </c>
      <c r="V373" s="7">
        <v>19</v>
      </c>
      <c r="W373" s="7">
        <v>5</v>
      </c>
      <c r="X373" s="7">
        <v>16</v>
      </c>
      <c r="Y373" s="7">
        <v>13</v>
      </c>
      <c r="Z373" s="7">
        <v>14</v>
      </c>
      <c r="AA373" s="7">
        <v>13</v>
      </c>
      <c r="AB373" s="7">
        <v>13</v>
      </c>
      <c r="AC373" s="7">
        <v>12</v>
      </c>
      <c r="AD373" s="7">
        <v>12</v>
      </c>
      <c r="AE373" s="7">
        <v>10</v>
      </c>
      <c r="AF373" s="7">
        <v>10</v>
      </c>
      <c r="AG373" s="9">
        <v>41175</v>
      </c>
      <c r="AH373" s="13">
        <v>41175</v>
      </c>
      <c r="AI373" s="9">
        <v>39573</v>
      </c>
      <c r="AJ373" s="13">
        <v>39573</v>
      </c>
      <c r="AK373" s="9">
        <v>-1821</v>
      </c>
      <c r="AL373" s="13">
        <v>-4.6015060393187437E-2</v>
      </c>
      <c r="AM373" s="9">
        <v>3423</v>
      </c>
      <c r="AN373" s="13">
        <v>9.0668291261621597E-2</v>
      </c>
      <c r="AO373" s="9">
        <v>1602</v>
      </c>
      <c r="AP373" s="13">
        <v>4.0481123970283521E-2</v>
      </c>
      <c r="AQ373" s="9">
        <v>1</v>
      </c>
      <c r="AR373" s="9">
        <v>20213</v>
      </c>
      <c r="AS373" s="9">
        <v>17454</v>
      </c>
      <c r="AT373" s="9">
        <v>19119</v>
      </c>
      <c r="AU373" s="9">
        <v>19678</v>
      </c>
      <c r="AV373" s="9">
        <v>24188</v>
      </c>
      <c r="AW373" s="9">
        <v>39574</v>
      </c>
      <c r="AX373" s="9">
        <v>1</v>
      </c>
      <c r="AY373" s="9">
        <v>22955</v>
      </c>
      <c r="AZ373" s="9">
        <v>37753</v>
      </c>
      <c r="BA373" s="9">
        <v>21709</v>
      </c>
      <c r="BB373" s="9">
        <v>27503</v>
      </c>
      <c r="BC373" s="9">
        <v>28858</v>
      </c>
      <c r="BD373" s="9">
        <v>35817</v>
      </c>
      <c r="BE373" s="9">
        <v>24641</v>
      </c>
      <c r="BF373" s="9">
        <v>41176</v>
      </c>
      <c r="BG373" s="11">
        <v>-2</v>
      </c>
      <c r="BH373" s="13">
        <v>-0.4</v>
      </c>
      <c r="BI373" s="6">
        <v>-2</v>
      </c>
      <c r="BJ373" s="13">
        <v>-0.4</v>
      </c>
      <c r="BK373" s="6">
        <v>1</v>
      </c>
      <c r="BL373" s="13">
        <v>0.33333333333333331</v>
      </c>
      <c r="BM373" s="11">
        <v>-1</v>
      </c>
      <c r="BN373" s="13">
        <v>-0.25</v>
      </c>
      <c r="BO373" s="11">
        <v>0</v>
      </c>
      <c r="BP373" s="13">
        <v>0</v>
      </c>
      <c r="BQ373" s="6">
        <v>5</v>
      </c>
      <c r="BR373" s="6">
        <v>5</v>
      </c>
      <c r="BS373" s="6">
        <v>4</v>
      </c>
      <c r="BT373" s="6">
        <v>3</v>
      </c>
      <c r="BU373" s="6">
        <v>3</v>
      </c>
      <c r="BV373" s="6">
        <v>3</v>
      </c>
      <c r="BW373" s="6">
        <v>4</v>
      </c>
      <c r="BX373" s="6">
        <v>4</v>
      </c>
      <c r="BY373" s="6">
        <v>4</v>
      </c>
      <c r="BZ373" s="6">
        <v>4</v>
      </c>
      <c r="CA373" s="6">
        <v>4</v>
      </c>
      <c r="CB373" s="6">
        <v>3</v>
      </c>
      <c r="CC373" s="11">
        <v>3</v>
      </c>
      <c r="CD373" s="11">
        <v>-2</v>
      </c>
      <c r="CE373" s="11">
        <v>2</v>
      </c>
      <c r="CF373" s="11">
        <v>1</v>
      </c>
      <c r="CG373" s="11">
        <v>3</v>
      </c>
      <c r="CH373" s="20">
        <v>0.11</v>
      </c>
      <c r="CI373" s="20">
        <v>0.22</v>
      </c>
      <c r="CJ373" s="20">
        <v>0.23</v>
      </c>
      <c r="CK373" s="20">
        <v>0.21</v>
      </c>
      <c r="CL373" s="20">
        <v>0.22</v>
      </c>
      <c r="CM373" s="20">
        <v>0.17</v>
      </c>
      <c r="CN373" s="20">
        <v>0.17</v>
      </c>
      <c r="CO373" s="20">
        <v>0.08</v>
      </c>
      <c r="CP373" s="20">
        <v>0.14000000000000001</v>
      </c>
      <c r="CQ373" s="20">
        <v>0.11</v>
      </c>
      <c r="CR373" s="20">
        <v>0.12</v>
      </c>
      <c r="CS373" s="20">
        <v>0.11</v>
      </c>
      <c r="CT373" s="20">
        <v>0.12</v>
      </c>
      <c r="CU373" s="20">
        <v>0.11</v>
      </c>
      <c r="CV373" s="20">
        <v>0.1</v>
      </c>
      <c r="CW373" s="20">
        <v>0.09</v>
      </c>
      <c r="CX373" s="20">
        <v>0.09</v>
      </c>
      <c r="CY373" s="6" t="s">
        <v>447</v>
      </c>
      <c r="CZ373" s="6" t="s">
        <v>448</v>
      </c>
      <c r="DA373" s="6" t="s">
        <v>139</v>
      </c>
      <c r="DB373" s="6" t="s">
        <v>345</v>
      </c>
      <c r="DC373" s="6"/>
      <c r="DD373" s="6"/>
      <c r="DE373" s="6"/>
      <c r="DF373" s="6"/>
      <c r="DG373" s="6"/>
      <c r="DH373" s="6" t="s">
        <v>333</v>
      </c>
      <c r="DI373" s="6"/>
      <c r="DJ373" s="6"/>
      <c r="DK373" s="6"/>
      <c r="DL373" s="6">
        <v>10</v>
      </c>
      <c r="DM373" s="6" t="s">
        <v>383</v>
      </c>
      <c r="DN373" s="6">
        <v>9</v>
      </c>
      <c r="DO373" s="6" t="s">
        <v>384</v>
      </c>
      <c r="DP373" s="6"/>
      <c r="DQ373" s="6"/>
    </row>
    <row r="374" spans="1:121" x14ac:dyDescent="0.2">
      <c r="A374" s="6" t="s">
        <v>318</v>
      </c>
      <c r="B374" s="6" t="s">
        <v>318</v>
      </c>
      <c r="C374" s="6" t="s">
        <v>187</v>
      </c>
      <c r="D374" s="6" t="s">
        <v>139</v>
      </c>
      <c r="E374" s="6" t="s">
        <v>280</v>
      </c>
      <c r="F374" s="11">
        <v>1</v>
      </c>
      <c r="G374" s="13">
        <v>1</v>
      </c>
      <c r="H374" s="11">
        <v>-5</v>
      </c>
      <c r="I374" s="13">
        <v>-1</v>
      </c>
      <c r="J374" s="11">
        <v>0</v>
      </c>
      <c r="K374" s="13"/>
      <c r="L374" s="11">
        <v>5</v>
      </c>
      <c r="M374" s="13"/>
      <c r="N374" s="11">
        <v>5</v>
      </c>
      <c r="O374" s="13"/>
      <c r="P374" s="7">
        <v>5</v>
      </c>
      <c r="Q374" s="7">
        <v>5</v>
      </c>
      <c r="R374" s="7">
        <v>0</v>
      </c>
      <c r="S374" s="7">
        <v>0</v>
      </c>
      <c r="T374" s="7">
        <v>0</v>
      </c>
      <c r="U374" s="7">
        <v>0</v>
      </c>
      <c r="V374" s="7">
        <v>0</v>
      </c>
      <c r="W374" s="7">
        <v>0</v>
      </c>
      <c r="X374" s="7">
        <v>0</v>
      </c>
      <c r="Y374" s="7">
        <v>0</v>
      </c>
      <c r="Z374" s="7">
        <v>0</v>
      </c>
      <c r="AA374" s="7">
        <v>0</v>
      </c>
      <c r="AB374" s="7">
        <v>0</v>
      </c>
      <c r="AC374" s="7">
        <v>0</v>
      </c>
      <c r="AD374" s="7">
        <v>0</v>
      </c>
      <c r="AE374" s="7">
        <v>5</v>
      </c>
      <c r="AF374" s="7">
        <v>5</v>
      </c>
      <c r="AG374" s="9">
        <v>0</v>
      </c>
      <c r="AH374" s="13">
        <v>0</v>
      </c>
      <c r="AI374" s="9">
        <v>-1</v>
      </c>
      <c r="AJ374" s="13">
        <v>-1</v>
      </c>
      <c r="AK374" s="9">
        <v>0</v>
      </c>
      <c r="AL374" s="13"/>
      <c r="AM374" s="9">
        <v>1</v>
      </c>
      <c r="AN374" s="13"/>
      <c r="AO374" s="9">
        <v>1</v>
      </c>
      <c r="AP374" s="13"/>
      <c r="AQ374" s="9">
        <v>1</v>
      </c>
      <c r="AR374" s="9">
        <v>1</v>
      </c>
      <c r="AS374" s="9">
        <v>0</v>
      </c>
      <c r="AT374" s="9">
        <v>0</v>
      </c>
      <c r="AU374" s="9">
        <v>0</v>
      </c>
      <c r="AV374" s="9">
        <v>0</v>
      </c>
      <c r="AW374" s="9">
        <v>0</v>
      </c>
      <c r="AX374" s="9">
        <v>0</v>
      </c>
      <c r="AY374" s="9">
        <v>0</v>
      </c>
      <c r="AZ374" s="9">
        <v>0</v>
      </c>
      <c r="BA374" s="9">
        <v>0</v>
      </c>
      <c r="BB374" s="9">
        <v>0</v>
      </c>
      <c r="BC374" s="9">
        <v>0</v>
      </c>
      <c r="BD374" s="9">
        <v>0</v>
      </c>
      <c r="BE374" s="9">
        <v>0</v>
      </c>
      <c r="BF374" s="9">
        <v>1</v>
      </c>
      <c r="BG374" s="11">
        <v>0.75</v>
      </c>
      <c r="BH374" s="13" t="e">
        <v>#DIV/0!</v>
      </c>
      <c r="BI374" s="6">
        <v>0</v>
      </c>
      <c r="BJ374" s="13" t="e">
        <v>#DIV/0!</v>
      </c>
      <c r="BK374" s="6">
        <v>0</v>
      </c>
      <c r="BL374" s="13" t="e">
        <v>#DIV/0!</v>
      </c>
      <c r="BM374" s="11">
        <v>0.75</v>
      </c>
      <c r="BN374" s="13" t="e">
        <v>#DIV/0!</v>
      </c>
      <c r="BO374" s="11">
        <v>0.75</v>
      </c>
      <c r="BP374" s="13" t="e">
        <v>#DIV/0!</v>
      </c>
      <c r="BQ374" s="6">
        <v>0</v>
      </c>
      <c r="BR374" s="6">
        <v>0</v>
      </c>
      <c r="BS374" s="6">
        <v>0</v>
      </c>
      <c r="BT374" s="6">
        <v>0</v>
      </c>
      <c r="BU374" s="6">
        <v>0</v>
      </c>
      <c r="BV374" s="6">
        <v>0</v>
      </c>
      <c r="BW374" s="6">
        <v>0</v>
      </c>
      <c r="BX374" s="6">
        <v>0</v>
      </c>
      <c r="BY374" s="6">
        <v>0</v>
      </c>
      <c r="BZ374" s="6">
        <v>0</v>
      </c>
      <c r="CA374" s="6">
        <v>0</v>
      </c>
      <c r="CB374" s="6">
        <v>0</v>
      </c>
      <c r="CC374" s="11">
        <v>0.75</v>
      </c>
      <c r="CD374" s="11">
        <v>-1.8791599999999999</v>
      </c>
      <c r="CE374" s="11">
        <v>0.43109599999999998</v>
      </c>
      <c r="CF374" s="11">
        <v>0.22009400000000001</v>
      </c>
      <c r="CG374" s="11">
        <v>0</v>
      </c>
      <c r="CH374" s="20">
        <v>0.10370699999999999</v>
      </c>
      <c r="CI374" s="20">
        <v>1.46698E-2</v>
      </c>
      <c r="CJ374" s="20">
        <v>0</v>
      </c>
      <c r="CK374" s="20">
        <v>0</v>
      </c>
      <c r="CL374" s="20">
        <v>0</v>
      </c>
      <c r="CM374" s="20">
        <v>0</v>
      </c>
      <c r="CN374" s="20">
        <v>0</v>
      </c>
      <c r="CO374" s="20">
        <v>0</v>
      </c>
      <c r="CP374" s="20">
        <v>0</v>
      </c>
      <c r="CQ374" s="20">
        <v>0</v>
      </c>
      <c r="CR374" s="20">
        <v>0</v>
      </c>
      <c r="CS374" s="20">
        <v>0</v>
      </c>
      <c r="CT374" s="20">
        <v>0</v>
      </c>
      <c r="CU374" s="20">
        <v>0</v>
      </c>
      <c r="CV374" s="20">
        <v>0</v>
      </c>
      <c r="CW374" s="20">
        <v>2.87397E-2</v>
      </c>
      <c r="CX374" s="20">
        <v>3.0156800000000001E-2</v>
      </c>
      <c r="CY374" s="6" t="s">
        <v>447</v>
      </c>
      <c r="CZ374" s="6" t="s">
        <v>448</v>
      </c>
      <c r="DA374" s="6" t="s">
        <v>139</v>
      </c>
      <c r="DB374" s="6" t="s">
        <v>345</v>
      </c>
      <c r="DC374" s="6"/>
      <c r="DD374" s="6"/>
      <c r="DE374" s="6"/>
      <c r="DF374" s="6"/>
      <c r="DG374" s="6"/>
      <c r="DH374" s="6" t="s">
        <v>333</v>
      </c>
      <c r="DI374" s="6"/>
      <c r="DJ374" s="6"/>
      <c r="DK374" s="6"/>
      <c r="DL374" s="6">
        <v>10</v>
      </c>
      <c r="DM374" s="6" t="s">
        <v>383</v>
      </c>
      <c r="DN374" s="6">
        <v>9</v>
      </c>
      <c r="DO374" s="6" t="s">
        <v>384</v>
      </c>
      <c r="DP374" s="6"/>
      <c r="DQ374" s="6"/>
    </row>
    <row r="375" spans="1:121" x14ac:dyDescent="0.2">
      <c r="A375" s="6" t="s">
        <v>319</v>
      </c>
      <c r="B375" s="6" t="s">
        <v>319</v>
      </c>
      <c r="C375" s="6" t="s">
        <v>188</v>
      </c>
      <c r="D375" s="6" t="s">
        <v>139</v>
      </c>
      <c r="E375" s="6" t="s">
        <v>280</v>
      </c>
      <c r="F375" s="11">
        <v>10</v>
      </c>
      <c r="G375" s="13">
        <v>0.5</v>
      </c>
      <c r="H375" s="11">
        <v>13.0470621069</v>
      </c>
      <c r="I375" s="13">
        <v>0.65577406593354159</v>
      </c>
      <c r="J375" s="11">
        <v>-9.5732481458999992</v>
      </c>
      <c r="K375" s="13">
        <v>-0.29060276893871007</v>
      </c>
      <c r="L375" s="11">
        <v>6.1329790797999983</v>
      </c>
      <c r="M375" s="13">
        <v>0.2624354055855741</v>
      </c>
      <c r="N375" s="11">
        <v>-3.4402690661000008</v>
      </c>
      <c r="O375" s="13">
        <v>-0.10443181888385721</v>
      </c>
      <c r="P375" s="7">
        <v>19.8956664874</v>
      </c>
      <c r="Q375" s="7">
        <v>21.194274116700001</v>
      </c>
      <c r="R375" s="7">
        <v>21.0966695712</v>
      </c>
      <c r="S375" s="7">
        <v>16.823648924699999</v>
      </c>
      <c r="T375" s="7">
        <v>35.235566067500002</v>
      </c>
      <c r="U375" s="7">
        <v>41.347235228499997</v>
      </c>
      <c r="V375" s="7">
        <v>32.9427285943</v>
      </c>
      <c r="W375" s="7">
        <v>25.619850557100001</v>
      </c>
      <c r="X375" s="7">
        <v>28.853047674199999</v>
      </c>
      <c r="Y375" s="7">
        <v>23.369480448400001</v>
      </c>
      <c r="Z375" s="7">
        <v>30.010453097599999</v>
      </c>
      <c r="AA375" s="7">
        <v>39.644803543099997</v>
      </c>
      <c r="AB375" s="7">
        <v>42.788293809300001</v>
      </c>
      <c r="AC375" s="7">
        <v>29.662931515699999</v>
      </c>
      <c r="AD375" s="7">
        <v>27.502322854999999</v>
      </c>
      <c r="AE375" s="7">
        <v>28.296345937200002</v>
      </c>
      <c r="AF375" s="7">
        <v>29.502459528199999</v>
      </c>
      <c r="AG375" s="9">
        <v>-928.94915080000101</v>
      </c>
      <c r="AH375" s="13">
        <v>-5.6922084516010746E-2</v>
      </c>
      <c r="AI375" s="9">
        <v>-969.36193640000056</v>
      </c>
      <c r="AJ375" s="13">
        <v>-5.9398409506963734E-2</v>
      </c>
      <c r="AK375" s="9">
        <v>1547.8287301</v>
      </c>
      <c r="AL375" s="13">
        <v>0.10083378010653632</v>
      </c>
      <c r="AM375" s="9">
        <v>-1507.4159445000005</v>
      </c>
      <c r="AN375" s="13">
        <v>-8.9206089508194766E-2</v>
      </c>
      <c r="AO375" s="9">
        <v>40.412785599999552</v>
      </c>
      <c r="AP375" s="13">
        <v>2.6327033847082567E-3</v>
      </c>
      <c r="AQ375" s="9">
        <v>16319.661493400001</v>
      </c>
      <c r="AR375" s="9">
        <v>17404.196775699998</v>
      </c>
      <c r="AS375" s="9">
        <v>19851.0069926</v>
      </c>
      <c r="AT375" s="9">
        <v>15573.1015998</v>
      </c>
      <c r="AU375" s="9">
        <v>13214.6838444</v>
      </c>
      <c r="AV375" s="9">
        <v>12593.9751932</v>
      </c>
      <c r="AW375" s="9">
        <v>15350.299557</v>
      </c>
      <c r="AX375" s="9">
        <v>14889.4632626</v>
      </c>
      <c r="AY375" s="9">
        <v>17859.816186</v>
      </c>
      <c r="AZ375" s="9">
        <v>16898.1282871</v>
      </c>
      <c r="BA375" s="9">
        <v>20122.498316199999</v>
      </c>
      <c r="BB375" s="9">
        <v>16979.647449299999</v>
      </c>
      <c r="BC375" s="9">
        <v>18933.490362299999</v>
      </c>
      <c r="BD375" s="9">
        <v>15659.5396053</v>
      </c>
      <c r="BE375" s="9">
        <v>17099.393403099999</v>
      </c>
      <c r="BF375" s="9">
        <v>15390.7123426</v>
      </c>
      <c r="BG375" s="11">
        <v>0</v>
      </c>
      <c r="BH375" s="13">
        <v>0</v>
      </c>
      <c r="BI375" s="6">
        <v>2</v>
      </c>
      <c r="BJ375" s="13">
        <v>2</v>
      </c>
      <c r="BK375" s="6">
        <v>-1</v>
      </c>
      <c r="BL375" s="13">
        <v>-0.33333333333333331</v>
      </c>
      <c r="BM375" s="11">
        <v>-1</v>
      </c>
      <c r="BN375" s="13">
        <v>-0.5</v>
      </c>
      <c r="BO375" s="11">
        <v>-2</v>
      </c>
      <c r="BP375" s="13">
        <v>-0.66666666666666663</v>
      </c>
      <c r="BQ375" s="6">
        <v>1</v>
      </c>
      <c r="BR375" s="6">
        <v>2</v>
      </c>
      <c r="BS375" s="6">
        <v>3</v>
      </c>
      <c r="BT375" s="6">
        <v>3</v>
      </c>
      <c r="BU375" s="6">
        <v>4</v>
      </c>
      <c r="BV375" s="6">
        <v>3</v>
      </c>
      <c r="BW375" s="6">
        <v>2</v>
      </c>
      <c r="BX375" s="6">
        <v>1</v>
      </c>
      <c r="BY375" s="6">
        <v>1</v>
      </c>
      <c r="BZ375" s="6">
        <v>1</v>
      </c>
      <c r="CA375" s="6">
        <v>1</v>
      </c>
      <c r="CB375" s="6">
        <v>1</v>
      </c>
      <c r="CC375" s="11">
        <v>1</v>
      </c>
      <c r="CD375" s="11">
        <v>5.6418900000000001</v>
      </c>
      <c r="CE375" s="11">
        <v>1.79006</v>
      </c>
      <c r="CF375" s="11">
        <v>2.1748400000000001</v>
      </c>
      <c r="CG375" s="11">
        <v>4</v>
      </c>
      <c r="CH375" s="20">
        <v>0.20891399999999999</v>
      </c>
      <c r="CI375" s="20">
        <v>0.20610999999999999</v>
      </c>
      <c r="CJ375" s="20">
        <v>0.19689499999999999</v>
      </c>
      <c r="CK375" s="20">
        <v>0.14844399999999999</v>
      </c>
      <c r="CL375" s="20">
        <v>0.30468099999999998</v>
      </c>
      <c r="CM375" s="20">
        <v>0.35668299999999997</v>
      </c>
      <c r="CN375" s="20">
        <v>0.281393</v>
      </c>
      <c r="CO375" s="20">
        <v>0.23289799999999999</v>
      </c>
      <c r="CP375" s="20">
        <v>0.27329700000000001</v>
      </c>
      <c r="CQ375" s="20">
        <v>0.205404</v>
      </c>
      <c r="CR375" s="20">
        <v>0.26261899999999999</v>
      </c>
      <c r="CS375" s="20">
        <v>0.34740599999999999</v>
      </c>
      <c r="CT375" s="20">
        <v>0.39391100000000001</v>
      </c>
      <c r="CU375" s="20">
        <v>0.27291199999999999</v>
      </c>
      <c r="CV375" s="20">
        <v>0.25106800000000001</v>
      </c>
      <c r="CW375" s="20">
        <v>0.25071300000000002</v>
      </c>
      <c r="CX375" s="20">
        <v>0.25481599999999999</v>
      </c>
      <c r="CY375" s="6" t="s">
        <v>447</v>
      </c>
      <c r="CZ375" s="6" t="s">
        <v>448</v>
      </c>
      <c r="DA375" s="6" t="s">
        <v>139</v>
      </c>
      <c r="DB375" s="6" t="s">
        <v>345</v>
      </c>
      <c r="DC375" s="6"/>
      <c r="DD375" s="6"/>
      <c r="DE375" s="6"/>
      <c r="DF375" s="6"/>
      <c r="DG375" s="6"/>
      <c r="DH375" s="6" t="s">
        <v>333</v>
      </c>
      <c r="DI375" s="6"/>
      <c r="DJ375" s="6"/>
      <c r="DK375" s="6"/>
      <c r="DL375" s="6">
        <v>10</v>
      </c>
      <c r="DM375" s="6" t="s">
        <v>383</v>
      </c>
      <c r="DN375" s="6">
        <v>9</v>
      </c>
      <c r="DO375" s="6" t="s">
        <v>384</v>
      </c>
      <c r="DP375" s="6"/>
      <c r="DQ375" s="6"/>
    </row>
    <row r="376" spans="1:121" x14ac:dyDescent="0.2">
      <c r="A376" s="6" t="s">
        <v>320</v>
      </c>
      <c r="B376" s="6" t="s">
        <v>320</v>
      </c>
      <c r="C376" s="6" t="s">
        <v>189</v>
      </c>
      <c r="D376" s="6" t="s">
        <v>139</v>
      </c>
      <c r="E376" s="6" t="s">
        <v>280</v>
      </c>
      <c r="F376" s="11">
        <v>1</v>
      </c>
      <c r="G376" s="13">
        <v>1</v>
      </c>
      <c r="H376" s="11">
        <v>5</v>
      </c>
      <c r="I376" s="13"/>
      <c r="J376" s="11">
        <v>0</v>
      </c>
      <c r="K376" s="13">
        <v>0</v>
      </c>
      <c r="L376" s="11">
        <v>0</v>
      </c>
      <c r="M376" s="13">
        <v>0</v>
      </c>
      <c r="N376" s="11">
        <v>0</v>
      </c>
      <c r="O376" s="13">
        <v>0</v>
      </c>
      <c r="P376" s="7">
        <v>0</v>
      </c>
      <c r="Q376" s="7">
        <v>0</v>
      </c>
      <c r="R376" s="7">
        <v>5</v>
      </c>
      <c r="S376" s="7">
        <v>5</v>
      </c>
      <c r="T376" s="7">
        <v>5</v>
      </c>
      <c r="U376" s="7">
        <v>5</v>
      </c>
      <c r="V376" s="7">
        <v>5</v>
      </c>
      <c r="W376" s="7">
        <v>5</v>
      </c>
      <c r="X376" s="7">
        <v>5</v>
      </c>
      <c r="Y376" s="7">
        <v>5</v>
      </c>
      <c r="Z376" s="7">
        <v>5</v>
      </c>
      <c r="AA376" s="7">
        <v>5</v>
      </c>
      <c r="AB376" s="7">
        <v>5</v>
      </c>
      <c r="AC376" s="7">
        <v>5</v>
      </c>
      <c r="AD376" s="7">
        <v>5</v>
      </c>
      <c r="AE376" s="7">
        <v>5</v>
      </c>
      <c r="AF376" s="7">
        <v>5</v>
      </c>
      <c r="AG376" s="9">
        <v>1</v>
      </c>
      <c r="AH376" s="13"/>
      <c r="AI376" s="9">
        <v>1</v>
      </c>
      <c r="AJ376" s="13"/>
      <c r="AK376" s="9">
        <v>0</v>
      </c>
      <c r="AL376" s="13">
        <v>0</v>
      </c>
      <c r="AM376" s="9">
        <v>0</v>
      </c>
      <c r="AN376" s="13">
        <v>0</v>
      </c>
      <c r="AO376" s="9">
        <v>0</v>
      </c>
      <c r="AP376" s="13">
        <v>0</v>
      </c>
      <c r="AQ376" s="9">
        <v>0</v>
      </c>
      <c r="AR376" s="9">
        <v>0</v>
      </c>
      <c r="AS376" s="9">
        <v>1</v>
      </c>
      <c r="AT376" s="9">
        <v>1</v>
      </c>
      <c r="AU376" s="9">
        <v>1</v>
      </c>
      <c r="AV376" s="9">
        <v>1</v>
      </c>
      <c r="AW376" s="9">
        <v>1</v>
      </c>
      <c r="AX376" s="9">
        <v>1</v>
      </c>
      <c r="AY376" s="9">
        <v>1</v>
      </c>
      <c r="AZ376" s="9">
        <v>1</v>
      </c>
      <c r="BA376" s="9">
        <v>1</v>
      </c>
      <c r="BB376" s="9">
        <v>1</v>
      </c>
      <c r="BC376" s="9">
        <v>1</v>
      </c>
      <c r="BD376" s="9">
        <v>1</v>
      </c>
      <c r="BE376" s="9">
        <v>1</v>
      </c>
      <c r="BF376" s="9">
        <v>1</v>
      </c>
      <c r="BG376" s="11">
        <v>-1</v>
      </c>
      <c r="BH376" s="13">
        <v>-1</v>
      </c>
      <c r="BI376" s="6">
        <v>0</v>
      </c>
      <c r="BJ376" s="13">
        <v>0</v>
      </c>
      <c r="BK376" s="6">
        <v>-1</v>
      </c>
      <c r="BL376" s="13">
        <v>-1</v>
      </c>
      <c r="BM376" s="11">
        <v>0</v>
      </c>
      <c r="BN376" s="13" t="e">
        <v>#DIV/0!</v>
      </c>
      <c r="BO376" s="11">
        <v>-1</v>
      </c>
      <c r="BP376" s="13">
        <v>-1</v>
      </c>
      <c r="BQ376" s="6">
        <v>1</v>
      </c>
      <c r="BR376" s="6">
        <v>1</v>
      </c>
      <c r="BS376" s="6">
        <v>1</v>
      </c>
      <c r="BT376" s="6">
        <v>1</v>
      </c>
      <c r="BU376" s="6">
        <v>0</v>
      </c>
      <c r="BV376" s="6">
        <v>0</v>
      </c>
      <c r="BW376" s="6">
        <v>0</v>
      </c>
      <c r="BX376" s="6">
        <v>0</v>
      </c>
      <c r="BY376" s="6">
        <v>0</v>
      </c>
      <c r="BZ376" s="6">
        <v>0</v>
      </c>
      <c r="CA376" s="6">
        <v>0</v>
      </c>
      <c r="CB376" s="6">
        <v>0</v>
      </c>
      <c r="CC376" s="11">
        <v>0</v>
      </c>
      <c r="CD376" s="11">
        <v>0.90239400000000003</v>
      </c>
      <c r="CE376" s="11">
        <v>0.36210500000000001</v>
      </c>
      <c r="CF376" s="11">
        <v>0.10931200000000001</v>
      </c>
      <c r="CG376" s="11">
        <v>0</v>
      </c>
      <c r="CH376" s="20">
        <v>0</v>
      </c>
      <c r="CI376" s="20">
        <v>0</v>
      </c>
      <c r="CJ376" s="20">
        <v>0.16769300000000001</v>
      </c>
      <c r="CK376" s="20">
        <v>0.14771699999999999</v>
      </c>
      <c r="CL376" s="20">
        <v>0.22295200000000001</v>
      </c>
      <c r="CM376" s="20">
        <v>0.198824</v>
      </c>
      <c r="CN376" s="20">
        <v>0.15360699999999999</v>
      </c>
      <c r="CO376" s="20">
        <v>5.4854300000000002E-2</v>
      </c>
      <c r="CP376" s="20">
        <v>7.8096299999999994E-2</v>
      </c>
      <c r="CQ376" s="20">
        <v>3.5559199999999999E-2</v>
      </c>
      <c r="CR376" s="20">
        <v>2.4607199999999999E-2</v>
      </c>
      <c r="CS376" s="20">
        <v>2.6581E-2</v>
      </c>
      <c r="CT376" s="20">
        <v>4.6803600000000001E-2</v>
      </c>
      <c r="CU376" s="20">
        <v>3.05098E-2</v>
      </c>
      <c r="CV376" s="20">
        <v>2.96142E-2</v>
      </c>
      <c r="CW376" s="20">
        <v>2.9363899999999998E-2</v>
      </c>
      <c r="CX376" s="20">
        <v>2.8988099999999999E-2</v>
      </c>
      <c r="CY376" s="6" t="s">
        <v>447</v>
      </c>
      <c r="CZ376" s="6" t="s">
        <v>448</v>
      </c>
      <c r="DA376" s="6" t="s">
        <v>139</v>
      </c>
      <c r="DB376" s="6" t="s">
        <v>345</v>
      </c>
      <c r="DC376" s="6"/>
      <c r="DD376" s="6"/>
      <c r="DE376" s="6"/>
      <c r="DF376" s="6"/>
      <c r="DG376" s="6"/>
      <c r="DH376" s="6" t="s">
        <v>333</v>
      </c>
      <c r="DI376" s="6"/>
      <c r="DJ376" s="6"/>
      <c r="DK376" s="6"/>
      <c r="DL376" s="6">
        <v>10</v>
      </c>
      <c r="DM376" s="6" t="s">
        <v>383</v>
      </c>
      <c r="DN376" s="6">
        <v>9</v>
      </c>
      <c r="DO376" s="6" t="s">
        <v>384</v>
      </c>
      <c r="DP376" s="6"/>
      <c r="DQ376" s="6"/>
    </row>
    <row r="377" spans="1:121" x14ac:dyDescent="0.2">
      <c r="A377" s="6" t="s">
        <v>321</v>
      </c>
      <c r="B377" s="6" t="s">
        <v>321</v>
      </c>
      <c r="C377" s="6" t="s">
        <v>190</v>
      </c>
      <c r="D377" s="6" t="s">
        <v>139</v>
      </c>
      <c r="E377" s="6" t="s">
        <v>280</v>
      </c>
      <c r="F377" s="11">
        <v>146</v>
      </c>
      <c r="G377" s="13">
        <v>1.17741935484</v>
      </c>
      <c r="H377" s="11">
        <v>11.163445169999989</v>
      </c>
      <c r="I377" s="13">
        <v>9.0202427006703417E-2</v>
      </c>
      <c r="J377" s="11">
        <v>90.67090657</v>
      </c>
      <c r="K377" s="13">
        <v>0.67201782514031616</v>
      </c>
      <c r="L377" s="11">
        <v>44.374405521</v>
      </c>
      <c r="M377" s="13">
        <v>0.19670005419671296</v>
      </c>
      <c r="N377" s="11">
        <v>135.045312091</v>
      </c>
      <c r="O377" s="13">
        <v>1.0009038219632864</v>
      </c>
      <c r="P377" s="7">
        <v>123.75992022</v>
      </c>
      <c r="Q377" s="7">
        <v>157.13629068</v>
      </c>
      <c r="R377" s="7">
        <v>151.369491049</v>
      </c>
      <c r="S377" s="7">
        <v>162.205272748</v>
      </c>
      <c r="T377" s="7">
        <v>140.48816104599999</v>
      </c>
      <c r="U377" s="7">
        <v>117.348448543</v>
      </c>
      <c r="V377" s="7">
        <v>134.92336538999999</v>
      </c>
      <c r="W377" s="7">
        <v>166.58626652500001</v>
      </c>
      <c r="X377" s="7">
        <v>181.30749453199999</v>
      </c>
      <c r="Y377" s="7">
        <v>225.59427195999999</v>
      </c>
      <c r="Z377" s="7">
        <v>275.30494740500001</v>
      </c>
      <c r="AA377" s="7">
        <v>277.99413897699998</v>
      </c>
      <c r="AB377" s="7">
        <v>254.10957514899999</v>
      </c>
      <c r="AC377" s="7">
        <v>258.95107120699998</v>
      </c>
      <c r="AD377" s="7">
        <v>246.943187626</v>
      </c>
      <c r="AE377" s="7">
        <v>256.91276602099998</v>
      </c>
      <c r="AF377" s="7">
        <v>269.96867748099999</v>
      </c>
      <c r="AG377" s="9">
        <v>2786.8175947999989</v>
      </c>
      <c r="AH377" s="13">
        <v>0.15095974238619078</v>
      </c>
      <c r="AI377" s="9">
        <v>2828.6327485000002</v>
      </c>
      <c r="AJ377" s="13">
        <v>0.1532248367512363</v>
      </c>
      <c r="AK377" s="9">
        <v>691.10854969999855</v>
      </c>
      <c r="AL377" s="13">
        <v>3.2462718122166542E-2</v>
      </c>
      <c r="AM377" s="9">
        <v>-732.92370339999979</v>
      </c>
      <c r="AN377" s="13">
        <v>-3.3344407444982273E-2</v>
      </c>
      <c r="AO377" s="9">
        <v>-41.815153700001247</v>
      </c>
      <c r="AP377" s="13">
        <v>-1.9641394226528591E-3</v>
      </c>
      <c r="AQ377" s="9">
        <v>18460.6673988</v>
      </c>
      <c r="AR377" s="9">
        <v>20088.3373914</v>
      </c>
      <c r="AS377" s="9">
        <v>20418.4154671</v>
      </c>
      <c r="AT377" s="9">
        <v>18633.7400347</v>
      </c>
      <c r="AU377" s="9">
        <v>18630.567158900001</v>
      </c>
      <c r="AV377" s="9">
        <v>22115.845990999998</v>
      </c>
      <c r="AW377" s="9">
        <v>21289.3001473</v>
      </c>
      <c r="AX377" s="9">
        <v>20544.0005174</v>
      </c>
      <c r="AY377" s="9">
        <v>20329.264787700002</v>
      </c>
      <c r="AZ377" s="9">
        <v>21980.408696999999</v>
      </c>
      <c r="BA377" s="9">
        <v>22990.101212500002</v>
      </c>
      <c r="BB377" s="9">
        <v>23561.8351774</v>
      </c>
      <c r="BC377" s="9">
        <v>22746.7322107</v>
      </c>
      <c r="BD377" s="9">
        <v>18564.904017199999</v>
      </c>
      <c r="BE377" s="9">
        <v>20588.386883499999</v>
      </c>
      <c r="BF377" s="9">
        <v>21247.484993599999</v>
      </c>
      <c r="BG377" s="11">
        <v>72</v>
      </c>
      <c r="BH377" s="13">
        <v>6.5454545454545459</v>
      </c>
      <c r="BI377" s="6">
        <v>3</v>
      </c>
      <c r="BJ377" s="13">
        <v>0.27272727272727271</v>
      </c>
      <c r="BK377" s="6">
        <v>2</v>
      </c>
      <c r="BL377" s="13">
        <v>0.14285714285714285</v>
      </c>
      <c r="BM377" s="11">
        <v>67</v>
      </c>
      <c r="BN377" s="13">
        <v>4.1875</v>
      </c>
      <c r="BO377" s="11">
        <v>69</v>
      </c>
      <c r="BP377" s="13">
        <v>4.9285714285714288</v>
      </c>
      <c r="BQ377" s="6">
        <v>11</v>
      </c>
      <c r="BR377" s="6">
        <v>13</v>
      </c>
      <c r="BS377" s="6">
        <v>15</v>
      </c>
      <c r="BT377" s="6">
        <v>14</v>
      </c>
      <c r="BU377" s="6">
        <v>14</v>
      </c>
      <c r="BV377" s="6">
        <v>15</v>
      </c>
      <c r="BW377" s="6">
        <v>16</v>
      </c>
      <c r="BX377" s="6">
        <v>16</v>
      </c>
      <c r="BY377" s="6">
        <v>17</v>
      </c>
      <c r="BZ377" s="6">
        <v>83</v>
      </c>
      <c r="CA377" s="6">
        <v>77</v>
      </c>
      <c r="CB377" s="6">
        <v>76</v>
      </c>
      <c r="CC377" s="11">
        <v>83</v>
      </c>
      <c r="CD377" s="11">
        <v>87.611099999999993</v>
      </c>
      <c r="CE377" s="11">
        <v>45.069200000000002</v>
      </c>
      <c r="CF377" s="11">
        <v>13.5284</v>
      </c>
      <c r="CG377" s="11">
        <v>59</v>
      </c>
      <c r="CH377" s="20">
        <v>0.78869999999999996</v>
      </c>
      <c r="CI377" s="20">
        <v>0.89271199999999995</v>
      </c>
      <c r="CJ377" s="20">
        <v>0.80009600000000003</v>
      </c>
      <c r="CK377" s="20">
        <v>0.82058299999999995</v>
      </c>
      <c r="CL377" s="20">
        <v>0.70438900000000004</v>
      </c>
      <c r="CM377" s="20">
        <v>0.58798899999999998</v>
      </c>
      <c r="CN377" s="20">
        <v>0.65751800000000005</v>
      </c>
      <c r="CO377" s="20">
        <v>0.80569199999999996</v>
      </c>
      <c r="CP377" s="20">
        <v>0.81511100000000003</v>
      </c>
      <c r="CQ377" s="20">
        <v>0.95414699999999997</v>
      </c>
      <c r="CR377" s="20">
        <v>1.1886300000000001</v>
      </c>
      <c r="CS377" s="20">
        <v>1.1935100000000001</v>
      </c>
      <c r="CT377" s="20">
        <v>1.15499</v>
      </c>
      <c r="CU377" s="20">
        <v>1.19282</v>
      </c>
      <c r="CV377" s="20">
        <v>1.1294999999999999</v>
      </c>
      <c r="CW377" s="20">
        <v>1.13513</v>
      </c>
      <c r="CX377" s="20">
        <v>1.1518200000000001</v>
      </c>
      <c r="CY377" s="6" t="s">
        <v>447</v>
      </c>
      <c r="CZ377" s="6" t="s">
        <v>448</v>
      </c>
      <c r="DA377" s="6" t="s">
        <v>139</v>
      </c>
      <c r="DB377" s="6" t="s">
        <v>345</v>
      </c>
      <c r="DC377" s="6"/>
      <c r="DD377" s="6"/>
      <c r="DE377" s="6"/>
      <c r="DF377" s="6"/>
      <c r="DG377" s="6"/>
      <c r="DH377" s="6" t="s">
        <v>333</v>
      </c>
      <c r="DI377" s="6"/>
      <c r="DJ377" s="6"/>
      <c r="DK377" s="6"/>
      <c r="DL377" s="6">
        <v>10</v>
      </c>
      <c r="DM377" s="6" t="s">
        <v>383</v>
      </c>
      <c r="DN377" s="6">
        <v>9</v>
      </c>
      <c r="DO377" s="6" t="s">
        <v>384</v>
      </c>
      <c r="DP377" s="6"/>
      <c r="DQ377" s="6"/>
    </row>
    <row r="378" spans="1:121" x14ac:dyDescent="0.2">
      <c r="A378" s="6" t="s">
        <v>322</v>
      </c>
      <c r="B378" s="6" t="s">
        <v>322</v>
      </c>
      <c r="C378" s="6" t="s">
        <v>191</v>
      </c>
      <c r="D378" s="6" t="s">
        <v>139</v>
      </c>
      <c r="E378" s="6" t="s">
        <v>280</v>
      </c>
      <c r="F378" s="11">
        <v>1</v>
      </c>
      <c r="G378" s="13">
        <v>1</v>
      </c>
      <c r="H378" s="11">
        <v>-11</v>
      </c>
      <c r="I378" s="13">
        <v>-0.6875</v>
      </c>
      <c r="J378" s="11">
        <v>0</v>
      </c>
      <c r="K378" s="13">
        <v>0</v>
      </c>
      <c r="L378" s="11">
        <v>0</v>
      </c>
      <c r="M378" s="13">
        <v>0</v>
      </c>
      <c r="N378" s="11">
        <v>0</v>
      </c>
      <c r="O378" s="13">
        <v>0</v>
      </c>
      <c r="P378" s="7">
        <v>16</v>
      </c>
      <c r="Q378" s="7">
        <v>18</v>
      </c>
      <c r="R378" s="7">
        <v>5</v>
      </c>
      <c r="S378" s="7">
        <v>5</v>
      </c>
      <c r="T378" s="7">
        <v>5</v>
      </c>
      <c r="U378" s="7">
        <v>5</v>
      </c>
      <c r="V378" s="7">
        <v>5</v>
      </c>
      <c r="W378" s="7">
        <v>5</v>
      </c>
      <c r="X378" s="7">
        <v>5</v>
      </c>
      <c r="Y378" s="7">
        <v>5</v>
      </c>
      <c r="Z378" s="7">
        <v>5</v>
      </c>
      <c r="AA378" s="7">
        <v>5</v>
      </c>
      <c r="AB378" s="7">
        <v>5</v>
      </c>
      <c r="AC378" s="7">
        <v>5</v>
      </c>
      <c r="AD378" s="7">
        <v>5</v>
      </c>
      <c r="AE378" s="7">
        <v>5</v>
      </c>
      <c r="AF378" s="7">
        <v>5</v>
      </c>
      <c r="AG378" s="9">
        <v>-16275</v>
      </c>
      <c r="AH378" s="13">
        <v>-0.99993855984271307</v>
      </c>
      <c r="AI378" s="9">
        <v>-16275</v>
      </c>
      <c r="AJ378" s="13">
        <v>-0.99993855984271307</v>
      </c>
      <c r="AK378" s="9">
        <v>0</v>
      </c>
      <c r="AL378" s="13">
        <v>0</v>
      </c>
      <c r="AM378" s="9">
        <v>0</v>
      </c>
      <c r="AN378" s="13">
        <v>0</v>
      </c>
      <c r="AO378" s="9">
        <v>0</v>
      </c>
      <c r="AP378" s="13">
        <v>0</v>
      </c>
      <c r="AQ378" s="9">
        <v>16276</v>
      </c>
      <c r="AR378" s="9">
        <v>9225</v>
      </c>
      <c r="AS378" s="9">
        <v>1</v>
      </c>
      <c r="AT378" s="9">
        <v>1</v>
      </c>
      <c r="AU378" s="9">
        <v>1</v>
      </c>
      <c r="AV378" s="9">
        <v>1</v>
      </c>
      <c r="AW378" s="9">
        <v>1</v>
      </c>
      <c r="AX378" s="9">
        <v>1</v>
      </c>
      <c r="AY378" s="9">
        <v>1</v>
      </c>
      <c r="AZ378" s="9">
        <v>1</v>
      </c>
      <c r="BA378" s="9">
        <v>1</v>
      </c>
      <c r="BB378" s="9">
        <v>1</v>
      </c>
      <c r="BC378" s="9">
        <v>1</v>
      </c>
      <c r="BD378" s="9">
        <v>1</v>
      </c>
      <c r="BE378" s="9">
        <v>1</v>
      </c>
      <c r="BF378" s="9">
        <v>1</v>
      </c>
      <c r="BG378" s="11">
        <v>0</v>
      </c>
      <c r="BH378" s="13">
        <v>0</v>
      </c>
      <c r="BI378" s="6">
        <v>-1</v>
      </c>
      <c r="BJ378" s="13">
        <v>-1</v>
      </c>
      <c r="BK378" s="6">
        <v>0</v>
      </c>
      <c r="BL378" s="13" t="e">
        <v>#DIV/0!</v>
      </c>
      <c r="BM378" s="11">
        <v>1</v>
      </c>
      <c r="BN378" s="13" t="e">
        <v>#DIV/0!</v>
      </c>
      <c r="BO378" s="11">
        <v>1</v>
      </c>
      <c r="BP378" s="13" t="e">
        <v>#DIV/0!</v>
      </c>
      <c r="BQ378" s="6">
        <v>1</v>
      </c>
      <c r="BR378" s="6">
        <v>0</v>
      </c>
      <c r="BS378" s="6">
        <v>0</v>
      </c>
      <c r="BT378" s="6">
        <v>0</v>
      </c>
      <c r="BU378" s="6">
        <v>0</v>
      </c>
      <c r="BV378" s="6">
        <v>0</v>
      </c>
      <c r="BW378" s="6">
        <v>0</v>
      </c>
      <c r="BX378" s="6">
        <v>1</v>
      </c>
      <c r="BY378" s="6">
        <v>1</v>
      </c>
      <c r="BZ378" s="6">
        <v>1</v>
      </c>
      <c r="CA378" s="6">
        <v>0</v>
      </c>
      <c r="CB378" s="6">
        <v>1</v>
      </c>
      <c r="CC378" s="11">
        <v>1</v>
      </c>
      <c r="CD378" s="11">
        <v>-16</v>
      </c>
      <c r="CE378" s="11">
        <v>3</v>
      </c>
      <c r="CF378" s="11">
        <v>2</v>
      </c>
      <c r="CG378" s="11">
        <v>5</v>
      </c>
      <c r="CH378" s="20">
        <v>0.66</v>
      </c>
      <c r="CI378" s="20">
        <v>0.69</v>
      </c>
      <c r="CJ378" s="20">
        <v>0.18</v>
      </c>
      <c r="CK378" s="20">
        <v>0.26</v>
      </c>
      <c r="CL378" s="20">
        <v>7.0000000000000007E-2</v>
      </c>
      <c r="CM378" s="20">
        <v>0.12</v>
      </c>
      <c r="CN378" s="20">
        <v>0.1</v>
      </c>
      <c r="CO378" s="20">
        <v>0.19</v>
      </c>
      <c r="CP378" s="20">
        <v>0.15</v>
      </c>
      <c r="CQ378" s="20">
        <v>0.13</v>
      </c>
      <c r="CR378" s="20">
        <v>0.1</v>
      </c>
      <c r="CS378" s="20">
        <v>0.22</v>
      </c>
      <c r="CT378" s="20">
        <v>0.22</v>
      </c>
      <c r="CU378" s="20">
        <v>0.08</v>
      </c>
      <c r="CV378" s="20">
        <v>0.1</v>
      </c>
      <c r="CW378" s="20">
        <v>0.16</v>
      </c>
      <c r="CX378" s="20">
        <v>0.15</v>
      </c>
      <c r="CY378" s="6" t="s">
        <v>447</v>
      </c>
      <c r="CZ378" s="6" t="s">
        <v>448</v>
      </c>
      <c r="DA378" s="6" t="s">
        <v>139</v>
      </c>
      <c r="DB378" s="6" t="s">
        <v>345</v>
      </c>
      <c r="DC378" s="6"/>
      <c r="DD378" s="6"/>
      <c r="DE378" s="6"/>
      <c r="DF378" s="6"/>
      <c r="DG378" s="6"/>
      <c r="DH378" s="6" t="s">
        <v>333</v>
      </c>
      <c r="DI378" s="6"/>
      <c r="DJ378" s="6"/>
      <c r="DK378" s="6"/>
      <c r="DL378" s="6">
        <v>10</v>
      </c>
      <c r="DM378" s="6" t="s">
        <v>383</v>
      </c>
      <c r="DN378" s="6">
        <v>9</v>
      </c>
      <c r="DO378" s="6" t="s">
        <v>384</v>
      </c>
      <c r="DP378" s="6"/>
      <c r="DQ378" s="6"/>
    </row>
    <row r="379" spans="1:121" x14ac:dyDescent="0.2">
      <c r="A379" s="6" t="s">
        <v>323</v>
      </c>
      <c r="B379" s="6" t="s">
        <v>323</v>
      </c>
      <c r="C379" s="6" t="s">
        <v>192</v>
      </c>
      <c r="D379" s="6" t="s">
        <v>139</v>
      </c>
      <c r="E379" s="6" t="s">
        <v>280</v>
      </c>
      <c r="F379" s="11">
        <v>33</v>
      </c>
      <c r="G379" s="13">
        <v>0.34736842105299998</v>
      </c>
      <c r="H379" s="11">
        <v>63.493602348200014</v>
      </c>
      <c r="I379" s="13">
        <v>0.66486747720889749</v>
      </c>
      <c r="J379" s="11">
        <v>-8.473863061000003</v>
      </c>
      <c r="K379" s="13">
        <v>-5.3297506791301477E-2</v>
      </c>
      <c r="L379" s="11">
        <v>-22.592109039000007</v>
      </c>
      <c r="M379" s="13">
        <v>-0.15009585765458269</v>
      </c>
      <c r="N379" s="11">
        <v>-31.06597210000001</v>
      </c>
      <c r="O379" s="13">
        <v>-0.1953936294531928</v>
      </c>
      <c r="P379" s="7">
        <v>95.498132371799997</v>
      </c>
      <c r="Q379" s="7">
        <v>106.347296555</v>
      </c>
      <c r="R379" s="7">
        <v>108.863892252</v>
      </c>
      <c r="S379" s="7">
        <v>144.16834019699999</v>
      </c>
      <c r="T379" s="7">
        <v>166.51844922000001</v>
      </c>
      <c r="U379" s="7">
        <v>172.74061214100001</v>
      </c>
      <c r="V379" s="7">
        <v>158.99173472000001</v>
      </c>
      <c r="W379" s="7">
        <v>156.497565506</v>
      </c>
      <c r="X379" s="7">
        <v>163.83325483900001</v>
      </c>
      <c r="Y379" s="7">
        <v>150.51787165900001</v>
      </c>
      <c r="Z379" s="7">
        <v>128.3999542</v>
      </c>
      <c r="AA379" s="7">
        <v>115.3113786</v>
      </c>
      <c r="AB379" s="7">
        <v>124.760493884</v>
      </c>
      <c r="AC379" s="7">
        <v>117.197625495</v>
      </c>
      <c r="AD379" s="7">
        <v>121.635072158</v>
      </c>
      <c r="AE379" s="7">
        <v>129.27595340799999</v>
      </c>
      <c r="AF379" s="7">
        <v>127.92576262</v>
      </c>
      <c r="AG379" s="9">
        <v>5033.2809854499992</v>
      </c>
      <c r="AH379" s="13">
        <v>0.55562753375814433</v>
      </c>
      <c r="AI379" s="9">
        <v>645.12239971999952</v>
      </c>
      <c r="AJ379" s="13">
        <v>7.1215528988893162E-2</v>
      </c>
      <c r="AK379" s="9">
        <v>2337.2419821300009</v>
      </c>
      <c r="AL379" s="13">
        <v>0.24085707158638861</v>
      </c>
      <c r="AM379" s="9">
        <v>2050.9166035999988</v>
      </c>
      <c r="AN379" s="13">
        <v>0.17032639873803809</v>
      </c>
      <c r="AO379" s="9">
        <v>4388.1585857299997</v>
      </c>
      <c r="AP379" s="13">
        <v>0.45220778793832606</v>
      </c>
      <c r="AQ379" s="9">
        <v>9058.7321175500001</v>
      </c>
      <c r="AR379" s="9">
        <v>9449.3236960400009</v>
      </c>
      <c r="AS379" s="9">
        <v>9383.8577354400004</v>
      </c>
      <c r="AT379" s="9">
        <v>9527.1432311299995</v>
      </c>
      <c r="AU379" s="9">
        <v>9720.7102290799994</v>
      </c>
      <c r="AV379" s="9">
        <v>9190.8112738899999</v>
      </c>
      <c r="AW379" s="9">
        <v>9703.8545172699996</v>
      </c>
      <c r="AX379" s="9">
        <v>9929.8383735999996</v>
      </c>
      <c r="AY379" s="9">
        <v>10837.405494799999</v>
      </c>
      <c r="AZ379" s="9">
        <v>12041.096499400001</v>
      </c>
      <c r="BA379" s="9">
        <v>11217.184462200001</v>
      </c>
      <c r="BB379" s="9">
        <v>12737.880724099999</v>
      </c>
      <c r="BC379" s="9">
        <v>12562.657770399999</v>
      </c>
      <c r="BD379" s="9">
        <v>12954.2654781</v>
      </c>
      <c r="BE379" s="9">
        <v>13770.9574808</v>
      </c>
      <c r="BF379" s="9">
        <v>14092.013102999999</v>
      </c>
      <c r="BG379" s="11">
        <v>-2.25</v>
      </c>
      <c r="BH379" s="13">
        <v>-0.13235294117647059</v>
      </c>
      <c r="BI379" s="6">
        <v>-1</v>
      </c>
      <c r="BJ379" s="13">
        <v>-5.8823529411764705E-2</v>
      </c>
      <c r="BK379" s="6">
        <v>-3</v>
      </c>
      <c r="BL379" s="13">
        <v>-0.1875</v>
      </c>
      <c r="BM379" s="11">
        <v>1.75</v>
      </c>
      <c r="BN379" s="13">
        <v>0.13461538461538461</v>
      </c>
      <c r="BO379" s="11">
        <v>-1.25</v>
      </c>
      <c r="BP379" s="13">
        <v>-7.8125E-2</v>
      </c>
      <c r="BQ379" s="6">
        <v>17</v>
      </c>
      <c r="BR379" s="6">
        <v>16</v>
      </c>
      <c r="BS379" s="6">
        <v>16</v>
      </c>
      <c r="BT379" s="6">
        <v>16</v>
      </c>
      <c r="BU379" s="6">
        <v>16</v>
      </c>
      <c r="BV379" s="6">
        <v>14</v>
      </c>
      <c r="BW379" s="6">
        <v>13</v>
      </c>
      <c r="BX379" s="6">
        <v>10</v>
      </c>
      <c r="BY379" s="6">
        <v>10</v>
      </c>
      <c r="BZ379" s="6">
        <v>12</v>
      </c>
      <c r="CA379" s="6">
        <v>14</v>
      </c>
      <c r="CB379" s="6">
        <v>13</v>
      </c>
      <c r="CC379" s="11">
        <v>14.75</v>
      </c>
      <c r="CD379" s="11">
        <v>0.27172499999999999</v>
      </c>
      <c r="CE379" s="11">
        <v>21.716799999999999</v>
      </c>
      <c r="CF379" s="11">
        <v>10.4391</v>
      </c>
      <c r="CG379" s="11">
        <v>32</v>
      </c>
      <c r="CH379" s="20">
        <v>0.82006999999999997</v>
      </c>
      <c r="CI379" s="20">
        <v>0.83481799999999995</v>
      </c>
      <c r="CJ379" s="20">
        <v>0.80482600000000004</v>
      </c>
      <c r="CK379" s="20">
        <v>1.0147699999999999</v>
      </c>
      <c r="CL379" s="20">
        <v>1.1607799999999999</v>
      </c>
      <c r="CM379" s="20">
        <v>1.2081299999999999</v>
      </c>
      <c r="CN379" s="20">
        <v>1.0875600000000001</v>
      </c>
      <c r="CO379" s="20">
        <v>1.08674</v>
      </c>
      <c r="CP379" s="20">
        <v>1.10995</v>
      </c>
      <c r="CQ379" s="20">
        <v>0.97190100000000001</v>
      </c>
      <c r="CR379" s="20">
        <v>0.83707399999999998</v>
      </c>
      <c r="CS379" s="20">
        <v>0.75216499999999997</v>
      </c>
      <c r="CT379" s="20">
        <v>0.85236800000000001</v>
      </c>
      <c r="CU379" s="20">
        <v>0.80291400000000002</v>
      </c>
      <c r="CV379" s="20">
        <v>0.81952199999999997</v>
      </c>
      <c r="CW379" s="20">
        <v>0.83940099999999995</v>
      </c>
      <c r="CX379" s="20">
        <v>0.810693</v>
      </c>
      <c r="CY379" s="6" t="s">
        <v>447</v>
      </c>
      <c r="CZ379" s="6" t="s">
        <v>448</v>
      </c>
      <c r="DA379" s="6" t="s">
        <v>139</v>
      </c>
      <c r="DB379" s="6" t="s">
        <v>345</v>
      </c>
      <c r="DC379" s="6"/>
      <c r="DD379" s="6"/>
      <c r="DE379" s="6"/>
      <c r="DF379" s="6"/>
      <c r="DG379" s="6"/>
      <c r="DH379" s="6" t="s">
        <v>333</v>
      </c>
      <c r="DI379" s="6"/>
      <c r="DJ379" s="6"/>
      <c r="DK379" s="6"/>
      <c r="DL379" s="6">
        <v>10</v>
      </c>
      <c r="DM379" s="6" t="s">
        <v>383</v>
      </c>
      <c r="DN379" s="6">
        <v>9</v>
      </c>
      <c r="DO379" s="6" t="s">
        <v>384</v>
      </c>
      <c r="DP379" s="6"/>
      <c r="DQ379" s="6"/>
    </row>
    <row r="380" spans="1:121" x14ac:dyDescent="0.2">
      <c r="A380" s="6" t="s">
        <v>325</v>
      </c>
      <c r="B380" s="6" t="s">
        <v>325</v>
      </c>
      <c r="C380" s="6" t="s">
        <v>193</v>
      </c>
      <c r="D380" s="6" t="s">
        <v>139</v>
      </c>
      <c r="E380" s="6" t="s">
        <v>280</v>
      </c>
      <c r="F380" s="11">
        <v>0</v>
      </c>
      <c r="G380" s="13">
        <v>0</v>
      </c>
      <c r="H380" s="11">
        <v>141.13941111899999</v>
      </c>
      <c r="I380" s="13">
        <v>1.9185949303355641</v>
      </c>
      <c r="J380" s="11">
        <v>-30.558259910000004</v>
      </c>
      <c r="K380" s="13">
        <v>-0.14232781695974042</v>
      </c>
      <c r="L380" s="11">
        <v>-110.24498589689999</v>
      </c>
      <c r="M380" s="13">
        <v>-0.59868543024147303</v>
      </c>
      <c r="N380" s="11">
        <v>-140.80324580690001</v>
      </c>
      <c r="O380" s="13">
        <v>-0.65580365686934172</v>
      </c>
      <c r="P380" s="7">
        <v>73.563944575999997</v>
      </c>
      <c r="Q380" s="7">
        <v>110.989890415</v>
      </c>
      <c r="R380" s="7">
        <v>145.29623446100001</v>
      </c>
      <c r="S380" s="7">
        <v>148.78857298299999</v>
      </c>
      <c r="T380" s="7">
        <v>155.086552987</v>
      </c>
      <c r="U380" s="7">
        <v>185.717858492</v>
      </c>
      <c r="V380" s="7">
        <v>214.703355695</v>
      </c>
      <c r="W380" s="7">
        <v>194.85940074000001</v>
      </c>
      <c r="X380" s="7">
        <v>209.20669432</v>
      </c>
      <c r="Y380" s="7">
        <v>184.145095785</v>
      </c>
      <c r="Z380" s="7">
        <v>178.992107535</v>
      </c>
      <c r="AA380" s="7">
        <v>167.48874949</v>
      </c>
      <c r="AB380" s="7">
        <v>61.995928924099999</v>
      </c>
      <c r="AC380" s="7">
        <v>79.451934667900005</v>
      </c>
      <c r="AD380" s="7">
        <v>79.081441594799998</v>
      </c>
      <c r="AE380" s="7">
        <v>77.072816878799998</v>
      </c>
      <c r="AF380" s="7">
        <v>73.900109888100005</v>
      </c>
      <c r="AG380" s="9">
        <v>3561.6411587000002</v>
      </c>
      <c r="AH380" s="13">
        <v>0.21564511950393561</v>
      </c>
      <c r="AI380" s="9">
        <v>-5927.5546066000006</v>
      </c>
      <c r="AJ380" s="13">
        <v>-0.3588930396269685</v>
      </c>
      <c r="AK380" s="9">
        <v>698.90418580000005</v>
      </c>
      <c r="AL380" s="13">
        <v>6.6004967526034117E-2</v>
      </c>
      <c r="AM380" s="9">
        <v>8790.2915795000008</v>
      </c>
      <c r="AN380" s="13">
        <v>0.77875891767684835</v>
      </c>
      <c r="AO380" s="9">
        <v>9489.1957653000009</v>
      </c>
      <c r="AP380" s="13">
        <v>0.89616584227475227</v>
      </c>
      <c r="AQ380" s="9">
        <v>16516.215005900001</v>
      </c>
      <c r="AR380" s="9">
        <v>14002.393090600001</v>
      </c>
      <c r="AS380" s="9">
        <v>12331.6420079</v>
      </c>
      <c r="AT380" s="9">
        <v>12624.6588164</v>
      </c>
      <c r="AU380" s="9">
        <v>12167.5883457</v>
      </c>
      <c r="AV380" s="9">
        <v>10911.310691299999</v>
      </c>
      <c r="AW380" s="9">
        <v>10588.660399300001</v>
      </c>
      <c r="AX380" s="9">
        <v>10846.2925134</v>
      </c>
      <c r="AY380" s="9">
        <v>10909.090714600001</v>
      </c>
      <c r="AZ380" s="9">
        <v>11287.564585100001</v>
      </c>
      <c r="BA380" s="9">
        <v>10933.6871935</v>
      </c>
      <c r="BB380" s="9">
        <v>11270.0826445</v>
      </c>
      <c r="BC380" s="9">
        <v>19166.043965199999</v>
      </c>
      <c r="BD380" s="9">
        <v>18694.431935699999</v>
      </c>
      <c r="BE380" s="9">
        <v>19358.880594900002</v>
      </c>
      <c r="BF380" s="9">
        <v>20077.856164600002</v>
      </c>
      <c r="BG380" s="11">
        <v>-36.25</v>
      </c>
      <c r="BH380" s="13">
        <v>-0.77127659574468088</v>
      </c>
      <c r="BI380" s="6">
        <v>23</v>
      </c>
      <c r="BJ380" s="13">
        <v>0.48936170212765956</v>
      </c>
      <c r="BK380" s="6">
        <v>16</v>
      </c>
      <c r="BL380" s="13">
        <v>0.22857142857142856</v>
      </c>
      <c r="BM380" s="11">
        <v>-75.25</v>
      </c>
      <c r="BN380" s="13">
        <v>-0.875</v>
      </c>
      <c r="BO380" s="11">
        <v>-59.25</v>
      </c>
      <c r="BP380" s="13">
        <v>-0.84642857142857142</v>
      </c>
      <c r="BQ380" s="6">
        <v>47</v>
      </c>
      <c r="BR380" s="6">
        <v>54</v>
      </c>
      <c r="BS380" s="6">
        <v>62</v>
      </c>
      <c r="BT380" s="6">
        <v>70</v>
      </c>
      <c r="BU380" s="6">
        <v>83</v>
      </c>
      <c r="BV380" s="6">
        <v>89</v>
      </c>
      <c r="BW380" s="6">
        <v>86</v>
      </c>
      <c r="BX380" s="6">
        <v>83</v>
      </c>
      <c r="BY380" s="6">
        <v>74</v>
      </c>
      <c r="BZ380" s="6">
        <v>8</v>
      </c>
      <c r="CA380" s="6">
        <v>10</v>
      </c>
      <c r="CB380" s="6">
        <v>11</v>
      </c>
      <c r="CC380" s="11">
        <v>10.75</v>
      </c>
      <c r="CD380" s="11">
        <v>-7.0278099999999997</v>
      </c>
      <c r="CE380" s="11">
        <v>-0.677454</v>
      </c>
      <c r="CF380" s="11">
        <v>8.0414200000000005</v>
      </c>
      <c r="CG380" s="11">
        <v>7</v>
      </c>
      <c r="CH380" s="20">
        <v>0.93001100000000003</v>
      </c>
      <c r="CI380" s="20">
        <v>1.27735</v>
      </c>
      <c r="CJ380" s="20">
        <v>1.58388</v>
      </c>
      <c r="CK380" s="20">
        <v>1.5722</v>
      </c>
      <c r="CL380" s="20">
        <v>1.64985</v>
      </c>
      <c r="CM380" s="20">
        <v>2.0007899999999998</v>
      </c>
      <c r="CN380" s="20">
        <v>2.27345</v>
      </c>
      <c r="CO380" s="20">
        <v>2.0926499999999999</v>
      </c>
      <c r="CP380" s="20">
        <v>2.1472799999999999</v>
      </c>
      <c r="CQ380" s="20">
        <v>1.81473</v>
      </c>
      <c r="CR380" s="20">
        <v>1.80694</v>
      </c>
      <c r="CS380" s="20">
        <v>1.7048300000000001</v>
      </c>
      <c r="CT380" s="20">
        <v>0.72099299999999999</v>
      </c>
      <c r="CU380" s="20">
        <v>0.93642099999999995</v>
      </c>
      <c r="CV380" s="20">
        <v>0.93476800000000004</v>
      </c>
      <c r="CW380" s="20">
        <v>0.88729800000000003</v>
      </c>
      <c r="CX380" s="20">
        <v>0.837754</v>
      </c>
      <c r="CY380" s="6" t="s">
        <v>447</v>
      </c>
      <c r="CZ380" s="6" t="s">
        <v>448</v>
      </c>
      <c r="DA380" s="6" t="s">
        <v>139</v>
      </c>
      <c r="DB380" s="6" t="s">
        <v>345</v>
      </c>
      <c r="DC380" s="6"/>
      <c r="DD380" s="6"/>
      <c r="DE380" s="6"/>
      <c r="DF380" s="6"/>
      <c r="DG380" s="6"/>
      <c r="DH380" s="6" t="s">
        <v>333</v>
      </c>
      <c r="DI380" s="6"/>
      <c r="DJ380" s="6"/>
      <c r="DK380" s="6"/>
      <c r="DL380" s="6">
        <v>10</v>
      </c>
      <c r="DM380" s="6" t="s">
        <v>383</v>
      </c>
      <c r="DN380" s="6">
        <v>9</v>
      </c>
      <c r="DO380" s="6" t="s">
        <v>384</v>
      </c>
      <c r="DP380" s="6"/>
      <c r="DQ380" s="6"/>
    </row>
    <row r="381" spans="1:121" x14ac:dyDescent="0.2">
      <c r="A381" s="6" t="s">
        <v>327</v>
      </c>
      <c r="B381" s="6" t="s">
        <v>327</v>
      </c>
      <c r="C381" s="6" t="s">
        <v>194</v>
      </c>
      <c r="D381" s="6" t="s">
        <v>139</v>
      </c>
      <c r="E381" s="6" t="s">
        <v>280</v>
      </c>
      <c r="F381" s="11">
        <v>-9</v>
      </c>
      <c r="G381" s="13">
        <v>-1.86721991701E-2</v>
      </c>
      <c r="H381" s="11">
        <v>-24.231466000000012</v>
      </c>
      <c r="I381" s="13">
        <v>-5.0231500866304173E-2</v>
      </c>
      <c r="J381" s="11">
        <v>50.456954999999994</v>
      </c>
      <c r="K381" s="13">
        <v>0.11012850447577267</v>
      </c>
      <c r="L381" s="11">
        <v>-35.541792621000013</v>
      </c>
      <c r="M381" s="13">
        <v>-6.9878693758933144E-2</v>
      </c>
      <c r="N381" s="11">
        <v>14.91516237899998</v>
      </c>
      <c r="O381" s="13">
        <v>3.2554174678447713E-2</v>
      </c>
      <c r="P381" s="7">
        <v>482.39581900000002</v>
      </c>
      <c r="Q381" s="7">
        <v>492.95397200000002</v>
      </c>
      <c r="R381" s="7">
        <v>487.51421499999998</v>
      </c>
      <c r="S381" s="7">
        <v>470.26669700000002</v>
      </c>
      <c r="T381" s="7">
        <v>482.54138599999999</v>
      </c>
      <c r="U381" s="7">
        <v>472.65668699999998</v>
      </c>
      <c r="V381" s="7">
        <v>458.16435300000001</v>
      </c>
      <c r="W381" s="7">
        <v>474.38640400000003</v>
      </c>
      <c r="X381" s="7">
        <v>482.52258799999998</v>
      </c>
      <c r="Y381" s="7">
        <v>508.621308</v>
      </c>
      <c r="Z381" s="7">
        <v>474.16886099999999</v>
      </c>
      <c r="AA381" s="7">
        <v>475.25558799999999</v>
      </c>
      <c r="AB381" s="7">
        <v>468.30940500000003</v>
      </c>
      <c r="AC381" s="7">
        <v>457.00354900000002</v>
      </c>
      <c r="AD381" s="7">
        <v>463.64725900000002</v>
      </c>
      <c r="AE381" s="7">
        <v>474.33660950000001</v>
      </c>
      <c r="AF381" s="7">
        <v>473.07951537899999</v>
      </c>
      <c r="AG381" s="9">
        <v>10506.977632099999</v>
      </c>
      <c r="AH381" s="13">
        <v>0.32711978540331177</v>
      </c>
      <c r="AI381" s="9">
        <v>6636.1295567000016</v>
      </c>
      <c r="AJ381" s="13">
        <v>0.206606443118734</v>
      </c>
      <c r="AK381" s="9">
        <v>3139.4207314999949</v>
      </c>
      <c r="AL381" s="13">
        <v>8.1005197782796245E-2</v>
      </c>
      <c r="AM381" s="9">
        <v>731.4273439000026</v>
      </c>
      <c r="AN381" s="13">
        <v>1.7458493871959552E-2</v>
      </c>
      <c r="AO381" s="9">
        <v>3870.8480753999975</v>
      </c>
      <c r="AP381" s="13">
        <v>9.9877920403843606E-2</v>
      </c>
      <c r="AQ381" s="9">
        <v>32119.664113700001</v>
      </c>
      <c r="AR381" s="9">
        <v>31720.9758138</v>
      </c>
      <c r="AS381" s="9">
        <v>33616.887743400002</v>
      </c>
      <c r="AT381" s="9">
        <v>36050.229041300001</v>
      </c>
      <c r="AU381" s="9">
        <v>36826.8490399</v>
      </c>
      <c r="AV381" s="9">
        <v>37980.722696600002</v>
      </c>
      <c r="AW381" s="9">
        <v>38755.793670400002</v>
      </c>
      <c r="AX381" s="9">
        <v>40260.083106700004</v>
      </c>
      <c r="AY381" s="9">
        <v>41910.244966899998</v>
      </c>
      <c r="AZ381" s="9">
        <v>41895.214401899997</v>
      </c>
      <c r="BA381" s="9">
        <v>42100.564379700001</v>
      </c>
      <c r="BB381" s="9">
        <v>42362.743026199998</v>
      </c>
      <c r="BC381" s="9">
        <v>41071.384401399999</v>
      </c>
      <c r="BD381" s="9">
        <v>41623.461227799999</v>
      </c>
      <c r="BE381" s="9">
        <v>42578.978482999999</v>
      </c>
      <c r="BF381" s="9">
        <v>42626.6417458</v>
      </c>
      <c r="BG381" s="11">
        <v>-1.75</v>
      </c>
      <c r="BH381" s="13">
        <v>-7.2916666666666671E-2</v>
      </c>
      <c r="BI381" s="6">
        <v>-1</v>
      </c>
      <c r="BJ381" s="13">
        <v>-4.1666666666666664E-2</v>
      </c>
      <c r="BK381" s="6">
        <v>1</v>
      </c>
      <c r="BL381" s="13">
        <v>4.3478260869565216E-2</v>
      </c>
      <c r="BM381" s="11">
        <v>-1.75</v>
      </c>
      <c r="BN381" s="13">
        <v>-7.2916666666666671E-2</v>
      </c>
      <c r="BO381" s="11">
        <v>-0.75</v>
      </c>
      <c r="BP381" s="13">
        <v>-3.2608695652173912E-2</v>
      </c>
      <c r="BQ381" s="6">
        <v>24</v>
      </c>
      <c r="BR381" s="6">
        <v>25</v>
      </c>
      <c r="BS381" s="6">
        <v>25</v>
      </c>
      <c r="BT381" s="6">
        <v>23</v>
      </c>
      <c r="BU381" s="6">
        <v>23</v>
      </c>
      <c r="BV381" s="6">
        <v>24</v>
      </c>
      <c r="BW381" s="6">
        <v>24</v>
      </c>
      <c r="BX381" s="6">
        <v>23</v>
      </c>
      <c r="BY381" s="6">
        <v>22</v>
      </c>
      <c r="BZ381" s="6">
        <v>22</v>
      </c>
      <c r="CA381" s="6">
        <v>22</v>
      </c>
      <c r="CB381" s="6">
        <v>22</v>
      </c>
      <c r="CC381" s="11">
        <v>22.25</v>
      </c>
      <c r="CD381" s="11">
        <v>-33.767699999999998</v>
      </c>
      <c r="CE381" s="11">
        <v>-28.2803</v>
      </c>
      <c r="CF381" s="11">
        <v>52.731699999999996</v>
      </c>
      <c r="CG381" s="11">
        <v>25</v>
      </c>
      <c r="CH381" s="20">
        <v>1.83592</v>
      </c>
      <c r="CI381" s="20">
        <v>1.7045300000000001</v>
      </c>
      <c r="CJ381" s="20">
        <v>1.6084799999999999</v>
      </c>
      <c r="CK381" s="20">
        <v>1.5148900000000001</v>
      </c>
      <c r="CL381" s="20">
        <v>1.56856</v>
      </c>
      <c r="CM381" s="20">
        <v>1.5662</v>
      </c>
      <c r="CN381" s="20">
        <v>1.5028900000000001</v>
      </c>
      <c r="CO381" s="20">
        <v>1.5624199999999999</v>
      </c>
      <c r="CP381" s="20">
        <v>1.5018899999999999</v>
      </c>
      <c r="CQ381" s="20">
        <v>1.5113300000000001</v>
      </c>
      <c r="CR381" s="20">
        <v>1.4771799999999999</v>
      </c>
      <c r="CS381" s="20">
        <v>1.5434699999999999</v>
      </c>
      <c r="CT381" s="20">
        <v>1.6505300000000001</v>
      </c>
      <c r="CU381" s="20">
        <v>1.6632</v>
      </c>
      <c r="CV381" s="20">
        <v>1.7068300000000001</v>
      </c>
      <c r="CW381" s="20">
        <v>1.7093</v>
      </c>
      <c r="CX381" s="20">
        <v>1.69041</v>
      </c>
      <c r="CY381" s="6" t="s">
        <v>447</v>
      </c>
      <c r="CZ381" s="6" t="s">
        <v>448</v>
      </c>
      <c r="DA381" s="6" t="s">
        <v>139</v>
      </c>
      <c r="DB381" s="6" t="s">
        <v>345</v>
      </c>
      <c r="DC381" s="6"/>
      <c r="DD381" s="6"/>
      <c r="DE381" s="6"/>
      <c r="DF381" s="6"/>
      <c r="DG381" s="6"/>
      <c r="DH381" s="6" t="s">
        <v>333</v>
      </c>
      <c r="DI381" s="6"/>
      <c r="DJ381" s="6"/>
      <c r="DK381" s="6"/>
      <c r="DL381" s="6">
        <v>10</v>
      </c>
      <c r="DM381" s="6" t="s">
        <v>383</v>
      </c>
      <c r="DN381" s="6">
        <v>9</v>
      </c>
      <c r="DO381" s="6" t="s">
        <v>384</v>
      </c>
      <c r="DP381" s="6"/>
      <c r="DQ381" s="6"/>
    </row>
    <row r="382" spans="1:121" x14ac:dyDescent="0.2">
      <c r="A382" s="6" t="s">
        <v>1</v>
      </c>
      <c r="B382" s="6" t="s">
        <v>1</v>
      </c>
      <c r="C382" s="6" t="s">
        <v>2</v>
      </c>
      <c r="D382" s="6" t="s">
        <v>55</v>
      </c>
      <c r="E382" s="6" t="s">
        <v>196</v>
      </c>
      <c r="F382" s="11">
        <v>732</v>
      </c>
      <c r="G382" s="13">
        <v>0.81696428571400004</v>
      </c>
      <c r="H382" s="11">
        <v>130.47356587199988</v>
      </c>
      <c r="I382" s="13">
        <v>0.14553773903108819</v>
      </c>
      <c r="J382" s="11">
        <v>-140.77858004999985</v>
      </c>
      <c r="K382" s="13">
        <v>-0.13708194913660154</v>
      </c>
      <c r="L382" s="11">
        <v>741.77010062999989</v>
      </c>
      <c r="M382" s="13">
        <v>0.83703469616520587</v>
      </c>
      <c r="N382" s="11">
        <v>600.99152058000004</v>
      </c>
      <c r="O382" s="13">
        <v>0.58521039938331498</v>
      </c>
      <c r="P382" s="7">
        <v>896.49301095800001</v>
      </c>
      <c r="Q382" s="7">
        <v>894.68561113700002</v>
      </c>
      <c r="R382" s="7">
        <v>970.10789170199996</v>
      </c>
      <c r="S382" s="7">
        <v>946.71221271700006</v>
      </c>
      <c r="T382" s="7">
        <v>1003.3900053900001</v>
      </c>
      <c r="U382" s="7">
        <v>1031.63248107</v>
      </c>
      <c r="V382" s="7">
        <v>1026.9665768299999</v>
      </c>
      <c r="W382" s="7">
        <v>910.49429286899999</v>
      </c>
      <c r="X382" s="7">
        <v>876.59148154000002</v>
      </c>
      <c r="Y382" s="7">
        <v>886.18799678000005</v>
      </c>
      <c r="Z382" s="7">
        <v>895.74576477400001</v>
      </c>
      <c r="AA382" s="7">
        <v>860.894348756</v>
      </c>
      <c r="AB382" s="7">
        <v>899.40315598400002</v>
      </c>
      <c r="AC382" s="7">
        <v>1294.86006335</v>
      </c>
      <c r="AD382" s="7">
        <v>1492.77672661</v>
      </c>
      <c r="AE382" s="7">
        <v>1545.9867124899999</v>
      </c>
      <c r="AF382" s="7">
        <v>1627.9580974099999</v>
      </c>
      <c r="AG382" s="9">
        <v>9881.7769174000023</v>
      </c>
      <c r="AH382" s="13">
        <v>0.47668652065202194</v>
      </c>
      <c r="AI382" s="9">
        <v>1500.0814724000011</v>
      </c>
      <c r="AJ382" s="13">
        <v>7.2362351806770045E-2</v>
      </c>
      <c r="AK382" s="9">
        <v>3078.044756700001</v>
      </c>
      <c r="AL382" s="13">
        <v>0.13846219052758699</v>
      </c>
      <c r="AM382" s="9">
        <v>5303.6506883000002</v>
      </c>
      <c r="AN382" s="13">
        <v>0.2095620163059973</v>
      </c>
      <c r="AO382" s="9">
        <v>8381.6954450000012</v>
      </c>
      <c r="AP382" s="13">
        <v>0.37704062266269062</v>
      </c>
      <c r="AQ382" s="9">
        <v>20730.137080199998</v>
      </c>
      <c r="AR382" s="9">
        <v>21009.9856377</v>
      </c>
      <c r="AS382" s="9">
        <v>20759.283771099999</v>
      </c>
      <c r="AT382" s="9">
        <v>20922.544864899999</v>
      </c>
      <c r="AU382" s="9">
        <v>21860.702848500001</v>
      </c>
      <c r="AV382" s="9">
        <v>23144.661769900002</v>
      </c>
      <c r="AW382" s="9">
        <v>22230.218552599999</v>
      </c>
      <c r="AX382" s="9">
        <v>24614.5571476</v>
      </c>
      <c r="AY382" s="9">
        <v>25236.730233099999</v>
      </c>
      <c r="AZ382" s="9">
        <v>25308.2633093</v>
      </c>
      <c r="BA382" s="9">
        <v>26031.652493199999</v>
      </c>
      <c r="BB382" s="9">
        <v>27702.524864200001</v>
      </c>
      <c r="BC382" s="9">
        <v>29476.9007676</v>
      </c>
      <c r="BD382" s="9">
        <v>29016.708084000002</v>
      </c>
      <c r="BE382" s="9">
        <v>30512.166441400001</v>
      </c>
      <c r="BF382" s="9">
        <v>30611.913997600001</v>
      </c>
      <c r="BG382" s="11">
        <v>3.25</v>
      </c>
      <c r="BH382" s="13">
        <v>0.13541666666666666</v>
      </c>
      <c r="BI382" s="6">
        <v>3</v>
      </c>
      <c r="BJ382" s="13">
        <v>0.125</v>
      </c>
      <c r="BK382" s="6">
        <v>-2</v>
      </c>
      <c r="BL382" s="13">
        <v>-7.407407407407407E-2</v>
      </c>
      <c r="BM382" s="11">
        <v>2.25</v>
      </c>
      <c r="BN382" s="13">
        <v>0.09</v>
      </c>
      <c r="BO382" s="11">
        <v>0.25</v>
      </c>
      <c r="BP382" s="13">
        <v>9.2592592592592587E-3</v>
      </c>
      <c r="BQ382" s="6">
        <v>24</v>
      </c>
      <c r="BR382" s="6">
        <v>24</v>
      </c>
      <c r="BS382" s="6">
        <v>24</v>
      </c>
      <c r="BT382" s="6">
        <v>27</v>
      </c>
      <c r="BU382" s="6">
        <v>26</v>
      </c>
      <c r="BV382" s="6">
        <v>24</v>
      </c>
      <c r="BW382" s="6">
        <v>25</v>
      </c>
      <c r="BX382" s="6">
        <v>27</v>
      </c>
      <c r="BY382" s="6">
        <v>27</v>
      </c>
      <c r="BZ382" s="6">
        <v>28</v>
      </c>
      <c r="CA382" s="6">
        <v>29</v>
      </c>
      <c r="CB382" s="6">
        <v>28</v>
      </c>
      <c r="CC382" s="11">
        <v>27.25</v>
      </c>
      <c r="CD382" s="11">
        <v>715.20399999999995</v>
      </c>
      <c r="CE382" s="11">
        <v>-81.736599999999996</v>
      </c>
      <c r="CF382" s="11">
        <v>97.997500000000002</v>
      </c>
      <c r="CG382" s="11">
        <v>16</v>
      </c>
      <c r="CH382" s="20">
        <v>2.7770600000000001</v>
      </c>
      <c r="CI382" s="20">
        <v>2.7362099999999998</v>
      </c>
      <c r="CJ382" s="20">
        <v>2.84714</v>
      </c>
      <c r="CK382" s="20">
        <v>2.6821799999999998</v>
      </c>
      <c r="CL382" s="20">
        <v>2.74098</v>
      </c>
      <c r="CM382" s="20">
        <v>2.8194400000000002</v>
      </c>
      <c r="CN382" s="20">
        <v>2.8538800000000002</v>
      </c>
      <c r="CO382" s="20">
        <v>2.6179999999999999</v>
      </c>
      <c r="CP382" s="20">
        <v>2.46082</v>
      </c>
      <c r="CQ382" s="20">
        <v>2.5410699999999999</v>
      </c>
      <c r="CR382" s="20">
        <v>2.5848599999999999</v>
      </c>
      <c r="CS382" s="20">
        <v>2.4547099999999999</v>
      </c>
      <c r="CT382" s="20">
        <v>2.5508199999999999</v>
      </c>
      <c r="CU382" s="20">
        <v>3.55626</v>
      </c>
      <c r="CV382" s="20">
        <v>3.9574199999999999</v>
      </c>
      <c r="CW382" s="20">
        <v>4.0994799999999998</v>
      </c>
      <c r="CX382" s="20">
        <v>4.2550600000000003</v>
      </c>
      <c r="CY382" s="6" t="s">
        <v>449</v>
      </c>
      <c r="CZ382" s="6" t="s">
        <v>450</v>
      </c>
      <c r="DA382" s="6" t="s">
        <v>55</v>
      </c>
      <c r="DB382" s="6"/>
      <c r="DC382" s="6">
        <v>28140</v>
      </c>
      <c r="DD382" s="6">
        <v>312</v>
      </c>
      <c r="DE382" s="6" t="s">
        <v>402</v>
      </c>
      <c r="DF382" s="6" t="s">
        <v>375</v>
      </c>
      <c r="DG382" s="6" t="s">
        <v>364</v>
      </c>
      <c r="DH382" s="6" t="s">
        <v>419</v>
      </c>
      <c r="DI382" s="6" t="s">
        <v>377</v>
      </c>
      <c r="DJ382" s="6">
        <v>29</v>
      </c>
      <c r="DK382" s="6">
        <v>37</v>
      </c>
      <c r="DL382" s="6">
        <v>1</v>
      </c>
      <c r="DM382" s="6" t="s">
        <v>404</v>
      </c>
      <c r="DN382" s="6">
        <v>1</v>
      </c>
      <c r="DO382" s="6" t="s">
        <v>405</v>
      </c>
      <c r="DP382" s="6"/>
      <c r="DQ382" s="6"/>
    </row>
    <row r="383" spans="1:121" x14ac:dyDescent="0.2">
      <c r="A383" s="6" t="s">
        <v>310</v>
      </c>
      <c r="B383" s="6" t="s">
        <v>310</v>
      </c>
      <c r="C383" s="6" t="s">
        <v>173</v>
      </c>
      <c r="D383" s="6" t="s">
        <v>55</v>
      </c>
      <c r="E383" s="6" t="s">
        <v>196</v>
      </c>
      <c r="F383" s="11">
        <v>-82</v>
      </c>
      <c r="G383" s="13">
        <v>-0.61654135338299998</v>
      </c>
      <c r="H383" s="11">
        <v>-1.9929444990000036</v>
      </c>
      <c r="I383" s="13">
        <v>-1.4931111820202616E-2</v>
      </c>
      <c r="J383" s="11">
        <v>-96.480958501000003</v>
      </c>
      <c r="K383" s="13">
        <v>-0.73379027245139461</v>
      </c>
      <c r="L383" s="11">
        <v>15.914187031099999</v>
      </c>
      <c r="M383" s="13">
        <v>0.45466432376919086</v>
      </c>
      <c r="N383" s="11">
        <v>-80.566771469900004</v>
      </c>
      <c r="O383" s="13">
        <v>-0.61275420669472735</v>
      </c>
      <c r="P383" s="7">
        <v>133.47596100000001</v>
      </c>
      <c r="Q383" s="7">
        <v>132.48204899999999</v>
      </c>
      <c r="R383" s="7">
        <v>126.363704</v>
      </c>
      <c r="S383" s="7">
        <v>132.25360499999999</v>
      </c>
      <c r="T383" s="7">
        <v>139.43098599999999</v>
      </c>
      <c r="U383" s="7">
        <v>146.223601</v>
      </c>
      <c r="V383" s="7">
        <v>131.48301650100001</v>
      </c>
      <c r="W383" s="7">
        <v>50.029058108599997</v>
      </c>
      <c r="X383" s="7">
        <v>39.559125080599998</v>
      </c>
      <c r="Y383" s="7">
        <v>35.002057999999998</v>
      </c>
      <c r="Z383" s="7">
        <v>41.777873999999997</v>
      </c>
      <c r="AA383" s="7">
        <v>45.872492999999999</v>
      </c>
      <c r="AB383" s="7">
        <v>47.528404000000002</v>
      </c>
      <c r="AC383" s="7">
        <v>50.030434</v>
      </c>
      <c r="AD383" s="7">
        <v>52.020693000000001</v>
      </c>
      <c r="AE383" s="7">
        <v>53.828992499999998</v>
      </c>
      <c r="AF383" s="7">
        <v>50.916245031099997</v>
      </c>
      <c r="AG383" s="9">
        <v>30884.153125500001</v>
      </c>
      <c r="AH383" s="13">
        <v>0.60736770534589701</v>
      </c>
      <c r="AI383" s="9">
        <v>944.50658370000019</v>
      </c>
      <c r="AJ383" s="13">
        <v>1.8574664945314869E-2</v>
      </c>
      <c r="AK383" s="9">
        <v>15329.868353600003</v>
      </c>
      <c r="AL383" s="13">
        <v>0.29597944715199004</v>
      </c>
      <c r="AM383" s="9">
        <v>14609.778188199998</v>
      </c>
      <c r="AN383" s="13">
        <v>0.2176549946033666</v>
      </c>
      <c r="AO383" s="9">
        <v>29939.646541800001</v>
      </c>
      <c r="AP383" s="13">
        <v>0.57805584672793053</v>
      </c>
      <c r="AQ383" s="9">
        <v>50849.185515899997</v>
      </c>
      <c r="AR383" s="9">
        <v>46823.786635700002</v>
      </c>
      <c r="AS383" s="9">
        <v>47650.194141599997</v>
      </c>
      <c r="AT383" s="9">
        <v>48889.742932599998</v>
      </c>
      <c r="AU383" s="9">
        <v>52353.265706099999</v>
      </c>
      <c r="AV383" s="9">
        <v>58776.154826700003</v>
      </c>
      <c r="AW383" s="9">
        <v>51793.692099599997</v>
      </c>
      <c r="AX383" s="9">
        <v>61459.025322599999</v>
      </c>
      <c r="AY383" s="9">
        <v>70150.417999900004</v>
      </c>
      <c r="AZ383" s="9">
        <v>67123.5604532</v>
      </c>
      <c r="BA383" s="9">
        <v>65649.326855299994</v>
      </c>
      <c r="BB383" s="9">
        <v>58188.6381244</v>
      </c>
      <c r="BC383" s="9">
        <v>65411.646660400002</v>
      </c>
      <c r="BD383" s="9">
        <v>78109.661931199997</v>
      </c>
      <c r="BE383" s="9">
        <v>83025.816296300007</v>
      </c>
      <c r="BF383" s="9">
        <v>81733.338641399998</v>
      </c>
      <c r="BG383" s="11">
        <v>0.25</v>
      </c>
      <c r="BH383" s="13">
        <v>0.05</v>
      </c>
      <c r="BI383" s="6">
        <v>1</v>
      </c>
      <c r="BJ383" s="13">
        <v>0.2</v>
      </c>
      <c r="BK383" s="6">
        <v>-2</v>
      </c>
      <c r="BL383" s="13">
        <v>-0.33333333333333331</v>
      </c>
      <c r="BM383" s="11">
        <v>1.25</v>
      </c>
      <c r="BN383" s="13">
        <v>0.3125</v>
      </c>
      <c r="BO383" s="11">
        <v>-0.75</v>
      </c>
      <c r="BP383" s="13">
        <v>-0.125</v>
      </c>
      <c r="BQ383" s="6">
        <v>5</v>
      </c>
      <c r="BR383" s="6">
        <v>5</v>
      </c>
      <c r="BS383" s="6">
        <v>6</v>
      </c>
      <c r="BT383" s="6">
        <v>6</v>
      </c>
      <c r="BU383" s="6">
        <v>5</v>
      </c>
      <c r="BV383" s="6">
        <v>5</v>
      </c>
      <c r="BW383" s="6">
        <v>4</v>
      </c>
      <c r="BX383" s="6">
        <v>4</v>
      </c>
      <c r="BY383" s="6">
        <v>5</v>
      </c>
      <c r="BZ383" s="6">
        <v>6</v>
      </c>
      <c r="CA383" s="6">
        <v>5</v>
      </c>
      <c r="CB383" s="6">
        <v>5</v>
      </c>
      <c r="CC383" s="11">
        <v>5.25</v>
      </c>
      <c r="CD383" s="11">
        <v>-110.998</v>
      </c>
      <c r="CE383" s="11">
        <v>13.847799999999999</v>
      </c>
      <c r="CF383" s="11">
        <v>14.5905</v>
      </c>
      <c r="CG383" s="11">
        <v>29</v>
      </c>
      <c r="CH383" s="20">
        <v>1.4573</v>
      </c>
      <c r="CI383" s="20">
        <v>1.4917100000000001</v>
      </c>
      <c r="CJ383" s="20">
        <v>1.3847499999999999</v>
      </c>
      <c r="CK383" s="20">
        <v>1.35375</v>
      </c>
      <c r="CL383" s="20">
        <v>1.2839</v>
      </c>
      <c r="CM383" s="20">
        <v>1.22282</v>
      </c>
      <c r="CN383" s="20">
        <v>1.0375000000000001</v>
      </c>
      <c r="CO383" s="20">
        <v>0.36853200000000003</v>
      </c>
      <c r="CP383" s="20">
        <v>0.31253300000000001</v>
      </c>
      <c r="CQ383" s="20">
        <v>0.27698400000000001</v>
      </c>
      <c r="CR383" s="20">
        <v>0.29951299999999997</v>
      </c>
      <c r="CS383" s="20">
        <v>0.30155300000000002</v>
      </c>
      <c r="CT383" s="20">
        <v>0.308421</v>
      </c>
      <c r="CU383" s="20">
        <v>0.30853199999999997</v>
      </c>
      <c r="CV383" s="20">
        <v>0.35001300000000002</v>
      </c>
      <c r="CW383" s="20">
        <v>0.42642200000000002</v>
      </c>
      <c r="CX383" s="20">
        <v>0.39368700000000001</v>
      </c>
      <c r="CY383" s="6" t="s">
        <v>449</v>
      </c>
      <c r="CZ383" s="6" t="s">
        <v>450</v>
      </c>
      <c r="DA383" s="6" t="s">
        <v>55</v>
      </c>
      <c r="DB383" s="6"/>
      <c r="DC383" s="6">
        <v>28140</v>
      </c>
      <c r="DD383" s="6">
        <v>312</v>
      </c>
      <c r="DE383" s="6" t="s">
        <v>402</v>
      </c>
      <c r="DF383" s="6" t="s">
        <v>375</v>
      </c>
      <c r="DG383" s="6" t="s">
        <v>364</v>
      </c>
      <c r="DH383" s="6" t="s">
        <v>419</v>
      </c>
      <c r="DI383" s="6" t="s">
        <v>377</v>
      </c>
      <c r="DJ383" s="6">
        <v>29</v>
      </c>
      <c r="DK383" s="6">
        <v>37</v>
      </c>
      <c r="DL383" s="6">
        <v>1</v>
      </c>
      <c r="DM383" s="6" t="s">
        <v>404</v>
      </c>
      <c r="DN383" s="6">
        <v>1</v>
      </c>
      <c r="DO383" s="6" t="s">
        <v>405</v>
      </c>
      <c r="DP383" s="6"/>
      <c r="DQ383" s="6"/>
    </row>
    <row r="384" spans="1:121" x14ac:dyDescent="0.2">
      <c r="A384" s="6" t="s">
        <v>311</v>
      </c>
      <c r="B384" s="6" t="s">
        <v>311</v>
      </c>
      <c r="C384" s="6" t="s">
        <v>174</v>
      </c>
      <c r="D384" s="6" t="s">
        <v>55</v>
      </c>
      <c r="E384" s="6" t="s">
        <v>196</v>
      </c>
      <c r="F384" s="11">
        <v>35</v>
      </c>
      <c r="G384" s="13">
        <v>0.7</v>
      </c>
      <c r="H384" s="11">
        <v>-11.087219000000005</v>
      </c>
      <c r="I384" s="13">
        <v>-0.22394433750950543</v>
      </c>
      <c r="J384" s="11">
        <v>10.348520000000001</v>
      </c>
      <c r="K384" s="13">
        <v>0.26934122493658974</v>
      </c>
      <c r="L384" s="11">
        <v>36.2417270121</v>
      </c>
      <c r="M384" s="13">
        <v>0.7431133907695977</v>
      </c>
      <c r="N384" s="11">
        <v>46.590247012100001</v>
      </c>
      <c r="O384" s="13">
        <v>1.2126056866428536</v>
      </c>
      <c r="P384" s="7">
        <v>49.508816000000003</v>
      </c>
      <c r="Q384" s="7">
        <v>57.338017999999998</v>
      </c>
      <c r="R384" s="7">
        <v>53.352603000000002</v>
      </c>
      <c r="S384" s="7">
        <v>53.957053999999999</v>
      </c>
      <c r="T384" s="7">
        <v>52.036254999999997</v>
      </c>
      <c r="U384" s="7">
        <v>49.608361000000002</v>
      </c>
      <c r="V384" s="7">
        <v>38.421596999999998</v>
      </c>
      <c r="W384" s="7">
        <v>50.868585000000003</v>
      </c>
      <c r="X384" s="7">
        <v>46.708449000000002</v>
      </c>
      <c r="Y384" s="7">
        <v>48.770116999999999</v>
      </c>
      <c r="Z384" s="7">
        <v>50.574939092599998</v>
      </c>
      <c r="AA384" s="7">
        <v>46.672657141400002</v>
      </c>
      <c r="AB384" s="7">
        <v>43.206611195299999</v>
      </c>
      <c r="AC384" s="7">
        <v>42.225130351700003</v>
      </c>
      <c r="AD384" s="7">
        <v>74.907187328199996</v>
      </c>
      <c r="AE384" s="7">
        <v>80.671902498500003</v>
      </c>
      <c r="AF384" s="7">
        <v>85.011844012099999</v>
      </c>
      <c r="AG384" s="9">
        <v>26966.751398000008</v>
      </c>
      <c r="AH384" s="13">
        <v>0.27621972522262422</v>
      </c>
      <c r="AI384" s="9">
        <v>-16734.211082399997</v>
      </c>
      <c r="AJ384" s="13">
        <v>-0.1714080839318575</v>
      </c>
      <c r="AK384" s="9">
        <v>39617.693699399999</v>
      </c>
      <c r="AL384" s="13">
        <v>0.48975012496464709</v>
      </c>
      <c r="AM384" s="9">
        <v>4083.2687810000061</v>
      </c>
      <c r="AN384" s="13">
        <v>3.3882847668439207E-2</v>
      </c>
      <c r="AO384" s="9">
        <v>43700.962480400005</v>
      </c>
      <c r="AP384" s="13">
        <v>0.54022710151286257</v>
      </c>
      <c r="AQ384" s="9">
        <v>97627.898862999995</v>
      </c>
      <c r="AR384" s="9">
        <v>99768.157772199993</v>
      </c>
      <c r="AS384" s="9">
        <v>79899.216097600001</v>
      </c>
      <c r="AT384" s="9">
        <v>75291.664761799999</v>
      </c>
      <c r="AU384" s="9">
        <v>83708.187251800002</v>
      </c>
      <c r="AV384" s="9">
        <v>82071.080288099998</v>
      </c>
      <c r="AW384" s="9">
        <v>80893.687780599997</v>
      </c>
      <c r="AX384" s="9">
        <v>109157.92969800001</v>
      </c>
      <c r="AY384" s="9">
        <v>97792.020337199996</v>
      </c>
      <c r="AZ384" s="9">
        <v>120511.38148</v>
      </c>
      <c r="BA384" s="9">
        <v>185054.77946200001</v>
      </c>
      <c r="BB384" s="9">
        <v>129874.455651</v>
      </c>
      <c r="BC384" s="9">
        <v>150428.48557399999</v>
      </c>
      <c r="BD384" s="9">
        <v>95555.142948799999</v>
      </c>
      <c r="BE384" s="9">
        <v>124503.788695</v>
      </c>
      <c r="BF384" s="9">
        <v>124594.650261</v>
      </c>
      <c r="BG384" s="11">
        <v>1</v>
      </c>
      <c r="BH384" s="13">
        <v>0.33333333333333331</v>
      </c>
      <c r="BI384" s="6">
        <v>0</v>
      </c>
      <c r="BJ384" s="13">
        <v>0</v>
      </c>
      <c r="BK384" s="6">
        <v>0</v>
      </c>
      <c r="BL384" s="13">
        <v>0</v>
      </c>
      <c r="BM384" s="11">
        <v>1</v>
      </c>
      <c r="BN384" s="13">
        <v>0.33333333333333331</v>
      </c>
      <c r="BO384" s="11">
        <v>1</v>
      </c>
      <c r="BP384" s="13">
        <v>0.33333333333333331</v>
      </c>
      <c r="BQ384" s="6">
        <v>3</v>
      </c>
      <c r="BR384" s="6">
        <v>3</v>
      </c>
      <c r="BS384" s="6">
        <v>3</v>
      </c>
      <c r="BT384" s="6">
        <v>3</v>
      </c>
      <c r="BU384" s="6">
        <v>3</v>
      </c>
      <c r="BV384" s="6">
        <v>3</v>
      </c>
      <c r="BW384" s="6">
        <v>3</v>
      </c>
      <c r="BX384" s="6">
        <v>3</v>
      </c>
      <c r="BY384" s="6">
        <v>4</v>
      </c>
      <c r="BZ384" s="6">
        <v>4</v>
      </c>
      <c r="CA384" s="6">
        <v>4</v>
      </c>
      <c r="CB384" s="6">
        <v>4</v>
      </c>
      <c r="CC384" s="11">
        <v>4</v>
      </c>
      <c r="CD384" s="11">
        <v>38.153300000000002</v>
      </c>
      <c r="CE384" s="11">
        <v>-8.0622000000000007</v>
      </c>
      <c r="CF384" s="11">
        <v>5.4119099999999998</v>
      </c>
      <c r="CG384" s="11">
        <v>-3</v>
      </c>
      <c r="CH384" s="20">
        <v>0.49335299999999999</v>
      </c>
      <c r="CI384" s="20">
        <v>0.56598400000000004</v>
      </c>
      <c r="CJ384" s="20">
        <v>0.52185999999999999</v>
      </c>
      <c r="CK384" s="20">
        <v>0.52334199999999997</v>
      </c>
      <c r="CL384" s="20">
        <v>0.50156900000000004</v>
      </c>
      <c r="CM384" s="20">
        <v>0.48089599999999999</v>
      </c>
      <c r="CN384" s="20">
        <v>0.37360900000000002</v>
      </c>
      <c r="CO384" s="20">
        <v>0.490149</v>
      </c>
      <c r="CP384" s="20">
        <v>0.433367</v>
      </c>
      <c r="CQ384" s="20">
        <v>0.46704600000000002</v>
      </c>
      <c r="CR384" s="20">
        <v>0.49160199999999998</v>
      </c>
      <c r="CS384" s="20">
        <v>0.45416000000000001</v>
      </c>
      <c r="CT384" s="20">
        <v>0.42336699999999999</v>
      </c>
      <c r="CU384" s="20">
        <v>0.40366600000000002</v>
      </c>
      <c r="CV384" s="20">
        <v>0.69224399999999997</v>
      </c>
      <c r="CW384" s="20">
        <v>0.74474899999999999</v>
      </c>
      <c r="CX384" s="20">
        <v>0.76891699999999996</v>
      </c>
      <c r="CY384" s="6" t="s">
        <v>449</v>
      </c>
      <c r="CZ384" s="6" t="s">
        <v>450</v>
      </c>
      <c r="DA384" s="6" t="s">
        <v>55</v>
      </c>
      <c r="DB384" s="6"/>
      <c r="DC384" s="6">
        <v>28140</v>
      </c>
      <c r="DD384" s="6">
        <v>312</v>
      </c>
      <c r="DE384" s="6" t="s">
        <v>402</v>
      </c>
      <c r="DF384" s="6" t="s">
        <v>375</v>
      </c>
      <c r="DG384" s="6" t="s">
        <v>364</v>
      </c>
      <c r="DH384" s="6" t="s">
        <v>419</v>
      </c>
      <c r="DI384" s="6" t="s">
        <v>377</v>
      </c>
      <c r="DJ384" s="6">
        <v>29</v>
      </c>
      <c r="DK384" s="6">
        <v>37</v>
      </c>
      <c r="DL384" s="6">
        <v>1</v>
      </c>
      <c r="DM384" s="6" t="s">
        <v>404</v>
      </c>
      <c r="DN384" s="6">
        <v>1</v>
      </c>
      <c r="DO384" s="6" t="s">
        <v>405</v>
      </c>
      <c r="DP384" s="6"/>
      <c r="DQ384" s="6"/>
    </row>
    <row r="385" spans="1:121" x14ac:dyDescent="0.2">
      <c r="A385" s="6" t="s">
        <v>312</v>
      </c>
      <c r="B385" s="6" t="s">
        <v>312</v>
      </c>
      <c r="C385" s="6" t="s">
        <v>175</v>
      </c>
      <c r="D385" s="6" t="s">
        <v>55</v>
      </c>
      <c r="E385" s="6" t="s">
        <v>196</v>
      </c>
      <c r="F385" s="11">
        <v>-650</v>
      </c>
      <c r="G385" s="13">
        <v>-0.20261845386499999</v>
      </c>
      <c r="H385" s="11">
        <v>271.83255306000001</v>
      </c>
      <c r="I385" s="13">
        <v>8.4741740952032449E-2</v>
      </c>
      <c r="J385" s="11">
        <v>-975.14742763000004</v>
      </c>
      <c r="K385" s="13">
        <v>-0.28024627275403619</v>
      </c>
      <c r="L385" s="11">
        <v>53.677807470000062</v>
      </c>
      <c r="M385" s="13">
        <v>2.1432874033344984E-2</v>
      </c>
      <c r="N385" s="11">
        <v>-921.46962015999998</v>
      </c>
      <c r="O385" s="13">
        <v>-0.26481988178294291</v>
      </c>
      <c r="P385" s="7">
        <v>3207.7763568</v>
      </c>
      <c r="Q385" s="7">
        <v>3221.7599808300001</v>
      </c>
      <c r="R385" s="7">
        <v>3378.03312486</v>
      </c>
      <c r="S385" s="7">
        <v>3463.9368920000002</v>
      </c>
      <c r="T385" s="7">
        <v>3790.5808244599998</v>
      </c>
      <c r="U385" s="7">
        <v>3802.9497068999999</v>
      </c>
      <c r="V385" s="7">
        <v>3479.60890986</v>
      </c>
      <c r="W385" s="7">
        <v>3235.2669925199998</v>
      </c>
      <c r="X385" s="7">
        <v>2848.3247106899998</v>
      </c>
      <c r="Y385" s="7">
        <v>2504.46148223</v>
      </c>
      <c r="Z385" s="7">
        <v>2380.9847776800002</v>
      </c>
      <c r="AA385" s="7">
        <v>2333.0552861900001</v>
      </c>
      <c r="AB385" s="7">
        <v>2330.5649649100001</v>
      </c>
      <c r="AC385" s="7">
        <v>2350.0454393599998</v>
      </c>
      <c r="AD385" s="7">
        <v>2505.4899476800001</v>
      </c>
      <c r="AE385" s="7">
        <v>2585.0130860700001</v>
      </c>
      <c r="AF385" s="7">
        <v>2558.1392897000001</v>
      </c>
      <c r="AG385" s="9">
        <v>14495.701212200001</v>
      </c>
      <c r="AH385" s="13">
        <v>0.41139232661648201</v>
      </c>
      <c r="AI385" s="9">
        <v>4331.4098375000031</v>
      </c>
      <c r="AJ385" s="13">
        <v>0.12292670388921501</v>
      </c>
      <c r="AK385" s="9">
        <v>2688.1486191000004</v>
      </c>
      <c r="AL385" s="13">
        <v>6.7938949014777539E-2</v>
      </c>
      <c r="AM385" s="9">
        <v>7476.1427555999981</v>
      </c>
      <c r="AN385" s="13">
        <v>0.17692805691809282</v>
      </c>
      <c r="AO385" s="9">
        <v>10164.291374699998</v>
      </c>
      <c r="AP385" s="13">
        <v>0.25688731217111233</v>
      </c>
      <c r="AQ385" s="9">
        <v>35235.711203999999</v>
      </c>
      <c r="AR385" s="9">
        <v>36724.862659899998</v>
      </c>
      <c r="AS385" s="9">
        <v>36901.225074399998</v>
      </c>
      <c r="AT385" s="9">
        <v>36180.926035299999</v>
      </c>
      <c r="AU385" s="9">
        <v>38986.859167800001</v>
      </c>
      <c r="AV385" s="9">
        <v>40680.610237599998</v>
      </c>
      <c r="AW385" s="9">
        <v>39567.121041500002</v>
      </c>
      <c r="AX385" s="9">
        <v>41226.373168500002</v>
      </c>
      <c r="AY385" s="9">
        <v>41117.675964900001</v>
      </c>
      <c r="AZ385" s="9">
        <v>42255.269660600003</v>
      </c>
      <c r="BA385" s="9">
        <v>40995.850823799999</v>
      </c>
      <c r="BB385" s="9">
        <v>43372.616767799998</v>
      </c>
      <c r="BC385" s="9">
        <v>44263.091026499998</v>
      </c>
      <c r="BD385" s="9">
        <v>45804.961470599999</v>
      </c>
      <c r="BE385" s="9">
        <v>47643.366971199997</v>
      </c>
      <c r="BF385" s="9">
        <v>49731.412416200001</v>
      </c>
      <c r="BG385" s="11">
        <v>-144</v>
      </c>
      <c r="BH385" s="13">
        <v>-0.32801822323462415</v>
      </c>
      <c r="BI385" s="6">
        <v>6</v>
      </c>
      <c r="BJ385" s="13">
        <v>1.366742596810934E-2</v>
      </c>
      <c r="BK385" s="6">
        <v>-107</v>
      </c>
      <c r="BL385" s="13">
        <v>-0.24044943820224718</v>
      </c>
      <c r="BM385" s="11">
        <v>-43</v>
      </c>
      <c r="BN385" s="13">
        <v>-0.12721893491124261</v>
      </c>
      <c r="BO385" s="11">
        <v>-150</v>
      </c>
      <c r="BP385" s="13">
        <v>-0.33707865168539325</v>
      </c>
      <c r="BQ385" s="6">
        <v>439</v>
      </c>
      <c r="BR385" s="6">
        <v>458</v>
      </c>
      <c r="BS385" s="6">
        <v>452</v>
      </c>
      <c r="BT385" s="6">
        <v>445</v>
      </c>
      <c r="BU385" s="6">
        <v>416</v>
      </c>
      <c r="BV385" s="6">
        <v>363</v>
      </c>
      <c r="BW385" s="6">
        <v>338</v>
      </c>
      <c r="BX385" s="6">
        <v>319</v>
      </c>
      <c r="BY385" s="6">
        <v>305</v>
      </c>
      <c r="BZ385" s="6">
        <v>294</v>
      </c>
      <c r="CA385" s="6">
        <v>288</v>
      </c>
      <c r="CB385" s="6">
        <v>291</v>
      </c>
      <c r="CC385" s="11">
        <v>295</v>
      </c>
      <c r="CD385" s="11">
        <v>-611.74199999999996</v>
      </c>
      <c r="CE385" s="11">
        <v>-388.54300000000001</v>
      </c>
      <c r="CF385" s="11">
        <v>350.649</v>
      </c>
      <c r="CG385" s="11">
        <v>-38</v>
      </c>
      <c r="CH385" s="20">
        <v>2.20384</v>
      </c>
      <c r="CI385" s="20">
        <v>2.1774300000000002</v>
      </c>
      <c r="CJ385" s="20">
        <v>2.1619100000000002</v>
      </c>
      <c r="CK385" s="20">
        <v>2.0611100000000002</v>
      </c>
      <c r="CL385" s="20">
        <v>2.08969</v>
      </c>
      <c r="CM385" s="20">
        <v>2.0080499999999999</v>
      </c>
      <c r="CN385" s="20">
        <v>1.8678399999999999</v>
      </c>
      <c r="CO385" s="20">
        <v>1.8468899999999999</v>
      </c>
      <c r="CP385" s="20">
        <v>1.80599</v>
      </c>
      <c r="CQ385" s="20">
        <v>1.7535000000000001</v>
      </c>
      <c r="CR385" s="20">
        <v>1.7098899999999999</v>
      </c>
      <c r="CS385" s="20">
        <v>1.6614800000000001</v>
      </c>
      <c r="CT385" s="20">
        <v>1.6308199999999999</v>
      </c>
      <c r="CU385" s="20">
        <v>1.55568</v>
      </c>
      <c r="CV385" s="20">
        <v>1.5589200000000001</v>
      </c>
      <c r="CW385" s="20">
        <v>1.5736000000000001</v>
      </c>
      <c r="CX385" s="20">
        <v>1.52789</v>
      </c>
      <c r="CY385" s="6" t="s">
        <v>449</v>
      </c>
      <c r="CZ385" s="6" t="s">
        <v>450</v>
      </c>
      <c r="DA385" s="6" t="s">
        <v>55</v>
      </c>
      <c r="DB385" s="6"/>
      <c r="DC385" s="6">
        <v>28140</v>
      </c>
      <c r="DD385" s="6">
        <v>312</v>
      </c>
      <c r="DE385" s="6" t="s">
        <v>402</v>
      </c>
      <c r="DF385" s="6" t="s">
        <v>375</v>
      </c>
      <c r="DG385" s="6" t="s">
        <v>364</v>
      </c>
      <c r="DH385" s="6" t="s">
        <v>419</v>
      </c>
      <c r="DI385" s="6" t="s">
        <v>377</v>
      </c>
      <c r="DJ385" s="6">
        <v>29</v>
      </c>
      <c r="DK385" s="6">
        <v>37</v>
      </c>
      <c r="DL385" s="6">
        <v>1</v>
      </c>
      <c r="DM385" s="6" t="s">
        <v>404</v>
      </c>
      <c r="DN385" s="6">
        <v>1</v>
      </c>
      <c r="DO385" s="6" t="s">
        <v>405</v>
      </c>
      <c r="DP385" s="6"/>
      <c r="DQ385" s="6"/>
    </row>
    <row r="386" spans="1:121" x14ac:dyDescent="0.2">
      <c r="A386" s="6" t="s">
        <v>792</v>
      </c>
      <c r="B386" s="6" t="s">
        <v>176</v>
      </c>
      <c r="C386" s="6" t="s">
        <v>177</v>
      </c>
      <c r="D386" s="6" t="s">
        <v>55</v>
      </c>
      <c r="E386" s="6" t="s">
        <v>196</v>
      </c>
      <c r="F386" s="11">
        <v>494</v>
      </c>
      <c r="G386" s="13">
        <v>0.34887005649699998</v>
      </c>
      <c r="H386" s="11">
        <v>-81.982255039999927</v>
      </c>
      <c r="I386" s="13">
        <v>-5.7881056552707165E-2</v>
      </c>
      <c r="J386" s="11">
        <v>-392.13361264699995</v>
      </c>
      <c r="K386" s="13">
        <v>-0.29386301096348044</v>
      </c>
      <c r="L386" s="11">
        <v>967.32852299700005</v>
      </c>
      <c r="M386" s="13">
        <v>1.0265872969800884</v>
      </c>
      <c r="N386" s="11">
        <v>575.1949103500001</v>
      </c>
      <c r="O386" s="13">
        <v>0.4310482519091785</v>
      </c>
      <c r="P386" s="7">
        <v>1416.3918200999999</v>
      </c>
      <c r="Q386" s="7">
        <v>1384.4344876299999</v>
      </c>
      <c r="R386" s="7">
        <v>1331.1955860400001</v>
      </c>
      <c r="S386" s="7">
        <v>1427.08275503</v>
      </c>
      <c r="T386" s="7">
        <v>1377.6351036900001</v>
      </c>
      <c r="U386" s="7">
        <v>1355.60554065</v>
      </c>
      <c r="V386" s="7">
        <v>1334.40956506</v>
      </c>
      <c r="W386" s="7">
        <v>1177.54918443</v>
      </c>
      <c r="X386" s="7">
        <v>1018.1134833</v>
      </c>
      <c r="Y386" s="7">
        <v>942.27595241300003</v>
      </c>
      <c r="Z386" s="7">
        <v>918.30928898900004</v>
      </c>
      <c r="AA386" s="7">
        <v>1120.2218006099999</v>
      </c>
      <c r="AB386" s="7">
        <v>1358.06175439</v>
      </c>
      <c r="AC386" s="7">
        <v>1374.75534711</v>
      </c>
      <c r="AD386" s="7">
        <v>1672.80560558</v>
      </c>
      <c r="AE386" s="7">
        <v>1782.5179467</v>
      </c>
      <c r="AF386" s="7">
        <v>1909.6044754100001</v>
      </c>
      <c r="AG386" s="9">
        <v>19186.207074999998</v>
      </c>
      <c r="AH386" s="13">
        <v>0.54955064825560596</v>
      </c>
      <c r="AI386" s="9">
        <v>5564.6722262000039</v>
      </c>
      <c r="AJ386" s="13">
        <v>0.15938894109106647</v>
      </c>
      <c r="AK386" s="9">
        <v>2938.0087185000011</v>
      </c>
      <c r="AL386" s="13">
        <v>7.2584271735766592E-2</v>
      </c>
      <c r="AM386" s="9">
        <v>10683.526130299993</v>
      </c>
      <c r="AN386" s="13">
        <v>0.24607791357485656</v>
      </c>
      <c r="AO386" s="9">
        <v>13621.534848799995</v>
      </c>
      <c r="AP386" s="13">
        <v>0.33652357145771106</v>
      </c>
      <c r="AQ386" s="9">
        <v>34912.536516699998</v>
      </c>
      <c r="AR386" s="9">
        <v>35356.4937211</v>
      </c>
      <c r="AS386" s="9">
        <v>37127.715060399998</v>
      </c>
      <c r="AT386" s="9">
        <v>38794.106237</v>
      </c>
      <c r="AU386" s="9">
        <v>39689.542056999999</v>
      </c>
      <c r="AV386" s="9">
        <v>42449.368414700002</v>
      </c>
      <c r="AW386" s="9">
        <v>40477.208742900002</v>
      </c>
      <c r="AX386" s="9">
        <v>42646.191606799999</v>
      </c>
      <c r="AY386" s="9">
        <v>41930.613213600001</v>
      </c>
      <c r="AZ386" s="9">
        <v>43415.217461400003</v>
      </c>
      <c r="BA386" s="9">
        <v>44096.566191799997</v>
      </c>
      <c r="BB386" s="9">
        <v>44463.150991299997</v>
      </c>
      <c r="BC386" s="9">
        <v>51748.345223700002</v>
      </c>
      <c r="BD386" s="9">
        <v>50168.484205699999</v>
      </c>
      <c r="BE386" s="9">
        <v>53255.382683199998</v>
      </c>
      <c r="BF386" s="9">
        <v>54098.743591699997</v>
      </c>
      <c r="BG386" s="11">
        <v>-29.25</v>
      </c>
      <c r="BH386" s="13">
        <v>-0.32142857142857145</v>
      </c>
      <c r="BI386" s="6">
        <v>-4</v>
      </c>
      <c r="BJ386" s="13">
        <v>-4.3956043956043959E-2</v>
      </c>
      <c r="BK386" s="6">
        <v>-17</v>
      </c>
      <c r="BL386" s="13">
        <v>-0.19540229885057472</v>
      </c>
      <c r="BM386" s="11">
        <v>-8.25</v>
      </c>
      <c r="BN386" s="13">
        <v>-0.11785714285714285</v>
      </c>
      <c r="BO386" s="11">
        <v>-25.25</v>
      </c>
      <c r="BP386" s="13">
        <v>-0.29022988505747127</v>
      </c>
      <c r="BQ386" s="6">
        <v>91</v>
      </c>
      <c r="BR386" s="6">
        <v>91</v>
      </c>
      <c r="BS386" s="6">
        <v>87</v>
      </c>
      <c r="BT386" s="6">
        <v>87</v>
      </c>
      <c r="BU386" s="6">
        <v>80</v>
      </c>
      <c r="BV386" s="6">
        <v>73</v>
      </c>
      <c r="BW386" s="6">
        <v>70</v>
      </c>
      <c r="BX386" s="6">
        <v>62</v>
      </c>
      <c r="BY386" s="6">
        <v>66</v>
      </c>
      <c r="BZ386" s="6">
        <v>64</v>
      </c>
      <c r="CA386" s="6">
        <v>62</v>
      </c>
      <c r="CB386" s="6">
        <v>63</v>
      </c>
      <c r="CC386" s="11">
        <v>61.75</v>
      </c>
      <c r="CD386" s="11">
        <v>838.33900000000006</v>
      </c>
      <c r="CE386" s="11">
        <v>-499.95499999999998</v>
      </c>
      <c r="CF386" s="11">
        <v>154.82900000000001</v>
      </c>
      <c r="CG386" s="11">
        <v>-345</v>
      </c>
      <c r="CH386" s="20">
        <v>0.50829400000000002</v>
      </c>
      <c r="CI386" s="20">
        <v>0.52229000000000003</v>
      </c>
      <c r="CJ386" s="20">
        <v>0.508351</v>
      </c>
      <c r="CK386" s="20">
        <v>0.53665399999999996</v>
      </c>
      <c r="CL386" s="20">
        <v>0.50542900000000002</v>
      </c>
      <c r="CM386" s="20">
        <v>0.49930200000000002</v>
      </c>
      <c r="CN386" s="20">
        <v>0.50586200000000003</v>
      </c>
      <c r="CO386" s="20">
        <v>0.46446999999999999</v>
      </c>
      <c r="CP386" s="20">
        <v>0.43945200000000001</v>
      </c>
      <c r="CQ386" s="20">
        <v>0.42486400000000002</v>
      </c>
      <c r="CR386" s="20">
        <v>0.41205000000000003</v>
      </c>
      <c r="CS386" s="20">
        <v>0.49487500000000001</v>
      </c>
      <c r="CT386" s="20">
        <v>0.59878699999999996</v>
      </c>
      <c r="CU386" s="20">
        <v>0.58748</v>
      </c>
      <c r="CV386" s="20">
        <v>0.69071800000000005</v>
      </c>
      <c r="CW386" s="20">
        <v>0.73580299999999998</v>
      </c>
      <c r="CX386" s="20">
        <v>0.77838099999999999</v>
      </c>
      <c r="CY386" s="6" t="s">
        <v>449</v>
      </c>
      <c r="CZ386" s="6" t="s">
        <v>450</v>
      </c>
      <c r="DA386" s="6" t="s">
        <v>55</v>
      </c>
      <c r="DB386" s="6"/>
      <c r="DC386" s="6">
        <v>28140</v>
      </c>
      <c r="DD386" s="6">
        <v>312</v>
      </c>
      <c r="DE386" s="6" t="s">
        <v>402</v>
      </c>
      <c r="DF386" s="6" t="s">
        <v>375</v>
      </c>
      <c r="DG386" s="6" t="s">
        <v>364</v>
      </c>
      <c r="DH386" s="6" t="s">
        <v>419</v>
      </c>
      <c r="DI386" s="6" t="s">
        <v>377</v>
      </c>
      <c r="DJ386" s="6">
        <v>29</v>
      </c>
      <c r="DK386" s="6">
        <v>37</v>
      </c>
      <c r="DL386" s="6">
        <v>1</v>
      </c>
      <c r="DM386" s="6" t="s">
        <v>404</v>
      </c>
      <c r="DN386" s="6">
        <v>1</v>
      </c>
      <c r="DO386" s="6" t="s">
        <v>405</v>
      </c>
      <c r="DP386" s="6"/>
      <c r="DQ386" s="6"/>
    </row>
    <row r="387" spans="1:121" x14ac:dyDescent="0.2">
      <c r="A387" s="6" t="s">
        <v>313</v>
      </c>
      <c r="B387" s="6" t="s">
        <v>313</v>
      </c>
      <c r="C387" s="6" t="s">
        <v>178</v>
      </c>
      <c r="D387" s="6" t="s">
        <v>55</v>
      </c>
      <c r="E387" s="6" t="s">
        <v>196</v>
      </c>
      <c r="F387" s="11">
        <v>202</v>
      </c>
      <c r="G387" s="13">
        <v>0.38330170778</v>
      </c>
      <c r="H387" s="11">
        <v>305.629061944</v>
      </c>
      <c r="I387" s="13">
        <v>0.58024180841165451</v>
      </c>
      <c r="J387" s="11">
        <v>155.09831784800008</v>
      </c>
      <c r="K387" s="13">
        <v>0.18633648954291104</v>
      </c>
      <c r="L387" s="11">
        <v>-258.07518365800001</v>
      </c>
      <c r="M387" s="13">
        <v>-0.26135401615360032</v>
      </c>
      <c r="N387" s="11">
        <v>-102.97686580999994</v>
      </c>
      <c r="O387" s="13">
        <v>-0.12371731650869244</v>
      </c>
      <c r="P387" s="7">
        <v>526.72706018999997</v>
      </c>
      <c r="Q387" s="7">
        <v>550.64870028099995</v>
      </c>
      <c r="R387" s="7">
        <v>671.30136446699998</v>
      </c>
      <c r="S387" s="7">
        <v>688.36171725700001</v>
      </c>
      <c r="T387" s="7">
        <v>822.76323258399998</v>
      </c>
      <c r="U387" s="7">
        <v>826.32486788799997</v>
      </c>
      <c r="V387" s="7">
        <v>832.35612213399997</v>
      </c>
      <c r="W387" s="7">
        <v>837.86664521399996</v>
      </c>
      <c r="X387" s="7">
        <v>948.82733583300001</v>
      </c>
      <c r="Y387" s="7">
        <v>987.45443998200005</v>
      </c>
      <c r="Z387" s="7">
        <v>1025.91766276</v>
      </c>
      <c r="AA387" s="7">
        <v>1101.6207057199999</v>
      </c>
      <c r="AB387" s="7">
        <v>863.21385913300003</v>
      </c>
      <c r="AC387" s="7">
        <v>785.42304732699995</v>
      </c>
      <c r="AD387" s="7">
        <v>766.48848538799996</v>
      </c>
      <c r="AE387" s="7">
        <v>725.75498070200001</v>
      </c>
      <c r="AF387" s="7">
        <v>729.37925632400004</v>
      </c>
      <c r="AG387" s="9">
        <v>22959.030465700002</v>
      </c>
      <c r="AH387" s="13">
        <v>0.58073289052465382</v>
      </c>
      <c r="AI387" s="9">
        <v>7942.4373152999979</v>
      </c>
      <c r="AJ387" s="13">
        <v>0.20089849119786904</v>
      </c>
      <c r="AK387" s="9">
        <v>1057.4527705</v>
      </c>
      <c r="AL387" s="13">
        <v>2.2272940628637786E-2</v>
      </c>
      <c r="AM387" s="9">
        <v>13959.140379900004</v>
      </c>
      <c r="AN387" s="13">
        <v>0.28761291881341694</v>
      </c>
      <c r="AO387" s="9">
        <v>15016.593150400004</v>
      </c>
      <c r="AP387" s="13">
        <v>0.31629184490681522</v>
      </c>
      <c r="AQ387" s="9">
        <v>39534.579219300002</v>
      </c>
      <c r="AR387" s="9">
        <v>38739.4410384</v>
      </c>
      <c r="AS387" s="9">
        <v>38796.9435065</v>
      </c>
      <c r="AT387" s="9">
        <v>39855.116050199998</v>
      </c>
      <c r="AU387" s="9">
        <v>41741.472112800002</v>
      </c>
      <c r="AV387" s="9">
        <v>42755.2465754</v>
      </c>
      <c r="AW387" s="9">
        <v>47477.016534599999</v>
      </c>
      <c r="AX387" s="9">
        <v>50363.041161699999</v>
      </c>
      <c r="AY387" s="9">
        <v>50863.669213599998</v>
      </c>
      <c r="AZ387" s="9">
        <v>48534.469305099999</v>
      </c>
      <c r="BA387" s="9">
        <v>47808.182556500004</v>
      </c>
      <c r="BB387" s="9">
        <v>52358.380947400001</v>
      </c>
      <c r="BC387" s="9">
        <v>53000.866220199998</v>
      </c>
      <c r="BD387" s="9">
        <v>60831.201736800002</v>
      </c>
      <c r="BE387" s="9">
        <v>59968.362275599997</v>
      </c>
      <c r="BF387" s="9">
        <v>62493.609685000003</v>
      </c>
      <c r="BG387" s="11">
        <v>6.5</v>
      </c>
      <c r="BH387" s="13">
        <v>7.5581395348837205E-2</v>
      </c>
      <c r="BI387" s="6">
        <v>-4</v>
      </c>
      <c r="BJ387" s="13">
        <v>-4.6511627906976744E-2</v>
      </c>
      <c r="BK387" s="6">
        <v>9</v>
      </c>
      <c r="BL387" s="13">
        <v>0.10975609756097561</v>
      </c>
      <c r="BM387" s="11">
        <v>1.5</v>
      </c>
      <c r="BN387" s="13">
        <v>1.6483516483516484E-2</v>
      </c>
      <c r="BO387" s="11">
        <v>10.5</v>
      </c>
      <c r="BP387" s="13">
        <v>0.12804878048780488</v>
      </c>
      <c r="BQ387" s="6">
        <v>86</v>
      </c>
      <c r="BR387" s="6">
        <v>85</v>
      </c>
      <c r="BS387" s="6">
        <v>82</v>
      </c>
      <c r="BT387" s="6">
        <v>82</v>
      </c>
      <c r="BU387" s="6">
        <v>80</v>
      </c>
      <c r="BV387" s="6">
        <v>85</v>
      </c>
      <c r="BW387" s="6">
        <v>91</v>
      </c>
      <c r="BX387" s="6">
        <v>90</v>
      </c>
      <c r="BY387" s="6">
        <v>94</v>
      </c>
      <c r="BZ387" s="6">
        <v>96</v>
      </c>
      <c r="CA387" s="6">
        <v>94</v>
      </c>
      <c r="CB387" s="6">
        <v>92</v>
      </c>
      <c r="CC387" s="11">
        <v>92.5</v>
      </c>
      <c r="CD387" s="11">
        <v>188.14400000000001</v>
      </c>
      <c r="CE387" s="11">
        <v>-43.069200000000002</v>
      </c>
      <c r="CF387" s="11">
        <v>57.577599999999997</v>
      </c>
      <c r="CG387" s="11">
        <v>15</v>
      </c>
      <c r="CH387" s="20">
        <v>0.53084900000000002</v>
      </c>
      <c r="CI387" s="20">
        <v>0.55408900000000005</v>
      </c>
      <c r="CJ387" s="20">
        <v>0.65361899999999995</v>
      </c>
      <c r="CK387" s="20">
        <v>0.64438399999999996</v>
      </c>
      <c r="CL387" s="20">
        <v>0.73360099999999995</v>
      </c>
      <c r="CM387" s="20">
        <v>0.71967700000000001</v>
      </c>
      <c r="CN387" s="20">
        <v>0.71970500000000004</v>
      </c>
      <c r="CO387" s="20">
        <v>0.73448599999999997</v>
      </c>
      <c r="CP387" s="20">
        <v>0.86039299999999996</v>
      </c>
      <c r="CQ387" s="20">
        <v>0.92605199999999999</v>
      </c>
      <c r="CR387" s="20">
        <v>0.96165900000000004</v>
      </c>
      <c r="CS387" s="20">
        <v>1.01546</v>
      </c>
      <c r="CT387" s="20">
        <v>0.78966199999999998</v>
      </c>
      <c r="CU387" s="20">
        <v>0.69724399999999997</v>
      </c>
      <c r="CV387" s="20">
        <v>0.65789399999999998</v>
      </c>
      <c r="CW387" s="20">
        <v>0.62435700000000005</v>
      </c>
      <c r="CX387" s="20">
        <v>0.61456699999999997</v>
      </c>
      <c r="CY387" s="6" t="s">
        <v>449</v>
      </c>
      <c r="CZ387" s="6" t="s">
        <v>450</v>
      </c>
      <c r="DA387" s="6" t="s">
        <v>55</v>
      </c>
      <c r="DB387" s="6"/>
      <c r="DC387" s="6">
        <v>28140</v>
      </c>
      <c r="DD387" s="6">
        <v>312</v>
      </c>
      <c r="DE387" s="6" t="s">
        <v>402</v>
      </c>
      <c r="DF387" s="6" t="s">
        <v>375</v>
      </c>
      <c r="DG387" s="6" t="s">
        <v>364</v>
      </c>
      <c r="DH387" s="6" t="s">
        <v>419</v>
      </c>
      <c r="DI387" s="6" t="s">
        <v>377</v>
      </c>
      <c r="DJ387" s="6">
        <v>29</v>
      </c>
      <c r="DK387" s="6">
        <v>37</v>
      </c>
      <c r="DL387" s="6">
        <v>1</v>
      </c>
      <c r="DM387" s="6" t="s">
        <v>404</v>
      </c>
      <c r="DN387" s="6">
        <v>1</v>
      </c>
      <c r="DO387" s="6" t="s">
        <v>405</v>
      </c>
      <c r="DP387" s="6"/>
      <c r="DQ387" s="6"/>
    </row>
    <row r="388" spans="1:121" x14ac:dyDescent="0.2">
      <c r="A388" s="6" t="s">
        <v>793</v>
      </c>
      <c r="B388" s="6" t="s">
        <v>179</v>
      </c>
      <c r="C388" s="6" t="s">
        <v>180</v>
      </c>
      <c r="D388" s="6" t="s">
        <v>55</v>
      </c>
      <c r="E388" s="6" t="s">
        <v>196</v>
      </c>
      <c r="F388" s="11">
        <v>420</v>
      </c>
      <c r="G388" s="13">
        <v>0.11</v>
      </c>
      <c r="H388" s="11">
        <v>696</v>
      </c>
      <c r="I388" s="13">
        <v>0.17727967396841568</v>
      </c>
      <c r="J388" s="11">
        <v>-150</v>
      </c>
      <c r="K388" s="13">
        <v>-3.2453483340545215E-2</v>
      </c>
      <c r="L388" s="11">
        <v>-126</v>
      </c>
      <c r="M388" s="13">
        <v>-2.817531305903399E-2</v>
      </c>
      <c r="N388" s="11">
        <v>-276</v>
      </c>
      <c r="O388" s="13">
        <v>-5.9714409346603201E-2</v>
      </c>
      <c r="P388" s="7">
        <v>3926</v>
      </c>
      <c r="Q388" s="7">
        <v>4163</v>
      </c>
      <c r="R388" s="7">
        <v>4141</v>
      </c>
      <c r="S388" s="7">
        <v>4245</v>
      </c>
      <c r="T388" s="7">
        <v>4304</v>
      </c>
      <c r="U388" s="7">
        <v>4507</v>
      </c>
      <c r="V388" s="7">
        <v>4622</v>
      </c>
      <c r="W388" s="7">
        <v>4795</v>
      </c>
      <c r="X388" s="7">
        <v>4586</v>
      </c>
      <c r="Y388" s="7">
        <v>4472</v>
      </c>
      <c r="Z388" s="7">
        <v>4443</v>
      </c>
      <c r="AA388" s="7">
        <v>4492</v>
      </c>
      <c r="AB388" s="7">
        <v>3851</v>
      </c>
      <c r="AC388" s="7">
        <v>3976</v>
      </c>
      <c r="AD388" s="7">
        <v>4206</v>
      </c>
      <c r="AE388" s="7">
        <v>4309</v>
      </c>
      <c r="AF388" s="7">
        <v>4346</v>
      </c>
      <c r="AG388" s="9">
        <v>6686</v>
      </c>
      <c r="AH388" s="13">
        <v>0.30546418128654973</v>
      </c>
      <c r="AI388" s="9">
        <v>5686</v>
      </c>
      <c r="AJ388" s="13">
        <v>0.25977704678362573</v>
      </c>
      <c r="AK388" s="9">
        <v>1667</v>
      </c>
      <c r="AL388" s="13">
        <v>6.0455501559440045E-2</v>
      </c>
      <c r="AM388" s="9">
        <v>-667</v>
      </c>
      <c r="AN388" s="13">
        <v>-2.2810437399541739E-2</v>
      </c>
      <c r="AO388" s="9">
        <v>1000</v>
      </c>
      <c r="AP388" s="13">
        <v>3.6266047726118807E-2</v>
      </c>
      <c r="AQ388" s="9">
        <v>21888</v>
      </c>
      <c r="AR388" s="9">
        <v>24269</v>
      </c>
      <c r="AS388" s="9">
        <v>26474</v>
      </c>
      <c r="AT388" s="9">
        <v>26109</v>
      </c>
      <c r="AU388" s="9">
        <v>26854</v>
      </c>
      <c r="AV388" s="9">
        <v>27190</v>
      </c>
      <c r="AW388" s="9">
        <v>27574</v>
      </c>
      <c r="AX388" s="9">
        <v>28671</v>
      </c>
      <c r="AY388" s="9">
        <v>29106</v>
      </c>
      <c r="AZ388" s="9">
        <v>29241</v>
      </c>
      <c r="BA388" s="9">
        <v>29647</v>
      </c>
      <c r="BB388" s="9">
        <v>29794</v>
      </c>
      <c r="BC388" s="9">
        <v>26836</v>
      </c>
      <c r="BD388" s="9">
        <v>27296</v>
      </c>
      <c r="BE388" s="9">
        <v>27591</v>
      </c>
      <c r="BF388" s="9">
        <v>28574</v>
      </c>
      <c r="BG388" s="11">
        <v>-1</v>
      </c>
      <c r="BH388" s="13">
        <v>-4.1666666666666666E-3</v>
      </c>
      <c r="BI388" s="6">
        <v>1</v>
      </c>
      <c r="BJ388" s="13">
        <v>4.1666666666666666E-3</v>
      </c>
      <c r="BK388" s="6">
        <v>11</v>
      </c>
      <c r="BL388" s="13">
        <v>4.5643153526970952E-2</v>
      </c>
      <c r="BM388" s="11">
        <v>-13</v>
      </c>
      <c r="BN388" s="13">
        <v>-5.1587301587301584E-2</v>
      </c>
      <c r="BO388" s="11">
        <v>-2</v>
      </c>
      <c r="BP388" s="13">
        <v>-8.2987551867219917E-3</v>
      </c>
      <c r="BQ388" s="6">
        <v>240</v>
      </c>
      <c r="BR388" s="6">
        <v>246</v>
      </c>
      <c r="BS388" s="6">
        <v>236</v>
      </c>
      <c r="BT388" s="6">
        <v>241</v>
      </c>
      <c r="BU388" s="6">
        <v>253</v>
      </c>
      <c r="BV388" s="6">
        <v>251</v>
      </c>
      <c r="BW388" s="6">
        <v>252</v>
      </c>
      <c r="BX388" s="6">
        <v>242</v>
      </c>
      <c r="BY388" s="6">
        <v>241</v>
      </c>
      <c r="BZ388" s="6">
        <v>238</v>
      </c>
      <c r="CA388" s="6">
        <v>234</v>
      </c>
      <c r="CB388" s="6">
        <v>245</v>
      </c>
      <c r="CC388" s="11">
        <v>239</v>
      </c>
      <c r="CD388" s="11">
        <v>243</v>
      </c>
      <c r="CE388" s="11">
        <v>-252</v>
      </c>
      <c r="CF388" s="11">
        <v>429</v>
      </c>
      <c r="CG388" s="11">
        <v>177</v>
      </c>
      <c r="CH388" s="20">
        <v>1.47</v>
      </c>
      <c r="CI388" s="20">
        <v>1.53</v>
      </c>
      <c r="CJ388" s="20">
        <v>1.48</v>
      </c>
      <c r="CK388" s="20">
        <v>1.46</v>
      </c>
      <c r="CL388" s="20">
        <v>1.42</v>
      </c>
      <c r="CM388" s="20">
        <v>1.48</v>
      </c>
      <c r="CN388" s="20">
        <v>1.52</v>
      </c>
      <c r="CO388" s="20">
        <v>1.61</v>
      </c>
      <c r="CP388" s="20">
        <v>1.56</v>
      </c>
      <c r="CQ388" s="20">
        <v>1.56</v>
      </c>
      <c r="CR388" s="20">
        <v>1.55</v>
      </c>
      <c r="CS388" s="20">
        <v>1.55</v>
      </c>
      <c r="CT388" s="20">
        <v>1.32</v>
      </c>
      <c r="CU388" s="20">
        <v>1.32</v>
      </c>
      <c r="CV388" s="20">
        <v>1.33</v>
      </c>
      <c r="CW388" s="20">
        <v>1.36</v>
      </c>
      <c r="CX388" s="20">
        <v>1.34</v>
      </c>
      <c r="CY388" s="6" t="s">
        <v>449</v>
      </c>
      <c r="CZ388" s="6" t="s">
        <v>450</v>
      </c>
      <c r="DA388" s="6" t="s">
        <v>55</v>
      </c>
      <c r="DB388" s="6"/>
      <c r="DC388" s="6">
        <v>28140</v>
      </c>
      <c r="DD388" s="6">
        <v>312</v>
      </c>
      <c r="DE388" s="6" t="s">
        <v>402</v>
      </c>
      <c r="DF388" s="6" t="s">
        <v>375</v>
      </c>
      <c r="DG388" s="6" t="s">
        <v>364</v>
      </c>
      <c r="DH388" s="6" t="s">
        <v>419</v>
      </c>
      <c r="DI388" s="6" t="s">
        <v>377</v>
      </c>
      <c r="DJ388" s="6">
        <v>29</v>
      </c>
      <c r="DK388" s="6">
        <v>37</v>
      </c>
      <c r="DL388" s="6">
        <v>1</v>
      </c>
      <c r="DM388" s="6" t="s">
        <v>404</v>
      </c>
      <c r="DN388" s="6">
        <v>1</v>
      </c>
      <c r="DO388" s="6" t="s">
        <v>405</v>
      </c>
      <c r="DP388" s="6"/>
      <c r="DQ388" s="6"/>
    </row>
    <row r="389" spans="1:121" x14ac:dyDescent="0.2">
      <c r="A389" s="6" t="s">
        <v>794</v>
      </c>
      <c r="B389" s="6" t="s">
        <v>181</v>
      </c>
      <c r="C389" s="6" t="s">
        <v>182</v>
      </c>
      <c r="D389" s="6" t="s">
        <v>55</v>
      </c>
      <c r="E389" s="6" t="s">
        <v>196</v>
      </c>
      <c r="F389" s="11">
        <v>2054</v>
      </c>
      <c r="G389" s="13">
        <v>2.1329179646899998</v>
      </c>
      <c r="H389" s="11">
        <v>523.94542484500005</v>
      </c>
      <c r="I389" s="13">
        <v>0.54388552952739866</v>
      </c>
      <c r="J389" s="11">
        <v>333.35664868000003</v>
      </c>
      <c r="K389" s="13">
        <v>0.2241379918379009</v>
      </c>
      <c r="L389" s="11">
        <v>1196.5664339</v>
      </c>
      <c r="M389" s="13">
        <v>0.65722306173117406</v>
      </c>
      <c r="N389" s="11">
        <v>1529.92308258</v>
      </c>
      <c r="O389" s="13">
        <v>1.0286697108150571</v>
      </c>
      <c r="P389" s="7">
        <v>963.33768118499995</v>
      </c>
      <c r="Q389" s="7">
        <v>962.30117811299999</v>
      </c>
      <c r="R389" s="7">
        <v>1103.5924804900001</v>
      </c>
      <c r="S389" s="7">
        <v>1292.4061480299999</v>
      </c>
      <c r="T389" s="7">
        <v>1366.8268931699999</v>
      </c>
      <c r="U389" s="7">
        <v>1406.7866537100001</v>
      </c>
      <c r="V389" s="7">
        <v>1487.28310603</v>
      </c>
      <c r="W389" s="7">
        <v>1724.84923237</v>
      </c>
      <c r="X389" s="7">
        <v>1817.01510605</v>
      </c>
      <c r="Y389" s="7">
        <v>1820.63975471</v>
      </c>
      <c r="Z389" s="7">
        <v>1815.74954813</v>
      </c>
      <c r="AA389" s="7">
        <v>1844.5500981</v>
      </c>
      <c r="AB389" s="7">
        <v>2660.2611467500001</v>
      </c>
      <c r="AC389" s="7">
        <v>2792.1760665000002</v>
      </c>
      <c r="AD389" s="7">
        <v>2800.8359962099998</v>
      </c>
      <c r="AE389" s="7">
        <v>2832.42728601</v>
      </c>
      <c r="AF389" s="7">
        <v>3017.20618861</v>
      </c>
      <c r="AG389" s="9">
        <v>10767.218068399998</v>
      </c>
      <c r="AH389" s="13">
        <v>0.32217398946423881</v>
      </c>
      <c r="AI389" s="9">
        <v>10352.934414800002</v>
      </c>
      <c r="AJ389" s="13">
        <v>0.30977789823600893</v>
      </c>
      <c r="AK389" s="9">
        <v>-1801.2029222000056</v>
      </c>
      <c r="AL389" s="13">
        <v>-4.1148305095543541E-2</v>
      </c>
      <c r="AM389" s="9">
        <v>2215.4865758000014</v>
      </c>
      <c r="AN389" s="13">
        <v>5.2784570364774935E-2</v>
      </c>
      <c r="AO389" s="9">
        <v>414.28365359999589</v>
      </c>
      <c r="AP389" s="13">
        <v>9.4642696635244515E-3</v>
      </c>
      <c r="AQ389" s="9">
        <v>33420.506994700001</v>
      </c>
      <c r="AR389" s="9">
        <v>34794.871729400002</v>
      </c>
      <c r="AS389" s="9">
        <v>37588.301634800002</v>
      </c>
      <c r="AT389" s="9">
        <v>41057.820043</v>
      </c>
      <c r="AU389" s="9">
        <v>41476.952068099999</v>
      </c>
      <c r="AV389" s="9">
        <v>43063.081546100002</v>
      </c>
      <c r="AW389" s="9">
        <v>43773.441409500003</v>
      </c>
      <c r="AX389" s="9">
        <v>42549.576282100003</v>
      </c>
      <c r="AY389" s="9">
        <v>40003.438692199998</v>
      </c>
      <c r="AZ389" s="9">
        <v>41972.238487299997</v>
      </c>
      <c r="BA389" s="9">
        <v>42121.673422</v>
      </c>
      <c r="BB389" s="9">
        <v>43265.026937499999</v>
      </c>
      <c r="BC389" s="9">
        <v>43226.428967300002</v>
      </c>
      <c r="BD389" s="9">
        <v>43240.210874500001</v>
      </c>
      <c r="BE389" s="9">
        <v>43617.446083800001</v>
      </c>
      <c r="BF389" s="9">
        <v>44187.725063099999</v>
      </c>
      <c r="BG389" s="11">
        <v>5</v>
      </c>
      <c r="BH389" s="13">
        <v>7.6923076923076927E-2</v>
      </c>
      <c r="BI389" s="6">
        <v>1</v>
      </c>
      <c r="BJ389" s="13">
        <v>1.5384615384615385E-2</v>
      </c>
      <c r="BK389" s="6">
        <v>-1</v>
      </c>
      <c r="BL389" s="13">
        <v>-1.5151515151515152E-2</v>
      </c>
      <c r="BM389" s="11">
        <v>5</v>
      </c>
      <c r="BN389" s="13">
        <v>7.6923076923076927E-2</v>
      </c>
      <c r="BO389" s="11">
        <v>4</v>
      </c>
      <c r="BP389" s="13">
        <v>6.0606060606060608E-2</v>
      </c>
      <c r="BQ389" s="6">
        <v>65</v>
      </c>
      <c r="BR389" s="6">
        <v>67</v>
      </c>
      <c r="BS389" s="6">
        <v>63</v>
      </c>
      <c r="BT389" s="6">
        <v>66</v>
      </c>
      <c r="BU389" s="6">
        <v>59</v>
      </c>
      <c r="BV389" s="6">
        <v>55</v>
      </c>
      <c r="BW389" s="6">
        <v>65</v>
      </c>
      <c r="BX389" s="6">
        <v>63</v>
      </c>
      <c r="BY389" s="6">
        <v>62</v>
      </c>
      <c r="BZ389" s="6">
        <v>65</v>
      </c>
      <c r="CA389" s="6">
        <v>69</v>
      </c>
      <c r="CB389" s="6">
        <v>71</v>
      </c>
      <c r="CC389" s="11">
        <v>70</v>
      </c>
      <c r="CD389" s="11">
        <v>1887.84</v>
      </c>
      <c r="CE389" s="11">
        <v>60.7196</v>
      </c>
      <c r="CF389" s="11">
        <v>105.304</v>
      </c>
      <c r="CG389" s="11">
        <v>166</v>
      </c>
      <c r="CH389" s="20">
        <v>1.2264699999999999</v>
      </c>
      <c r="CI389" s="20">
        <v>1.2336100000000001</v>
      </c>
      <c r="CJ389" s="20">
        <v>1.3717999999999999</v>
      </c>
      <c r="CK389" s="20">
        <v>1.5296700000000001</v>
      </c>
      <c r="CL389" s="20">
        <v>1.53165</v>
      </c>
      <c r="CM389" s="20">
        <v>1.5354099999999999</v>
      </c>
      <c r="CN389" s="20">
        <v>1.6081000000000001</v>
      </c>
      <c r="CO389" s="20">
        <v>1.89096</v>
      </c>
      <c r="CP389" s="20">
        <v>2.0545800000000001</v>
      </c>
      <c r="CQ389" s="20">
        <v>2.11625</v>
      </c>
      <c r="CR389" s="20">
        <v>2.0822099999999999</v>
      </c>
      <c r="CS389" s="20">
        <v>2.0719699999999999</v>
      </c>
      <c r="CT389" s="20">
        <v>2.9477799999999998</v>
      </c>
      <c r="CU389" s="20">
        <v>2.9355199999999999</v>
      </c>
      <c r="CV389" s="20">
        <v>2.7496</v>
      </c>
      <c r="CW389" s="20">
        <v>2.7157200000000001</v>
      </c>
      <c r="CX389" s="20">
        <v>2.81487</v>
      </c>
      <c r="CY389" s="6" t="s">
        <v>449</v>
      </c>
      <c r="CZ389" s="6" t="s">
        <v>450</v>
      </c>
      <c r="DA389" s="6" t="s">
        <v>55</v>
      </c>
      <c r="DB389" s="6"/>
      <c r="DC389" s="6">
        <v>28140</v>
      </c>
      <c r="DD389" s="6">
        <v>312</v>
      </c>
      <c r="DE389" s="6" t="s">
        <v>402</v>
      </c>
      <c r="DF389" s="6" t="s">
        <v>375</v>
      </c>
      <c r="DG389" s="6" t="s">
        <v>364</v>
      </c>
      <c r="DH389" s="6" t="s">
        <v>419</v>
      </c>
      <c r="DI389" s="6" t="s">
        <v>377</v>
      </c>
      <c r="DJ389" s="6">
        <v>29</v>
      </c>
      <c r="DK389" s="6">
        <v>37</v>
      </c>
      <c r="DL389" s="6">
        <v>1</v>
      </c>
      <c r="DM389" s="6" t="s">
        <v>404</v>
      </c>
      <c r="DN389" s="6">
        <v>1</v>
      </c>
      <c r="DO389" s="6" t="s">
        <v>405</v>
      </c>
      <c r="DP389" s="6"/>
      <c r="DQ389" s="6"/>
    </row>
    <row r="390" spans="1:121" x14ac:dyDescent="0.2">
      <c r="A390" s="6" t="s">
        <v>314</v>
      </c>
      <c r="B390" s="6" t="s">
        <v>314</v>
      </c>
      <c r="C390" s="6" t="s">
        <v>183</v>
      </c>
      <c r="D390" s="6" t="s">
        <v>55</v>
      </c>
      <c r="E390" s="6" t="s">
        <v>196</v>
      </c>
      <c r="F390" s="11">
        <v>-47</v>
      </c>
      <c r="G390" s="13">
        <v>-0.25</v>
      </c>
      <c r="H390" s="11">
        <v>-0.91984465299998419</v>
      </c>
      <c r="I390" s="13">
        <v>-4.8877936233559256E-3</v>
      </c>
      <c r="J390" s="11">
        <v>-15.889595968000009</v>
      </c>
      <c r="K390" s="13">
        <v>-8.4847523961935137E-2</v>
      </c>
      <c r="L390" s="11">
        <v>-30.124797268000009</v>
      </c>
      <c r="M390" s="13">
        <v>-0.17577495387720007</v>
      </c>
      <c r="N390" s="11">
        <v>-46.014393236000018</v>
      </c>
      <c r="O390" s="13">
        <v>-0.24570840822813145</v>
      </c>
      <c r="P390" s="7">
        <v>188.19220365699999</v>
      </c>
      <c r="Q390" s="7">
        <v>187.73529558999999</v>
      </c>
      <c r="R390" s="7">
        <v>185.590549568</v>
      </c>
      <c r="S390" s="7">
        <v>200.373708155</v>
      </c>
      <c r="T390" s="7">
        <v>210.10456463</v>
      </c>
      <c r="U390" s="7">
        <v>187.087072898</v>
      </c>
      <c r="V390" s="7">
        <v>187.27235900400001</v>
      </c>
      <c r="W390" s="7">
        <v>174.79373300899999</v>
      </c>
      <c r="X390" s="7">
        <v>171.13286710899999</v>
      </c>
      <c r="Y390" s="7">
        <v>171.382763036</v>
      </c>
      <c r="Z390" s="7">
        <v>145.28335655699999</v>
      </c>
      <c r="AA390" s="7">
        <v>162.30328371300001</v>
      </c>
      <c r="AB390" s="7">
        <v>149.859456067</v>
      </c>
      <c r="AC390" s="7">
        <v>159.87845623300001</v>
      </c>
      <c r="AD390" s="7">
        <v>146.16035280099999</v>
      </c>
      <c r="AE390" s="7">
        <v>141.444443734</v>
      </c>
      <c r="AF390" s="7">
        <v>141.25796576799999</v>
      </c>
      <c r="AG390" s="9">
        <v>16827.730946199998</v>
      </c>
      <c r="AH390" s="13">
        <v>0.5918180111858754</v>
      </c>
      <c r="AI390" s="9">
        <v>10484.276861799997</v>
      </c>
      <c r="AJ390" s="13">
        <v>0.36872373945779757</v>
      </c>
      <c r="AK390" s="9">
        <v>7652.8773206000042</v>
      </c>
      <c r="AL390" s="13">
        <v>0.1966398662799996</v>
      </c>
      <c r="AM390" s="9">
        <v>-1309.4232362000039</v>
      </c>
      <c r="AN390" s="13">
        <v>-2.8116638348808103E-2</v>
      </c>
      <c r="AO390" s="9">
        <v>6343.4540844000003</v>
      </c>
      <c r="AP390" s="13">
        <v>0.16299437592603877</v>
      </c>
      <c r="AQ390" s="9">
        <v>28433.9621778</v>
      </c>
      <c r="AR390" s="9">
        <v>27946.359385</v>
      </c>
      <c r="AS390" s="9">
        <v>27472.204628899999</v>
      </c>
      <c r="AT390" s="9">
        <v>26665.311779299998</v>
      </c>
      <c r="AU390" s="9">
        <v>25625.698641499999</v>
      </c>
      <c r="AV390" s="9">
        <v>31802.6668814</v>
      </c>
      <c r="AW390" s="9">
        <v>38918.239039599997</v>
      </c>
      <c r="AX390" s="9">
        <v>39739.413209300001</v>
      </c>
      <c r="AY390" s="9">
        <v>45480.964197000001</v>
      </c>
      <c r="AZ390" s="9">
        <v>46571.116360200002</v>
      </c>
      <c r="BA390" s="9">
        <v>50427.571673899998</v>
      </c>
      <c r="BB390" s="9">
        <v>43913.3661631</v>
      </c>
      <c r="BC390" s="9">
        <v>44045.499088800003</v>
      </c>
      <c r="BD390" s="9">
        <v>46043.287936499997</v>
      </c>
      <c r="BE390" s="9">
        <v>46567.071473600001</v>
      </c>
      <c r="BF390" s="9">
        <v>45261.693123999998</v>
      </c>
      <c r="BG390" s="11">
        <v>-0.75</v>
      </c>
      <c r="BH390" s="13">
        <v>-3.4090909090909088E-2</v>
      </c>
      <c r="BI390" s="6">
        <v>0</v>
      </c>
      <c r="BJ390" s="13">
        <v>0</v>
      </c>
      <c r="BK390" s="6">
        <v>-1</v>
      </c>
      <c r="BL390" s="13">
        <v>-4.5454545454545456E-2</v>
      </c>
      <c r="BM390" s="11">
        <v>0.25</v>
      </c>
      <c r="BN390" s="13">
        <v>1.1904761904761904E-2</v>
      </c>
      <c r="BO390" s="11">
        <v>-0.75</v>
      </c>
      <c r="BP390" s="13">
        <v>-3.4090909090909088E-2</v>
      </c>
      <c r="BQ390" s="6">
        <v>22</v>
      </c>
      <c r="BR390" s="6">
        <v>22</v>
      </c>
      <c r="BS390" s="6">
        <v>24</v>
      </c>
      <c r="BT390" s="6">
        <v>22</v>
      </c>
      <c r="BU390" s="6">
        <v>22</v>
      </c>
      <c r="BV390" s="6">
        <v>22</v>
      </c>
      <c r="BW390" s="6">
        <v>21</v>
      </c>
      <c r="BX390" s="6">
        <v>24</v>
      </c>
      <c r="BY390" s="6">
        <v>24</v>
      </c>
      <c r="BZ390" s="6">
        <v>26</v>
      </c>
      <c r="CA390" s="6">
        <v>25</v>
      </c>
      <c r="CB390" s="6">
        <v>22</v>
      </c>
      <c r="CC390" s="11">
        <v>21.25</v>
      </c>
      <c r="CD390" s="11">
        <v>-9.8644400000000001</v>
      </c>
      <c r="CE390" s="11">
        <v>-57.641500000000001</v>
      </c>
      <c r="CF390" s="11">
        <v>20.5717</v>
      </c>
      <c r="CG390" s="11">
        <v>-37</v>
      </c>
      <c r="CH390" s="20">
        <v>0.30425600000000003</v>
      </c>
      <c r="CI390" s="20">
        <v>0.31423499999999999</v>
      </c>
      <c r="CJ390" s="20">
        <v>0.31452000000000002</v>
      </c>
      <c r="CK390" s="20">
        <v>0.33701100000000001</v>
      </c>
      <c r="CL390" s="20">
        <v>0.34725499999999998</v>
      </c>
      <c r="CM390" s="20">
        <v>0.31014199999999997</v>
      </c>
      <c r="CN390" s="20">
        <v>0.31459100000000001</v>
      </c>
      <c r="CO390" s="20">
        <v>0.30031000000000002</v>
      </c>
      <c r="CP390" s="20">
        <v>0.30181999999999998</v>
      </c>
      <c r="CQ390" s="20">
        <v>0.31870900000000002</v>
      </c>
      <c r="CR390" s="20">
        <v>0.27646399999999999</v>
      </c>
      <c r="CS390" s="20">
        <v>0.308645</v>
      </c>
      <c r="CT390" s="20">
        <v>0.28403899999999999</v>
      </c>
      <c r="CU390" s="20">
        <v>0.29368300000000003</v>
      </c>
      <c r="CV390" s="20">
        <v>0.25985799999999998</v>
      </c>
      <c r="CW390" s="20">
        <v>0.248282</v>
      </c>
      <c r="CX390" s="20">
        <v>0.24431700000000001</v>
      </c>
      <c r="CY390" s="6" t="s">
        <v>449</v>
      </c>
      <c r="CZ390" s="6" t="s">
        <v>450</v>
      </c>
      <c r="DA390" s="6" t="s">
        <v>55</v>
      </c>
      <c r="DB390" s="6"/>
      <c r="DC390" s="6">
        <v>28140</v>
      </c>
      <c r="DD390" s="6">
        <v>312</v>
      </c>
      <c r="DE390" s="6" t="s">
        <v>402</v>
      </c>
      <c r="DF390" s="6" t="s">
        <v>375</v>
      </c>
      <c r="DG390" s="6" t="s">
        <v>364</v>
      </c>
      <c r="DH390" s="6" t="s">
        <v>419</v>
      </c>
      <c r="DI390" s="6" t="s">
        <v>377</v>
      </c>
      <c r="DJ390" s="6">
        <v>29</v>
      </c>
      <c r="DK390" s="6">
        <v>37</v>
      </c>
      <c r="DL390" s="6">
        <v>1</v>
      </c>
      <c r="DM390" s="6" t="s">
        <v>404</v>
      </c>
      <c r="DN390" s="6">
        <v>1</v>
      </c>
      <c r="DO390" s="6" t="s">
        <v>405</v>
      </c>
      <c r="DP390" s="6"/>
      <c r="DQ390" s="6"/>
    </row>
    <row r="391" spans="1:121" x14ac:dyDescent="0.2">
      <c r="A391" s="6" t="s">
        <v>315</v>
      </c>
      <c r="B391" s="6" t="s">
        <v>315</v>
      </c>
      <c r="C391" s="6" t="s">
        <v>184</v>
      </c>
      <c r="D391" s="6" t="s">
        <v>55</v>
      </c>
      <c r="E391" s="6" t="s">
        <v>196</v>
      </c>
      <c r="F391" s="11">
        <v>117</v>
      </c>
      <c r="G391" s="13">
        <v>0.2</v>
      </c>
      <c r="H391" s="11">
        <v>207</v>
      </c>
      <c r="I391" s="13">
        <v>0.34848484848484851</v>
      </c>
      <c r="J391" s="11">
        <v>-55</v>
      </c>
      <c r="K391" s="13">
        <v>-6.8664169787765295E-2</v>
      </c>
      <c r="L391" s="11">
        <v>-35</v>
      </c>
      <c r="M391" s="13">
        <v>-4.6916890080428951E-2</v>
      </c>
      <c r="N391" s="11">
        <v>-90</v>
      </c>
      <c r="O391" s="13">
        <v>-0.11235955056179776</v>
      </c>
      <c r="P391" s="7">
        <v>594</v>
      </c>
      <c r="Q391" s="7">
        <v>622</v>
      </c>
      <c r="R391" s="7">
        <v>641</v>
      </c>
      <c r="S391" s="7">
        <v>689</v>
      </c>
      <c r="T391" s="7">
        <v>741</v>
      </c>
      <c r="U391" s="7">
        <v>775</v>
      </c>
      <c r="V391" s="7">
        <v>801</v>
      </c>
      <c r="W391" s="7">
        <v>766</v>
      </c>
      <c r="X391" s="7">
        <v>768</v>
      </c>
      <c r="Y391" s="7">
        <v>746</v>
      </c>
      <c r="Z391" s="7">
        <v>743</v>
      </c>
      <c r="AA391" s="7">
        <v>750</v>
      </c>
      <c r="AB391" s="7">
        <v>749</v>
      </c>
      <c r="AC391" s="7">
        <v>732</v>
      </c>
      <c r="AD391" s="7">
        <v>723</v>
      </c>
      <c r="AE391" s="7">
        <v>712</v>
      </c>
      <c r="AF391" s="7">
        <v>711</v>
      </c>
      <c r="AG391" s="9">
        <v>19547</v>
      </c>
      <c r="AH391" s="13">
        <v>0.5025194097382899</v>
      </c>
      <c r="AI391" s="9">
        <v>9026</v>
      </c>
      <c r="AJ391" s="13">
        <v>0.23204277854902569</v>
      </c>
      <c r="AK391" s="9">
        <v>645</v>
      </c>
      <c r="AL391" s="13">
        <v>1.3458809782155081E-2</v>
      </c>
      <c r="AM391" s="9">
        <v>9876</v>
      </c>
      <c r="AN391" s="13">
        <v>0.20333957874364303</v>
      </c>
      <c r="AO391" s="9">
        <v>10521</v>
      </c>
      <c r="AP391" s="13">
        <v>0.21953509723729239</v>
      </c>
      <c r="AQ391" s="9">
        <v>38898</v>
      </c>
      <c r="AR391" s="9">
        <v>40786</v>
      </c>
      <c r="AS391" s="9">
        <v>41261</v>
      </c>
      <c r="AT391" s="9">
        <v>42158</v>
      </c>
      <c r="AU391" s="9">
        <v>43111</v>
      </c>
      <c r="AV391" s="9">
        <v>44691</v>
      </c>
      <c r="AW391" s="9">
        <v>47924</v>
      </c>
      <c r="AX391" s="9">
        <v>50364</v>
      </c>
      <c r="AY391" s="9">
        <v>46279</v>
      </c>
      <c r="AZ391" s="9">
        <v>48569</v>
      </c>
      <c r="BA391" s="9">
        <v>49698</v>
      </c>
      <c r="BB391" s="9">
        <v>49710</v>
      </c>
      <c r="BC391" s="9">
        <v>52590</v>
      </c>
      <c r="BD391" s="9">
        <v>54020</v>
      </c>
      <c r="BE391" s="9">
        <v>55483</v>
      </c>
      <c r="BF391" s="9">
        <v>58445</v>
      </c>
      <c r="BG391" s="11">
        <v>38</v>
      </c>
      <c r="BH391" s="13">
        <v>0.38</v>
      </c>
      <c r="BI391" s="6">
        <v>20</v>
      </c>
      <c r="BJ391" s="13">
        <v>0.2</v>
      </c>
      <c r="BK391" s="6">
        <v>5</v>
      </c>
      <c r="BL391" s="13">
        <v>4.1666666666666664E-2</v>
      </c>
      <c r="BM391" s="11">
        <v>13</v>
      </c>
      <c r="BN391" s="13">
        <v>0.104</v>
      </c>
      <c r="BO391" s="11">
        <v>18</v>
      </c>
      <c r="BP391" s="13">
        <v>0.15</v>
      </c>
      <c r="BQ391" s="6">
        <v>100</v>
      </c>
      <c r="BR391" s="6">
        <v>109</v>
      </c>
      <c r="BS391" s="6">
        <v>111</v>
      </c>
      <c r="BT391" s="6">
        <v>120</v>
      </c>
      <c r="BU391" s="6">
        <v>119</v>
      </c>
      <c r="BV391" s="6">
        <v>127</v>
      </c>
      <c r="BW391" s="6">
        <v>125</v>
      </c>
      <c r="BX391" s="6">
        <v>122</v>
      </c>
      <c r="BY391" s="6">
        <v>124</v>
      </c>
      <c r="BZ391" s="6">
        <v>126</v>
      </c>
      <c r="CA391" s="6">
        <v>133</v>
      </c>
      <c r="CB391" s="6">
        <v>139</v>
      </c>
      <c r="CC391" s="11">
        <v>138</v>
      </c>
      <c r="CD391" s="11">
        <v>99</v>
      </c>
      <c r="CE391" s="11">
        <v>-47</v>
      </c>
      <c r="CF391" s="11">
        <v>65</v>
      </c>
      <c r="CG391" s="11">
        <v>18</v>
      </c>
      <c r="CH391" s="20">
        <v>0.59</v>
      </c>
      <c r="CI391" s="20">
        <v>0.61</v>
      </c>
      <c r="CJ391" s="20">
        <v>0.59</v>
      </c>
      <c r="CK391" s="20">
        <v>0.61</v>
      </c>
      <c r="CL391" s="20">
        <v>0.63</v>
      </c>
      <c r="CM391" s="20">
        <v>0.64</v>
      </c>
      <c r="CN391" s="20">
        <v>0.67</v>
      </c>
      <c r="CO391" s="20">
        <v>0.66</v>
      </c>
      <c r="CP391" s="20">
        <v>0.67</v>
      </c>
      <c r="CQ391" s="20">
        <v>0.68</v>
      </c>
      <c r="CR391" s="20">
        <v>0.68</v>
      </c>
      <c r="CS391" s="20">
        <v>0.68</v>
      </c>
      <c r="CT391" s="20">
        <v>0.68</v>
      </c>
      <c r="CU391" s="20">
        <v>0.65</v>
      </c>
      <c r="CV391" s="20">
        <v>0.62</v>
      </c>
      <c r="CW391" s="20">
        <v>0.6</v>
      </c>
      <c r="CX391" s="20">
        <v>0.59</v>
      </c>
      <c r="CY391" s="6" t="s">
        <v>449</v>
      </c>
      <c r="CZ391" s="6" t="s">
        <v>450</v>
      </c>
      <c r="DA391" s="6" t="s">
        <v>55</v>
      </c>
      <c r="DB391" s="6"/>
      <c r="DC391" s="6">
        <v>28140</v>
      </c>
      <c r="DD391" s="6">
        <v>312</v>
      </c>
      <c r="DE391" s="6" t="s">
        <v>402</v>
      </c>
      <c r="DF391" s="6" t="s">
        <v>375</v>
      </c>
      <c r="DG391" s="6" t="s">
        <v>364</v>
      </c>
      <c r="DH391" s="6" t="s">
        <v>419</v>
      </c>
      <c r="DI391" s="6" t="s">
        <v>377</v>
      </c>
      <c r="DJ391" s="6">
        <v>29</v>
      </c>
      <c r="DK391" s="6">
        <v>37</v>
      </c>
      <c r="DL391" s="6">
        <v>1</v>
      </c>
      <c r="DM391" s="6" t="s">
        <v>404</v>
      </c>
      <c r="DN391" s="6">
        <v>1</v>
      </c>
      <c r="DO391" s="6" t="s">
        <v>405</v>
      </c>
      <c r="DP391" s="6"/>
      <c r="DQ391" s="6"/>
    </row>
    <row r="392" spans="1:121" x14ac:dyDescent="0.2">
      <c r="A392" s="6" t="s">
        <v>316</v>
      </c>
      <c r="B392" s="6" t="s">
        <v>316</v>
      </c>
      <c r="C392" s="6" t="s">
        <v>185</v>
      </c>
      <c r="D392" s="6" t="s">
        <v>55</v>
      </c>
      <c r="E392" s="6" t="s">
        <v>196</v>
      </c>
      <c r="F392" s="11">
        <v>-100</v>
      </c>
      <c r="G392" s="13">
        <v>-0.27</v>
      </c>
      <c r="H392" s="11">
        <v>34</v>
      </c>
      <c r="I392" s="13">
        <v>9.2140921409214094E-2</v>
      </c>
      <c r="J392" s="11">
        <v>-90</v>
      </c>
      <c r="K392" s="13">
        <v>-0.22332506203473945</v>
      </c>
      <c r="L392" s="11">
        <v>-44</v>
      </c>
      <c r="M392" s="13">
        <v>-0.14057507987220447</v>
      </c>
      <c r="N392" s="11">
        <v>-134</v>
      </c>
      <c r="O392" s="13">
        <v>-0.33250620347394538</v>
      </c>
      <c r="P392" s="7">
        <v>369</v>
      </c>
      <c r="Q392" s="7">
        <v>366</v>
      </c>
      <c r="R392" s="7">
        <v>373</v>
      </c>
      <c r="S392" s="7">
        <v>512</v>
      </c>
      <c r="T392" s="7">
        <v>552</v>
      </c>
      <c r="U392" s="7">
        <v>432</v>
      </c>
      <c r="V392" s="7">
        <v>403</v>
      </c>
      <c r="W392" s="7">
        <v>392</v>
      </c>
      <c r="X392" s="7">
        <v>348</v>
      </c>
      <c r="Y392" s="7">
        <v>313</v>
      </c>
      <c r="Z392" s="7">
        <v>260</v>
      </c>
      <c r="AA392" s="7">
        <v>252</v>
      </c>
      <c r="AB392" s="7">
        <v>248</v>
      </c>
      <c r="AC392" s="7">
        <v>287</v>
      </c>
      <c r="AD392" s="7">
        <v>272</v>
      </c>
      <c r="AE392" s="7">
        <v>271</v>
      </c>
      <c r="AF392" s="7">
        <v>269</v>
      </c>
      <c r="AG392" s="9">
        <v>16285</v>
      </c>
      <c r="AH392" s="13">
        <v>0.63782704057653139</v>
      </c>
      <c r="AI392" s="9">
        <v>4303</v>
      </c>
      <c r="AJ392" s="13">
        <v>0.16853360488798372</v>
      </c>
      <c r="AK392" s="9">
        <v>1727</v>
      </c>
      <c r="AL392" s="13">
        <v>5.7885034355622589E-2</v>
      </c>
      <c r="AM392" s="9">
        <v>10255</v>
      </c>
      <c r="AN392" s="13">
        <v>0.32491603827387366</v>
      </c>
      <c r="AO392" s="9">
        <v>11982</v>
      </c>
      <c r="AP392" s="13">
        <v>0.40160884866767221</v>
      </c>
      <c r="AQ392" s="9">
        <v>25532</v>
      </c>
      <c r="AR392" s="9">
        <v>28452</v>
      </c>
      <c r="AS392" s="9">
        <v>27470</v>
      </c>
      <c r="AT392" s="9">
        <v>27862</v>
      </c>
      <c r="AU392" s="9">
        <v>27787</v>
      </c>
      <c r="AV392" s="9">
        <v>29399</v>
      </c>
      <c r="AW392" s="9">
        <v>29835</v>
      </c>
      <c r="AX392" s="9">
        <v>30607</v>
      </c>
      <c r="AY392" s="9">
        <v>30471</v>
      </c>
      <c r="AZ392" s="9">
        <v>31562</v>
      </c>
      <c r="BA392" s="9">
        <v>32067</v>
      </c>
      <c r="BB392" s="9">
        <v>35797</v>
      </c>
      <c r="BC392" s="9">
        <v>39412</v>
      </c>
      <c r="BD392" s="9">
        <v>38197</v>
      </c>
      <c r="BE392" s="9">
        <v>41867</v>
      </c>
      <c r="BF392" s="9">
        <v>41817</v>
      </c>
      <c r="BG392" s="11">
        <v>-14</v>
      </c>
      <c r="BH392" s="13">
        <v>-0.18666666666666668</v>
      </c>
      <c r="BI392" s="6">
        <v>3</v>
      </c>
      <c r="BJ392" s="13">
        <v>0.04</v>
      </c>
      <c r="BK392" s="6">
        <v>-12</v>
      </c>
      <c r="BL392" s="13">
        <v>-0.15384615384615385</v>
      </c>
      <c r="BM392" s="11">
        <v>-5</v>
      </c>
      <c r="BN392" s="13">
        <v>-7.575757575757576E-2</v>
      </c>
      <c r="BO392" s="11">
        <v>-17</v>
      </c>
      <c r="BP392" s="13">
        <v>-0.21794871794871795</v>
      </c>
      <c r="BQ392" s="6">
        <v>75</v>
      </c>
      <c r="BR392" s="6">
        <v>78</v>
      </c>
      <c r="BS392" s="6">
        <v>79</v>
      </c>
      <c r="BT392" s="6">
        <v>78</v>
      </c>
      <c r="BU392" s="6">
        <v>74</v>
      </c>
      <c r="BV392" s="6">
        <v>66</v>
      </c>
      <c r="BW392" s="6">
        <v>66</v>
      </c>
      <c r="BX392" s="6">
        <v>61</v>
      </c>
      <c r="BY392" s="6">
        <v>58</v>
      </c>
      <c r="BZ392" s="6">
        <v>58</v>
      </c>
      <c r="CA392" s="6">
        <v>63</v>
      </c>
      <c r="CB392" s="6">
        <v>59</v>
      </c>
      <c r="CC392" s="11">
        <v>61</v>
      </c>
      <c r="CD392" s="11">
        <v>-122</v>
      </c>
      <c r="CE392" s="11">
        <v>-19</v>
      </c>
      <c r="CF392" s="11">
        <v>40</v>
      </c>
      <c r="CG392" s="11">
        <v>21</v>
      </c>
      <c r="CH392" s="20">
        <v>0.89</v>
      </c>
      <c r="CI392" s="20">
        <v>0.86</v>
      </c>
      <c r="CJ392" s="20">
        <v>0.82</v>
      </c>
      <c r="CK392" s="20">
        <v>1.07</v>
      </c>
      <c r="CL392" s="20">
        <v>1.08</v>
      </c>
      <c r="CM392" s="20">
        <v>0.83</v>
      </c>
      <c r="CN392" s="20">
        <v>0.79</v>
      </c>
      <c r="CO392" s="20">
        <v>0.79</v>
      </c>
      <c r="CP392" s="20">
        <v>0.72</v>
      </c>
      <c r="CQ392" s="20">
        <v>0.69</v>
      </c>
      <c r="CR392" s="20">
        <v>0.57999999999999996</v>
      </c>
      <c r="CS392" s="20">
        <v>0.56000000000000005</v>
      </c>
      <c r="CT392" s="20">
        <v>0.55000000000000004</v>
      </c>
      <c r="CU392" s="20">
        <v>0.6</v>
      </c>
      <c r="CV392" s="20">
        <v>0.55000000000000004</v>
      </c>
      <c r="CW392" s="20">
        <v>0.54</v>
      </c>
      <c r="CX392" s="20">
        <v>0.53</v>
      </c>
      <c r="CY392" s="6" t="s">
        <v>449</v>
      </c>
      <c r="CZ392" s="6" t="s">
        <v>450</v>
      </c>
      <c r="DA392" s="6" t="s">
        <v>55</v>
      </c>
      <c r="DB392" s="6"/>
      <c r="DC392" s="6">
        <v>28140</v>
      </c>
      <c r="DD392" s="6">
        <v>312</v>
      </c>
      <c r="DE392" s="6" t="s">
        <v>402</v>
      </c>
      <c r="DF392" s="6" t="s">
        <v>375</v>
      </c>
      <c r="DG392" s="6" t="s">
        <v>364</v>
      </c>
      <c r="DH392" s="6" t="s">
        <v>419</v>
      </c>
      <c r="DI392" s="6" t="s">
        <v>377</v>
      </c>
      <c r="DJ392" s="6">
        <v>29</v>
      </c>
      <c r="DK392" s="6">
        <v>37</v>
      </c>
      <c r="DL392" s="6">
        <v>1</v>
      </c>
      <c r="DM392" s="6" t="s">
        <v>404</v>
      </c>
      <c r="DN392" s="6">
        <v>1</v>
      </c>
      <c r="DO392" s="6" t="s">
        <v>405</v>
      </c>
      <c r="DP392" s="6"/>
      <c r="DQ392" s="6"/>
    </row>
    <row r="393" spans="1:121" x14ac:dyDescent="0.2">
      <c r="A393" s="6" t="s">
        <v>317</v>
      </c>
      <c r="B393" s="6" t="s">
        <v>317</v>
      </c>
      <c r="C393" s="6" t="s">
        <v>186</v>
      </c>
      <c r="D393" s="6" t="s">
        <v>55</v>
      </c>
      <c r="E393" s="6" t="s">
        <v>196</v>
      </c>
      <c r="F393" s="11">
        <v>354</v>
      </c>
      <c r="G393" s="13">
        <v>0.62</v>
      </c>
      <c r="H393" s="11">
        <v>95</v>
      </c>
      <c r="I393" s="13">
        <v>0.16695957820738136</v>
      </c>
      <c r="J393" s="11">
        <v>-18</v>
      </c>
      <c r="K393" s="13">
        <v>-2.710843373493976E-2</v>
      </c>
      <c r="L393" s="11">
        <v>277</v>
      </c>
      <c r="M393" s="13">
        <v>0.42879256965944273</v>
      </c>
      <c r="N393" s="11">
        <v>259</v>
      </c>
      <c r="O393" s="13">
        <v>0.39006024096385544</v>
      </c>
      <c r="P393" s="7">
        <v>569</v>
      </c>
      <c r="Q393" s="7">
        <v>608</v>
      </c>
      <c r="R393" s="7">
        <v>599</v>
      </c>
      <c r="S393" s="7">
        <v>657</v>
      </c>
      <c r="T393" s="7">
        <v>754</v>
      </c>
      <c r="U393" s="7">
        <v>813</v>
      </c>
      <c r="V393" s="7">
        <v>664</v>
      </c>
      <c r="W393" s="7">
        <v>615</v>
      </c>
      <c r="X393" s="7">
        <v>663</v>
      </c>
      <c r="Y393" s="7">
        <v>646</v>
      </c>
      <c r="Z393" s="7">
        <v>684</v>
      </c>
      <c r="AA393" s="7">
        <v>717</v>
      </c>
      <c r="AB393" s="7">
        <v>772</v>
      </c>
      <c r="AC393" s="7">
        <v>796</v>
      </c>
      <c r="AD393" s="7">
        <v>842</v>
      </c>
      <c r="AE393" s="7">
        <v>879</v>
      </c>
      <c r="AF393" s="7">
        <v>923</v>
      </c>
      <c r="AG393" s="9">
        <v>15463</v>
      </c>
      <c r="AH393" s="13">
        <v>0.46340805562215298</v>
      </c>
      <c r="AI393" s="9">
        <v>4277</v>
      </c>
      <c r="AJ393" s="13">
        <v>0.12817669623591466</v>
      </c>
      <c r="AK393" s="9">
        <v>1957</v>
      </c>
      <c r="AL393" s="13">
        <v>5.198565546553327E-2</v>
      </c>
      <c r="AM393" s="9">
        <v>9229</v>
      </c>
      <c r="AN393" s="13">
        <v>0.23304378566739056</v>
      </c>
      <c r="AO393" s="9">
        <v>11186</v>
      </c>
      <c r="AP393" s="13">
        <v>0.29714437508301234</v>
      </c>
      <c r="AQ393" s="9">
        <v>33368</v>
      </c>
      <c r="AR393" s="9">
        <v>33490</v>
      </c>
      <c r="AS393" s="9">
        <v>33599</v>
      </c>
      <c r="AT393" s="9">
        <v>33978</v>
      </c>
      <c r="AU393" s="9">
        <v>35940</v>
      </c>
      <c r="AV393" s="9">
        <v>35450</v>
      </c>
      <c r="AW393" s="9">
        <v>37645</v>
      </c>
      <c r="AX393" s="9">
        <v>37193</v>
      </c>
      <c r="AY393" s="9">
        <v>38852</v>
      </c>
      <c r="AZ393" s="9">
        <v>39602</v>
      </c>
      <c r="BA393" s="9">
        <v>38874</v>
      </c>
      <c r="BB393" s="9">
        <v>44433</v>
      </c>
      <c r="BC393" s="9">
        <v>45096</v>
      </c>
      <c r="BD393" s="9">
        <v>47266</v>
      </c>
      <c r="BE393" s="9">
        <v>47499</v>
      </c>
      <c r="BF393" s="9">
        <v>48831</v>
      </c>
      <c r="BG393" s="11">
        <v>35</v>
      </c>
      <c r="BH393" s="13">
        <v>0.28000000000000003</v>
      </c>
      <c r="BI393" s="6">
        <v>19</v>
      </c>
      <c r="BJ393" s="13">
        <v>0.152</v>
      </c>
      <c r="BK393" s="6">
        <v>1</v>
      </c>
      <c r="BL393" s="13">
        <v>6.9444444444444441E-3</v>
      </c>
      <c r="BM393" s="11">
        <v>15</v>
      </c>
      <c r="BN393" s="13">
        <v>0.10344827586206896</v>
      </c>
      <c r="BO393" s="11">
        <v>16</v>
      </c>
      <c r="BP393" s="13">
        <v>0.1111111111111111</v>
      </c>
      <c r="BQ393" s="6">
        <v>125</v>
      </c>
      <c r="BR393" s="6">
        <v>133</v>
      </c>
      <c r="BS393" s="6">
        <v>146</v>
      </c>
      <c r="BT393" s="6">
        <v>144</v>
      </c>
      <c r="BU393" s="6">
        <v>144</v>
      </c>
      <c r="BV393" s="6">
        <v>146</v>
      </c>
      <c r="BW393" s="6">
        <v>145</v>
      </c>
      <c r="BX393" s="6">
        <v>144</v>
      </c>
      <c r="BY393" s="6">
        <v>148</v>
      </c>
      <c r="BZ393" s="6">
        <v>152</v>
      </c>
      <c r="CA393" s="6">
        <v>146</v>
      </c>
      <c r="CB393" s="6">
        <v>164</v>
      </c>
      <c r="CC393" s="11">
        <v>160</v>
      </c>
      <c r="CD393" s="11">
        <v>178</v>
      </c>
      <c r="CE393" s="11">
        <v>114</v>
      </c>
      <c r="CF393" s="11">
        <v>62</v>
      </c>
      <c r="CG393" s="11">
        <v>176</v>
      </c>
      <c r="CH393" s="20">
        <v>0.43</v>
      </c>
      <c r="CI393" s="20">
        <v>0.46</v>
      </c>
      <c r="CJ393" s="20">
        <v>0.43</v>
      </c>
      <c r="CK393" s="20">
        <v>0.45</v>
      </c>
      <c r="CL393" s="20">
        <v>0.48</v>
      </c>
      <c r="CM393" s="20">
        <v>0.5</v>
      </c>
      <c r="CN393" s="20">
        <v>0.4</v>
      </c>
      <c r="CO393" s="20">
        <v>0.37</v>
      </c>
      <c r="CP393" s="20">
        <v>0.4</v>
      </c>
      <c r="CQ393" s="20">
        <v>0.39</v>
      </c>
      <c r="CR393" s="20">
        <v>0.41</v>
      </c>
      <c r="CS393" s="20">
        <v>0.42</v>
      </c>
      <c r="CT393" s="20">
        <v>0.45</v>
      </c>
      <c r="CU393" s="20">
        <v>0.44</v>
      </c>
      <c r="CV393" s="20">
        <v>0.44</v>
      </c>
      <c r="CW393" s="20">
        <v>0.45</v>
      </c>
      <c r="CX393" s="20">
        <v>0.46</v>
      </c>
      <c r="CY393" s="6" t="s">
        <v>449</v>
      </c>
      <c r="CZ393" s="6" t="s">
        <v>450</v>
      </c>
      <c r="DA393" s="6" t="s">
        <v>55</v>
      </c>
      <c r="DB393" s="6"/>
      <c r="DC393" s="6">
        <v>28140</v>
      </c>
      <c r="DD393" s="6">
        <v>312</v>
      </c>
      <c r="DE393" s="6" t="s">
        <v>402</v>
      </c>
      <c r="DF393" s="6" t="s">
        <v>375</v>
      </c>
      <c r="DG393" s="6" t="s">
        <v>364</v>
      </c>
      <c r="DH393" s="6" t="s">
        <v>419</v>
      </c>
      <c r="DI393" s="6" t="s">
        <v>377</v>
      </c>
      <c r="DJ393" s="6">
        <v>29</v>
      </c>
      <c r="DK393" s="6">
        <v>37</v>
      </c>
      <c r="DL393" s="6">
        <v>1</v>
      </c>
      <c r="DM393" s="6" t="s">
        <v>404</v>
      </c>
      <c r="DN393" s="6">
        <v>1</v>
      </c>
      <c r="DO393" s="6" t="s">
        <v>405</v>
      </c>
      <c r="DP393" s="6"/>
      <c r="DQ393" s="6"/>
    </row>
    <row r="394" spans="1:121" x14ac:dyDescent="0.2">
      <c r="A394" s="6" t="s">
        <v>318</v>
      </c>
      <c r="B394" s="6" t="s">
        <v>318</v>
      </c>
      <c r="C394" s="6" t="s">
        <v>187</v>
      </c>
      <c r="D394" s="6" t="s">
        <v>55</v>
      </c>
      <c r="E394" s="6" t="s">
        <v>196</v>
      </c>
      <c r="F394" s="11">
        <v>-80</v>
      </c>
      <c r="G394" s="13">
        <v>-0.46511627907000003</v>
      </c>
      <c r="H394" s="11">
        <v>-41.820878000000022</v>
      </c>
      <c r="I394" s="13">
        <v>-0.24362474742521964</v>
      </c>
      <c r="J394" s="11">
        <v>27.86032400000002</v>
      </c>
      <c r="K394" s="13">
        <v>0.21457400500510784</v>
      </c>
      <c r="L394" s="11">
        <v>-65.484763008500011</v>
      </c>
      <c r="M394" s="13">
        <v>-0.4152476878099452</v>
      </c>
      <c r="N394" s="11">
        <v>-37.624439008499991</v>
      </c>
      <c r="O394" s="13">
        <v>-0.28977504224732797</v>
      </c>
      <c r="P394" s="7">
        <v>171.66104200000001</v>
      </c>
      <c r="Q394" s="7">
        <v>181.84463700000001</v>
      </c>
      <c r="R394" s="7">
        <v>168.51</v>
      </c>
      <c r="S394" s="7">
        <v>123.063892</v>
      </c>
      <c r="T394" s="7">
        <v>117.971706</v>
      </c>
      <c r="U394" s="7">
        <v>91.873095000000006</v>
      </c>
      <c r="V394" s="7">
        <v>129.84016399999999</v>
      </c>
      <c r="W394" s="7">
        <v>132.90084300000001</v>
      </c>
      <c r="X394" s="7">
        <v>178.96828199999999</v>
      </c>
      <c r="Y394" s="7">
        <v>157.70048800000001</v>
      </c>
      <c r="Z394" s="7">
        <v>171.00330700000001</v>
      </c>
      <c r="AA394" s="7">
        <v>141.45759200000001</v>
      </c>
      <c r="AB394" s="7">
        <v>113.11574400000001</v>
      </c>
      <c r="AC394" s="7">
        <v>104.049341</v>
      </c>
      <c r="AD394" s="7">
        <v>102.880842</v>
      </c>
      <c r="AE394" s="7">
        <v>100.52772375000001</v>
      </c>
      <c r="AF394" s="7">
        <v>92.215724991499997</v>
      </c>
      <c r="AG394" s="9">
        <v>9974.915372499996</v>
      </c>
      <c r="AH394" s="13">
        <v>0.35189876090250988</v>
      </c>
      <c r="AI394" s="9">
        <v>1526.0814890999973</v>
      </c>
      <c r="AJ394" s="13">
        <v>5.3837668290508234E-2</v>
      </c>
      <c r="AK394" s="9">
        <v>-5893.3998982999983</v>
      </c>
      <c r="AL394" s="13">
        <v>-0.1972880186177515</v>
      </c>
      <c r="AM394" s="9">
        <v>14342.233781699997</v>
      </c>
      <c r="AN394" s="13">
        <v>0.59812485779258107</v>
      </c>
      <c r="AO394" s="9">
        <v>8448.8338833999987</v>
      </c>
      <c r="AP394" s="13">
        <v>0.28283397109490688</v>
      </c>
      <c r="AQ394" s="9">
        <v>28345.980380600002</v>
      </c>
      <c r="AR394" s="9">
        <v>31782.8494059</v>
      </c>
      <c r="AS394" s="9">
        <v>28675.1598753</v>
      </c>
      <c r="AT394" s="9">
        <v>32458.207917</v>
      </c>
      <c r="AU394" s="9">
        <v>28161.4369749</v>
      </c>
      <c r="AV394" s="9">
        <v>40770.432780700001</v>
      </c>
      <c r="AW394" s="9">
        <v>29872.061869699999</v>
      </c>
      <c r="AX394" s="9">
        <v>32120.1442518</v>
      </c>
      <c r="AY394" s="9">
        <v>23579.3735055</v>
      </c>
      <c r="AZ394" s="9">
        <v>23978.661971400001</v>
      </c>
      <c r="BA394" s="9">
        <v>25615.922787700001</v>
      </c>
      <c r="BB394" s="9">
        <v>29561.5308363</v>
      </c>
      <c r="BC394" s="9">
        <v>38688.759544499997</v>
      </c>
      <c r="BD394" s="9">
        <v>39377.681251299997</v>
      </c>
      <c r="BE394" s="9">
        <v>37008.333960000004</v>
      </c>
      <c r="BF394" s="9">
        <v>38320.895753099998</v>
      </c>
      <c r="BG394" s="11">
        <v>6.5</v>
      </c>
      <c r="BH394" s="13">
        <v>1.3</v>
      </c>
      <c r="BI394" s="6">
        <v>7</v>
      </c>
      <c r="BJ394" s="13">
        <v>1.4</v>
      </c>
      <c r="BK394" s="6">
        <v>3</v>
      </c>
      <c r="BL394" s="13">
        <v>0.25</v>
      </c>
      <c r="BM394" s="11">
        <v>-3.5</v>
      </c>
      <c r="BN394" s="13">
        <v>-0.23333333333333334</v>
      </c>
      <c r="BO394" s="11">
        <v>-0.5</v>
      </c>
      <c r="BP394" s="13">
        <v>-4.1666666666666664E-2</v>
      </c>
      <c r="BQ394" s="6">
        <v>5</v>
      </c>
      <c r="BR394" s="6">
        <v>8</v>
      </c>
      <c r="BS394" s="6">
        <v>10</v>
      </c>
      <c r="BT394" s="6">
        <v>12</v>
      </c>
      <c r="BU394" s="6">
        <v>12</v>
      </c>
      <c r="BV394" s="6">
        <v>14</v>
      </c>
      <c r="BW394" s="6">
        <v>15</v>
      </c>
      <c r="BX394" s="6">
        <v>13</v>
      </c>
      <c r="BY394" s="6">
        <v>13</v>
      </c>
      <c r="BZ394" s="6">
        <v>12</v>
      </c>
      <c r="CA394" s="6">
        <v>12</v>
      </c>
      <c r="CB394" s="6">
        <v>11</v>
      </c>
      <c r="CC394" s="11">
        <v>11.5</v>
      </c>
      <c r="CD394" s="11">
        <v>-134.964</v>
      </c>
      <c r="CE394" s="11">
        <v>36.753999999999998</v>
      </c>
      <c r="CF394" s="11">
        <v>18.764600000000002</v>
      </c>
      <c r="CG394" s="11">
        <v>56</v>
      </c>
      <c r="CH394" s="20">
        <v>0.59796400000000005</v>
      </c>
      <c r="CI394" s="20">
        <v>0.62687899999999996</v>
      </c>
      <c r="CJ394" s="20">
        <v>0.57175500000000001</v>
      </c>
      <c r="CK394" s="20">
        <v>0.396762</v>
      </c>
      <c r="CL394" s="20">
        <v>0.359155</v>
      </c>
      <c r="CM394" s="20">
        <v>0.27264100000000002</v>
      </c>
      <c r="CN394" s="20">
        <v>0.37715700000000002</v>
      </c>
      <c r="CO394" s="20">
        <v>0.37698399999999999</v>
      </c>
      <c r="CP394" s="20">
        <v>0.50188200000000005</v>
      </c>
      <c r="CQ394" s="20">
        <v>0.44903100000000001</v>
      </c>
      <c r="CR394" s="20">
        <v>0.47776999999999997</v>
      </c>
      <c r="CS394" s="20">
        <v>0.37827499999999997</v>
      </c>
      <c r="CT394" s="20">
        <v>0.29185699999999998</v>
      </c>
      <c r="CU394" s="20">
        <v>0.25553599999999999</v>
      </c>
      <c r="CV394" s="20">
        <v>0.24185300000000001</v>
      </c>
      <c r="CW394" s="20">
        <v>0.23389499999999999</v>
      </c>
      <c r="CX394" s="20">
        <v>0.20851700000000001</v>
      </c>
      <c r="CY394" s="6" t="s">
        <v>449</v>
      </c>
      <c r="CZ394" s="6" t="s">
        <v>450</v>
      </c>
      <c r="DA394" s="6" t="s">
        <v>55</v>
      </c>
      <c r="DB394" s="6"/>
      <c r="DC394" s="6">
        <v>28140</v>
      </c>
      <c r="DD394" s="6">
        <v>312</v>
      </c>
      <c r="DE394" s="6" t="s">
        <v>402</v>
      </c>
      <c r="DF394" s="6" t="s">
        <v>375</v>
      </c>
      <c r="DG394" s="6" t="s">
        <v>364</v>
      </c>
      <c r="DH394" s="6" t="s">
        <v>419</v>
      </c>
      <c r="DI394" s="6" t="s">
        <v>377</v>
      </c>
      <c r="DJ394" s="6">
        <v>29</v>
      </c>
      <c r="DK394" s="6">
        <v>37</v>
      </c>
      <c r="DL394" s="6">
        <v>1</v>
      </c>
      <c r="DM394" s="6" t="s">
        <v>404</v>
      </c>
      <c r="DN394" s="6">
        <v>1</v>
      </c>
      <c r="DO394" s="6" t="s">
        <v>405</v>
      </c>
      <c r="DP394" s="6"/>
      <c r="DQ394" s="6"/>
    </row>
    <row r="395" spans="1:121" x14ac:dyDescent="0.2">
      <c r="A395" s="6" t="s">
        <v>319</v>
      </c>
      <c r="B395" s="6" t="s">
        <v>319</v>
      </c>
      <c r="C395" s="6" t="s">
        <v>188</v>
      </c>
      <c r="D395" s="6" t="s">
        <v>55</v>
      </c>
      <c r="E395" s="6" t="s">
        <v>196</v>
      </c>
      <c r="F395" s="11">
        <v>535</v>
      </c>
      <c r="G395" s="13">
        <v>0.58469945355200004</v>
      </c>
      <c r="H395" s="11">
        <v>144.59404676099996</v>
      </c>
      <c r="I395" s="13">
        <v>0.15810029221885133</v>
      </c>
      <c r="J395" s="11">
        <v>134.71110053000007</v>
      </c>
      <c r="K395" s="13">
        <v>0.12718604805828934</v>
      </c>
      <c r="L395" s="11">
        <v>256.55559234999987</v>
      </c>
      <c r="M395" s="13">
        <v>0.21489285217852599</v>
      </c>
      <c r="N395" s="11">
        <v>391.26669287999994</v>
      </c>
      <c r="O395" s="13">
        <v>0.36941027286137634</v>
      </c>
      <c r="P395" s="7">
        <v>914.57166037900004</v>
      </c>
      <c r="Q395" s="7">
        <v>1040.91131163</v>
      </c>
      <c r="R395" s="7">
        <v>1002.7555092600001</v>
      </c>
      <c r="S395" s="7">
        <v>1013.88986801</v>
      </c>
      <c r="T395" s="7">
        <v>1111.68329305</v>
      </c>
      <c r="U395" s="7">
        <v>1162.9637903299999</v>
      </c>
      <c r="V395" s="7">
        <v>1059.16570714</v>
      </c>
      <c r="W395" s="7">
        <v>1020.83476435</v>
      </c>
      <c r="X395" s="7">
        <v>1017.9192374199999</v>
      </c>
      <c r="Y395" s="7">
        <v>1193.8768076700001</v>
      </c>
      <c r="Z395" s="7">
        <v>1283.2185861</v>
      </c>
      <c r="AA395" s="7">
        <v>1370.96299957</v>
      </c>
      <c r="AB395" s="7">
        <v>1293.9500706399999</v>
      </c>
      <c r="AC395" s="7">
        <v>1303.8912478699999</v>
      </c>
      <c r="AD395" s="7">
        <v>1344.6321393400001</v>
      </c>
      <c r="AE395" s="7">
        <v>1403.2354923299999</v>
      </c>
      <c r="AF395" s="7">
        <v>1450.4324000199999</v>
      </c>
      <c r="AG395" s="9">
        <v>7877.2179235000003</v>
      </c>
      <c r="AH395" s="13">
        <v>0.34932188441024098</v>
      </c>
      <c r="AI395" s="9">
        <v>1800.9131784000019</v>
      </c>
      <c r="AJ395" s="13">
        <v>7.9863016517690122E-2</v>
      </c>
      <c r="AK395" s="9">
        <v>1161.1899161000001</v>
      </c>
      <c r="AL395" s="13">
        <v>4.7685629705342222E-2</v>
      </c>
      <c r="AM395" s="9">
        <v>4915.1148289999983</v>
      </c>
      <c r="AN395" s="13">
        <v>0.19265795571358857</v>
      </c>
      <c r="AO395" s="9">
        <v>6076.3047450999984</v>
      </c>
      <c r="AP395" s="13">
        <v>0.24953060135487715</v>
      </c>
      <c r="AQ395" s="9">
        <v>22550.026995299999</v>
      </c>
      <c r="AR395" s="9">
        <v>21911.3045055</v>
      </c>
      <c r="AS395" s="9">
        <v>22531.016276300001</v>
      </c>
      <c r="AT395" s="9">
        <v>23102.647729100001</v>
      </c>
      <c r="AU395" s="9">
        <v>25817.0768604</v>
      </c>
      <c r="AV395" s="9">
        <v>26434.012908000001</v>
      </c>
      <c r="AW395" s="9">
        <v>24350.940173700001</v>
      </c>
      <c r="AX395" s="9">
        <v>25172.922596799999</v>
      </c>
      <c r="AY395" s="9">
        <v>26531.895522800001</v>
      </c>
      <c r="AZ395" s="9">
        <v>25512.130089800001</v>
      </c>
      <c r="BA395" s="9">
        <v>25337.894876499999</v>
      </c>
      <c r="BB395" s="9">
        <v>25993.0047294</v>
      </c>
      <c r="BC395" s="9">
        <v>26694.0275812</v>
      </c>
      <c r="BD395" s="9">
        <v>27789.022008399999</v>
      </c>
      <c r="BE395" s="9">
        <v>29341.110357900001</v>
      </c>
      <c r="BF395" s="9">
        <v>30427.244918799999</v>
      </c>
      <c r="BG395" s="11">
        <v>56.25</v>
      </c>
      <c r="BH395" s="13">
        <v>0.52570093457943923</v>
      </c>
      <c r="BI395" s="6">
        <v>25</v>
      </c>
      <c r="BJ395" s="13">
        <v>0.23364485981308411</v>
      </c>
      <c r="BK395" s="6">
        <v>4</v>
      </c>
      <c r="BL395" s="13">
        <v>3.0303030303030304E-2</v>
      </c>
      <c r="BM395" s="11">
        <v>27.25</v>
      </c>
      <c r="BN395" s="13">
        <v>0.20036764705882354</v>
      </c>
      <c r="BO395" s="11">
        <v>31.25</v>
      </c>
      <c r="BP395" s="13">
        <v>0.23674242424242425</v>
      </c>
      <c r="BQ395" s="6">
        <v>107</v>
      </c>
      <c r="BR395" s="6">
        <v>118</v>
      </c>
      <c r="BS395" s="6">
        <v>121</v>
      </c>
      <c r="BT395" s="6">
        <v>132</v>
      </c>
      <c r="BU395" s="6">
        <v>135</v>
      </c>
      <c r="BV395" s="6">
        <v>131</v>
      </c>
      <c r="BW395" s="6">
        <v>136</v>
      </c>
      <c r="BX395" s="6">
        <v>143</v>
      </c>
      <c r="BY395" s="6">
        <v>141</v>
      </c>
      <c r="BZ395" s="6">
        <v>148</v>
      </c>
      <c r="CA395" s="6">
        <v>150</v>
      </c>
      <c r="CB395" s="6">
        <v>158</v>
      </c>
      <c r="CC395" s="11">
        <v>163.25</v>
      </c>
      <c r="CD395" s="11">
        <v>353.601</v>
      </c>
      <c r="CE395" s="11">
        <v>82.286299999999997</v>
      </c>
      <c r="CF395" s="11">
        <v>99.973699999999994</v>
      </c>
      <c r="CG395" s="11">
        <v>182</v>
      </c>
      <c r="CH395" s="20">
        <v>0.649474</v>
      </c>
      <c r="CI395" s="20">
        <v>0.72440099999999996</v>
      </c>
      <c r="CJ395" s="20">
        <v>0.674647</v>
      </c>
      <c r="CK395" s="20">
        <v>0.64058999999999999</v>
      </c>
      <c r="CL395" s="20">
        <v>0.65856899999999996</v>
      </c>
      <c r="CM395" s="20">
        <v>0.66849999999999998</v>
      </c>
      <c r="CN395" s="20">
        <v>0.60846199999999995</v>
      </c>
      <c r="CO395" s="20">
        <v>0.61708200000000002</v>
      </c>
      <c r="CP395" s="20">
        <v>0.65486900000000003</v>
      </c>
      <c r="CQ395" s="20">
        <v>0.75804499999999997</v>
      </c>
      <c r="CR395" s="20">
        <v>0.79510999999999998</v>
      </c>
      <c r="CS395" s="20">
        <v>0.82350299999999999</v>
      </c>
      <c r="CT395" s="20">
        <v>0.75848099999999996</v>
      </c>
      <c r="CU395" s="20">
        <v>0.72657899999999997</v>
      </c>
      <c r="CV395" s="20">
        <v>0.71526400000000001</v>
      </c>
      <c r="CW395" s="20">
        <v>0.73544600000000004</v>
      </c>
      <c r="CX395" s="20">
        <v>0.737819</v>
      </c>
      <c r="CY395" s="6" t="s">
        <v>449</v>
      </c>
      <c r="CZ395" s="6" t="s">
        <v>450</v>
      </c>
      <c r="DA395" s="6" t="s">
        <v>55</v>
      </c>
      <c r="DB395" s="6"/>
      <c r="DC395" s="6">
        <v>28140</v>
      </c>
      <c r="DD395" s="6">
        <v>312</v>
      </c>
      <c r="DE395" s="6" t="s">
        <v>402</v>
      </c>
      <c r="DF395" s="6" t="s">
        <v>375</v>
      </c>
      <c r="DG395" s="6" t="s">
        <v>364</v>
      </c>
      <c r="DH395" s="6" t="s">
        <v>419</v>
      </c>
      <c r="DI395" s="6" t="s">
        <v>377</v>
      </c>
      <c r="DJ395" s="6">
        <v>29</v>
      </c>
      <c r="DK395" s="6">
        <v>37</v>
      </c>
      <c r="DL395" s="6">
        <v>1</v>
      </c>
      <c r="DM395" s="6" t="s">
        <v>404</v>
      </c>
      <c r="DN395" s="6">
        <v>1</v>
      </c>
      <c r="DO395" s="6" t="s">
        <v>405</v>
      </c>
      <c r="DP395" s="6"/>
      <c r="DQ395" s="6"/>
    </row>
    <row r="396" spans="1:121" x14ac:dyDescent="0.2">
      <c r="A396" s="6" t="s">
        <v>320</v>
      </c>
      <c r="B396" s="6" t="s">
        <v>320</v>
      </c>
      <c r="C396" s="6" t="s">
        <v>189</v>
      </c>
      <c r="D396" s="6" t="s">
        <v>55</v>
      </c>
      <c r="E396" s="6" t="s">
        <v>196</v>
      </c>
      <c r="F396" s="11">
        <v>90</v>
      </c>
      <c r="G396" s="13">
        <v>0.55900621118000005</v>
      </c>
      <c r="H396" s="11">
        <v>114.75556190200001</v>
      </c>
      <c r="I396" s="13">
        <v>0.71273838539301604</v>
      </c>
      <c r="J396" s="11">
        <v>113.30175320699999</v>
      </c>
      <c r="K396" s="13">
        <v>0.41086770293041752</v>
      </c>
      <c r="L396" s="11">
        <v>-138.219988503</v>
      </c>
      <c r="M396" s="13">
        <v>-0.3552629637719017</v>
      </c>
      <c r="N396" s="11">
        <v>-24.918235296000006</v>
      </c>
      <c r="O396" s="13">
        <v>-9.0361338702697552E-2</v>
      </c>
      <c r="P396" s="7">
        <v>161.00656882499999</v>
      </c>
      <c r="Q396" s="7">
        <v>67.680294573799998</v>
      </c>
      <c r="R396" s="7">
        <v>175.74955232400001</v>
      </c>
      <c r="S396" s="7">
        <v>212.24193722499999</v>
      </c>
      <c r="T396" s="7">
        <v>226.20218410499999</v>
      </c>
      <c r="U396" s="7">
        <v>215.884345346</v>
      </c>
      <c r="V396" s="7">
        <v>275.762130727</v>
      </c>
      <c r="W396" s="7">
        <v>298.69517863599998</v>
      </c>
      <c r="X396" s="7">
        <v>328.18999628</v>
      </c>
      <c r="Y396" s="7">
        <v>389.06388393399999</v>
      </c>
      <c r="Z396" s="7">
        <v>480.66241298</v>
      </c>
      <c r="AA396" s="7">
        <v>241.724933843</v>
      </c>
      <c r="AB396" s="7">
        <v>253.255943038</v>
      </c>
      <c r="AC396" s="7">
        <v>247.20116891999999</v>
      </c>
      <c r="AD396" s="7">
        <v>258.48678074999998</v>
      </c>
      <c r="AE396" s="7">
        <v>247.41974885799999</v>
      </c>
      <c r="AF396" s="7">
        <v>250.84389543099999</v>
      </c>
      <c r="AG396" s="9">
        <v>4911.5257326999999</v>
      </c>
      <c r="AH396" s="13">
        <v>0.30212291968181876</v>
      </c>
      <c r="AI396" s="9">
        <v>7320.3644793999993</v>
      </c>
      <c r="AJ396" s="13">
        <v>0.45029793388369366</v>
      </c>
      <c r="AK396" s="9">
        <v>9918.3397624999998</v>
      </c>
      <c r="AL396" s="13">
        <v>0.42067722688740816</v>
      </c>
      <c r="AM396" s="9">
        <v>-12327.178509199999</v>
      </c>
      <c r="AN396" s="13">
        <v>-0.36802581838712056</v>
      </c>
      <c r="AO396" s="9">
        <v>-2408.8387466999993</v>
      </c>
      <c r="AP396" s="13">
        <v>-0.1021686722017752</v>
      </c>
      <c r="AQ396" s="9">
        <v>16256.7134525</v>
      </c>
      <c r="AR396" s="9">
        <v>18208.329055599999</v>
      </c>
      <c r="AS396" s="9">
        <v>16369.237308199999</v>
      </c>
      <c r="AT396" s="9">
        <v>17323.237237199999</v>
      </c>
      <c r="AU396" s="9">
        <v>17081.376343100001</v>
      </c>
      <c r="AV396" s="9">
        <v>17764.985528599998</v>
      </c>
      <c r="AW396" s="9">
        <v>23577.077931899999</v>
      </c>
      <c r="AX396" s="9">
        <v>25271.4266556</v>
      </c>
      <c r="AY396" s="9">
        <v>30816.365083299999</v>
      </c>
      <c r="AZ396" s="9">
        <v>33495.417694399999</v>
      </c>
      <c r="BA396" s="9">
        <v>32071.801770999999</v>
      </c>
      <c r="BB396" s="9">
        <v>19833.1076011</v>
      </c>
      <c r="BC396" s="9">
        <v>22352.773687299999</v>
      </c>
      <c r="BD396" s="9">
        <v>22711.369909000001</v>
      </c>
      <c r="BE396" s="9">
        <v>22292.082740000002</v>
      </c>
      <c r="BF396" s="9">
        <v>21168.2391852</v>
      </c>
      <c r="BG396" s="11">
        <v>3</v>
      </c>
      <c r="BH396" s="13">
        <v>0.21428571428571427</v>
      </c>
      <c r="BI396" s="6">
        <v>1</v>
      </c>
      <c r="BJ396" s="13">
        <v>7.1428571428571425E-2</v>
      </c>
      <c r="BK396" s="6">
        <v>-1</v>
      </c>
      <c r="BL396" s="13">
        <v>-6.6666666666666666E-2</v>
      </c>
      <c r="BM396" s="11">
        <v>3</v>
      </c>
      <c r="BN396" s="13">
        <v>0.21428571428571427</v>
      </c>
      <c r="BO396" s="11">
        <v>2</v>
      </c>
      <c r="BP396" s="13">
        <v>0.13333333333333333</v>
      </c>
      <c r="BQ396" s="6">
        <v>14</v>
      </c>
      <c r="BR396" s="6">
        <v>14</v>
      </c>
      <c r="BS396" s="6">
        <v>14</v>
      </c>
      <c r="BT396" s="6">
        <v>15</v>
      </c>
      <c r="BU396" s="6">
        <v>14</v>
      </c>
      <c r="BV396" s="6">
        <v>12</v>
      </c>
      <c r="BW396" s="6">
        <v>14</v>
      </c>
      <c r="BX396" s="6">
        <v>15</v>
      </c>
      <c r="BY396" s="6">
        <v>15</v>
      </c>
      <c r="BZ396" s="6">
        <v>16</v>
      </c>
      <c r="CA396" s="6">
        <v>16</v>
      </c>
      <c r="CB396" s="6">
        <v>17</v>
      </c>
      <c r="CC396" s="11">
        <v>17</v>
      </c>
      <c r="CD396" s="11">
        <v>13.9361</v>
      </c>
      <c r="CE396" s="11">
        <v>58.301299999999998</v>
      </c>
      <c r="CF396" s="11">
        <v>17.600000000000001</v>
      </c>
      <c r="CG396" s="11">
        <v>76</v>
      </c>
      <c r="CH396" s="20">
        <v>0.34270800000000001</v>
      </c>
      <c r="CI396" s="20">
        <v>0.134912</v>
      </c>
      <c r="CJ396" s="20">
        <v>0.32891199999999998</v>
      </c>
      <c r="CK396" s="20">
        <v>0.37158999999999998</v>
      </c>
      <c r="CL396" s="20">
        <v>0.37964500000000001</v>
      </c>
      <c r="CM396" s="20">
        <v>0.353298</v>
      </c>
      <c r="CN396" s="20">
        <v>0.44397799999999998</v>
      </c>
      <c r="CO396" s="20">
        <v>0.47031200000000001</v>
      </c>
      <c r="CP396" s="20">
        <v>0.48688999999999999</v>
      </c>
      <c r="CQ396" s="20">
        <v>0.57393899999999998</v>
      </c>
      <c r="CR396" s="20">
        <v>0.69701900000000006</v>
      </c>
      <c r="CS396" s="20">
        <v>0.34309099999999998</v>
      </c>
      <c r="CT396" s="20">
        <v>0.35536299999999998</v>
      </c>
      <c r="CU396" s="20">
        <v>0.33369599999999999</v>
      </c>
      <c r="CV396" s="20">
        <v>0.33668999999999999</v>
      </c>
      <c r="CW396" s="20">
        <v>0.31794299999999998</v>
      </c>
      <c r="CX396" s="20">
        <v>0.31173099999999998</v>
      </c>
      <c r="CY396" s="6" t="s">
        <v>449</v>
      </c>
      <c r="CZ396" s="6" t="s">
        <v>450</v>
      </c>
      <c r="DA396" s="6" t="s">
        <v>55</v>
      </c>
      <c r="DB396" s="6"/>
      <c r="DC396" s="6">
        <v>28140</v>
      </c>
      <c r="DD396" s="6">
        <v>312</v>
      </c>
      <c r="DE396" s="6" t="s">
        <v>402</v>
      </c>
      <c r="DF396" s="6" t="s">
        <v>375</v>
      </c>
      <c r="DG396" s="6" t="s">
        <v>364</v>
      </c>
      <c r="DH396" s="6" t="s">
        <v>419</v>
      </c>
      <c r="DI396" s="6" t="s">
        <v>377</v>
      </c>
      <c r="DJ396" s="6">
        <v>29</v>
      </c>
      <c r="DK396" s="6">
        <v>37</v>
      </c>
      <c r="DL396" s="6">
        <v>1</v>
      </c>
      <c r="DM396" s="6" t="s">
        <v>404</v>
      </c>
      <c r="DN396" s="6">
        <v>1</v>
      </c>
      <c r="DO396" s="6" t="s">
        <v>405</v>
      </c>
      <c r="DP396" s="6"/>
      <c r="DQ396" s="6"/>
    </row>
    <row r="397" spans="1:121" x14ac:dyDescent="0.2">
      <c r="A397" s="6" t="s">
        <v>321</v>
      </c>
      <c r="B397" s="6" t="s">
        <v>321</v>
      </c>
      <c r="C397" s="6" t="s">
        <v>190</v>
      </c>
      <c r="D397" s="6" t="s">
        <v>55</v>
      </c>
      <c r="E397" s="6" t="s">
        <v>196</v>
      </c>
      <c r="F397" s="11">
        <v>1160</v>
      </c>
      <c r="G397" s="13">
        <v>0.58645096056599999</v>
      </c>
      <c r="H397" s="11">
        <v>592.49929038999971</v>
      </c>
      <c r="I397" s="13">
        <v>0.29952605079095856</v>
      </c>
      <c r="J397" s="11">
        <v>209.43482951000033</v>
      </c>
      <c r="K397" s="13">
        <v>8.1472432567449862E-2</v>
      </c>
      <c r="L397" s="11">
        <v>357.4639164199998</v>
      </c>
      <c r="M397" s="13">
        <v>0.12858151298723816</v>
      </c>
      <c r="N397" s="11">
        <v>566.89874593000013</v>
      </c>
      <c r="O397" s="13">
        <v>0.22052979420096144</v>
      </c>
      <c r="P397" s="7">
        <v>1978.1227336500001</v>
      </c>
      <c r="Q397" s="7">
        <v>1954.53981845</v>
      </c>
      <c r="R397" s="7">
        <v>2202.3496434200001</v>
      </c>
      <c r="S397" s="7">
        <v>2349.4176437800002</v>
      </c>
      <c r="T397" s="7">
        <v>2395.3340174999998</v>
      </c>
      <c r="U397" s="7">
        <v>2452.1035908700001</v>
      </c>
      <c r="V397" s="7">
        <v>2570.6220240399998</v>
      </c>
      <c r="W397" s="7">
        <v>2682.0764432999999</v>
      </c>
      <c r="X397" s="7">
        <v>2805.8334258199998</v>
      </c>
      <c r="Y397" s="7">
        <v>2780.0568535500001</v>
      </c>
      <c r="Z397" s="7">
        <v>2768.69794456</v>
      </c>
      <c r="AA397" s="7">
        <v>2979.7501940699999</v>
      </c>
      <c r="AB397" s="7">
        <v>2949.84617961</v>
      </c>
      <c r="AC397" s="7">
        <v>2954.5874457499999</v>
      </c>
      <c r="AD397" s="7">
        <v>2980.3683282100001</v>
      </c>
      <c r="AE397" s="7">
        <v>3040.5845143800002</v>
      </c>
      <c r="AF397" s="7">
        <v>3137.5207699699999</v>
      </c>
      <c r="AG397" s="9">
        <v>13994.947061799998</v>
      </c>
      <c r="AH397" s="13">
        <v>0.55488684132775912</v>
      </c>
      <c r="AI397" s="9">
        <v>7680.9399512000018</v>
      </c>
      <c r="AJ397" s="13">
        <v>0.30454223864719543</v>
      </c>
      <c r="AK397" s="9">
        <v>5749.9761135999943</v>
      </c>
      <c r="AL397" s="13">
        <v>0.17475960774365795</v>
      </c>
      <c r="AM397" s="9">
        <v>564.03099700000166</v>
      </c>
      <c r="AN397" s="13">
        <v>1.45924759736548E-2</v>
      </c>
      <c r="AO397" s="9">
        <v>6314.0071105999959</v>
      </c>
      <c r="AP397" s="13">
        <v>0.19190225909447745</v>
      </c>
      <c r="AQ397" s="9">
        <v>25221.263182800001</v>
      </c>
      <c r="AR397" s="9">
        <v>25975.370777600001</v>
      </c>
      <c r="AS397" s="9">
        <v>28267.4519339</v>
      </c>
      <c r="AT397" s="9">
        <v>29016.9037555</v>
      </c>
      <c r="AU397" s="9">
        <v>29144.981224300001</v>
      </c>
      <c r="AV397" s="9">
        <v>30818.575793</v>
      </c>
      <c r="AW397" s="9">
        <v>32902.203134000003</v>
      </c>
      <c r="AX397" s="9">
        <v>34922.575173899997</v>
      </c>
      <c r="AY397" s="9">
        <v>36625.192600000002</v>
      </c>
      <c r="AZ397" s="9">
        <v>38652.179247599997</v>
      </c>
      <c r="BA397" s="9">
        <v>38341.918589000001</v>
      </c>
      <c r="BB397" s="9">
        <v>38068.3243334</v>
      </c>
      <c r="BC397" s="9">
        <v>36030.516243500002</v>
      </c>
      <c r="BD397" s="9">
        <v>37272.782257500003</v>
      </c>
      <c r="BE397" s="9">
        <v>38334.932329700001</v>
      </c>
      <c r="BF397" s="9">
        <v>39216.210244599999</v>
      </c>
      <c r="BG397" s="11">
        <v>135.5</v>
      </c>
      <c r="BH397" s="13">
        <v>1.2207207207207207</v>
      </c>
      <c r="BI397" s="6">
        <v>3</v>
      </c>
      <c r="BJ397" s="13">
        <v>2.7027027027027029E-2</v>
      </c>
      <c r="BK397" s="6">
        <v>11</v>
      </c>
      <c r="BL397" s="13">
        <v>9.6491228070175433E-2</v>
      </c>
      <c r="BM397" s="11">
        <v>121.5</v>
      </c>
      <c r="BN397" s="13">
        <v>0.97199999999999998</v>
      </c>
      <c r="BO397" s="11">
        <v>132.5</v>
      </c>
      <c r="BP397" s="13">
        <v>1.1622807017543859</v>
      </c>
      <c r="BQ397" s="6">
        <v>111</v>
      </c>
      <c r="BR397" s="6">
        <v>105</v>
      </c>
      <c r="BS397" s="6">
        <v>111</v>
      </c>
      <c r="BT397" s="6">
        <v>114</v>
      </c>
      <c r="BU397" s="6">
        <v>120</v>
      </c>
      <c r="BV397" s="6">
        <v>121</v>
      </c>
      <c r="BW397" s="6">
        <v>125</v>
      </c>
      <c r="BX397" s="6">
        <v>127</v>
      </c>
      <c r="BY397" s="6">
        <v>140</v>
      </c>
      <c r="BZ397" s="6">
        <v>225</v>
      </c>
      <c r="CA397" s="6">
        <v>228</v>
      </c>
      <c r="CB397" s="6">
        <v>244</v>
      </c>
      <c r="CC397" s="11">
        <v>246.5</v>
      </c>
      <c r="CD397" s="11">
        <v>222.79900000000001</v>
      </c>
      <c r="CE397" s="11">
        <v>720.36599999999999</v>
      </c>
      <c r="CF397" s="11">
        <v>216.233</v>
      </c>
      <c r="CG397" s="11">
        <v>936</v>
      </c>
      <c r="CH397" s="20">
        <v>0.85255000000000003</v>
      </c>
      <c r="CI397" s="20">
        <v>0.79462999999999995</v>
      </c>
      <c r="CJ397" s="20">
        <v>0.83916999999999997</v>
      </c>
      <c r="CK397" s="20">
        <v>0.85107200000000005</v>
      </c>
      <c r="CL397" s="20">
        <v>0.82280200000000003</v>
      </c>
      <c r="CM397" s="20">
        <v>0.81870900000000002</v>
      </c>
      <c r="CN397" s="20">
        <v>0.84250999999999998</v>
      </c>
      <c r="CO397" s="20">
        <v>0.86258000000000001</v>
      </c>
      <c r="CP397" s="20">
        <v>0.85676399999999997</v>
      </c>
      <c r="CQ397" s="20">
        <v>0.84940800000000005</v>
      </c>
      <c r="CR397" s="20">
        <v>0.84641</v>
      </c>
      <c r="CS397" s="20">
        <v>0.87691699999999995</v>
      </c>
      <c r="CT397" s="20">
        <v>0.85371399999999997</v>
      </c>
      <c r="CU397" s="20">
        <v>0.82430400000000004</v>
      </c>
      <c r="CV397" s="20">
        <v>0.79432800000000003</v>
      </c>
      <c r="CW397" s="20">
        <v>0.794678</v>
      </c>
      <c r="CX397" s="20">
        <v>0.78838900000000001</v>
      </c>
      <c r="CY397" s="6" t="s">
        <v>449</v>
      </c>
      <c r="CZ397" s="6" t="s">
        <v>450</v>
      </c>
      <c r="DA397" s="6" t="s">
        <v>55</v>
      </c>
      <c r="DB397" s="6"/>
      <c r="DC397" s="6">
        <v>28140</v>
      </c>
      <c r="DD397" s="6">
        <v>312</v>
      </c>
      <c r="DE397" s="6" t="s">
        <v>402</v>
      </c>
      <c r="DF397" s="6" t="s">
        <v>375</v>
      </c>
      <c r="DG397" s="6" t="s">
        <v>364</v>
      </c>
      <c r="DH397" s="6" t="s">
        <v>419</v>
      </c>
      <c r="DI397" s="6" t="s">
        <v>377</v>
      </c>
      <c r="DJ397" s="6">
        <v>29</v>
      </c>
      <c r="DK397" s="6">
        <v>37</v>
      </c>
      <c r="DL397" s="6">
        <v>1</v>
      </c>
      <c r="DM397" s="6" t="s">
        <v>404</v>
      </c>
      <c r="DN397" s="6">
        <v>1</v>
      </c>
      <c r="DO397" s="6" t="s">
        <v>405</v>
      </c>
      <c r="DP397" s="6"/>
      <c r="DQ397" s="6"/>
    </row>
    <row r="398" spans="1:121" x14ac:dyDescent="0.2">
      <c r="A398" s="6" t="s">
        <v>322</v>
      </c>
      <c r="B398" s="6" t="s">
        <v>322</v>
      </c>
      <c r="C398" s="6" t="s">
        <v>191</v>
      </c>
      <c r="D398" s="6" t="s">
        <v>55</v>
      </c>
      <c r="E398" s="6" t="s">
        <v>196</v>
      </c>
      <c r="F398" s="11">
        <v>-37</v>
      </c>
      <c r="G398" s="13">
        <v>-0.12</v>
      </c>
      <c r="H398" s="11">
        <v>5</v>
      </c>
      <c r="I398" s="13">
        <v>1.5923566878980892E-2</v>
      </c>
      <c r="J398" s="11">
        <v>-39</v>
      </c>
      <c r="K398" s="13">
        <v>-0.12225705329153604</v>
      </c>
      <c r="L398" s="11">
        <v>-3</v>
      </c>
      <c r="M398" s="13">
        <v>-1.0714285714285714E-2</v>
      </c>
      <c r="N398" s="11">
        <v>-42</v>
      </c>
      <c r="O398" s="13">
        <v>-0.13166144200626961</v>
      </c>
      <c r="P398" s="7">
        <v>314</v>
      </c>
      <c r="Q398" s="7">
        <v>294</v>
      </c>
      <c r="R398" s="7">
        <v>240</v>
      </c>
      <c r="S398" s="7">
        <v>254</v>
      </c>
      <c r="T398" s="7">
        <v>250</v>
      </c>
      <c r="U398" s="7">
        <v>362</v>
      </c>
      <c r="V398" s="7">
        <v>319</v>
      </c>
      <c r="W398" s="7">
        <v>309</v>
      </c>
      <c r="X398" s="7">
        <v>291</v>
      </c>
      <c r="Y398" s="7">
        <v>280</v>
      </c>
      <c r="Z398" s="7">
        <v>271</v>
      </c>
      <c r="AA398" s="7">
        <v>263</v>
      </c>
      <c r="AB398" s="7">
        <v>247</v>
      </c>
      <c r="AC398" s="7">
        <v>263</v>
      </c>
      <c r="AD398" s="7">
        <v>278</v>
      </c>
      <c r="AE398" s="7">
        <v>277</v>
      </c>
      <c r="AF398" s="7">
        <v>277</v>
      </c>
      <c r="AG398" s="9">
        <v>5353</v>
      </c>
      <c r="AH398" s="13">
        <v>0.29392708104546456</v>
      </c>
      <c r="AI398" s="9">
        <v>500</v>
      </c>
      <c r="AJ398" s="13">
        <v>2.745442565341533E-2</v>
      </c>
      <c r="AK398" s="9">
        <v>848</v>
      </c>
      <c r="AL398" s="13">
        <v>4.5318512184694314E-2</v>
      </c>
      <c r="AM398" s="9">
        <v>4005</v>
      </c>
      <c r="AN398" s="13">
        <v>0.20475460122699388</v>
      </c>
      <c r="AO398" s="9">
        <v>4853</v>
      </c>
      <c r="AP398" s="13">
        <v>0.25935228730226595</v>
      </c>
      <c r="AQ398" s="9">
        <v>18212</v>
      </c>
      <c r="AR398" s="9">
        <v>16776</v>
      </c>
      <c r="AS398" s="9">
        <v>14800</v>
      </c>
      <c r="AT398" s="9">
        <v>14832</v>
      </c>
      <c r="AU398" s="9">
        <v>14176</v>
      </c>
      <c r="AV398" s="9">
        <v>17473</v>
      </c>
      <c r="AW398" s="9">
        <v>18712</v>
      </c>
      <c r="AX398" s="9">
        <v>19162</v>
      </c>
      <c r="AY398" s="9">
        <v>18830</v>
      </c>
      <c r="AZ398" s="9">
        <v>19560</v>
      </c>
      <c r="BA398" s="9">
        <v>19690</v>
      </c>
      <c r="BB398" s="9">
        <v>20810</v>
      </c>
      <c r="BC398" s="9">
        <v>21864</v>
      </c>
      <c r="BD398" s="9">
        <v>23323</v>
      </c>
      <c r="BE398" s="9">
        <v>23233</v>
      </c>
      <c r="BF398" s="9">
        <v>23565</v>
      </c>
      <c r="BG398" s="11">
        <v>-4</v>
      </c>
      <c r="BH398" s="13">
        <v>-0.23529411764705882</v>
      </c>
      <c r="BI398" s="6">
        <v>0</v>
      </c>
      <c r="BJ398" s="13">
        <v>0</v>
      </c>
      <c r="BK398" s="6">
        <v>1</v>
      </c>
      <c r="BL398" s="13">
        <v>5.8823529411764705E-2</v>
      </c>
      <c r="BM398" s="11">
        <v>-5</v>
      </c>
      <c r="BN398" s="13">
        <v>-0.27777777777777779</v>
      </c>
      <c r="BO398" s="11">
        <v>-4</v>
      </c>
      <c r="BP398" s="13">
        <v>-0.23529411764705882</v>
      </c>
      <c r="BQ398" s="6">
        <v>17</v>
      </c>
      <c r="BR398" s="6">
        <v>16</v>
      </c>
      <c r="BS398" s="6">
        <v>18</v>
      </c>
      <c r="BT398" s="6">
        <v>17</v>
      </c>
      <c r="BU398" s="6">
        <v>18</v>
      </c>
      <c r="BV398" s="6">
        <v>16</v>
      </c>
      <c r="BW398" s="6">
        <v>18</v>
      </c>
      <c r="BX398" s="6">
        <v>19</v>
      </c>
      <c r="BY398" s="6">
        <v>16</v>
      </c>
      <c r="BZ398" s="6">
        <v>15</v>
      </c>
      <c r="CA398" s="6">
        <v>12</v>
      </c>
      <c r="CB398" s="6">
        <v>12</v>
      </c>
      <c r="CC398" s="11">
        <v>13</v>
      </c>
      <c r="CD398" s="11">
        <v>-128</v>
      </c>
      <c r="CE398" s="11">
        <v>57</v>
      </c>
      <c r="CF398" s="11">
        <v>34</v>
      </c>
      <c r="CG398" s="11">
        <v>91</v>
      </c>
      <c r="CH398" s="20">
        <v>0.88</v>
      </c>
      <c r="CI398" s="20">
        <v>0.8</v>
      </c>
      <c r="CJ398" s="20">
        <v>0.62</v>
      </c>
      <c r="CK398" s="20">
        <v>0.62</v>
      </c>
      <c r="CL398" s="20">
        <v>0.57999999999999996</v>
      </c>
      <c r="CM398" s="20">
        <v>0.83</v>
      </c>
      <c r="CN398" s="20">
        <v>0.72</v>
      </c>
      <c r="CO398" s="20">
        <v>0.7</v>
      </c>
      <c r="CP398" s="20">
        <v>0.65</v>
      </c>
      <c r="CQ398" s="20">
        <v>0.64</v>
      </c>
      <c r="CR398" s="20">
        <v>0.62</v>
      </c>
      <c r="CS398" s="20">
        <v>0.59</v>
      </c>
      <c r="CT398" s="20">
        <v>0.54</v>
      </c>
      <c r="CU398" s="20">
        <v>0.55000000000000004</v>
      </c>
      <c r="CV398" s="20">
        <v>0.55000000000000004</v>
      </c>
      <c r="CW398" s="20">
        <v>0.53</v>
      </c>
      <c r="CX398" s="20">
        <v>0.52</v>
      </c>
      <c r="CY398" s="6" t="s">
        <v>449</v>
      </c>
      <c r="CZ398" s="6" t="s">
        <v>450</v>
      </c>
      <c r="DA398" s="6" t="s">
        <v>55</v>
      </c>
      <c r="DB398" s="6"/>
      <c r="DC398" s="6">
        <v>28140</v>
      </c>
      <c r="DD398" s="6">
        <v>312</v>
      </c>
      <c r="DE398" s="6" t="s">
        <v>402</v>
      </c>
      <c r="DF398" s="6" t="s">
        <v>375</v>
      </c>
      <c r="DG398" s="6" t="s">
        <v>364</v>
      </c>
      <c r="DH398" s="6" t="s">
        <v>419</v>
      </c>
      <c r="DI398" s="6" t="s">
        <v>377</v>
      </c>
      <c r="DJ398" s="6">
        <v>29</v>
      </c>
      <c r="DK398" s="6">
        <v>37</v>
      </c>
      <c r="DL398" s="6">
        <v>1</v>
      </c>
      <c r="DM398" s="6" t="s">
        <v>404</v>
      </c>
      <c r="DN398" s="6">
        <v>1</v>
      </c>
      <c r="DO398" s="6" t="s">
        <v>405</v>
      </c>
      <c r="DP398" s="6"/>
      <c r="DQ398" s="6"/>
    </row>
    <row r="399" spans="1:121" x14ac:dyDescent="0.2">
      <c r="A399" s="6" t="s">
        <v>323</v>
      </c>
      <c r="B399" s="6" t="s">
        <v>323</v>
      </c>
      <c r="C399" s="6" t="s">
        <v>192</v>
      </c>
      <c r="D399" s="6" t="s">
        <v>55</v>
      </c>
      <c r="E399" s="6" t="s">
        <v>196</v>
      </c>
      <c r="F399" s="11">
        <v>1156</v>
      </c>
      <c r="G399" s="13">
        <v>0.61228813559299999</v>
      </c>
      <c r="H399" s="11">
        <v>271.18830254</v>
      </c>
      <c r="I399" s="13">
        <v>0.14364057893563684</v>
      </c>
      <c r="J399" s="11">
        <v>114.94168618999993</v>
      </c>
      <c r="K399" s="13">
        <v>5.3234625277154925E-2</v>
      </c>
      <c r="L399" s="11">
        <v>769.66548051000018</v>
      </c>
      <c r="M399" s="13">
        <v>0.33844922048387427</v>
      </c>
      <c r="N399" s="11">
        <v>884.60716670000011</v>
      </c>
      <c r="O399" s="13">
        <v>0.40970106318883343</v>
      </c>
      <c r="P399" s="7">
        <v>1887.96442168</v>
      </c>
      <c r="Q399" s="7">
        <v>1856.61111833</v>
      </c>
      <c r="R399" s="7">
        <v>1959.5223415800001</v>
      </c>
      <c r="S399" s="7">
        <v>2080.2197151700002</v>
      </c>
      <c r="T399" s="7">
        <v>2119.2863071100001</v>
      </c>
      <c r="U399" s="7">
        <v>2119.6264787099999</v>
      </c>
      <c r="V399" s="7">
        <v>2159.15272422</v>
      </c>
      <c r="W399" s="7">
        <v>2190.7541275600001</v>
      </c>
      <c r="X399" s="7">
        <v>2169.29437465</v>
      </c>
      <c r="Y399" s="7">
        <v>2274.0944104099999</v>
      </c>
      <c r="Z399" s="7">
        <v>2203.3654365100001</v>
      </c>
      <c r="AA399" s="7">
        <v>2233.7341263100002</v>
      </c>
      <c r="AB399" s="7">
        <v>2471.1632073599999</v>
      </c>
      <c r="AC399" s="7">
        <v>2790.8943068200001</v>
      </c>
      <c r="AD399" s="7">
        <v>2888.5584185500002</v>
      </c>
      <c r="AE399" s="7">
        <v>2922.1162243499998</v>
      </c>
      <c r="AF399" s="7">
        <v>3043.7598909200001</v>
      </c>
      <c r="AG399" s="9">
        <v>6802.8687255000004</v>
      </c>
      <c r="AH399" s="13">
        <v>0.67506182827513084</v>
      </c>
      <c r="AI399" s="9">
        <v>3369.0166120999984</v>
      </c>
      <c r="AJ399" s="13">
        <v>0.33431403800701082</v>
      </c>
      <c r="AK399" s="9">
        <v>888.41467950000151</v>
      </c>
      <c r="AL399" s="13">
        <v>6.6070733995708494E-2</v>
      </c>
      <c r="AM399" s="9">
        <v>2545.4374339000005</v>
      </c>
      <c r="AN399" s="13">
        <v>0.17757008849552008</v>
      </c>
      <c r="AO399" s="9">
        <v>3433.8521134000021</v>
      </c>
      <c r="AP399" s="13">
        <v>0.25537300857381051</v>
      </c>
      <c r="AQ399" s="9">
        <v>10077.400973600001</v>
      </c>
      <c r="AR399" s="9">
        <v>10297.174610399999</v>
      </c>
      <c r="AS399" s="9">
        <v>11327.7865951</v>
      </c>
      <c r="AT399" s="9">
        <v>11899.487671499999</v>
      </c>
      <c r="AU399" s="9">
        <v>12485.658995199999</v>
      </c>
      <c r="AV399" s="9">
        <v>12800.501584400001</v>
      </c>
      <c r="AW399" s="9">
        <v>13446.417585699999</v>
      </c>
      <c r="AX399" s="9">
        <v>13726.6554824</v>
      </c>
      <c r="AY399" s="9">
        <v>13874.087265</v>
      </c>
      <c r="AZ399" s="9">
        <v>14334.832265200001</v>
      </c>
      <c r="BA399" s="9">
        <v>14453.9342173</v>
      </c>
      <c r="BB399" s="9">
        <v>14858.7771964</v>
      </c>
      <c r="BC399" s="9">
        <v>15080.5890882</v>
      </c>
      <c r="BD399" s="9">
        <v>15199.112899</v>
      </c>
      <c r="BE399" s="9">
        <v>16147.9638655</v>
      </c>
      <c r="BF399" s="9">
        <v>16880.269699100001</v>
      </c>
      <c r="BG399" s="11">
        <v>18.25</v>
      </c>
      <c r="BH399" s="13">
        <v>0.13931297709923665</v>
      </c>
      <c r="BI399" s="6">
        <v>12</v>
      </c>
      <c r="BJ399" s="13">
        <v>9.1603053435114504E-2</v>
      </c>
      <c r="BK399" s="6">
        <v>2</v>
      </c>
      <c r="BL399" s="13">
        <v>1.3986013986013986E-2</v>
      </c>
      <c r="BM399" s="11">
        <v>4.25</v>
      </c>
      <c r="BN399" s="13">
        <v>2.9310344827586206E-2</v>
      </c>
      <c r="BO399" s="11">
        <v>6.25</v>
      </c>
      <c r="BP399" s="13">
        <v>4.3706293706293704E-2</v>
      </c>
      <c r="BQ399" s="6">
        <v>131</v>
      </c>
      <c r="BR399" s="6">
        <v>141</v>
      </c>
      <c r="BS399" s="6">
        <v>142</v>
      </c>
      <c r="BT399" s="6">
        <v>143</v>
      </c>
      <c r="BU399" s="6">
        <v>142</v>
      </c>
      <c r="BV399" s="6">
        <v>141</v>
      </c>
      <c r="BW399" s="6">
        <v>145</v>
      </c>
      <c r="BX399" s="6">
        <v>139</v>
      </c>
      <c r="BY399" s="6">
        <v>139</v>
      </c>
      <c r="BZ399" s="6">
        <v>139</v>
      </c>
      <c r="CA399" s="6">
        <v>138</v>
      </c>
      <c r="CB399" s="6">
        <v>145</v>
      </c>
      <c r="CC399" s="11">
        <v>149.25</v>
      </c>
      <c r="CD399" s="11">
        <v>520.08500000000004</v>
      </c>
      <c r="CE399" s="11">
        <v>429.334</v>
      </c>
      <c r="CF399" s="11">
        <v>206.37700000000001</v>
      </c>
      <c r="CG399" s="11">
        <v>635</v>
      </c>
      <c r="CH399" s="20">
        <v>1.0964400000000001</v>
      </c>
      <c r="CI399" s="20">
        <v>1.04297</v>
      </c>
      <c r="CJ399" s="20">
        <v>1.0443100000000001</v>
      </c>
      <c r="CK399" s="20">
        <v>1.04847</v>
      </c>
      <c r="CL399" s="20">
        <v>1.0121199999999999</v>
      </c>
      <c r="CM399" s="20">
        <v>0.98782300000000001</v>
      </c>
      <c r="CN399" s="20">
        <v>0.99329199999999995</v>
      </c>
      <c r="CO399" s="20">
        <v>1.0116099999999999</v>
      </c>
      <c r="CP399" s="20">
        <v>0.99820399999999998</v>
      </c>
      <c r="CQ399" s="20">
        <v>1.0607599999999999</v>
      </c>
      <c r="CR399" s="20">
        <v>1.01709</v>
      </c>
      <c r="CS399" s="20">
        <v>0.99875800000000003</v>
      </c>
      <c r="CT399" s="20">
        <v>1.0749899999999999</v>
      </c>
      <c r="CU399" s="20">
        <v>1.15805</v>
      </c>
      <c r="CV399" s="20">
        <v>1.1340300000000001</v>
      </c>
      <c r="CW399" s="20">
        <v>1.12233</v>
      </c>
      <c r="CX399" s="20">
        <v>1.1360399999999999</v>
      </c>
      <c r="CY399" s="6" t="s">
        <v>449</v>
      </c>
      <c r="CZ399" s="6" t="s">
        <v>450</v>
      </c>
      <c r="DA399" s="6" t="s">
        <v>55</v>
      </c>
      <c r="DB399" s="6"/>
      <c r="DC399" s="6">
        <v>28140</v>
      </c>
      <c r="DD399" s="6">
        <v>312</v>
      </c>
      <c r="DE399" s="6" t="s">
        <v>402</v>
      </c>
      <c r="DF399" s="6" t="s">
        <v>375</v>
      </c>
      <c r="DG399" s="6" t="s">
        <v>364</v>
      </c>
      <c r="DH399" s="6" t="s">
        <v>419</v>
      </c>
      <c r="DI399" s="6" t="s">
        <v>377</v>
      </c>
      <c r="DJ399" s="6">
        <v>29</v>
      </c>
      <c r="DK399" s="6">
        <v>37</v>
      </c>
      <c r="DL399" s="6">
        <v>1</v>
      </c>
      <c r="DM399" s="6" t="s">
        <v>404</v>
      </c>
      <c r="DN399" s="6">
        <v>1</v>
      </c>
      <c r="DO399" s="6" t="s">
        <v>405</v>
      </c>
      <c r="DP399" s="6"/>
      <c r="DQ399" s="6"/>
    </row>
    <row r="400" spans="1:121" x14ac:dyDescent="0.2">
      <c r="A400" s="6" t="s">
        <v>325</v>
      </c>
      <c r="B400" s="6" t="s">
        <v>325</v>
      </c>
      <c r="C400" s="6" t="s">
        <v>193</v>
      </c>
      <c r="D400" s="6" t="s">
        <v>55</v>
      </c>
      <c r="E400" s="6" t="s">
        <v>196</v>
      </c>
      <c r="F400" s="11">
        <v>98</v>
      </c>
      <c r="G400" s="13">
        <v>7.7839555202499994E-2</v>
      </c>
      <c r="H400" s="11">
        <v>227.94112918000019</v>
      </c>
      <c r="I400" s="13">
        <v>0.18110973716531259</v>
      </c>
      <c r="J400" s="11">
        <v>-122.36065626000004</v>
      </c>
      <c r="K400" s="13">
        <v>-8.2313421192047251E-2</v>
      </c>
      <c r="L400" s="11">
        <v>-7.2999580600001082</v>
      </c>
      <c r="M400" s="13">
        <v>-5.351245059468524E-3</v>
      </c>
      <c r="N400" s="11">
        <v>-129.66061432000015</v>
      </c>
      <c r="O400" s="13">
        <v>-8.722418696303387E-2</v>
      </c>
      <c r="P400" s="7">
        <v>1258.5801997599999</v>
      </c>
      <c r="Q400" s="7">
        <v>1282.0568557700001</v>
      </c>
      <c r="R400" s="7">
        <v>1323.1566514599999</v>
      </c>
      <c r="S400" s="7">
        <v>1372.0114645399999</v>
      </c>
      <c r="T400" s="7">
        <v>1413.9352227700001</v>
      </c>
      <c r="U400" s="7">
        <v>1421.3448733</v>
      </c>
      <c r="V400" s="7">
        <v>1486.5213289400001</v>
      </c>
      <c r="W400" s="7">
        <v>1492.56204301</v>
      </c>
      <c r="X400" s="7">
        <v>1543.8911877400001</v>
      </c>
      <c r="Y400" s="7">
        <v>1364.1606726800001</v>
      </c>
      <c r="Z400" s="7">
        <v>1443.62171517</v>
      </c>
      <c r="AA400" s="7">
        <v>1497.5222984300001</v>
      </c>
      <c r="AB400" s="7">
        <v>1369.53069407</v>
      </c>
      <c r="AC400" s="7">
        <v>1419.42862261</v>
      </c>
      <c r="AD400" s="7">
        <v>1390.2807704100001</v>
      </c>
      <c r="AE400" s="7">
        <v>1353.93411881</v>
      </c>
      <c r="AF400" s="7">
        <v>1356.86071462</v>
      </c>
      <c r="AG400" s="9">
        <v>5766.8925679999993</v>
      </c>
      <c r="AH400" s="13">
        <v>0.35026601901649085</v>
      </c>
      <c r="AI400" s="9">
        <v>2569.7525896999978</v>
      </c>
      <c r="AJ400" s="13">
        <v>0.15608007238527358</v>
      </c>
      <c r="AK400" s="9">
        <v>1644.9560597000018</v>
      </c>
      <c r="AL400" s="13">
        <v>8.6421645601014327E-2</v>
      </c>
      <c r="AM400" s="9">
        <v>1552.1839185999997</v>
      </c>
      <c r="AN400" s="13">
        <v>7.5060767364701644E-2</v>
      </c>
      <c r="AO400" s="9">
        <v>3197.1399783000015</v>
      </c>
      <c r="AP400" s="13">
        <v>0.16796928800144836</v>
      </c>
      <c r="AQ400" s="9">
        <v>16464.322129200002</v>
      </c>
      <c r="AR400" s="9">
        <v>16758.2979887</v>
      </c>
      <c r="AS400" s="9">
        <v>17041.519836399999</v>
      </c>
      <c r="AT400" s="9">
        <v>17849.1305264</v>
      </c>
      <c r="AU400" s="9">
        <v>17943.170864899999</v>
      </c>
      <c r="AV400" s="9">
        <v>19628.274740500001</v>
      </c>
      <c r="AW400" s="9">
        <v>19034.074718899999</v>
      </c>
      <c r="AX400" s="9">
        <v>18793.355839899999</v>
      </c>
      <c r="AY400" s="9">
        <v>17650.132711300001</v>
      </c>
      <c r="AZ400" s="9">
        <v>20679.030778600001</v>
      </c>
      <c r="BA400" s="9">
        <v>20015.337645200001</v>
      </c>
      <c r="BB400" s="9">
        <v>19932.467349999999</v>
      </c>
      <c r="BC400" s="9">
        <v>20829.446967299999</v>
      </c>
      <c r="BD400" s="9">
        <v>21017.1266277</v>
      </c>
      <c r="BE400" s="9">
        <v>21842.056164699999</v>
      </c>
      <c r="BF400" s="9">
        <v>22231.214697200001</v>
      </c>
      <c r="BG400" s="11">
        <v>-9.25</v>
      </c>
      <c r="BH400" s="13">
        <v>-5.89171974522293E-2</v>
      </c>
      <c r="BI400" s="6">
        <v>9</v>
      </c>
      <c r="BJ400" s="13">
        <v>5.7324840764331211E-2</v>
      </c>
      <c r="BK400" s="6">
        <v>16</v>
      </c>
      <c r="BL400" s="13">
        <v>9.6385542168674704E-2</v>
      </c>
      <c r="BM400" s="11">
        <v>-34.25</v>
      </c>
      <c r="BN400" s="13">
        <v>-0.18818681318681318</v>
      </c>
      <c r="BO400" s="11">
        <v>-18.25</v>
      </c>
      <c r="BP400" s="13">
        <v>-0.10993975903614457</v>
      </c>
      <c r="BQ400" s="6">
        <v>157</v>
      </c>
      <c r="BR400" s="6">
        <v>165</v>
      </c>
      <c r="BS400" s="6">
        <v>173</v>
      </c>
      <c r="BT400" s="6">
        <v>166</v>
      </c>
      <c r="BU400" s="6">
        <v>165</v>
      </c>
      <c r="BV400" s="6">
        <v>170</v>
      </c>
      <c r="BW400" s="6">
        <v>182</v>
      </c>
      <c r="BX400" s="6">
        <v>205</v>
      </c>
      <c r="BY400" s="6">
        <v>221</v>
      </c>
      <c r="BZ400" s="6">
        <v>157</v>
      </c>
      <c r="CA400" s="6">
        <v>158</v>
      </c>
      <c r="CB400" s="6">
        <v>153</v>
      </c>
      <c r="CC400" s="11">
        <v>147.75</v>
      </c>
      <c r="CD400" s="11">
        <v>-27.707100000000001</v>
      </c>
      <c r="CE400" s="11">
        <v>-11.590299999999999</v>
      </c>
      <c r="CF400" s="11">
        <v>137.578</v>
      </c>
      <c r="CG400" s="11">
        <v>126</v>
      </c>
      <c r="CH400" s="20">
        <v>1.0760700000000001</v>
      </c>
      <c r="CI400" s="20">
        <v>1.05589</v>
      </c>
      <c r="CJ400" s="20">
        <v>1.0397700000000001</v>
      </c>
      <c r="CK400" s="20">
        <v>1.0381100000000001</v>
      </c>
      <c r="CL400" s="20">
        <v>1.0305200000000001</v>
      </c>
      <c r="CM400" s="20">
        <v>1.02034</v>
      </c>
      <c r="CN400" s="20">
        <v>1.0586100000000001</v>
      </c>
      <c r="CO400" s="20">
        <v>1.0658700000000001</v>
      </c>
      <c r="CP400" s="20">
        <v>1.07629</v>
      </c>
      <c r="CQ400" s="20">
        <v>0.97116599999999997</v>
      </c>
      <c r="CR400" s="20">
        <v>1.0319</v>
      </c>
      <c r="CS400" s="20">
        <v>1.0448599999999999</v>
      </c>
      <c r="CT400" s="20">
        <v>1.01413</v>
      </c>
      <c r="CU400" s="20">
        <v>1.0132399999999999</v>
      </c>
      <c r="CV400" s="20">
        <v>0.95757599999999998</v>
      </c>
      <c r="CW400" s="20">
        <v>0.92201699999999998</v>
      </c>
      <c r="CX400" s="20">
        <v>0.90592300000000003</v>
      </c>
      <c r="CY400" s="6" t="s">
        <v>449</v>
      </c>
      <c r="CZ400" s="6" t="s">
        <v>450</v>
      </c>
      <c r="DA400" s="6" t="s">
        <v>55</v>
      </c>
      <c r="DB400" s="6"/>
      <c r="DC400" s="6">
        <v>28140</v>
      </c>
      <c r="DD400" s="6">
        <v>312</v>
      </c>
      <c r="DE400" s="6" t="s">
        <v>402</v>
      </c>
      <c r="DF400" s="6" t="s">
        <v>375</v>
      </c>
      <c r="DG400" s="6" t="s">
        <v>364</v>
      </c>
      <c r="DH400" s="6" t="s">
        <v>419</v>
      </c>
      <c r="DI400" s="6" t="s">
        <v>377</v>
      </c>
      <c r="DJ400" s="6">
        <v>29</v>
      </c>
      <c r="DK400" s="6">
        <v>37</v>
      </c>
      <c r="DL400" s="6">
        <v>1</v>
      </c>
      <c r="DM400" s="6" t="s">
        <v>404</v>
      </c>
      <c r="DN400" s="6">
        <v>1</v>
      </c>
      <c r="DO400" s="6" t="s">
        <v>405</v>
      </c>
      <c r="DP400" s="6"/>
      <c r="DQ400" s="6"/>
    </row>
    <row r="401" spans="1:121" x14ac:dyDescent="0.2">
      <c r="A401" s="6" t="s">
        <v>327</v>
      </c>
      <c r="B401" s="6" t="s">
        <v>327</v>
      </c>
      <c r="C401" s="6" t="s">
        <v>194</v>
      </c>
      <c r="D401" s="6" t="s">
        <v>55</v>
      </c>
      <c r="E401" s="6" t="s">
        <v>196</v>
      </c>
      <c r="F401" s="11">
        <v>604</v>
      </c>
      <c r="G401" s="13">
        <v>0.12864749733799999</v>
      </c>
      <c r="H401" s="11">
        <v>827.28210200000012</v>
      </c>
      <c r="I401" s="13">
        <v>0.17619484457294696</v>
      </c>
      <c r="J401" s="11">
        <v>-228.94810299999972</v>
      </c>
      <c r="K401" s="13">
        <v>-4.1456949853967542E-2</v>
      </c>
      <c r="L401" s="11">
        <v>5.552492959999654</v>
      </c>
      <c r="M401" s="13">
        <v>1.048906292168465E-3</v>
      </c>
      <c r="N401" s="11">
        <v>-223.39561004000007</v>
      </c>
      <c r="O401" s="13">
        <v>-4.0451528017355021E-2</v>
      </c>
      <c r="P401" s="7">
        <v>4695.2684909999998</v>
      </c>
      <c r="Q401" s="7">
        <v>4812.1099260000001</v>
      </c>
      <c r="R401" s="7">
        <v>4920.9339659999996</v>
      </c>
      <c r="S401" s="7">
        <v>4963.155393</v>
      </c>
      <c r="T401" s="7">
        <v>5219.9044690000001</v>
      </c>
      <c r="U401" s="7">
        <v>5342.6589780000004</v>
      </c>
      <c r="V401" s="7">
        <v>5522.5505929999999</v>
      </c>
      <c r="W401" s="7">
        <v>5328.5660779999998</v>
      </c>
      <c r="X401" s="7">
        <v>5485.7079569999996</v>
      </c>
      <c r="Y401" s="7">
        <v>5293.6024900000002</v>
      </c>
      <c r="Z401" s="7">
        <v>5211.471603</v>
      </c>
      <c r="AA401" s="7">
        <v>5255.8801780000003</v>
      </c>
      <c r="AB401" s="7">
        <v>5220.5718850000003</v>
      </c>
      <c r="AC401" s="7">
        <v>5211.269749</v>
      </c>
      <c r="AD401" s="7">
        <v>5386.7804599999999</v>
      </c>
      <c r="AE401" s="7">
        <v>5281.3556877499996</v>
      </c>
      <c r="AF401" s="7">
        <v>5299.1549829599999</v>
      </c>
      <c r="AG401" s="9">
        <v>15268.042920099993</v>
      </c>
      <c r="AH401" s="13">
        <v>0.43042513754230893</v>
      </c>
      <c r="AI401" s="9">
        <v>9705.9269875999962</v>
      </c>
      <c r="AJ401" s="13">
        <v>0.2736221649674257</v>
      </c>
      <c r="AK401" s="9">
        <v>6746.4245690000025</v>
      </c>
      <c r="AL401" s="13">
        <v>0.1493300859933476</v>
      </c>
      <c r="AM401" s="9">
        <v>-1184.3086365000054</v>
      </c>
      <c r="AN401" s="13">
        <v>-2.280834467136764E-2</v>
      </c>
      <c r="AO401" s="9">
        <v>5562.1159324999971</v>
      </c>
      <c r="AP401" s="13">
        <v>0.12311576925083872</v>
      </c>
      <c r="AQ401" s="9">
        <v>35472.005671600004</v>
      </c>
      <c r="AR401" s="9">
        <v>36002.221536800003</v>
      </c>
      <c r="AS401" s="9">
        <v>37576.3713632</v>
      </c>
      <c r="AT401" s="9">
        <v>40156.384085500002</v>
      </c>
      <c r="AU401" s="9">
        <v>41521.736448000003</v>
      </c>
      <c r="AV401" s="9">
        <v>43713.975020600003</v>
      </c>
      <c r="AW401" s="9">
        <v>45177.9326592</v>
      </c>
      <c r="AX401" s="9">
        <v>47637.1912324</v>
      </c>
      <c r="AY401" s="9">
        <v>48367.062103999997</v>
      </c>
      <c r="AZ401" s="9">
        <v>51924.357228200002</v>
      </c>
      <c r="BA401" s="9">
        <v>50558.7413466</v>
      </c>
      <c r="BB401" s="9">
        <v>49709.9041593</v>
      </c>
      <c r="BC401" s="9">
        <v>50404.738599099997</v>
      </c>
      <c r="BD401" s="9">
        <v>49575.452979900001</v>
      </c>
      <c r="BE401" s="9">
        <v>49160.773138099998</v>
      </c>
      <c r="BF401" s="9">
        <v>50740.048591699997</v>
      </c>
      <c r="BG401" s="11">
        <v>5.25</v>
      </c>
      <c r="BH401" s="13">
        <v>3.5472972972972971E-2</v>
      </c>
      <c r="BI401" s="6">
        <v>8</v>
      </c>
      <c r="BJ401" s="13">
        <v>5.4054054054054057E-2</v>
      </c>
      <c r="BK401" s="6">
        <v>2</v>
      </c>
      <c r="BL401" s="13">
        <v>1.282051282051282E-2</v>
      </c>
      <c r="BM401" s="11">
        <v>-4.75</v>
      </c>
      <c r="BN401" s="13">
        <v>-3.0063291139240507E-2</v>
      </c>
      <c r="BO401" s="11">
        <v>-2.75</v>
      </c>
      <c r="BP401" s="13">
        <v>-1.7628205128205128E-2</v>
      </c>
      <c r="BQ401" s="6">
        <v>148</v>
      </c>
      <c r="BR401" s="6">
        <v>150</v>
      </c>
      <c r="BS401" s="6">
        <v>151</v>
      </c>
      <c r="BT401" s="6">
        <v>156</v>
      </c>
      <c r="BU401" s="6">
        <v>153</v>
      </c>
      <c r="BV401" s="6">
        <v>153</v>
      </c>
      <c r="BW401" s="6">
        <v>158</v>
      </c>
      <c r="BX401" s="6">
        <v>158</v>
      </c>
      <c r="BY401" s="6">
        <v>158</v>
      </c>
      <c r="BZ401" s="6">
        <v>157</v>
      </c>
      <c r="CA401" s="6">
        <v>154</v>
      </c>
      <c r="CB401" s="6">
        <v>154</v>
      </c>
      <c r="CC401" s="11">
        <v>153.25</v>
      </c>
      <c r="CD401" s="11">
        <v>365.89600000000002</v>
      </c>
      <c r="CE401" s="11">
        <v>-275.25799999999998</v>
      </c>
      <c r="CF401" s="11">
        <v>513.24900000000002</v>
      </c>
      <c r="CG401" s="11">
        <v>238</v>
      </c>
      <c r="CH401" s="20">
        <v>1.2084999999999999</v>
      </c>
      <c r="CI401" s="20">
        <v>1.1907399999999999</v>
      </c>
      <c r="CJ401" s="20">
        <v>1.17041</v>
      </c>
      <c r="CK401" s="20">
        <v>1.14483</v>
      </c>
      <c r="CL401" s="20">
        <v>1.16248</v>
      </c>
      <c r="CM401" s="20">
        <v>1.1796599999999999</v>
      </c>
      <c r="CN401" s="20">
        <v>1.2183200000000001</v>
      </c>
      <c r="CO401" s="20">
        <v>1.1670100000000001</v>
      </c>
      <c r="CP401" s="20">
        <v>1.1597200000000001</v>
      </c>
      <c r="CQ401" s="20">
        <v>1.1363000000000001</v>
      </c>
      <c r="CR401" s="20">
        <v>1.1495599999999999</v>
      </c>
      <c r="CS401" s="20">
        <v>1.17005</v>
      </c>
      <c r="CT401" s="20">
        <v>1.1715500000000001</v>
      </c>
      <c r="CU401" s="20">
        <v>1.1486799999999999</v>
      </c>
      <c r="CV401" s="20">
        <v>1.15551</v>
      </c>
      <c r="CW401" s="20">
        <v>1.1257699999999999</v>
      </c>
      <c r="CX401" s="20">
        <v>1.1151899999999999</v>
      </c>
      <c r="CY401" s="6" t="s">
        <v>449</v>
      </c>
      <c r="CZ401" s="6" t="s">
        <v>450</v>
      </c>
      <c r="DA401" s="6" t="s">
        <v>55</v>
      </c>
      <c r="DB401" s="6"/>
      <c r="DC401" s="6">
        <v>28140</v>
      </c>
      <c r="DD401" s="6">
        <v>312</v>
      </c>
      <c r="DE401" s="6" t="s">
        <v>402</v>
      </c>
      <c r="DF401" s="6" t="s">
        <v>375</v>
      </c>
      <c r="DG401" s="6" t="s">
        <v>364</v>
      </c>
      <c r="DH401" s="6" t="s">
        <v>419</v>
      </c>
      <c r="DI401" s="6" t="s">
        <v>377</v>
      </c>
      <c r="DJ401" s="6">
        <v>29</v>
      </c>
      <c r="DK401" s="6">
        <v>37</v>
      </c>
      <c r="DL401" s="6">
        <v>1</v>
      </c>
      <c r="DM401" s="6" t="s">
        <v>404</v>
      </c>
      <c r="DN401" s="6">
        <v>1</v>
      </c>
      <c r="DO401" s="6" t="s">
        <v>405</v>
      </c>
      <c r="DP401" s="6"/>
      <c r="DQ401" s="6"/>
    </row>
    <row r="402" spans="1:121" x14ac:dyDescent="0.2">
      <c r="A402" s="6" t="s">
        <v>1</v>
      </c>
      <c r="B402" s="6" t="s">
        <v>1</v>
      </c>
      <c r="C402" s="6" t="s">
        <v>2</v>
      </c>
      <c r="D402" s="6" t="s">
        <v>76</v>
      </c>
      <c r="E402" s="6" t="s">
        <v>217</v>
      </c>
      <c r="F402" s="11">
        <v>83</v>
      </c>
      <c r="G402" s="13">
        <v>1.6274509803899999</v>
      </c>
      <c r="H402" s="11">
        <v>-14.583212100399997</v>
      </c>
      <c r="I402" s="13">
        <v>-0.28618423872612081</v>
      </c>
      <c r="J402" s="11">
        <v>93.496319800000009</v>
      </c>
      <c r="K402" s="13">
        <v>2.5704011269773135</v>
      </c>
      <c r="L402" s="11">
        <v>4.0510681669999826</v>
      </c>
      <c r="M402" s="13">
        <v>3.1193127947384221E-2</v>
      </c>
      <c r="N402" s="11">
        <v>97.547387966999992</v>
      </c>
      <c r="O402" s="13">
        <v>2.6817731061546017</v>
      </c>
      <c r="P402" s="7">
        <v>50.9574257664</v>
      </c>
      <c r="Q402" s="7">
        <v>51.455137333400003</v>
      </c>
      <c r="R402" s="7">
        <v>39.9787570234</v>
      </c>
      <c r="S402" s="7">
        <v>39.173926809900003</v>
      </c>
      <c r="T402" s="7">
        <v>43.903319156199998</v>
      </c>
      <c r="U402" s="7">
        <v>35.453968853299997</v>
      </c>
      <c r="V402" s="7">
        <v>36.374213666000003</v>
      </c>
      <c r="W402" s="7">
        <v>31.8566436642</v>
      </c>
      <c r="X402" s="7">
        <v>39.932016831399999</v>
      </c>
      <c r="Y402" s="7">
        <v>129.87053346600001</v>
      </c>
      <c r="Z402" s="7">
        <v>121.032935503</v>
      </c>
      <c r="AA402" s="7">
        <v>104.904414659</v>
      </c>
      <c r="AB402" s="7">
        <v>94.844510986000003</v>
      </c>
      <c r="AC402" s="7">
        <v>105.337285486</v>
      </c>
      <c r="AD402" s="7">
        <v>125.648689738</v>
      </c>
      <c r="AE402" s="7">
        <v>127.19844571</v>
      </c>
      <c r="AF402" s="7">
        <v>133.92160163299999</v>
      </c>
      <c r="AG402" s="9">
        <v>11758.538776199999</v>
      </c>
      <c r="AH402" s="13">
        <v>0.6555294890290021</v>
      </c>
      <c r="AI402" s="9">
        <v>105.18142380000063</v>
      </c>
      <c r="AJ402" s="13">
        <v>5.8637834437826053E-3</v>
      </c>
      <c r="AK402" s="9">
        <v>11701.615544299999</v>
      </c>
      <c r="AL402" s="13">
        <v>0.64855308779220855</v>
      </c>
      <c r="AM402" s="9">
        <v>-48.258191900000384</v>
      </c>
      <c r="AN402" s="13">
        <v>-1.6224368993866362E-3</v>
      </c>
      <c r="AO402" s="9">
        <v>11653.357352399998</v>
      </c>
      <c r="AP402" s="13">
        <v>0.64587841443197669</v>
      </c>
      <c r="AQ402" s="9">
        <v>17937.467303900001</v>
      </c>
      <c r="AR402" s="9">
        <v>18589.473274700002</v>
      </c>
      <c r="AS402" s="9">
        <v>17475.1558014</v>
      </c>
      <c r="AT402" s="9">
        <v>20126.523609899999</v>
      </c>
      <c r="AU402" s="9">
        <v>18593.3570234</v>
      </c>
      <c r="AV402" s="9">
        <v>17303.013593399999</v>
      </c>
      <c r="AW402" s="9">
        <v>18042.648727700001</v>
      </c>
      <c r="AX402" s="9">
        <v>21362.363469</v>
      </c>
      <c r="AY402" s="9">
        <v>21316.009923000001</v>
      </c>
      <c r="AZ402" s="9">
        <v>29744.264272</v>
      </c>
      <c r="BA402" s="9">
        <v>31300.926630400001</v>
      </c>
      <c r="BB402" s="9">
        <v>32171.474001999999</v>
      </c>
      <c r="BC402" s="9">
        <v>38740.632128199999</v>
      </c>
      <c r="BD402" s="9">
        <v>35085.585712</v>
      </c>
      <c r="BE402" s="9">
        <v>31648.2571938</v>
      </c>
      <c r="BF402" s="9">
        <v>29696.0060801</v>
      </c>
      <c r="BG402" s="11">
        <v>3.5</v>
      </c>
      <c r="BH402" s="13">
        <v>0.875</v>
      </c>
      <c r="BI402" s="6">
        <v>-1</v>
      </c>
      <c r="BJ402" s="13">
        <v>-0.25</v>
      </c>
      <c r="BK402" s="6">
        <v>2</v>
      </c>
      <c r="BL402" s="13">
        <v>0.66666666666666663</v>
      </c>
      <c r="BM402" s="11">
        <v>2.5</v>
      </c>
      <c r="BN402" s="13">
        <v>0.5</v>
      </c>
      <c r="BO402" s="11">
        <v>4.5</v>
      </c>
      <c r="BP402" s="13">
        <v>1.5</v>
      </c>
      <c r="BQ402" s="6">
        <v>4</v>
      </c>
      <c r="BR402" s="6">
        <v>6</v>
      </c>
      <c r="BS402" s="6">
        <v>3</v>
      </c>
      <c r="BT402" s="6">
        <v>3</v>
      </c>
      <c r="BU402" s="6">
        <v>3</v>
      </c>
      <c r="BV402" s="6">
        <v>3</v>
      </c>
      <c r="BW402" s="6">
        <v>5</v>
      </c>
      <c r="BX402" s="6">
        <v>5</v>
      </c>
      <c r="BY402" s="6">
        <v>4</v>
      </c>
      <c r="BZ402" s="6">
        <v>4</v>
      </c>
      <c r="CA402" s="6">
        <v>4</v>
      </c>
      <c r="CB402" s="6">
        <v>6</v>
      </c>
      <c r="CC402" s="11">
        <v>7.5</v>
      </c>
      <c r="CD402" s="11">
        <v>82.039900000000003</v>
      </c>
      <c r="CE402" s="11">
        <v>-4.6459799999999998</v>
      </c>
      <c r="CF402" s="11">
        <v>5.5702600000000002</v>
      </c>
      <c r="CG402" s="11">
        <v>1</v>
      </c>
      <c r="CH402" s="20">
        <v>1.0094799999999999</v>
      </c>
      <c r="CI402" s="20">
        <v>1.0154099999999999</v>
      </c>
      <c r="CJ402" s="20">
        <v>0.77571000000000001</v>
      </c>
      <c r="CK402" s="20">
        <v>0.72667400000000004</v>
      </c>
      <c r="CL402" s="20">
        <v>0.82105799999999995</v>
      </c>
      <c r="CM402" s="20">
        <v>0.67407300000000003</v>
      </c>
      <c r="CN402" s="20">
        <v>0.68704200000000004</v>
      </c>
      <c r="CO402" s="20">
        <v>0.63258999999999999</v>
      </c>
      <c r="CP402" s="20">
        <v>0.80433500000000002</v>
      </c>
      <c r="CQ402" s="20">
        <v>2.3938999999999999</v>
      </c>
      <c r="CR402" s="20">
        <v>2.3097300000000001</v>
      </c>
      <c r="CS402" s="20">
        <v>2.0903499999999999</v>
      </c>
      <c r="CT402" s="20">
        <v>1.92205</v>
      </c>
      <c r="CU402" s="20">
        <v>2.1626099999999999</v>
      </c>
      <c r="CV402" s="20">
        <v>2.5536300000000001</v>
      </c>
      <c r="CW402" s="20">
        <v>2.6465000000000001</v>
      </c>
      <c r="CX402" s="20">
        <v>2.75515</v>
      </c>
      <c r="CY402" s="6" t="s">
        <v>452</v>
      </c>
      <c r="CZ402" s="6" t="s">
        <v>453</v>
      </c>
      <c r="DA402" s="6" t="s">
        <v>76</v>
      </c>
      <c r="DB402" s="6" t="s">
        <v>345</v>
      </c>
      <c r="DC402" s="6"/>
      <c r="DD402" s="6"/>
      <c r="DE402" s="6"/>
      <c r="DF402" s="6"/>
      <c r="DG402" s="6"/>
      <c r="DH402" s="6" t="s">
        <v>333</v>
      </c>
      <c r="DI402" s="6"/>
      <c r="DJ402" s="6"/>
      <c r="DK402" s="6"/>
      <c r="DL402" s="6">
        <v>6</v>
      </c>
      <c r="DM402" s="6" t="s">
        <v>396</v>
      </c>
      <c r="DN402" s="6">
        <v>6</v>
      </c>
      <c r="DO402" s="6" t="s">
        <v>393</v>
      </c>
      <c r="DP402" s="6"/>
      <c r="DQ402" s="6"/>
    </row>
    <row r="403" spans="1:121" x14ac:dyDescent="0.2">
      <c r="A403" s="6" t="s">
        <v>310</v>
      </c>
      <c r="B403" s="6" t="s">
        <v>310</v>
      </c>
      <c r="C403" s="6" t="s">
        <v>173</v>
      </c>
      <c r="D403" s="6" t="s">
        <v>76</v>
      </c>
      <c r="E403" s="6" t="s">
        <v>217</v>
      </c>
      <c r="F403" s="11">
        <v>1</v>
      </c>
      <c r="G403" s="13">
        <v>1</v>
      </c>
      <c r="H403" s="11">
        <v>0</v>
      </c>
      <c r="I403" s="13">
        <v>0</v>
      </c>
      <c r="J403" s="11">
        <v>6.4633389999999995</v>
      </c>
      <c r="K403" s="13">
        <v>1.2926677999999998</v>
      </c>
      <c r="L403" s="11">
        <v>-6.4633389999999995</v>
      </c>
      <c r="M403" s="13">
        <v>-0.56382690941967251</v>
      </c>
      <c r="N403" s="11">
        <v>0</v>
      </c>
      <c r="O403" s="13">
        <v>0</v>
      </c>
      <c r="P403" s="7">
        <v>5</v>
      </c>
      <c r="Q403" s="7">
        <v>5</v>
      </c>
      <c r="R403" s="7">
        <v>5</v>
      </c>
      <c r="S403" s="7">
        <v>5</v>
      </c>
      <c r="T403" s="7">
        <v>5</v>
      </c>
      <c r="U403" s="7">
        <v>5</v>
      </c>
      <c r="V403" s="7">
        <v>5</v>
      </c>
      <c r="W403" s="7">
        <v>5</v>
      </c>
      <c r="X403" s="7">
        <v>5</v>
      </c>
      <c r="Y403" s="7">
        <v>11.463339</v>
      </c>
      <c r="Z403" s="7">
        <v>5</v>
      </c>
      <c r="AA403" s="7">
        <v>5</v>
      </c>
      <c r="AB403" s="7">
        <v>5</v>
      </c>
      <c r="AC403" s="7">
        <v>5</v>
      </c>
      <c r="AD403" s="7">
        <v>5</v>
      </c>
      <c r="AE403" s="7">
        <v>5</v>
      </c>
      <c r="AF403" s="7">
        <v>5</v>
      </c>
      <c r="AG403" s="9">
        <v>0</v>
      </c>
      <c r="AH403" s="13">
        <v>0</v>
      </c>
      <c r="AI403" s="9">
        <v>0</v>
      </c>
      <c r="AJ403" s="13">
        <v>0</v>
      </c>
      <c r="AK403" s="9">
        <v>25745.5682289</v>
      </c>
      <c r="AL403" s="13">
        <v>25745.5682289</v>
      </c>
      <c r="AM403" s="9">
        <v>-25745.5682289</v>
      </c>
      <c r="AN403" s="13">
        <v>-0.99996115987221634</v>
      </c>
      <c r="AO403" s="9">
        <v>0</v>
      </c>
      <c r="AP403" s="13">
        <v>0</v>
      </c>
      <c r="AQ403" s="9">
        <v>1</v>
      </c>
      <c r="AR403" s="9">
        <v>1</v>
      </c>
      <c r="AS403" s="9">
        <v>1</v>
      </c>
      <c r="AT403" s="9">
        <v>1</v>
      </c>
      <c r="AU403" s="9">
        <v>1</v>
      </c>
      <c r="AV403" s="9">
        <v>1</v>
      </c>
      <c r="AW403" s="9">
        <v>1</v>
      </c>
      <c r="AX403" s="9">
        <v>1</v>
      </c>
      <c r="AY403" s="9">
        <v>1</v>
      </c>
      <c r="AZ403" s="9">
        <v>25746.5682289</v>
      </c>
      <c r="BA403" s="9">
        <v>1</v>
      </c>
      <c r="BB403" s="9">
        <v>1</v>
      </c>
      <c r="BC403" s="9">
        <v>1</v>
      </c>
      <c r="BD403" s="9">
        <v>1</v>
      </c>
      <c r="BE403" s="9">
        <v>1</v>
      </c>
      <c r="BF403" s="9">
        <v>1</v>
      </c>
      <c r="BG403" s="11">
        <v>1</v>
      </c>
      <c r="BH403" s="13">
        <v>0.5</v>
      </c>
      <c r="BI403" s="6">
        <v>0</v>
      </c>
      <c r="BJ403" s="13">
        <v>0</v>
      </c>
      <c r="BK403" s="6">
        <v>1</v>
      </c>
      <c r="BL403" s="13">
        <v>0.5</v>
      </c>
      <c r="BM403" s="11">
        <v>0</v>
      </c>
      <c r="BN403" s="13">
        <v>0</v>
      </c>
      <c r="BO403" s="11">
        <v>1</v>
      </c>
      <c r="BP403" s="13">
        <v>0.5</v>
      </c>
      <c r="BQ403" s="6">
        <v>2</v>
      </c>
      <c r="BR403" s="6">
        <v>2</v>
      </c>
      <c r="BS403" s="6">
        <v>2</v>
      </c>
      <c r="BT403" s="6">
        <v>2</v>
      </c>
      <c r="BU403" s="6">
        <v>2</v>
      </c>
      <c r="BV403" s="6">
        <v>2</v>
      </c>
      <c r="BW403" s="6">
        <v>3</v>
      </c>
      <c r="BX403" s="6">
        <v>3</v>
      </c>
      <c r="BY403" s="6">
        <v>3</v>
      </c>
      <c r="BZ403" s="6">
        <v>3</v>
      </c>
      <c r="CA403" s="6">
        <v>3</v>
      </c>
      <c r="CB403" s="6">
        <v>3</v>
      </c>
      <c r="CC403" s="11">
        <v>3</v>
      </c>
      <c r="CD403" s="11">
        <v>6.3610699999999998</v>
      </c>
      <c r="CE403" s="11">
        <v>2.5937000000000002E-2</v>
      </c>
      <c r="CF403" s="11">
        <v>2.7328000000000002E-2</v>
      </c>
      <c r="CG403" s="11">
        <v>0</v>
      </c>
      <c r="CH403" s="20">
        <v>1.74558E-2</v>
      </c>
      <c r="CI403" s="20">
        <v>9.2212100000000005E-2</v>
      </c>
      <c r="CJ403" s="20">
        <v>0.20069100000000001</v>
      </c>
      <c r="CK403" s="20">
        <v>4.1896700000000002E-2</v>
      </c>
      <c r="CL403" s="20">
        <v>0.13031799999999999</v>
      </c>
      <c r="CM403" s="20">
        <v>0.15762100000000001</v>
      </c>
      <c r="CN403" s="20">
        <v>0.13513600000000001</v>
      </c>
      <c r="CO403" s="20">
        <v>5.0211499999999999E-2</v>
      </c>
      <c r="CP403" s="20">
        <v>0.128855</v>
      </c>
      <c r="CQ403" s="20">
        <v>0.583148</v>
      </c>
      <c r="CR403" s="20">
        <v>0.23727599999999999</v>
      </c>
      <c r="CS403" s="20">
        <v>0.101371</v>
      </c>
      <c r="CT403" s="20">
        <v>2.4667100000000001E-2</v>
      </c>
      <c r="CU403" s="20">
        <v>0.108113</v>
      </c>
      <c r="CV403" s="20">
        <v>0.25563900000000001</v>
      </c>
      <c r="CW403" s="20">
        <v>0.37762899999999999</v>
      </c>
      <c r="CX403" s="20">
        <v>0.405586</v>
      </c>
      <c r="CY403" s="6" t="s">
        <v>452</v>
      </c>
      <c r="CZ403" s="6" t="s">
        <v>453</v>
      </c>
      <c r="DA403" s="6" t="s">
        <v>76</v>
      </c>
      <c r="DB403" s="6" t="s">
        <v>345</v>
      </c>
      <c r="DC403" s="6"/>
      <c r="DD403" s="6"/>
      <c r="DE403" s="6"/>
      <c r="DF403" s="6"/>
      <c r="DG403" s="6"/>
      <c r="DH403" s="6" t="s">
        <v>333</v>
      </c>
      <c r="DI403" s="6"/>
      <c r="DJ403" s="6"/>
      <c r="DK403" s="6"/>
      <c r="DL403" s="6">
        <v>6</v>
      </c>
      <c r="DM403" s="6" t="s">
        <v>396</v>
      </c>
      <c r="DN403" s="6">
        <v>6</v>
      </c>
      <c r="DO403" s="6" t="s">
        <v>393</v>
      </c>
      <c r="DP403" s="6"/>
      <c r="DQ403" s="6"/>
    </row>
    <row r="404" spans="1:121" x14ac:dyDescent="0.2">
      <c r="A404" s="6" t="s">
        <v>311</v>
      </c>
      <c r="B404" s="6" t="s">
        <v>311</v>
      </c>
      <c r="C404" s="6" t="s">
        <v>174</v>
      </c>
      <c r="D404" s="6" t="s">
        <v>76</v>
      </c>
      <c r="E404" s="6" t="s">
        <v>217</v>
      </c>
      <c r="F404" s="11">
        <v>-31</v>
      </c>
      <c r="G404" s="13">
        <v>-0.41891891891900002</v>
      </c>
      <c r="H404" s="11">
        <v>-14.861532999999994</v>
      </c>
      <c r="I404" s="13">
        <v>-0.20118464141595979</v>
      </c>
      <c r="J404" s="11">
        <v>79.403057000000004</v>
      </c>
      <c r="K404" s="13">
        <v>1.3456187492992546</v>
      </c>
      <c r="L404" s="11">
        <v>-94.928111203</v>
      </c>
      <c r="M404" s="13">
        <v>-0.68583907045072889</v>
      </c>
      <c r="N404" s="11">
        <v>-15.525054202999996</v>
      </c>
      <c r="O404" s="13">
        <v>-0.26309823335194754</v>
      </c>
      <c r="P404" s="7">
        <v>73.870116999999993</v>
      </c>
      <c r="Q404" s="7">
        <v>57.226205999999998</v>
      </c>
      <c r="R404" s="7">
        <v>59.293655000000001</v>
      </c>
      <c r="S404" s="7">
        <v>84.557817999999997</v>
      </c>
      <c r="T404" s="7">
        <v>71.272688000000002</v>
      </c>
      <c r="U404" s="7">
        <v>80.045958999999996</v>
      </c>
      <c r="V404" s="7">
        <v>59.008583999999999</v>
      </c>
      <c r="W404" s="7">
        <v>45.133163000000003</v>
      </c>
      <c r="X404" s="7">
        <v>46.609236000000003</v>
      </c>
      <c r="Y404" s="7">
        <v>138.411641</v>
      </c>
      <c r="Z404" s="7">
        <v>79.155552</v>
      </c>
      <c r="AA404" s="7">
        <v>27.080400999999998</v>
      </c>
      <c r="AB404" s="7">
        <v>39.972208999999999</v>
      </c>
      <c r="AC404" s="7">
        <v>44.840845000000002</v>
      </c>
      <c r="AD404" s="7">
        <v>42.683387774899998</v>
      </c>
      <c r="AE404" s="7">
        <v>44.475710581900003</v>
      </c>
      <c r="AF404" s="7">
        <v>43.483529797000003</v>
      </c>
      <c r="AG404" s="9">
        <v>35023.313008099998</v>
      </c>
      <c r="AH404" s="13">
        <v>0.73263133349114751</v>
      </c>
      <c r="AI404" s="9">
        <v>27648.703644099995</v>
      </c>
      <c r="AJ404" s="13">
        <v>0.5783663760020008</v>
      </c>
      <c r="AK404" s="9">
        <v>-28122.939207799995</v>
      </c>
      <c r="AL404" s="13">
        <v>-0.37271867266970704</v>
      </c>
      <c r="AM404" s="9">
        <v>35497.548571799998</v>
      </c>
      <c r="AN404" s="13">
        <v>0.74999167907951181</v>
      </c>
      <c r="AO404" s="9">
        <v>7374.6093640000036</v>
      </c>
      <c r="AP404" s="13">
        <v>9.7737103269964223E-2</v>
      </c>
      <c r="AQ404" s="9">
        <v>47804.825438200001</v>
      </c>
      <c r="AR404" s="9">
        <v>54908.464030399999</v>
      </c>
      <c r="AS404" s="9">
        <v>59296.451386100001</v>
      </c>
      <c r="AT404" s="9">
        <v>48187.686937400002</v>
      </c>
      <c r="AU404" s="9">
        <v>56747.5289214</v>
      </c>
      <c r="AV404" s="9">
        <v>58719.643635699998</v>
      </c>
      <c r="AW404" s="9">
        <v>75453.529082299996</v>
      </c>
      <c r="AX404" s="9">
        <v>67706.747939499997</v>
      </c>
      <c r="AY404" s="9">
        <v>69262.520254000003</v>
      </c>
      <c r="AZ404" s="9">
        <v>47330.589874500001</v>
      </c>
      <c r="BA404" s="9">
        <v>68469.694506999993</v>
      </c>
      <c r="BB404" s="9">
        <v>75002.906884399999</v>
      </c>
      <c r="BC404" s="9">
        <v>78634.013032600007</v>
      </c>
      <c r="BD404" s="9">
        <v>75446.024766000002</v>
      </c>
      <c r="BE404" s="9">
        <v>80445.501017699993</v>
      </c>
      <c r="BF404" s="9">
        <v>82828.138446299999</v>
      </c>
      <c r="BG404" s="11">
        <v>-1</v>
      </c>
      <c r="BH404" s="13">
        <v>-0.33333333333333331</v>
      </c>
      <c r="BI404" s="6">
        <v>0</v>
      </c>
      <c r="BJ404" s="13">
        <v>0</v>
      </c>
      <c r="BK404" s="6">
        <v>-1</v>
      </c>
      <c r="BL404" s="13">
        <v>-0.33333333333333331</v>
      </c>
      <c r="BM404" s="11">
        <v>0</v>
      </c>
      <c r="BN404" s="13">
        <v>0</v>
      </c>
      <c r="BO404" s="11">
        <v>-1</v>
      </c>
      <c r="BP404" s="13">
        <v>-0.33333333333333331</v>
      </c>
      <c r="BQ404" s="6">
        <v>3</v>
      </c>
      <c r="BR404" s="6">
        <v>3</v>
      </c>
      <c r="BS404" s="6">
        <v>3</v>
      </c>
      <c r="BT404" s="6">
        <v>3</v>
      </c>
      <c r="BU404" s="6">
        <v>2</v>
      </c>
      <c r="BV404" s="6">
        <v>2</v>
      </c>
      <c r="BW404" s="6">
        <v>2</v>
      </c>
      <c r="BX404" s="6">
        <v>2</v>
      </c>
      <c r="BY404" s="6">
        <v>2</v>
      </c>
      <c r="BZ404" s="6">
        <v>2</v>
      </c>
      <c r="CA404" s="6">
        <v>2</v>
      </c>
      <c r="CB404" s="6">
        <v>2</v>
      </c>
      <c r="CC404" s="11">
        <v>2</v>
      </c>
      <c r="CD404" s="11">
        <v>-26.432200000000002</v>
      </c>
      <c r="CE404" s="11">
        <v>-12.029299999999999</v>
      </c>
      <c r="CF404" s="11">
        <v>8.0748899999999999</v>
      </c>
      <c r="CG404" s="11">
        <v>-4</v>
      </c>
      <c r="CH404" s="20">
        <v>4.7075800000000001</v>
      </c>
      <c r="CI404" s="20">
        <v>3.6449600000000002</v>
      </c>
      <c r="CJ404" s="20">
        <v>3.83432</v>
      </c>
      <c r="CK404" s="20">
        <v>5.3698800000000002</v>
      </c>
      <c r="CL404" s="20">
        <v>4.7031400000000003</v>
      </c>
      <c r="CM404" s="20">
        <v>5.3980899999999998</v>
      </c>
      <c r="CN404" s="20">
        <v>3.9000300000000001</v>
      </c>
      <c r="CO404" s="20">
        <v>3.0033400000000001</v>
      </c>
      <c r="CP404" s="20">
        <v>3.1028899999999999</v>
      </c>
      <c r="CQ404" s="20">
        <v>8.52088</v>
      </c>
      <c r="CR404" s="20">
        <v>5.0881999999999996</v>
      </c>
      <c r="CS404" s="20">
        <v>1.84152</v>
      </c>
      <c r="CT404" s="20">
        <v>2.7986800000000001</v>
      </c>
      <c r="CU404" s="20">
        <v>3.2044199999999998</v>
      </c>
      <c r="CV404" s="20">
        <v>3.0239699999999998</v>
      </c>
      <c r="CW404" s="20">
        <v>3.2216499999999999</v>
      </c>
      <c r="CX404" s="20">
        <v>3.0956800000000002</v>
      </c>
      <c r="CY404" s="6" t="s">
        <v>452</v>
      </c>
      <c r="CZ404" s="6" t="s">
        <v>453</v>
      </c>
      <c r="DA404" s="6" t="s">
        <v>76</v>
      </c>
      <c r="DB404" s="6" t="s">
        <v>345</v>
      </c>
      <c r="DC404" s="6"/>
      <c r="DD404" s="6"/>
      <c r="DE404" s="6"/>
      <c r="DF404" s="6"/>
      <c r="DG404" s="6"/>
      <c r="DH404" s="6" t="s">
        <v>333</v>
      </c>
      <c r="DI404" s="6"/>
      <c r="DJ404" s="6"/>
      <c r="DK404" s="6"/>
      <c r="DL404" s="6">
        <v>6</v>
      </c>
      <c r="DM404" s="6" t="s">
        <v>396</v>
      </c>
      <c r="DN404" s="6">
        <v>6</v>
      </c>
      <c r="DO404" s="6" t="s">
        <v>393</v>
      </c>
      <c r="DP404" s="6"/>
      <c r="DQ404" s="6"/>
    </row>
    <row r="405" spans="1:121" x14ac:dyDescent="0.2">
      <c r="A405" s="6" t="s">
        <v>312</v>
      </c>
      <c r="B405" s="6" t="s">
        <v>312</v>
      </c>
      <c r="C405" s="6" t="s">
        <v>175</v>
      </c>
      <c r="D405" s="6" t="s">
        <v>76</v>
      </c>
      <c r="E405" s="6" t="s">
        <v>217</v>
      </c>
      <c r="F405" s="11">
        <v>58</v>
      </c>
      <c r="G405" s="13">
        <v>0.225680933852</v>
      </c>
      <c r="H405" s="11">
        <v>49.171086476000028</v>
      </c>
      <c r="I405" s="13">
        <v>0.19111470634134797</v>
      </c>
      <c r="J405" s="11">
        <v>-26.672147780000046</v>
      </c>
      <c r="K405" s="13">
        <v>-8.7033952139004972E-2</v>
      </c>
      <c r="L405" s="11">
        <v>35.490776221000033</v>
      </c>
      <c r="M405" s="13">
        <v>0.12685032585297901</v>
      </c>
      <c r="N405" s="11">
        <v>8.8186284409999871</v>
      </c>
      <c r="O405" s="13">
        <v>2.8776088524868682E-2</v>
      </c>
      <c r="P405" s="7">
        <v>257.285728646</v>
      </c>
      <c r="Q405" s="7">
        <v>245.299123624</v>
      </c>
      <c r="R405" s="7">
        <v>277.77386836800002</v>
      </c>
      <c r="S405" s="7">
        <v>297.03574101100003</v>
      </c>
      <c r="T405" s="7">
        <v>249.39633124700001</v>
      </c>
      <c r="U405" s="7">
        <v>275.33963646500001</v>
      </c>
      <c r="V405" s="7">
        <v>306.45681512200002</v>
      </c>
      <c r="W405" s="7">
        <v>304.684182126</v>
      </c>
      <c r="X405" s="7">
        <v>293.40732194899999</v>
      </c>
      <c r="Y405" s="7">
        <v>279.78466734199998</v>
      </c>
      <c r="Z405" s="7">
        <v>262.27301751700003</v>
      </c>
      <c r="AA405" s="7">
        <v>244.18874178300001</v>
      </c>
      <c r="AB405" s="7">
        <v>250.705227014</v>
      </c>
      <c r="AC405" s="7">
        <v>278.48020308700001</v>
      </c>
      <c r="AD405" s="7">
        <v>316.41681878700001</v>
      </c>
      <c r="AE405" s="7">
        <v>304.47207199399998</v>
      </c>
      <c r="AF405" s="7">
        <v>315.27544356300001</v>
      </c>
      <c r="AG405" s="9">
        <v>12312.108327599999</v>
      </c>
      <c r="AH405" s="13">
        <v>0.55154434667812957</v>
      </c>
      <c r="AI405" s="9">
        <v>4036.4770867000007</v>
      </c>
      <c r="AJ405" s="13">
        <v>0.1808216804488727</v>
      </c>
      <c r="AK405" s="9">
        <v>6229.4215603000011</v>
      </c>
      <c r="AL405" s="13">
        <v>0.23632595018205571</v>
      </c>
      <c r="AM405" s="9">
        <v>2046.2096805999972</v>
      </c>
      <c r="AN405" s="13">
        <v>6.2788605968667227E-2</v>
      </c>
      <c r="AO405" s="9">
        <v>8275.6312408999984</v>
      </c>
      <c r="AP405" s="13">
        <v>0.31395313311687489</v>
      </c>
      <c r="AQ405" s="9">
        <v>22322.970766999999</v>
      </c>
      <c r="AR405" s="9">
        <v>22600.398321100001</v>
      </c>
      <c r="AS405" s="9">
        <v>22018.264007099999</v>
      </c>
      <c r="AT405" s="9">
        <v>22473.132545299999</v>
      </c>
      <c r="AU405" s="9">
        <v>23676.4377523</v>
      </c>
      <c r="AV405" s="9">
        <v>24323.487503600001</v>
      </c>
      <c r="AW405" s="9">
        <v>26359.4478537</v>
      </c>
      <c r="AX405" s="9">
        <v>31195.1339272</v>
      </c>
      <c r="AY405" s="9">
        <v>29371.257577299999</v>
      </c>
      <c r="AZ405" s="9">
        <v>32588.869414000001</v>
      </c>
      <c r="BA405" s="9">
        <v>30297.150623599999</v>
      </c>
      <c r="BB405" s="9">
        <v>31684.3399584</v>
      </c>
      <c r="BC405" s="9">
        <v>31515.187224199999</v>
      </c>
      <c r="BD405" s="9">
        <v>31614.299172300001</v>
      </c>
      <c r="BE405" s="9">
        <v>34113.5114512</v>
      </c>
      <c r="BF405" s="9">
        <v>34635.079094599998</v>
      </c>
      <c r="BG405" s="11">
        <v>-6.5</v>
      </c>
      <c r="BH405" s="13">
        <v>-0.18571428571428572</v>
      </c>
      <c r="BI405" s="6">
        <v>1</v>
      </c>
      <c r="BJ405" s="13">
        <v>2.8571428571428571E-2</v>
      </c>
      <c r="BK405" s="6">
        <v>-6</v>
      </c>
      <c r="BL405" s="13">
        <v>-0.16666666666666666</v>
      </c>
      <c r="BM405" s="11">
        <v>-1.5</v>
      </c>
      <c r="BN405" s="13">
        <v>-0.05</v>
      </c>
      <c r="BO405" s="11">
        <v>-7.5</v>
      </c>
      <c r="BP405" s="13">
        <v>-0.20833333333333334</v>
      </c>
      <c r="BQ405" s="6">
        <v>35</v>
      </c>
      <c r="BR405" s="6">
        <v>34</v>
      </c>
      <c r="BS405" s="6">
        <v>33</v>
      </c>
      <c r="BT405" s="6">
        <v>36</v>
      </c>
      <c r="BU405" s="6">
        <v>34</v>
      </c>
      <c r="BV405" s="6">
        <v>34</v>
      </c>
      <c r="BW405" s="6">
        <v>30</v>
      </c>
      <c r="BX405" s="6">
        <v>33</v>
      </c>
      <c r="BY405" s="6">
        <v>24</v>
      </c>
      <c r="BZ405" s="6">
        <v>27</v>
      </c>
      <c r="CA405" s="6">
        <v>29</v>
      </c>
      <c r="CB405" s="6">
        <v>29</v>
      </c>
      <c r="CC405" s="11">
        <v>28.5</v>
      </c>
      <c r="CD405" s="11">
        <v>61.0291</v>
      </c>
      <c r="CE405" s="11">
        <v>-31.163799999999998</v>
      </c>
      <c r="CF405" s="11">
        <v>28.124400000000001</v>
      </c>
      <c r="CG405" s="11">
        <v>-3</v>
      </c>
      <c r="CH405" s="20">
        <v>1.1304399999999999</v>
      </c>
      <c r="CI405" s="20">
        <v>1.06975</v>
      </c>
      <c r="CJ405" s="20">
        <v>1.1752899999999999</v>
      </c>
      <c r="CK405" s="20">
        <v>1.1572100000000001</v>
      </c>
      <c r="CL405" s="20">
        <v>0.94125300000000001</v>
      </c>
      <c r="CM405" s="20">
        <v>1.0114099999999999</v>
      </c>
      <c r="CN405" s="20">
        <v>1.11812</v>
      </c>
      <c r="CO405" s="20">
        <v>1.20119</v>
      </c>
      <c r="CP405" s="20">
        <v>1.3348500000000001</v>
      </c>
      <c r="CQ405" s="20">
        <v>1.25928</v>
      </c>
      <c r="CR405" s="20">
        <v>1.2455700000000001</v>
      </c>
      <c r="CS405" s="20">
        <v>1.21526</v>
      </c>
      <c r="CT405" s="20">
        <v>1.2535400000000001</v>
      </c>
      <c r="CU405" s="20">
        <v>1.37805</v>
      </c>
      <c r="CV405" s="20">
        <v>1.5093000000000001</v>
      </c>
      <c r="CW405" s="20">
        <v>1.45428</v>
      </c>
      <c r="CX405" s="20">
        <v>1.48214</v>
      </c>
      <c r="CY405" s="6" t="s">
        <v>452</v>
      </c>
      <c r="CZ405" s="6" t="s">
        <v>453</v>
      </c>
      <c r="DA405" s="6" t="s">
        <v>76</v>
      </c>
      <c r="DB405" s="6" t="s">
        <v>345</v>
      </c>
      <c r="DC405" s="6"/>
      <c r="DD405" s="6"/>
      <c r="DE405" s="6"/>
      <c r="DF405" s="6"/>
      <c r="DG405" s="6"/>
      <c r="DH405" s="6" t="s">
        <v>333</v>
      </c>
      <c r="DI405" s="6"/>
      <c r="DJ405" s="6"/>
      <c r="DK405" s="6"/>
      <c r="DL405" s="6">
        <v>6</v>
      </c>
      <c r="DM405" s="6" t="s">
        <v>396</v>
      </c>
      <c r="DN405" s="6">
        <v>6</v>
      </c>
      <c r="DO405" s="6" t="s">
        <v>393</v>
      </c>
      <c r="DP405" s="6"/>
      <c r="DQ405" s="6"/>
    </row>
    <row r="406" spans="1:121" x14ac:dyDescent="0.2">
      <c r="A406" s="6" t="s">
        <v>792</v>
      </c>
      <c r="B406" s="6" t="s">
        <v>176</v>
      </c>
      <c r="C406" s="6" t="s">
        <v>177</v>
      </c>
      <c r="D406" s="6" t="s">
        <v>76</v>
      </c>
      <c r="E406" s="6" t="s">
        <v>217</v>
      </c>
      <c r="F406" s="11">
        <v>-219</v>
      </c>
      <c r="G406" s="13">
        <v>-0.44877049180299999</v>
      </c>
      <c r="H406" s="11">
        <v>-60.96918187</v>
      </c>
      <c r="I406" s="13">
        <v>-0.12494699326088264</v>
      </c>
      <c r="J406" s="11">
        <v>-129.44879904999999</v>
      </c>
      <c r="K406" s="13">
        <v>-0.30316503171025694</v>
      </c>
      <c r="L406" s="11">
        <v>-28.117220675999988</v>
      </c>
      <c r="M406" s="13">
        <v>-9.4498199573574956E-2</v>
      </c>
      <c r="N406" s="11">
        <v>-157.56601972599998</v>
      </c>
      <c r="O406" s="13">
        <v>-0.36901468161354689</v>
      </c>
      <c r="P406" s="7">
        <v>487.960376467</v>
      </c>
      <c r="Q406" s="7">
        <v>457.49220428899997</v>
      </c>
      <c r="R406" s="7">
        <v>388.66910592400001</v>
      </c>
      <c r="S406" s="7">
        <v>416.24684981000001</v>
      </c>
      <c r="T406" s="7">
        <v>460.92155504599998</v>
      </c>
      <c r="U406" s="7">
        <v>435.11925973500001</v>
      </c>
      <c r="V406" s="7">
        <v>426.991194597</v>
      </c>
      <c r="W406" s="7">
        <v>420.11476400200002</v>
      </c>
      <c r="X406" s="7">
        <v>312.15781425500001</v>
      </c>
      <c r="Y406" s="7">
        <v>297.54239554700001</v>
      </c>
      <c r="Z406" s="7">
        <v>224.148676021</v>
      </c>
      <c r="AA406" s="7">
        <v>254.03832015099999</v>
      </c>
      <c r="AB406" s="7">
        <v>245.978406124</v>
      </c>
      <c r="AC406" s="7">
        <v>249.87830911699999</v>
      </c>
      <c r="AD406" s="7">
        <v>238.17309296400001</v>
      </c>
      <c r="AE406" s="7">
        <v>248.288644538</v>
      </c>
      <c r="AF406" s="7">
        <v>269.42517487100002</v>
      </c>
      <c r="AG406" s="9">
        <v>11997.983094400002</v>
      </c>
      <c r="AH406" s="13">
        <v>0.45376000611913647</v>
      </c>
      <c r="AI406" s="9">
        <v>4391.9322089000016</v>
      </c>
      <c r="AJ406" s="13">
        <v>0.16610151642199472</v>
      </c>
      <c r="AK406" s="9">
        <v>9796.2046183999992</v>
      </c>
      <c r="AL406" s="13">
        <v>0.31771627135207531</v>
      </c>
      <c r="AM406" s="9">
        <v>-2190.1537328999984</v>
      </c>
      <c r="AN406" s="13">
        <v>-5.3905651687518361E-2</v>
      </c>
      <c r="AO406" s="9">
        <v>7606.0508855000007</v>
      </c>
      <c r="AP406" s="13">
        <v>0.24668391700559492</v>
      </c>
      <c r="AQ406" s="9">
        <v>26441.2529368</v>
      </c>
      <c r="AR406" s="9">
        <v>27340.8040927</v>
      </c>
      <c r="AS406" s="9">
        <v>32782.846535299999</v>
      </c>
      <c r="AT406" s="9">
        <v>28456.2291248</v>
      </c>
      <c r="AU406" s="9">
        <v>30574.481674999999</v>
      </c>
      <c r="AV406" s="9">
        <v>30899.993471000002</v>
      </c>
      <c r="AW406" s="9">
        <v>30833.185145700001</v>
      </c>
      <c r="AX406" s="9">
        <v>33644.949045900001</v>
      </c>
      <c r="AY406" s="9">
        <v>37345.948074499996</v>
      </c>
      <c r="AZ406" s="9">
        <v>40629.3897641</v>
      </c>
      <c r="BA406" s="9">
        <v>38439.8520623</v>
      </c>
      <c r="BB406" s="9">
        <v>35595.786407400003</v>
      </c>
      <c r="BC406" s="9">
        <v>37348.075926400001</v>
      </c>
      <c r="BD406" s="9">
        <v>39672.083541499996</v>
      </c>
      <c r="BE406" s="9">
        <v>39017.683075200002</v>
      </c>
      <c r="BF406" s="9">
        <v>38439.236031200002</v>
      </c>
      <c r="BG406" s="11">
        <v>-6</v>
      </c>
      <c r="BH406" s="13">
        <v>-0.24</v>
      </c>
      <c r="BI406" s="6">
        <v>-2</v>
      </c>
      <c r="BJ406" s="13">
        <v>-0.08</v>
      </c>
      <c r="BK406" s="6">
        <v>-1</v>
      </c>
      <c r="BL406" s="13">
        <v>-4.3478260869565216E-2</v>
      </c>
      <c r="BM406" s="11">
        <v>-3</v>
      </c>
      <c r="BN406" s="13">
        <v>-0.13636363636363635</v>
      </c>
      <c r="BO406" s="11">
        <v>-4</v>
      </c>
      <c r="BP406" s="13">
        <v>-0.17391304347826086</v>
      </c>
      <c r="BQ406" s="6">
        <v>25</v>
      </c>
      <c r="BR406" s="6">
        <v>24</v>
      </c>
      <c r="BS406" s="6">
        <v>23</v>
      </c>
      <c r="BT406" s="6">
        <v>23</v>
      </c>
      <c r="BU406" s="6">
        <v>27</v>
      </c>
      <c r="BV406" s="6">
        <v>23</v>
      </c>
      <c r="BW406" s="6">
        <v>22</v>
      </c>
      <c r="BX406" s="6">
        <v>20</v>
      </c>
      <c r="BY406" s="6">
        <v>23</v>
      </c>
      <c r="BZ406" s="6">
        <v>22</v>
      </c>
      <c r="CA406" s="6">
        <v>21</v>
      </c>
      <c r="CB406" s="6">
        <v>20</v>
      </c>
      <c r="CC406" s="11">
        <v>19</v>
      </c>
      <c r="CD406" s="11">
        <v>-99.635999999999996</v>
      </c>
      <c r="CE406" s="11">
        <v>-172.239</v>
      </c>
      <c r="CF406" s="11">
        <v>53.3399</v>
      </c>
      <c r="CG406" s="11">
        <v>-119</v>
      </c>
      <c r="CH406" s="20">
        <v>1.11988</v>
      </c>
      <c r="CI406" s="20">
        <v>1.1136699999999999</v>
      </c>
      <c r="CJ406" s="20">
        <v>0.98126000000000002</v>
      </c>
      <c r="CK406" s="20">
        <v>1.0248699999999999</v>
      </c>
      <c r="CL406" s="20">
        <v>1.1576900000000001</v>
      </c>
      <c r="CM406" s="20">
        <v>1.1149199999999999</v>
      </c>
      <c r="CN406" s="20">
        <v>1.1002000000000001</v>
      </c>
      <c r="CO406" s="20">
        <v>1.1444000000000001</v>
      </c>
      <c r="CP406" s="20">
        <v>0.96677199999999996</v>
      </c>
      <c r="CQ406" s="20">
        <v>0.86243599999999998</v>
      </c>
      <c r="CR406" s="20">
        <v>0.66512199999999999</v>
      </c>
      <c r="CS406" s="20">
        <v>0.78427199999999997</v>
      </c>
      <c r="CT406" s="20">
        <v>0.77495800000000004</v>
      </c>
      <c r="CU406" s="20">
        <v>0.79821900000000001</v>
      </c>
      <c r="CV406" s="20">
        <v>0.75393100000000002</v>
      </c>
      <c r="CW406" s="20">
        <v>0.80417700000000003</v>
      </c>
      <c r="CX406" s="20">
        <v>0.86440799999999995</v>
      </c>
      <c r="CY406" s="6" t="s">
        <v>452</v>
      </c>
      <c r="CZ406" s="6" t="s">
        <v>453</v>
      </c>
      <c r="DA406" s="6" t="s">
        <v>76</v>
      </c>
      <c r="DB406" s="6" t="s">
        <v>345</v>
      </c>
      <c r="DC406" s="6"/>
      <c r="DD406" s="6"/>
      <c r="DE406" s="6"/>
      <c r="DF406" s="6"/>
      <c r="DG406" s="6"/>
      <c r="DH406" s="6" t="s">
        <v>333</v>
      </c>
      <c r="DI406" s="6"/>
      <c r="DJ406" s="6"/>
      <c r="DK406" s="6"/>
      <c r="DL406" s="6">
        <v>6</v>
      </c>
      <c r="DM406" s="6" t="s">
        <v>396</v>
      </c>
      <c r="DN406" s="6">
        <v>6</v>
      </c>
      <c r="DO406" s="6" t="s">
        <v>393</v>
      </c>
      <c r="DP406" s="6"/>
      <c r="DQ406" s="6"/>
    </row>
    <row r="407" spans="1:121" x14ac:dyDescent="0.2">
      <c r="A407" s="6" t="s">
        <v>313</v>
      </c>
      <c r="B407" s="6" t="s">
        <v>313</v>
      </c>
      <c r="C407" s="6" t="s">
        <v>178</v>
      </c>
      <c r="D407" s="6" t="s">
        <v>76</v>
      </c>
      <c r="E407" s="6" t="s">
        <v>217</v>
      </c>
      <c r="F407" s="11">
        <v>-95</v>
      </c>
      <c r="G407" s="13">
        <v>-0.70895522388099996</v>
      </c>
      <c r="H407" s="11">
        <v>31.671853376000001</v>
      </c>
      <c r="I407" s="13">
        <v>0.23563365245699769</v>
      </c>
      <c r="J407" s="11">
        <v>-101.15130944420001</v>
      </c>
      <c r="K407" s="13">
        <v>-0.60903972177670784</v>
      </c>
      <c r="L407" s="11">
        <v>-26.196372226999998</v>
      </c>
      <c r="M407" s="13">
        <v>-0.40344341079685569</v>
      </c>
      <c r="N407" s="11">
        <v>-127.34768167120001</v>
      </c>
      <c r="O407" s="13">
        <v>-0.76677006990920049</v>
      </c>
      <c r="P407" s="7">
        <v>134.411418088</v>
      </c>
      <c r="Q407" s="7">
        <v>139.59405732100001</v>
      </c>
      <c r="R407" s="7">
        <v>130.25501509099999</v>
      </c>
      <c r="S407" s="7">
        <v>175.30962280899999</v>
      </c>
      <c r="T407" s="7">
        <v>148.27577448599999</v>
      </c>
      <c r="U407" s="7">
        <v>162.75564409200001</v>
      </c>
      <c r="V407" s="7">
        <v>166.08327146400001</v>
      </c>
      <c r="W407" s="7">
        <v>158.813046386</v>
      </c>
      <c r="X407" s="7">
        <v>155.36818329600001</v>
      </c>
      <c r="Y407" s="7">
        <v>64.931962019799997</v>
      </c>
      <c r="Z407" s="7">
        <v>73.821572200099993</v>
      </c>
      <c r="AA407" s="7">
        <v>76.654509603600005</v>
      </c>
      <c r="AB407" s="7">
        <v>63.336105391700002</v>
      </c>
      <c r="AC407" s="7">
        <v>69.514488495999998</v>
      </c>
      <c r="AD407" s="7">
        <v>50.818051126199997</v>
      </c>
      <c r="AE407" s="7">
        <v>39.650630057699999</v>
      </c>
      <c r="AF407" s="7">
        <v>38.735589792799999</v>
      </c>
      <c r="AG407" s="9">
        <v>6913.6980795000054</v>
      </c>
      <c r="AH407" s="13">
        <v>0.2365484604581328</v>
      </c>
      <c r="AI407" s="9">
        <v>-1452.5350754999999</v>
      </c>
      <c r="AJ407" s="13">
        <v>-4.9697706194281953E-2</v>
      </c>
      <c r="AK407" s="9">
        <v>-1308.6185273999981</v>
      </c>
      <c r="AL407" s="13">
        <v>-4.7115196096065459E-2</v>
      </c>
      <c r="AM407" s="9">
        <v>9674.8516824000035</v>
      </c>
      <c r="AN407" s="13">
        <v>0.3655542631510954</v>
      </c>
      <c r="AO407" s="9">
        <v>8366.2331550000054</v>
      </c>
      <c r="AP407" s="13">
        <v>0.30121590626291339</v>
      </c>
      <c r="AQ407" s="9">
        <v>29227.406790599998</v>
      </c>
      <c r="AR407" s="9">
        <v>29385.860944</v>
      </c>
      <c r="AS407" s="9">
        <v>30882.756468899999</v>
      </c>
      <c r="AT407" s="9">
        <v>28756.979208199999</v>
      </c>
      <c r="AU407" s="9">
        <v>29348.3773286</v>
      </c>
      <c r="AV407" s="9">
        <v>25676.2216181</v>
      </c>
      <c r="AW407" s="9">
        <v>27774.871715099998</v>
      </c>
      <c r="AX407" s="9">
        <v>32076.293577699998</v>
      </c>
      <c r="AY407" s="9">
        <v>30411.869235099999</v>
      </c>
      <c r="AZ407" s="9">
        <v>26466.2531877</v>
      </c>
      <c r="BA407" s="9">
        <v>29022.419641699998</v>
      </c>
      <c r="BB407" s="9">
        <v>26929.426319900002</v>
      </c>
      <c r="BC407" s="9">
        <v>22968.790767300001</v>
      </c>
      <c r="BD407" s="9">
        <v>22249.892282299999</v>
      </c>
      <c r="BE407" s="9">
        <v>31942.2379592</v>
      </c>
      <c r="BF407" s="9">
        <v>36141.104870100004</v>
      </c>
      <c r="BG407" s="11">
        <v>-4</v>
      </c>
      <c r="BH407" s="13">
        <v>-0.4</v>
      </c>
      <c r="BI407" s="6">
        <v>-1</v>
      </c>
      <c r="BJ407" s="13">
        <v>-0.1</v>
      </c>
      <c r="BK407" s="6">
        <v>-2</v>
      </c>
      <c r="BL407" s="13">
        <v>-0.22222222222222221</v>
      </c>
      <c r="BM407" s="11">
        <v>-1</v>
      </c>
      <c r="BN407" s="13">
        <v>-0.14285714285714285</v>
      </c>
      <c r="BO407" s="11">
        <v>-3</v>
      </c>
      <c r="BP407" s="13">
        <v>-0.33333333333333331</v>
      </c>
      <c r="BQ407" s="6">
        <v>10</v>
      </c>
      <c r="BR407" s="6">
        <v>10</v>
      </c>
      <c r="BS407" s="6">
        <v>9</v>
      </c>
      <c r="BT407" s="6">
        <v>9</v>
      </c>
      <c r="BU407" s="6">
        <v>9</v>
      </c>
      <c r="BV407" s="6">
        <v>9</v>
      </c>
      <c r="BW407" s="6">
        <v>7</v>
      </c>
      <c r="BX407" s="6">
        <v>8</v>
      </c>
      <c r="BY407" s="6">
        <v>9</v>
      </c>
      <c r="BZ407" s="6">
        <v>9</v>
      </c>
      <c r="CA407" s="6">
        <v>9</v>
      </c>
      <c r="CB407" s="6">
        <v>7</v>
      </c>
      <c r="CC407" s="11">
        <v>6</v>
      </c>
      <c r="CD407" s="11">
        <v>-99.378100000000003</v>
      </c>
      <c r="CE407" s="11">
        <v>-10.990500000000001</v>
      </c>
      <c r="CF407" s="11">
        <v>14.6928</v>
      </c>
      <c r="CG407" s="11">
        <v>4</v>
      </c>
      <c r="CH407" s="20">
        <v>0.86631400000000003</v>
      </c>
      <c r="CI407" s="20">
        <v>0.90637299999999998</v>
      </c>
      <c r="CJ407" s="20">
        <v>0.83846200000000004</v>
      </c>
      <c r="CK407" s="20">
        <v>1.0745</v>
      </c>
      <c r="CL407" s="20">
        <v>0.90509700000000004</v>
      </c>
      <c r="CM407" s="20">
        <v>0.98611300000000002</v>
      </c>
      <c r="CN407" s="20">
        <v>0.97607100000000002</v>
      </c>
      <c r="CO407" s="20">
        <v>0.96144600000000002</v>
      </c>
      <c r="CP407" s="20">
        <v>1.0108900000000001</v>
      </c>
      <c r="CQ407" s="20">
        <v>0.39145600000000003</v>
      </c>
      <c r="CR407" s="20">
        <v>0.45761099999999999</v>
      </c>
      <c r="CS407" s="20">
        <v>0.49379299999999998</v>
      </c>
      <c r="CT407" s="20">
        <v>0.41400199999999998</v>
      </c>
      <c r="CU407" s="20">
        <v>0.46129799999999999</v>
      </c>
      <c r="CV407" s="20">
        <v>0.33438899999999999</v>
      </c>
      <c r="CW407" s="20">
        <v>0.267646</v>
      </c>
      <c r="CX407" s="20">
        <v>0.25689600000000001</v>
      </c>
      <c r="CY407" s="6" t="s">
        <v>452</v>
      </c>
      <c r="CZ407" s="6" t="s">
        <v>453</v>
      </c>
      <c r="DA407" s="6" t="s">
        <v>76</v>
      </c>
      <c r="DB407" s="6" t="s">
        <v>345</v>
      </c>
      <c r="DC407" s="6"/>
      <c r="DD407" s="6"/>
      <c r="DE407" s="6"/>
      <c r="DF407" s="6"/>
      <c r="DG407" s="6"/>
      <c r="DH407" s="6" t="s">
        <v>333</v>
      </c>
      <c r="DI407" s="6"/>
      <c r="DJ407" s="6"/>
      <c r="DK407" s="6"/>
      <c r="DL407" s="6">
        <v>6</v>
      </c>
      <c r="DM407" s="6" t="s">
        <v>396</v>
      </c>
      <c r="DN407" s="6">
        <v>6</v>
      </c>
      <c r="DO407" s="6" t="s">
        <v>393</v>
      </c>
      <c r="DP407" s="6"/>
      <c r="DQ407" s="6"/>
    </row>
    <row r="408" spans="1:121" x14ac:dyDescent="0.2">
      <c r="A408" s="6" t="s">
        <v>793</v>
      </c>
      <c r="B408" s="6" t="s">
        <v>179</v>
      </c>
      <c r="C408" s="6" t="s">
        <v>180</v>
      </c>
      <c r="D408" s="6" t="s">
        <v>76</v>
      </c>
      <c r="E408" s="6" t="s">
        <v>217</v>
      </c>
      <c r="F408" s="11">
        <v>72</v>
      </c>
      <c r="G408" s="13">
        <v>0.14000000000000001</v>
      </c>
      <c r="H408" s="11">
        <v>95</v>
      </c>
      <c r="I408" s="13">
        <v>0.19</v>
      </c>
      <c r="J408" s="11">
        <v>-91</v>
      </c>
      <c r="K408" s="13">
        <v>-0.15294117647058825</v>
      </c>
      <c r="L408" s="11">
        <v>68</v>
      </c>
      <c r="M408" s="13">
        <v>0.13492063492063491</v>
      </c>
      <c r="N408" s="11">
        <v>-23</v>
      </c>
      <c r="O408" s="13">
        <v>-3.8655462184873951E-2</v>
      </c>
      <c r="P408" s="7">
        <v>500</v>
      </c>
      <c r="Q408" s="7">
        <v>484</v>
      </c>
      <c r="R408" s="7">
        <v>467</v>
      </c>
      <c r="S408" s="7">
        <v>524</v>
      </c>
      <c r="T408" s="7">
        <v>535</v>
      </c>
      <c r="U408" s="7">
        <v>548</v>
      </c>
      <c r="V408" s="7">
        <v>595</v>
      </c>
      <c r="W408" s="7">
        <v>537</v>
      </c>
      <c r="X408" s="7">
        <v>504</v>
      </c>
      <c r="Y408" s="7">
        <v>504</v>
      </c>
      <c r="Z408" s="7">
        <v>519</v>
      </c>
      <c r="AA408" s="7">
        <v>530</v>
      </c>
      <c r="AB408" s="7">
        <v>537</v>
      </c>
      <c r="AC408" s="7">
        <v>557</v>
      </c>
      <c r="AD408" s="7">
        <v>564</v>
      </c>
      <c r="AE408" s="7">
        <v>562</v>
      </c>
      <c r="AF408" s="7">
        <v>572</v>
      </c>
      <c r="AG408" s="9">
        <v>6392</v>
      </c>
      <c r="AH408" s="13">
        <v>0.3339253996447602</v>
      </c>
      <c r="AI408" s="9">
        <v>4426</v>
      </c>
      <c r="AJ408" s="13">
        <v>0.23121930832723853</v>
      </c>
      <c r="AK408" s="9">
        <v>4471</v>
      </c>
      <c r="AL408" s="13">
        <v>0.18970638153428376</v>
      </c>
      <c r="AM408" s="9">
        <v>-2505</v>
      </c>
      <c r="AN408" s="13">
        <v>-8.9339848068761371E-2</v>
      </c>
      <c r="AO408" s="9">
        <v>1966</v>
      </c>
      <c r="AP408" s="13">
        <v>8.3418194161575018E-2</v>
      </c>
      <c r="AQ408" s="9">
        <v>19142</v>
      </c>
      <c r="AR408" s="9">
        <v>20534</v>
      </c>
      <c r="AS408" s="9">
        <v>20743</v>
      </c>
      <c r="AT408" s="9">
        <v>20973</v>
      </c>
      <c r="AU408" s="9">
        <v>21517</v>
      </c>
      <c r="AV408" s="9">
        <v>22476</v>
      </c>
      <c r="AW408" s="9">
        <v>23568</v>
      </c>
      <c r="AX408" s="9">
        <v>25569</v>
      </c>
      <c r="AY408" s="9">
        <v>26362</v>
      </c>
      <c r="AZ408" s="9">
        <v>28039</v>
      </c>
      <c r="BA408" s="9">
        <v>26816</v>
      </c>
      <c r="BB408" s="9">
        <v>26459</v>
      </c>
      <c r="BC408" s="9">
        <v>25482</v>
      </c>
      <c r="BD408" s="9">
        <v>25312</v>
      </c>
      <c r="BE408" s="9">
        <v>25061</v>
      </c>
      <c r="BF408" s="9">
        <v>25534</v>
      </c>
      <c r="BG408" s="11">
        <v>-11</v>
      </c>
      <c r="BH408" s="13">
        <v>-0.18965517241379309</v>
      </c>
      <c r="BI408" s="6">
        <v>0</v>
      </c>
      <c r="BJ408" s="13">
        <v>0</v>
      </c>
      <c r="BK408" s="6">
        <v>-5</v>
      </c>
      <c r="BL408" s="13">
        <v>-8.6206896551724144E-2</v>
      </c>
      <c r="BM408" s="11">
        <v>-6</v>
      </c>
      <c r="BN408" s="13">
        <v>-0.11320754716981132</v>
      </c>
      <c r="BO408" s="11">
        <v>-11</v>
      </c>
      <c r="BP408" s="13">
        <v>-0.18965517241379309</v>
      </c>
      <c r="BQ408" s="6">
        <v>58</v>
      </c>
      <c r="BR408" s="6">
        <v>57</v>
      </c>
      <c r="BS408" s="6">
        <v>57</v>
      </c>
      <c r="BT408" s="6">
        <v>58</v>
      </c>
      <c r="BU408" s="6">
        <v>56</v>
      </c>
      <c r="BV408" s="6">
        <v>55</v>
      </c>
      <c r="BW408" s="6">
        <v>53</v>
      </c>
      <c r="BX408" s="6">
        <v>50</v>
      </c>
      <c r="BY408" s="6">
        <v>51</v>
      </c>
      <c r="BZ408" s="6">
        <v>52</v>
      </c>
      <c r="CA408" s="6">
        <v>49</v>
      </c>
      <c r="CB408" s="6">
        <v>49</v>
      </c>
      <c r="CC408" s="11">
        <v>47</v>
      </c>
      <c r="CD408" s="11">
        <v>49</v>
      </c>
      <c r="CE408" s="11">
        <v>-32</v>
      </c>
      <c r="CF408" s="11">
        <v>55</v>
      </c>
      <c r="CG408" s="11">
        <v>23</v>
      </c>
      <c r="CH408" s="20">
        <v>1.2</v>
      </c>
      <c r="CI408" s="20">
        <v>1.1499999999999999</v>
      </c>
      <c r="CJ408" s="20">
        <v>1.1100000000000001</v>
      </c>
      <c r="CK408" s="20">
        <v>1.18</v>
      </c>
      <c r="CL408" s="20">
        <v>1.21</v>
      </c>
      <c r="CM408" s="20">
        <v>1.25</v>
      </c>
      <c r="CN408" s="20">
        <v>1.33</v>
      </c>
      <c r="CO408" s="20">
        <v>1.24</v>
      </c>
      <c r="CP408" s="20">
        <v>1.23</v>
      </c>
      <c r="CQ408" s="20">
        <v>1.1299999999999999</v>
      </c>
      <c r="CR408" s="20">
        <v>1.2</v>
      </c>
      <c r="CS408" s="20">
        <v>1.28</v>
      </c>
      <c r="CT408" s="20">
        <v>1.32</v>
      </c>
      <c r="CU408" s="20">
        <v>1.38</v>
      </c>
      <c r="CV408" s="20">
        <v>1.37</v>
      </c>
      <c r="CW408" s="20">
        <v>1.39</v>
      </c>
      <c r="CX408" s="20">
        <v>1.39</v>
      </c>
      <c r="CY408" s="6" t="s">
        <v>452</v>
      </c>
      <c r="CZ408" s="6" t="s">
        <v>453</v>
      </c>
      <c r="DA408" s="6" t="s">
        <v>76</v>
      </c>
      <c r="DB408" s="6" t="s">
        <v>345</v>
      </c>
      <c r="DC408" s="6"/>
      <c r="DD408" s="6"/>
      <c r="DE408" s="6"/>
      <c r="DF408" s="6"/>
      <c r="DG408" s="6"/>
      <c r="DH408" s="6" t="s">
        <v>333</v>
      </c>
      <c r="DI408" s="6"/>
      <c r="DJ408" s="6"/>
      <c r="DK408" s="6"/>
      <c r="DL408" s="6">
        <v>6</v>
      </c>
      <c r="DM408" s="6" t="s">
        <v>396</v>
      </c>
      <c r="DN408" s="6">
        <v>6</v>
      </c>
      <c r="DO408" s="6" t="s">
        <v>393</v>
      </c>
      <c r="DP408" s="6"/>
      <c r="DQ408" s="6"/>
    </row>
    <row r="409" spans="1:121" x14ac:dyDescent="0.2">
      <c r="A409" s="6" t="s">
        <v>794</v>
      </c>
      <c r="B409" s="6" t="s">
        <v>181</v>
      </c>
      <c r="C409" s="6" t="s">
        <v>182</v>
      </c>
      <c r="D409" s="6" t="s">
        <v>76</v>
      </c>
      <c r="E409" s="6" t="s">
        <v>217</v>
      </c>
      <c r="F409" s="11">
        <v>-21</v>
      </c>
      <c r="G409" s="13">
        <v>-0.27631578947399998</v>
      </c>
      <c r="H409" s="11">
        <v>-18.623299952299995</v>
      </c>
      <c r="I409" s="13">
        <v>-0.24434604071179464</v>
      </c>
      <c r="J409" s="11">
        <v>31.470680507600001</v>
      </c>
      <c r="K409" s="13">
        <v>0.5464266091597465</v>
      </c>
      <c r="L409" s="11">
        <v>-34.087490140600003</v>
      </c>
      <c r="M409" s="13">
        <v>-0.38272904108169142</v>
      </c>
      <c r="N409" s="11">
        <v>-2.6168096330000026</v>
      </c>
      <c r="O409" s="13">
        <v>-4.5435764067174846E-2</v>
      </c>
      <c r="P409" s="7">
        <v>76.216909011699997</v>
      </c>
      <c r="Q409" s="7">
        <v>96.541005057600003</v>
      </c>
      <c r="R409" s="7">
        <v>80.839388884300007</v>
      </c>
      <c r="S409" s="7">
        <v>90.189263819600001</v>
      </c>
      <c r="T409" s="7">
        <v>95.017196061899995</v>
      </c>
      <c r="U409" s="7">
        <v>65.068749568599998</v>
      </c>
      <c r="V409" s="7">
        <v>57.593609059400002</v>
      </c>
      <c r="W409" s="7">
        <v>55.310653910600003</v>
      </c>
      <c r="X409" s="7">
        <v>54.017899309000001</v>
      </c>
      <c r="Y409" s="7">
        <v>89.064289567000003</v>
      </c>
      <c r="Z409" s="7">
        <v>148.930978724</v>
      </c>
      <c r="AA409" s="7">
        <v>66.464837581799998</v>
      </c>
      <c r="AB409" s="7">
        <v>56.731108121699997</v>
      </c>
      <c r="AC409" s="7">
        <v>57.129366079999997</v>
      </c>
      <c r="AD409" s="7">
        <v>54.936291441400002</v>
      </c>
      <c r="AE409" s="7">
        <v>53.713316133900001</v>
      </c>
      <c r="AF409" s="7">
        <v>54.9767994264</v>
      </c>
      <c r="AG409" s="9">
        <v>18638.332570500002</v>
      </c>
      <c r="AH409" s="13">
        <v>0.66969797424030297</v>
      </c>
      <c r="AI409" s="9">
        <v>8174.7720690999995</v>
      </c>
      <c r="AJ409" s="13">
        <v>0.29372951007524672</v>
      </c>
      <c r="AK409" s="9">
        <v>10173.039115700005</v>
      </c>
      <c r="AL409" s="13">
        <v>0.28253949093102498</v>
      </c>
      <c r="AM409" s="9">
        <v>290.52138569999806</v>
      </c>
      <c r="AN409" s="13">
        <v>6.2912335011537169E-3</v>
      </c>
      <c r="AO409" s="9">
        <v>10463.560501400003</v>
      </c>
      <c r="AP409" s="13">
        <v>0.29060824634292287</v>
      </c>
      <c r="AQ409" s="9">
        <v>27830.952589699998</v>
      </c>
      <c r="AR409" s="9">
        <v>29405.6569671</v>
      </c>
      <c r="AS409" s="9">
        <v>31947.425422699998</v>
      </c>
      <c r="AT409" s="9">
        <v>30720.827168700001</v>
      </c>
      <c r="AU409" s="9">
        <v>32435.423142299998</v>
      </c>
      <c r="AV409" s="9">
        <v>35243.537833800001</v>
      </c>
      <c r="AW409" s="9">
        <v>36005.724658799998</v>
      </c>
      <c r="AX409" s="9">
        <v>42848.2409864</v>
      </c>
      <c r="AY409" s="9">
        <v>43567.321098699998</v>
      </c>
      <c r="AZ409" s="9">
        <v>46178.763774500003</v>
      </c>
      <c r="BA409" s="9">
        <v>34016.285058100002</v>
      </c>
      <c r="BB409" s="9">
        <v>47948.643459500003</v>
      </c>
      <c r="BC409" s="9">
        <v>42491.629856200001</v>
      </c>
      <c r="BD409" s="9">
        <v>48517.5195485</v>
      </c>
      <c r="BE409" s="9">
        <v>47509.416376699999</v>
      </c>
      <c r="BF409" s="9">
        <v>46469.285160200001</v>
      </c>
      <c r="BG409" s="11">
        <v>-3.5</v>
      </c>
      <c r="BH409" s="13">
        <v>-0.35</v>
      </c>
      <c r="BI409" s="6">
        <v>-2</v>
      </c>
      <c r="BJ409" s="13">
        <v>-0.2</v>
      </c>
      <c r="BK409" s="6">
        <v>-2</v>
      </c>
      <c r="BL409" s="13">
        <v>-0.25</v>
      </c>
      <c r="BM409" s="11">
        <v>0.5</v>
      </c>
      <c r="BN409" s="13">
        <v>8.3333333333333329E-2</v>
      </c>
      <c r="BO409" s="11">
        <v>-1.5</v>
      </c>
      <c r="BP409" s="13">
        <v>-0.1875</v>
      </c>
      <c r="BQ409" s="6">
        <v>10</v>
      </c>
      <c r="BR409" s="6">
        <v>8</v>
      </c>
      <c r="BS409" s="6">
        <v>9</v>
      </c>
      <c r="BT409" s="6">
        <v>8</v>
      </c>
      <c r="BU409" s="6">
        <v>8</v>
      </c>
      <c r="BV409" s="6">
        <v>7</v>
      </c>
      <c r="BW409" s="6">
        <v>6</v>
      </c>
      <c r="BX409" s="6">
        <v>7</v>
      </c>
      <c r="BY409" s="6">
        <v>6</v>
      </c>
      <c r="BZ409" s="6">
        <v>6</v>
      </c>
      <c r="CA409" s="6">
        <v>6</v>
      </c>
      <c r="CB409" s="6">
        <v>7</v>
      </c>
      <c r="CC409" s="11">
        <v>6.5</v>
      </c>
      <c r="CD409" s="11">
        <v>-34.375500000000002</v>
      </c>
      <c r="CE409" s="11">
        <v>4.8039800000000001</v>
      </c>
      <c r="CF409" s="11">
        <v>8.3314299999999992</v>
      </c>
      <c r="CG409" s="11">
        <v>13</v>
      </c>
      <c r="CH409" s="20">
        <v>0.62055800000000005</v>
      </c>
      <c r="CI409" s="20">
        <v>0.79857100000000003</v>
      </c>
      <c r="CJ409" s="20">
        <v>0.66433299999999995</v>
      </c>
      <c r="CK409" s="20">
        <v>0.69891999999999999</v>
      </c>
      <c r="CL409" s="20">
        <v>0.728935</v>
      </c>
      <c r="CM409" s="20">
        <v>0.49405300000000002</v>
      </c>
      <c r="CN409" s="20">
        <v>0.42325800000000002</v>
      </c>
      <c r="CO409" s="20">
        <v>0.418765</v>
      </c>
      <c r="CP409" s="20">
        <v>0.43826399999999999</v>
      </c>
      <c r="CQ409" s="20">
        <v>0.66550799999999999</v>
      </c>
      <c r="CR409" s="20">
        <v>1.1294299999999999</v>
      </c>
      <c r="CS409" s="20">
        <v>0.52174799999999999</v>
      </c>
      <c r="CT409" s="20">
        <v>0.44918000000000002</v>
      </c>
      <c r="CU409" s="20">
        <v>0.44897999999999999</v>
      </c>
      <c r="CV409" s="20">
        <v>0.41345100000000001</v>
      </c>
      <c r="CW409" s="20">
        <v>0.404088</v>
      </c>
      <c r="CX409" s="20">
        <v>0.40370600000000001</v>
      </c>
      <c r="CY409" s="6" t="s">
        <v>452</v>
      </c>
      <c r="CZ409" s="6" t="s">
        <v>453</v>
      </c>
      <c r="DA409" s="6" t="s">
        <v>76</v>
      </c>
      <c r="DB409" s="6" t="s">
        <v>345</v>
      </c>
      <c r="DC409" s="6"/>
      <c r="DD409" s="6"/>
      <c r="DE409" s="6"/>
      <c r="DF409" s="6"/>
      <c r="DG409" s="6"/>
      <c r="DH409" s="6" t="s">
        <v>333</v>
      </c>
      <c r="DI409" s="6"/>
      <c r="DJ409" s="6"/>
      <c r="DK409" s="6"/>
      <c r="DL409" s="6">
        <v>6</v>
      </c>
      <c r="DM409" s="6" t="s">
        <v>396</v>
      </c>
      <c r="DN409" s="6">
        <v>6</v>
      </c>
      <c r="DO409" s="6" t="s">
        <v>393</v>
      </c>
      <c r="DP409" s="6"/>
      <c r="DQ409" s="6"/>
    </row>
    <row r="410" spans="1:121" x14ac:dyDescent="0.2">
      <c r="A410" s="6" t="s">
        <v>314</v>
      </c>
      <c r="B410" s="6" t="s">
        <v>314</v>
      </c>
      <c r="C410" s="6" t="s">
        <v>183</v>
      </c>
      <c r="D410" s="6" t="s">
        <v>76</v>
      </c>
      <c r="E410" s="6" t="s">
        <v>217</v>
      </c>
      <c r="F410" s="11">
        <v>-31</v>
      </c>
      <c r="G410" s="13">
        <v>-0.47692307692300001</v>
      </c>
      <c r="H410" s="11">
        <v>1.8359101866000032</v>
      </c>
      <c r="I410" s="13">
        <v>2.8425121850303475E-2</v>
      </c>
      <c r="J410" s="11">
        <v>-29.570446715199999</v>
      </c>
      <c r="K410" s="13">
        <v>-0.44518047863759191</v>
      </c>
      <c r="L410" s="11">
        <v>-3.3345899659000011</v>
      </c>
      <c r="M410" s="13">
        <v>-9.0483404394488806E-2</v>
      </c>
      <c r="N410" s="11">
        <v>-32.9050366811</v>
      </c>
      <c r="O410" s="13">
        <v>-0.49538243775498342</v>
      </c>
      <c r="P410" s="7">
        <v>64.587592491899997</v>
      </c>
      <c r="Q410" s="7">
        <v>79.326354068800001</v>
      </c>
      <c r="R410" s="7">
        <v>72.392142018399994</v>
      </c>
      <c r="S410" s="7">
        <v>68.293297863399999</v>
      </c>
      <c r="T410" s="7">
        <v>68.180102422800005</v>
      </c>
      <c r="U410" s="7">
        <v>63.865732286899998</v>
      </c>
      <c r="V410" s="7">
        <v>66.4235026785</v>
      </c>
      <c r="W410" s="7">
        <v>48.646324307699999</v>
      </c>
      <c r="X410" s="7">
        <v>49.526696293699999</v>
      </c>
      <c r="Y410" s="7">
        <v>36.853055963300001</v>
      </c>
      <c r="Z410" s="7">
        <v>37.177801801100003</v>
      </c>
      <c r="AA410" s="7">
        <v>33.973818849700002</v>
      </c>
      <c r="AB410" s="7">
        <v>39.296620022299997</v>
      </c>
      <c r="AC410" s="7">
        <v>36.797358157399998</v>
      </c>
      <c r="AD410" s="7">
        <v>36.239412357799999</v>
      </c>
      <c r="AE410" s="7">
        <v>34.454283349800001</v>
      </c>
      <c r="AF410" s="7">
        <v>33.5184659974</v>
      </c>
      <c r="AG410" s="9">
        <v>10836.7199372</v>
      </c>
      <c r="AH410" s="13">
        <v>0.3949010537140939</v>
      </c>
      <c r="AI410" s="9">
        <v>2382.2890485000025</v>
      </c>
      <c r="AJ410" s="13">
        <v>8.6813026539031682E-2</v>
      </c>
      <c r="AK410" s="9">
        <v>10071.755666299996</v>
      </c>
      <c r="AL410" s="13">
        <v>0.33770756486897602</v>
      </c>
      <c r="AM410" s="9">
        <v>-1617.3247775999989</v>
      </c>
      <c r="AN410" s="13">
        <v>-4.0538872414574371E-2</v>
      </c>
      <c r="AO410" s="9">
        <v>8454.430888699997</v>
      </c>
      <c r="AP410" s="13">
        <v>0.28347840856874162</v>
      </c>
      <c r="AQ410" s="9">
        <v>27441.608056699999</v>
      </c>
      <c r="AR410" s="9">
        <v>36342.093426899999</v>
      </c>
      <c r="AS410" s="9">
        <v>41199.143828699998</v>
      </c>
      <c r="AT410" s="9">
        <v>45953.694076500004</v>
      </c>
      <c r="AU410" s="9">
        <v>32244.3610224</v>
      </c>
      <c r="AV410" s="9">
        <v>30902.196133500001</v>
      </c>
      <c r="AW410" s="9">
        <v>29823.897105200002</v>
      </c>
      <c r="AX410" s="9">
        <v>31218.283201400001</v>
      </c>
      <c r="AY410" s="9">
        <v>35363.177644700001</v>
      </c>
      <c r="AZ410" s="9">
        <v>39895.652771499997</v>
      </c>
      <c r="BA410" s="9">
        <v>40586.642877500002</v>
      </c>
      <c r="BB410" s="9">
        <v>41926.731114499999</v>
      </c>
      <c r="BC410" s="9">
        <v>38123.850983299999</v>
      </c>
      <c r="BD410" s="9">
        <v>39665.1618438</v>
      </c>
      <c r="BE410" s="9">
        <v>35979.120020599999</v>
      </c>
      <c r="BF410" s="9">
        <v>38278.327993899999</v>
      </c>
      <c r="BG410" s="11">
        <v>-1</v>
      </c>
      <c r="BH410" s="13">
        <v>-0.14285714285714285</v>
      </c>
      <c r="BI410" s="6">
        <v>-1</v>
      </c>
      <c r="BJ410" s="13">
        <v>-0.14285714285714285</v>
      </c>
      <c r="BK410" s="6">
        <v>0</v>
      </c>
      <c r="BL410" s="13">
        <v>0</v>
      </c>
      <c r="BM410" s="11">
        <v>0</v>
      </c>
      <c r="BN410" s="13">
        <v>0</v>
      </c>
      <c r="BO410" s="11">
        <v>0</v>
      </c>
      <c r="BP410" s="13">
        <v>0</v>
      </c>
      <c r="BQ410" s="6">
        <v>7</v>
      </c>
      <c r="BR410" s="6">
        <v>6</v>
      </c>
      <c r="BS410" s="6">
        <v>6</v>
      </c>
      <c r="BT410" s="6">
        <v>6</v>
      </c>
      <c r="BU410" s="6">
        <v>6</v>
      </c>
      <c r="BV410" s="6">
        <v>7</v>
      </c>
      <c r="BW410" s="6">
        <v>6</v>
      </c>
      <c r="BX410" s="6">
        <v>6</v>
      </c>
      <c r="BY410" s="6">
        <v>6</v>
      </c>
      <c r="BZ410" s="6">
        <v>7</v>
      </c>
      <c r="CA410" s="6">
        <v>6</v>
      </c>
      <c r="CB410" s="6">
        <v>6</v>
      </c>
      <c r="CC410" s="11">
        <v>6</v>
      </c>
      <c r="CD410" s="11">
        <v>-18.346800000000002</v>
      </c>
      <c r="CE410" s="11">
        <v>-19.782599999999999</v>
      </c>
      <c r="CF410" s="11">
        <v>7.0602</v>
      </c>
      <c r="CG410" s="11">
        <v>-13</v>
      </c>
      <c r="CH410" s="20">
        <v>0.66778999999999999</v>
      </c>
      <c r="CI410" s="20">
        <v>0.85676399999999997</v>
      </c>
      <c r="CJ410" s="20">
        <v>0.81108400000000003</v>
      </c>
      <c r="CK410" s="20">
        <v>0.75206499999999998</v>
      </c>
      <c r="CL410" s="20">
        <v>0.771455</v>
      </c>
      <c r="CM410" s="20">
        <v>0.73652799999999996</v>
      </c>
      <c r="CN410" s="20">
        <v>0.75841099999999995</v>
      </c>
      <c r="CO410" s="20">
        <v>0.57719600000000004</v>
      </c>
      <c r="CP410" s="20">
        <v>0.62673999999999996</v>
      </c>
      <c r="CQ410" s="20">
        <v>0.44056200000000001</v>
      </c>
      <c r="CR410" s="20">
        <v>0.46785500000000002</v>
      </c>
      <c r="CS410" s="20">
        <v>0.45149499999999998</v>
      </c>
      <c r="CT410" s="20">
        <v>0.53220400000000001</v>
      </c>
      <c r="CU410" s="20">
        <v>0.50527900000000003</v>
      </c>
      <c r="CV410" s="20">
        <v>0.49393599999999999</v>
      </c>
      <c r="CW410" s="20">
        <v>0.47453800000000002</v>
      </c>
      <c r="CX410" s="20">
        <v>0.45630599999999999</v>
      </c>
      <c r="CY410" s="6" t="s">
        <v>452</v>
      </c>
      <c r="CZ410" s="6" t="s">
        <v>453</v>
      </c>
      <c r="DA410" s="6" t="s">
        <v>76</v>
      </c>
      <c r="DB410" s="6" t="s">
        <v>345</v>
      </c>
      <c r="DC410" s="6"/>
      <c r="DD410" s="6"/>
      <c r="DE410" s="6"/>
      <c r="DF410" s="6"/>
      <c r="DG410" s="6"/>
      <c r="DH410" s="6" t="s">
        <v>333</v>
      </c>
      <c r="DI410" s="6"/>
      <c r="DJ410" s="6"/>
      <c r="DK410" s="6"/>
      <c r="DL410" s="6">
        <v>6</v>
      </c>
      <c r="DM410" s="6" t="s">
        <v>396</v>
      </c>
      <c r="DN410" s="6">
        <v>6</v>
      </c>
      <c r="DO410" s="6" t="s">
        <v>393</v>
      </c>
      <c r="DP410" s="6"/>
      <c r="DQ410" s="6"/>
    </row>
    <row r="411" spans="1:121" x14ac:dyDescent="0.2">
      <c r="A411" s="6" t="s">
        <v>315</v>
      </c>
      <c r="B411" s="6" t="s">
        <v>315</v>
      </c>
      <c r="C411" s="6" t="s">
        <v>184</v>
      </c>
      <c r="D411" s="6" t="s">
        <v>76</v>
      </c>
      <c r="E411" s="6" t="s">
        <v>217</v>
      </c>
      <c r="F411" s="11">
        <v>-8</v>
      </c>
      <c r="G411" s="13">
        <v>-7.0000000000000007E-2</v>
      </c>
      <c r="H411" s="11">
        <v>22</v>
      </c>
      <c r="I411" s="13">
        <v>0.1864406779661017</v>
      </c>
      <c r="J411" s="11">
        <v>-23</v>
      </c>
      <c r="K411" s="13">
        <v>-0.16428571428571428</v>
      </c>
      <c r="L411" s="11">
        <v>-7</v>
      </c>
      <c r="M411" s="13">
        <v>-5.9829059829059832E-2</v>
      </c>
      <c r="N411" s="11">
        <v>-30</v>
      </c>
      <c r="O411" s="13">
        <v>-0.21428571428571427</v>
      </c>
      <c r="P411" s="7">
        <v>118</v>
      </c>
      <c r="Q411" s="7">
        <v>110</v>
      </c>
      <c r="R411" s="7">
        <v>101</v>
      </c>
      <c r="S411" s="7">
        <v>103</v>
      </c>
      <c r="T411" s="7">
        <v>92</v>
      </c>
      <c r="U411" s="7">
        <v>124</v>
      </c>
      <c r="V411" s="7">
        <v>140</v>
      </c>
      <c r="W411" s="7">
        <v>151</v>
      </c>
      <c r="X411" s="7">
        <v>128</v>
      </c>
      <c r="Y411" s="7">
        <v>117</v>
      </c>
      <c r="Z411" s="7">
        <v>111</v>
      </c>
      <c r="AA411" s="7">
        <v>115</v>
      </c>
      <c r="AB411" s="7">
        <v>123</v>
      </c>
      <c r="AC411" s="7">
        <v>119</v>
      </c>
      <c r="AD411" s="7">
        <v>113</v>
      </c>
      <c r="AE411" s="7">
        <v>112</v>
      </c>
      <c r="AF411" s="7">
        <v>110</v>
      </c>
      <c r="AG411" s="9">
        <v>15242</v>
      </c>
      <c r="AH411" s="13">
        <v>0.56710198310823379</v>
      </c>
      <c r="AI411" s="9">
        <v>18309</v>
      </c>
      <c r="AJ411" s="13">
        <v>0.68121442125237197</v>
      </c>
      <c r="AK411" s="9">
        <v>-4282</v>
      </c>
      <c r="AL411" s="13">
        <v>-9.4763864913911394E-2</v>
      </c>
      <c r="AM411" s="9">
        <v>1215</v>
      </c>
      <c r="AN411" s="13">
        <v>2.9703696460003912E-2</v>
      </c>
      <c r="AO411" s="9">
        <v>-3067</v>
      </c>
      <c r="AP411" s="13">
        <v>-6.7875005532687119E-2</v>
      </c>
      <c r="AQ411" s="9">
        <v>26877</v>
      </c>
      <c r="AR411" s="9">
        <v>28462</v>
      </c>
      <c r="AS411" s="9">
        <v>29763</v>
      </c>
      <c r="AT411" s="9">
        <v>30927</v>
      </c>
      <c r="AU411" s="9">
        <v>34279</v>
      </c>
      <c r="AV411" s="9">
        <v>42176</v>
      </c>
      <c r="AW411" s="9">
        <v>45186</v>
      </c>
      <c r="AX411" s="9">
        <v>45475</v>
      </c>
      <c r="AY411" s="9">
        <v>37053</v>
      </c>
      <c r="AZ411" s="9">
        <v>40904</v>
      </c>
      <c r="BA411" s="9">
        <v>40446</v>
      </c>
      <c r="BB411" s="9">
        <v>39261</v>
      </c>
      <c r="BC411" s="9">
        <v>40078</v>
      </c>
      <c r="BD411" s="9">
        <v>39952</v>
      </c>
      <c r="BE411" s="9">
        <v>41795</v>
      </c>
      <c r="BF411" s="9">
        <v>42119</v>
      </c>
      <c r="BG411" s="11">
        <v>2</v>
      </c>
      <c r="BH411" s="13">
        <v>9.5238095238095233E-2</v>
      </c>
      <c r="BI411" s="6">
        <v>1</v>
      </c>
      <c r="BJ411" s="13">
        <v>4.7619047619047616E-2</v>
      </c>
      <c r="BK411" s="6">
        <v>-1</v>
      </c>
      <c r="BL411" s="13">
        <v>-4.5454545454545456E-2</v>
      </c>
      <c r="BM411" s="11">
        <v>2</v>
      </c>
      <c r="BN411" s="13">
        <v>9.5238095238095233E-2</v>
      </c>
      <c r="BO411" s="11">
        <v>1</v>
      </c>
      <c r="BP411" s="13">
        <v>4.5454545454545456E-2</v>
      </c>
      <c r="BQ411" s="6">
        <v>21</v>
      </c>
      <c r="BR411" s="6">
        <v>21</v>
      </c>
      <c r="BS411" s="6">
        <v>21</v>
      </c>
      <c r="BT411" s="6">
        <v>22</v>
      </c>
      <c r="BU411" s="6">
        <v>23</v>
      </c>
      <c r="BV411" s="6">
        <v>23</v>
      </c>
      <c r="BW411" s="6">
        <v>21</v>
      </c>
      <c r="BX411" s="6">
        <v>21</v>
      </c>
      <c r="BY411" s="6">
        <v>20</v>
      </c>
      <c r="BZ411" s="6">
        <v>22</v>
      </c>
      <c r="CA411" s="6">
        <v>24</v>
      </c>
      <c r="CB411" s="6">
        <v>24</v>
      </c>
      <c r="CC411" s="11">
        <v>23</v>
      </c>
      <c r="CD411" s="11">
        <v>-11</v>
      </c>
      <c r="CE411" s="11">
        <v>-9</v>
      </c>
      <c r="CF411" s="11">
        <v>13</v>
      </c>
      <c r="CG411" s="11">
        <v>4</v>
      </c>
      <c r="CH411" s="20">
        <v>0.75</v>
      </c>
      <c r="CI411" s="20">
        <v>0.69</v>
      </c>
      <c r="CJ411" s="20">
        <v>0.62</v>
      </c>
      <c r="CK411" s="20">
        <v>0.6</v>
      </c>
      <c r="CL411" s="20">
        <v>0.53</v>
      </c>
      <c r="CM411" s="20">
        <v>0.72</v>
      </c>
      <c r="CN411" s="20">
        <v>0.8</v>
      </c>
      <c r="CO411" s="20">
        <v>0.9</v>
      </c>
      <c r="CP411" s="20">
        <v>0.8</v>
      </c>
      <c r="CQ411" s="20">
        <v>0.68</v>
      </c>
      <c r="CR411" s="20">
        <v>0.67</v>
      </c>
      <c r="CS411" s="20">
        <v>0.73</v>
      </c>
      <c r="CT411" s="20">
        <v>0.8</v>
      </c>
      <c r="CU411" s="20">
        <v>0.79</v>
      </c>
      <c r="CV411" s="20">
        <v>0.74</v>
      </c>
      <c r="CW411" s="20">
        <v>0.74</v>
      </c>
      <c r="CX411" s="20">
        <v>0.72</v>
      </c>
      <c r="CY411" s="6" t="s">
        <v>452</v>
      </c>
      <c r="CZ411" s="6" t="s">
        <v>453</v>
      </c>
      <c r="DA411" s="6" t="s">
        <v>76</v>
      </c>
      <c r="DB411" s="6" t="s">
        <v>345</v>
      </c>
      <c r="DC411" s="6"/>
      <c r="DD411" s="6"/>
      <c r="DE411" s="6"/>
      <c r="DF411" s="6"/>
      <c r="DG411" s="6"/>
      <c r="DH411" s="6" t="s">
        <v>333</v>
      </c>
      <c r="DI411" s="6"/>
      <c r="DJ411" s="6"/>
      <c r="DK411" s="6"/>
      <c r="DL411" s="6">
        <v>6</v>
      </c>
      <c r="DM411" s="6" t="s">
        <v>396</v>
      </c>
      <c r="DN411" s="6">
        <v>6</v>
      </c>
      <c r="DO411" s="6" t="s">
        <v>393</v>
      </c>
      <c r="DP411" s="6"/>
      <c r="DQ411" s="6"/>
    </row>
    <row r="412" spans="1:121" x14ac:dyDescent="0.2">
      <c r="A412" s="6" t="s">
        <v>316</v>
      </c>
      <c r="B412" s="6" t="s">
        <v>316</v>
      </c>
      <c r="C412" s="6" t="s">
        <v>185</v>
      </c>
      <c r="D412" s="6" t="s">
        <v>76</v>
      </c>
      <c r="E412" s="6" t="s">
        <v>217</v>
      </c>
      <c r="F412" s="11">
        <v>6</v>
      </c>
      <c r="G412" s="13">
        <v>0.14000000000000001</v>
      </c>
      <c r="H412" s="11">
        <v>-5</v>
      </c>
      <c r="I412" s="13">
        <v>-0.11904761904761904</v>
      </c>
      <c r="J412" s="11">
        <v>-6</v>
      </c>
      <c r="K412" s="13">
        <v>-0.16216216216216217</v>
      </c>
      <c r="L412" s="11">
        <v>17</v>
      </c>
      <c r="M412" s="13">
        <v>0.54838709677419351</v>
      </c>
      <c r="N412" s="11">
        <v>11</v>
      </c>
      <c r="O412" s="13">
        <v>0.29729729729729731</v>
      </c>
      <c r="P412" s="7">
        <v>42</v>
      </c>
      <c r="Q412" s="7">
        <v>30</v>
      </c>
      <c r="R412" s="7">
        <v>45</v>
      </c>
      <c r="S412" s="7">
        <v>35</v>
      </c>
      <c r="T412" s="7">
        <v>37</v>
      </c>
      <c r="U412" s="7">
        <v>50</v>
      </c>
      <c r="V412" s="7">
        <v>37</v>
      </c>
      <c r="W412" s="7">
        <v>30</v>
      </c>
      <c r="X412" s="7">
        <v>27</v>
      </c>
      <c r="Y412" s="7">
        <v>31</v>
      </c>
      <c r="Z412" s="7">
        <v>28</v>
      </c>
      <c r="AA412" s="7">
        <v>35</v>
      </c>
      <c r="AB412" s="7">
        <v>38</v>
      </c>
      <c r="AC412" s="7">
        <v>41</v>
      </c>
      <c r="AD412" s="7">
        <v>44</v>
      </c>
      <c r="AE412" s="7">
        <v>45</v>
      </c>
      <c r="AF412" s="7">
        <v>48</v>
      </c>
      <c r="AG412" s="9">
        <v>10768</v>
      </c>
      <c r="AH412" s="13">
        <v>0.53314848739911869</v>
      </c>
      <c r="AI412" s="9">
        <v>6418</v>
      </c>
      <c r="AJ412" s="13">
        <v>0.31776996583651035</v>
      </c>
      <c r="AK412" s="9">
        <v>-3580</v>
      </c>
      <c r="AL412" s="13">
        <v>-0.13451061431523578</v>
      </c>
      <c r="AM412" s="9">
        <v>7930</v>
      </c>
      <c r="AN412" s="13">
        <v>0.34425873670501411</v>
      </c>
      <c r="AO412" s="9">
        <v>4350</v>
      </c>
      <c r="AP412" s="13">
        <v>0.16344166823219988</v>
      </c>
      <c r="AQ412" s="9">
        <v>20197</v>
      </c>
      <c r="AR412" s="9">
        <v>31414</v>
      </c>
      <c r="AS412" s="9">
        <v>26629</v>
      </c>
      <c r="AT412" s="9">
        <v>25584</v>
      </c>
      <c r="AU412" s="9">
        <v>28830</v>
      </c>
      <c r="AV412" s="9">
        <v>26467</v>
      </c>
      <c r="AW412" s="9">
        <v>26615</v>
      </c>
      <c r="AX412" s="9">
        <v>23888</v>
      </c>
      <c r="AY412" s="9">
        <v>25722</v>
      </c>
      <c r="AZ412" s="9">
        <v>23035</v>
      </c>
      <c r="BA412" s="9">
        <v>26093</v>
      </c>
      <c r="BB412" s="9">
        <v>23325</v>
      </c>
      <c r="BC412" s="9">
        <v>25239</v>
      </c>
      <c r="BD412" s="9">
        <v>27611</v>
      </c>
      <c r="BE412" s="9">
        <v>28672</v>
      </c>
      <c r="BF412" s="9">
        <v>30965</v>
      </c>
      <c r="BG412" s="11">
        <v>4</v>
      </c>
      <c r="BH412" s="13">
        <v>0.66666666666666663</v>
      </c>
      <c r="BI412" s="6">
        <v>3</v>
      </c>
      <c r="BJ412" s="13">
        <v>0.5</v>
      </c>
      <c r="BK412" s="6">
        <v>-2</v>
      </c>
      <c r="BL412" s="13">
        <v>-0.22222222222222221</v>
      </c>
      <c r="BM412" s="11">
        <v>3</v>
      </c>
      <c r="BN412" s="13">
        <v>0.42857142857142855</v>
      </c>
      <c r="BO412" s="11">
        <v>1</v>
      </c>
      <c r="BP412" s="13">
        <v>0.1111111111111111</v>
      </c>
      <c r="BQ412" s="6">
        <v>6</v>
      </c>
      <c r="BR412" s="6">
        <v>8</v>
      </c>
      <c r="BS412" s="6">
        <v>9</v>
      </c>
      <c r="BT412" s="6">
        <v>9</v>
      </c>
      <c r="BU412" s="6">
        <v>8</v>
      </c>
      <c r="BV412" s="6">
        <v>8</v>
      </c>
      <c r="BW412" s="6">
        <v>7</v>
      </c>
      <c r="BX412" s="6">
        <v>7</v>
      </c>
      <c r="BY412" s="6">
        <v>7</v>
      </c>
      <c r="BZ412" s="6">
        <v>7</v>
      </c>
      <c r="CA412" s="6">
        <v>8</v>
      </c>
      <c r="CB412" s="6">
        <v>9</v>
      </c>
      <c r="CC412" s="11">
        <v>10</v>
      </c>
      <c r="CD412" s="11">
        <v>3</v>
      </c>
      <c r="CE412" s="11">
        <v>-2</v>
      </c>
      <c r="CF412" s="11">
        <v>5</v>
      </c>
      <c r="CG412" s="11">
        <v>3</v>
      </c>
      <c r="CH412" s="20">
        <v>0.64</v>
      </c>
      <c r="CI412" s="20">
        <v>0.46</v>
      </c>
      <c r="CJ412" s="20">
        <v>0.66</v>
      </c>
      <c r="CK412" s="20">
        <v>0.48</v>
      </c>
      <c r="CL412" s="20">
        <v>0.5</v>
      </c>
      <c r="CM412" s="20">
        <v>0.67</v>
      </c>
      <c r="CN412" s="20">
        <v>0.49</v>
      </c>
      <c r="CO412" s="20">
        <v>0.42</v>
      </c>
      <c r="CP412" s="20">
        <v>0.4</v>
      </c>
      <c r="CQ412" s="20">
        <v>0.44</v>
      </c>
      <c r="CR412" s="20">
        <v>0.42</v>
      </c>
      <c r="CS412" s="20">
        <v>0.54</v>
      </c>
      <c r="CT412" s="20">
        <v>0.59</v>
      </c>
      <c r="CU412" s="20">
        <v>0.64</v>
      </c>
      <c r="CV412" s="20">
        <v>0.68</v>
      </c>
      <c r="CW412" s="20">
        <v>0.7</v>
      </c>
      <c r="CX412" s="20">
        <v>0.73</v>
      </c>
      <c r="CY412" s="6" t="s">
        <v>452</v>
      </c>
      <c r="CZ412" s="6" t="s">
        <v>453</v>
      </c>
      <c r="DA412" s="6" t="s">
        <v>76</v>
      </c>
      <c r="DB412" s="6" t="s">
        <v>345</v>
      </c>
      <c r="DC412" s="6"/>
      <c r="DD412" s="6"/>
      <c r="DE412" s="6"/>
      <c r="DF412" s="6"/>
      <c r="DG412" s="6"/>
      <c r="DH412" s="6" t="s">
        <v>333</v>
      </c>
      <c r="DI412" s="6"/>
      <c r="DJ412" s="6"/>
      <c r="DK412" s="6"/>
      <c r="DL412" s="6">
        <v>6</v>
      </c>
      <c r="DM412" s="6" t="s">
        <v>396</v>
      </c>
      <c r="DN412" s="6">
        <v>6</v>
      </c>
      <c r="DO412" s="6" t="s">
        <v>393</v>
      </c>
      <c r="DP412" s="6"/>
      <c r="DQ412" s="6"/>
    </row>
    <row r="413" spans="1:121" x14ac:dyDescent="0.2">
      <c r="A413" s="6" t="s">
        <v>317</v>
      </c>
      <c r="B413" s="6" t="s">
        <v>317</v>
      </c>
      <c r="C413" s="6" t="s">
        <v>186</v>
      </c>
      <c r="D413" s="6" t="s">
        <v>76</v>
      </c>
      <c r="E413" s="6" t="s">
        <v>217</v>
      </c>
      <c r="F413" s="11">
        <v>26</v>
      </c>
      <c r="G413" s="13">
        <v>0.48</v>
      </c>
      <c r="H413" s="11">
        <v>-2</v>
      </c>
      <c r="I413" s="13">
        <v>-3.7037037037037035E-2</v>
      </c>
      <c r="J413" s="11">
        <v>-6</v>
      </c>
      <c r="K413" s="13">
        <v>-0.1153846153846154</v>
      </c>
      <c r="L413" s="11">
        <v>34</v>
      </c>
      <c r="M413" s="13">
        <v>0.73913043478260865</v>
      </c>
      <c r="N413" s="11">
        <v>28</v>
      </c>
      <c r="O413" s="13">
        <v>0.53846153846153844</v>
      </c>
      <c r="P413" s="7">
        <v>54</v>
      </c>
      <c r="Q413" s="7">
        <v>56</v>
      </c>
      <c r="R413" s="7">
        <v>73</v>
      </c>
      <c r="S413" s="7">
        <v>53</v>
      </c>
      <c r="T413" s="7">
        <v>52</v>
      </c>
      <c r="U413" s="7">
        <v>48</v>
      </c>
      <c r="V413" s="7">
        <v>52</v>
      </c>
      <c r="W413" s="7">
        <v>49</v>
      </c>
      <c r="X413" s="7">
        <v>48</v>
      </c>
      <c r="Y413" s="7">
        <v>46</v>
      </c>
      <c r="Z413" s="7">
        <v>53</v>
      </c>
      <c r="AA413" s="7">
        <v>59</v>
      </c>
      <c r="AB413" s="7">
        <v>61</v>
      </c>
      <c r="AC413" s="7">
        <v>65</v>
      </c>
      <c r="AD413" s="7">
        <v>67</v>
      </c>
      <c r="AE413" s="7">
        <v>75</v>
      </c>
      <c r="AF413" s="7">
        <v>80</v>
      </c>
      <c r="AG413" s="9">
        <v>8111</v>
      </c>
      <c r="AH413" s="13">
        <v>0.36633395058940427</v>
      </c>
      <c r="AI413" s="9">
        <v>2638</v>
      </c>
      <c r="AJ413" s="13">
        <v>0.11914547671740212</v>
      </c>
      <c r="AK413" s="9">
        <v>2126</v>
      </c>
      <c r="AL413" s="13">
        <v>8.5798458372008557E-2</v>
      </c>
      <c r="AM413" s="9">
        <v>3347</v>
      </c>
      <c r="AN413" s="13">
        <v>0.12440066902062812</v>
      </c>
      <c r="AO413" s="9">
        <v>5473</v>
      </c>
      <c r="AP413" s="13">
        <v>0.22087251301505303</v>
      </c>
      <c r="AQ413" s="9">
        <v>22141</v>
      </c>
      <c r="AR413" s="9">
        <v>23045</v>
      </c>
      <c r="AS413" s="9">
        <v>24872</v>
      </c>
      <c r="AT413" s="9">
        <v>27439</v>
      </c>
      <c r="AU413" s="9">
        <v>30424</v>
      </c>
      <c r="AV413" s="9">
        <v>27879</v>
      </c>
      <c r="AW413" s="9">
        <v>24779</v>
      </c>
      <c r="AX413" s="9">
        <v>25939</v>
      </c>
      <c r="AY413" s="9">
        <v>25318</v>
      </c>
      <c r="AZ413" s="9">
        <v>26905</v>
      </c>
      <c r="BA413" s="9">
        <v>29171</v>
      </c>
      <c r="BB413" s="9">
        <v>32876</v>
      </c>
      <c r="BC413" s="9">
        <v>33166</v>
      </c>
      <c r="BD413" s="9">
        <v>29886</v>
      </c>
      <c r="BE413" s="9">
        <v>30546</v>
      </c>
      <c r="BF413" s="9">
        <v>30252</v>
      </c>
      <c r="BG413" s="11">
        <v>3</v>
      </c>
      <c r="BH413" s="13">
        <v>0.25</v>
      </c>
      <c r="BI413" s="6">
        <v>3</v>
      </c>
      <c r="BJ413" s="13">
        <v>0.25</v>
      </c>
      <c r="BK413" s="6">
        <v>-1</v>
      </c>
      <c r="BL413" s="13">
        <v>-6.6666666666666666E-2</v>
      </c>
      <c r="BM413" s="11">
        <v>1</v>
      </c>
      <c r="BN413" s="13">
        <v>7.1428571428571425E-2</v>
      </c>
      <c r="BO413" s="11">
        <v>0</v>
      </c>
      <c r="BP413" s="13">
        <v>0</v>
      </c>
      <c r="BQ413" s="6">
        <v>12</v>
      </c>
      <c r="BR413" s="6">
        <v>14</v>
      </c>
      <c r="BS413" s="6">
        <v>14</v>
      </c>
      <c r="BT413" s="6">
        <v>15</v>
      </c>
      <c r="BU413" s="6">
        <v>16</v>
      </c>
      <c r="BV413" s="6">
        <v>15</v>
      </c>
      <c r="BW413" s="6">
        <v>14</v>
      </c>
      <c r="BX413" s="6">
        <v>14</v>
      </c>
      <c r="BY413" s="6">
        <v>13</v>
      </c>
      <c r="BZ413" s="6">
        <v>13</v>
      </c>
      <c r="CA413" s="6">
        <v>13</v>
      </c>
      <c r="CB413" s="6">
        <v>14</v>
      </c>
      <c r="CC413" s="11">
        <v>15</v>
      </c>
      <c r="CD413" s="11">
        <v>9</v>
      </c>
      <c r="CE413" s="11">
        <v>11</v>
      </c>
      <c r="CF413" s="11">
        <v>6</v>
      </c>
      <c r="CG413" s="11">
        <v>17</v>
      </c>
      <c r="CH413" s="20">
        <v>0.26</v>
      </c>
      <c r="CI413" s="20">
        <v>0.27</v>
      </c>
      <c r="CJ413" s="20">
        <v>0.35</v>
      </c>
      <c r="CK413" s="20">
        <v>0.24</v>
      </c>
      <c r="CL413" s="20">
        <v>0.23</v>
      </c>
      <c r="CM413" s="20">
        <v>0.21</v>
      </c>
      <c r="CN413" s="20">
        <v>0.21</v>
      </c>
      <c r="CO413" s="20">
        <v>0.2</v>
      </c>
      <c r="CP413" s="20">
        <v>0.21</v>
      </c>
      <c r="CQ413" s="20">
        <v>0.18</v>
      </c>
      <c r="CR413" s="20">
        <v>0.21</v>
      </c>
      <c r="CS413" s="20">
        <v>0.24</v>
      </c>
      <c r="CT413" s="20">
        <v>0.25</v>
      </c>
      <c r="CU413" s="20">
        <v>0.27</v>
      </c>
      <c r="CV413" s="20">
        <v>0.27</v>
      </c>
      <c r="CW413" s="20">
        <v>0.3</v>
      </c>
      <c r="CX413" s="20">
        <v>0.31</v>
      </c>
      <c r="CY413" s="6" t="s">
        <v>452</v>
      </c>
      <c r="CZ413" s="6" t="s">
        <v>453</v>
      </c>
      <c r="DA413" s="6" t="s">
        <v>76</v>
      </c>
      <c r="DB413" s="6" t="s">
        <v>345</v>
      </c>
      <c r="DC413" s="6"/>
      <c r="DD413" s="6"/>
      <c r="DE413" s="6"/>
      <c r="DF413" s="6"/>
      <c r="DG413" s="6"/>
      <c r="DH413" s="6" t="s">
        <v>333</v>
      </c>
      <c r="DI413" s="6"/>
      <c r="DJ413" s="6"/>
      <c r="DK413" s="6"/>
      <c r="DL413" s="6">
        <v>6</v>
      </c>
      <c r="DM413" s="6" t="s">
        <v>396</v>
      </c>
      <c r="DN413" s="6">
        <v>6</v>
      </c>
      <c r="DO413" s="6" t="s">
        <v>393</v>
      </c>
      <c r="DP413" s="6"/>
      <c r="DQ413" s="6"/>
    </row>
    <row r="414" spans="1:121" x14ac:dyDescent="0.2">
      <c r="A414" s="6" t="s">
        <v>318</v>
      </c>
      <c r="B414" s="6" t="s">
        <v>318</v>
      </c>
      <c r="C414" s="6" t="s">
        <v>187</v>
      </c>
      <c r="D414" s="6" t="s">
        <v>76</v>
      </c>
      <c r="E414" s="6" t="s">
        <v>217</v>
      </c>
      <c r="F414" s="11">
        <v>1</v>
      </c>
      <c r="G414" s="13">
        <v>1</v>
      </c>
      <c r="H414" s="11">
        <v>-5</v>
      </c>
      <c r="I414" s="13">
        <v>-1</v>
      </c>
      <c r="J414" s="11">
        <v>0</v>
      </c>
      <c r="K414" s="13"/>
      <c r="L414" s="11">
        <v>12.4414673519</v>
      </c>
      <c r="M414" s="13"/>
      <c r="N414" s="11">
        <v>12.4414673519</v>
      </c>
      <c r="O414" s="13"/>
      <c r="P414" s="7">
        <v>5</v>
      </c>
      <c r="Q414" s="7">
        <v>5</v>
      </c>
      <c r="R414" s="7">
        <v>5</v>
      </c>
      <c r="S414" s="7">
        <v>0</v>
      </c>
      <c r="T414" s="7">
        <v>0</v>
      </c>
      <c r="U414" s="7">
        <v>0</v>
      </c>
      <c r="V414" s="7">
        <v>0</v>
      </c>
      <c r="W414" s="7">
        <v>0</v>
      </c>
      <c r="X414" s="7">
        <v>0</v>
      </c>
      <c r="Y414" s="7">
        <v>0</v>
      </c>
      <c r="Z414" s="7">
        <v>0</v>
      </c>
      <c r="AA414" s="7">
        <v>0</v>
      </c>
      <c r="AB414" s="7">
        <v>0</v>
      </c>
      <c r="AC414" s="7">
        <v>0</v>
      </c>
      <c r="AD414" s="7">
        <v>5</v>
      </c>
      <c r="AE414" s="7">
        <v>10.870583999999999</v>
      </c>
      <c r="AF414" s="7">
        <v>12.4414673519</v>
      </c>
      <c r="AG414" s="9">
        <v>58408.648390299997</v>
      </c>
      <c r="AH414" s="13">
        <v>58408.648390299997</v>
      </c>
      <c r="AI414" s="9">
        <v>-1</v>
      </c>
      <c r="AJ414" s="13">
        <v>-1</v>
      </c>
      <c r="AK414" s="9">
        <v>0</v>
      </c>
      <c r="AL414" s="13"/>
      <c r="AM414" s="9">
        <v>58409.648390299997</v>
      </c>
      <c r="AN414" s="13"/>
      <c r="AO414" s="9">
        <v>58409.648390299997</v>
      </c>
      <c r="AP414" s="13"/>
      <c r="AQ414" s="9">
        <v>1</v>
      </c>
      <c r="AR414" s="9">
        <v>1</v>
      </c>
      <c r="AS414" s="9">
        <v>1</v>
      </c>
      <c r="AT414" s="9">
        <v>0</v>
      </c>
      <c r="AU414" s="9">
        <v>0</v>
      </c>
      <c r="AV414" s="9">
        <v>0</v>
      </c>
      <c r="AW414" s="9">
        <v>0</v>
      </c>
      <c r="AX414" s="9">
        <v>0</v>
      </c>
      <c r="AY414" s="9">
        <v>0</v>
      </c>
      <c r="AZ414" s="9">
        <v>0</v>
      </c>
      <c r="BA414" s="9">
        <v>0</v>
      </c>
      <c r="BB414" s="9">
        <v>0</v>
      </c>
      <c r="BC414" s="9">
        <v>0</v>
      </c>
      <c r="BD414" s="9">
        <v>0</v>
      </c>
      <c r="BE414" s="9">
        <v>1</v>
      </c>
      <c r="BF414" s="9">
        <v>58409.648390299997</v>
      </c>
      <c r="BG414" s="11">
        <v>2</v>
      </c>
      <c r="BH414" s="13" t="e">
        <v>#DIV/0!</v>
      </c>
      <c r="BI414" s="6">
        <v>0</v>
      </c>
      <c r="BJ414" s="13" t="e">
        <v>#DIV/0!</v>
      </c>
      <c r="BK414" s="6">
        <v>0</v>
      </c>
      <c r="BL414" s="13" t="e">
        <v>#DIV/0!</v>
      </c>
      <c r="BM414" s="11">
        <v>2</v>
      </c>
      <c r="BN414" s="13" t="e">
        <v>#DIV/0!</v>
      </c>
      <c r="BO414" s="11">
        <v>2</v>
      </c>
      <c r="BP414" s="13" t="e">
        <v>#DIV/0!</v>
      </c>
      <c r="BQ414" s="6">
        <v>0</v>
      </c>
      <c r="BR414" s="6">
        <v>0</v>
      </c>
      <c r="BS414" s="6">
        <v>0</v>
      </c>
      <c r="BT414" s="6">
        <v>0</v>
      </c>
      <c r="BU414" s="6">
        <v>0</v>
      </c>
      <c r="BV414" s="6">
        <v>0</v>
      </c>
      <c r="BW414" s="6">
        <v>0</v>
      </c>
      <c r="BX414" s="6">
        <v>0</v>
      </c>
      <c r="BY414" s="6">
        <v>0</v>
      </c>
      <c r="BZ414" s="6">
        <v>0</v>
      </c>
      <c r="CA414" s="6">
        <v>0</v>
      </c>
      <c r="CB414" s="6">
        <v>2</v>
      </c>
      <c r="CC414" s="11">
        <v>2</v>
      </c>
      <c r="CD414" s="11">
        <v>6.2133500000000002</v>
      </c>
      <c r="CE414" s="11">
        <v>1.0076099999999999</v>
      </c>
      <c r="CF414" s="11">
        <v>0.51443099999999997</v>
      </c>
      <c r="CG414" s="11">
        <v>2</v>
      </c>
      <c r="CH414" s="20">
        <v>0.104838</v>
      </c>
      <c r="CI414" s="20">
        <v>0.115996</v>
      </c>
      <c r="CJ414" s="20">
        <v>5.6079800000000003E-3</v>
      </c>
      <c r="CK414" s="20">
        <v>0</v>
      </c>
      <c r="CL414" s="20">
        <v>0</v>
      </c>
      <c r="CM414" s="20">
        <v>0</v>
      </c>
      <c r="CN414" s="20">
        <v>0</v>
      </c>
      <c r="CO414" s="20">
        <v>0</v>
      </c>
      <c r="CP414" s="20">
        <v>0</v>
      </c>
      <c r="CQ414" s="20">
        <v>0</v>
      </c>
      <c r="CR414" s="20">
        <v>0</v>
      </c>
      <c r="CS414" s="20">
        <v>0</v>
      </c>
      <c r="CT414" s="20">
        <v>0</v>
      </c>
      <c r="CU414" s="20">
        <v>0</v>
      </c>
      <c r="CV414" s="20">
        <v>0.14963399999999999</v>
      </c>
      <c r="CW414" s="20">
        <v>0.19845199999999999</v>
      </c>
      <c r="CX414" s="20">
        <v>0.22143199999999999</v>
      </c>
      <c r="CY414" s="6" t="s">
        <v>452</v>
      </c>
      <c r="CZ414" s="6" t="s">
        <v>453</v>
      </c>
      <c r="DA414" s="6" t="s">
        <v>76</v>
      </c>
      <c r="DB414" s="6" t="s">
        <v>345</v>
      </c>
      <c r="DC414" s="6"/>
      <c r="DD414" s="6"/>
      <c r="DE414" s="6"/>
      <c r="DF414" s="6"/>
      <c r="DG414" s="6"/>
      <c r="DH414" s="6" t="s">
        <v>333</v>
      </c>
      <c r="DI414" s="6"/>
      <c r="DJ414" s="6"/>
      <c r="DK414" s="6"/>
      <c r="DL414" s="6">
        <v>6</v>
      </c>
      <c r="DM414" s="6" t="s">
        <v>396</v>
      </c>
      <c r="DN414" s="6">
        <v>6</v>
      </c>
      <c r="DO414" s="6" t="s">
        <v>393</v>
      </c>
      <c r="DP414" s="6"/>
      <c r="DQ414" s="6"/>
    </row>
    <row r="415" spans="1:121" x14ac:dyDescent="0.2">
      <c r="A415" s="6" t="s">
        <v>319</v>
      </c>
      <c r="B415" s="6" t="s">
        <v>319</v>
      </c>
      <c r="C415" s="6" t="s">
        <v>188</v>
      </c>
      <c r="D415" s="6" t="s">
        <v>76</v>
      </c>
      <c r="E415" s="6" t="s">
        <v>217</v>
      </c>
      <c r="F415" s="11">
        <v>-29</v>
      </c>
      <c r="G415" s="13">
        <v>-0.34939759036099999</v>
      </c>
      <c r="H415" s="11">
        <v>-10.976243015799994</v>
      </c>
      <c r="I415" s="13">
        <v>-0.13202218844134994</v>
      </c>
      <c r="J415" s="11">
        <v>-6.3422404639999996</v>
      </c>
      <c r="K415" s="13">
        <v>-8.7887537148106668E-2</v>
      </c>
      <c r="L415" s="11">
        <v>-12.188151171200005</v>
      </c>
      <c r="M415" s="13">
        <v>-0.18517145228466159</v>
      </c>
      <c r="N415" s="11">
        <v>-18.530391635200004</v>
      </c>
      <c r="O415" s="13">
        <v>-0.25678472654133122</v>
      </c>
      <c r="P415" s="7">
        <v>83.139380928199998</v>
      </c>
      <c r="Q415" s="7">
        <v>86.592157070900001</v>
      </c>
      <c r="R415" s="7">
        <v>83.930553058800001</v>
      </c>
      <c r="S415" s="7">
        <v>73.7839828117</v>
      </c>
      <c r="T415" s="7">
        <v>67.287849665799996</v>
      </c>
      <c r="U415" s="7">
        <v>70.396890772299997</v>
      </c>
      <c r="V415" s="7">
        <v>72.163137912400003</v>
      </c>
      <c r="W415" s="7">
        <v>72.161046626000001</v>
      </c>
      <c r="X415" s="7">
        <v>71.649930324300001</v>
      </c>
      <c r="Y415" s="7">
        <v>65.820897448400004</v>
      </c>
      <c r="Z415" s="7">
        <v>69.305002364399996</v>
      </c>
      <c r="AA415" s="7">
        <v>56.624505608699998</v>
      </c>
      <c r="AB415" s="7">
        <v>60.308048789600001</v>
      </c>
      <c r="AC415" s="7">
        <v>51.673244235799999</v>
      </c>
      <c r="AD415" s="7">
        <v>54.415069687500001</v>
      </c>
      <c r="AE415" s="7">
        <v>53.844236612700001</v>
      </c>
      <c r="AF415" s="7">
        <v>53.632746277199999</v>
      </c>
      <c r="AG415" s="9">
        <v>3011.6962181999988</v>
      </c>
      <c r="AH415" s="13">
        <v>0.17660325754914538</v>
      </c>
      <c r="AI415" s="9">
        <v>-4182.384809000001</v>
      </c>
      <c r="AJ415" s="13">
        <v>-0.24525142248075513</v>
      </c>
      <c r="AK415" s="9">
        <v>2309.2160392999995</v>
      </c>
      <c r="AL415" s="13">
        <v>0.1794113064529673</v>
      </c>
      <c r="AM415" s="9">
        <v>4884.8649879000004</v>
      </c>
      <c r="AN415" s="13">
        <v>0.32178998337310039</v>
      </c>
      <c r="AO415" s="9">
        <v>7194.0810271999999</v>
      </c>
      <c r="AP415" s="13">
        <v>0.55893405114651429</v>
      </c>
      <c r="AQ415" s="9">
        <v>17053.457903300001</v>
      </c>
      <c r="AR415" s="9">
        <v>11696.518699099999</v>
      </c>
      <c r="AS415" s="9">
        <v>12755.9148635</v>
      </c>
      <c r="AT415" s="9">
        <v>13539.959114900001</v>
      </c>
      <c r="AU415" s="9">
        <v>12002.676677699999</v>
      </c>
      <c r="AV415" s="9">
        <v>11453.629412800001</v>
      </c>
      <c r="AW415" s="9">
        <v>12871.0730943</v>
      </c>
      <c r="AX415" s="9">
        <v>12946.194071</v>
      </c>
      <c r="AY415" s="9">
        <v>13666.098619599999</v>
      </c>
      <c r="AZ415" s="9">
        <v>15180.289133599999</v>
      </c>
      <c r="BA415" s="9">
        <v>15550.614385700001</v>
      </c>
      <c r="BB415" s="9">
        <v>14345.819427500001</v>
      </c>
      <c r="BC415" s="9">
        <v>13609.589858400001</v>
      </c>
      <c r="BD415" s="9">
        <v>16197.071399099999</v>
      </c>
      <c r="BE415" s="9">
        <v>17127.399046099999</v>
      </c>
      <c r="BF415" s="9">
        <v>20065.1541215</v>
      </c>
      <c r="BG415" s="11">
        <v>-1.25</v>
      </c>
      <c r="BH415" s="13">
        <v>-0.17857142857142858</v>
      </c>
      <c r="BI415" s="6">
        <v>-1</v>
      </c>
      <c r="BJ415" s="13">
        <v>-0.14285714285714285</v>
      </c>
      <c r="BK415" s="6">
        <v>1</v>
      </c>
      <c r="BL415" s="13">
        <v>0.16666666666666666</v>
      </c>
      <c r="BM415" s="11">
        <v>-1.25</v>
      </c>
      <c r="BN415" s="13">
        <v>-0.17857142857142858</v>
      </c>
      <c r="BO415" s="11">
        <v>-0.25</v>
      </c>
      <c r="BP415" s="13">
        <v>-4.1666666666666664E-2</v>
      </c>
      <c r="BQ415" s="6">
        <v>7</v>
      </c>
      <c r="BR415" s="6">
        <v>8</v>
      </c>
      <c r="BS415" s="6">
        <v>7</v>
      </c>
      <c r="BT415" s="6">
        <v>6</v>
      </c>
      <c r="BU415" s="6">
        <v>6</v>
      </c>
      <c r="BV415" s="6">
        <v>7</v>
      </c>
      <c r="BW415" s="6">
        <v>7</v>
      </c>
      <c r="BX415" s="6">
        <v>8</v>
      </c>
      <c r="BY415" s="6">
        <v>6</v>
      </c>
      <c r="BZ415" s="6">
        <v>7</v>
      </c>
      <c r="CA415" s="6">
        <v>7</v>
      </c>
      <c r="CB415" s="6">
        <v>5</v>
      </c>
      <c r="CC415" s="11">
        <v>5.75</v>
      </c>
      <c r="CD415" s="11">
        <v>-46.075000000000003</v>
      </c>
      <c r="CE415" s="11">
        <v>7.4802600000000004</v>
      </c>
      <c r="CF415" s="11">
        <v>9.0881399999999992</v>
      </c>
      <c r="CG415" s="11">
        <v>16</v>
      </c>
      <c r="CH415" s="20">
        <v>0.37757600000000002</v>
      </c>
      <c r="CI415" s="20">
        <v>0.38884800000000003</v>
      </c>
      <c r="CJ415" s="20">
        <v>0.37332199999999999</v>
      </c>
      <c r="CK415" s="20">
        <v>0.30522899999999997</v>
      </c>
      <c r="CL415" s="20">
        <v>0.27289600000000003</v>
      </c>
      <c r="CM415" s="20">
        <v>0.28150900000000001</v>
      </c>
      <c r="CN415" s="20">
        <v>0.28177099999999999</v>
      </c>
      <c r="CO415" s="20">
        <v>0.30124600000000001</v>
      </c>
      <c r="CP415" s="20">
        <v>0.33074399999999998</v>
      </c>
      <c r="CQ415" s="20">
        <v>0.26866099999999998</v>
      </c>
      <c r="CR415" s="20">
        <v>0.28398499999999999</v>
      </c>
      <c r="CS415" s="20">
        <v>0.23769499999999999</v>
      </c>
      <c r="CT415" s="20">
        <v>0.25259900000000002</v>
      </c>
      <c r="CU415" s="20">
        <v>0.21524499999999999</v>
      </c>
      <c r="CV415" s="20">
        <v>0.22190399999999999</v>
      </c>
      <c r="CW415" s="20">
        <v>0.22142500000000001</v>
      </c>
      <c r="CX415" s="20">
        <v>0.21474099999999999</v>
      </c>
      <c r="CY415" s="6" t="s">
        <v>452</v>
      </c>
      <c r="CZ415" s="6" t="s">
        <v>453</v>
      </c>
      <c r="DA415" s="6" t="s">
        <v>76</v>
      </c>
      <c r="DB415" s="6" t="s">
        <v>345</v>
      </c>
      <c r="DC415" s="6"/>
      <c r="DD415" s="6"/>
      <c r="DE415" s="6"/>
      <c r="DF415" s="6"/>
      <c r="DG415" s="6"/>
      <c r="DH415" s="6" t="s">
        <v>333</v>
      </c>
      <c r="DI415" s="6"/>
      <c r="DJ415" s="6"/>
      <c r="DK415" s="6"/>
      <c r="DL415" s="6">
        <v>6</v>
      </c>
      <c r="DM415" s="6" t="s">
        <v>396</v>
      </c>
      <c r="DN415" s="6">
        <v>6</v>
      </c>
      <c r="DO415" s="6" t="s">
        <v>393</v>
      </c>
      <c r="DP415" s="6"/>
      <c r="DQ415" s="6"/>
    </row>
    <row r="416" spans="1:121" x14ac:dyDescent="0.2">
      <c r="A416" s="6" t="s">
        <v>320</v>
      </c>
      <c r="B416" s="6" t="s">
        <v>320</v>
      </c>
      <c r="C416" s="6" t="s">
        <v>189</v>
      </c>
      <c r="D416" s="6" t="s">
        <v>76</v>
      </c>
      <c r="E416" s="6" t="s">
        <v>217</v>
      </c>
      <c r="F416" s="11">
        <v>-5</v>
      </c>
      <c r="G416" s="13">
        <v>-0.151515151515</v>
      </c>
      <c r="H416" s="11">
        <v>-1.588589003900001</v>
      </c>
      <c r="I416" s="13">
        <v>-4.8498958266549902E-2</v>
      </c>
      <c r="J416" s="11">
        <v>5.4848692618999983</v>
      </c>
      <c r="K416" s="13">
        <v>0.17598589867219866</v>
      </c>
      <c r="L416" s="11">
        <v>-9.1371630567999986</v>
      </c>
      <c r="M416" s="13">
        <v>-0.24929918065005793</v>
      </c>
      <c r="N416" s="11">
        <v>-3.6522937949000003</v>
      </c>
      <c r="O416" s="13">
        <v>-0.11718642232280252</v>
      </c>
      <c r="P416" s="7">
        <v>32.755116000000001</v>
      </c>
      <c r="Q416" s="7">
        <v>29.434192896700001</v>
      </c>
      <c r="R416" s="7">
        <v>38.780091030000001</v>
      </c>
      <c r="S416" s="7">
        <v>43.734198669800001</v>
      </c>
      <c r="T416" s="7">
        <v>35.557626481600003</v>
      </c>
      <c r="U416" s="7">
        <v>35.911640161599998</v>
      </c>
      <c r="V416" s="7">
        <v>31.1665269961</v>
      </c>
      <c r="W416" s="7">
        <v>31.137597343900001</v>
      </c>
      <c r="X416" s="7">
        <v>35.030997216300001</v>
      </c>
      <c r="Y416" s="7">
        <v>36.651396257999998</v>
      </c>
      <c r="Z416" s="7">
        <v>40.6801160869</v>
      </c>
      <c r="AA416" s="7">
        <v>42.373845009699998</v>
      </c>
      <c r="AB416" s="7">
        <v>34.8421476734</v>
      </c>
      <c r="AC416" s="7">
        <v>28.8429741066</v>
      </c>
      <c r="AD416" s="7">
        <v>28.657585165</v>
      </c>
      <c r="AE416" s="7">
        <v>28.5803268682</v>
      </c>
      <c r="AF416" s="7">
        <v>27.5142332012</v>
      </c>
      <c r="AG416" s="9">
        <v>4957.1209058999993</v>
      </c>
      <c r="AH416" s="13">
        <v>0.38230094710846224</v>
      </c>
      <c r="AI416" s="9">
        <v>-2449.0524333000012</v>
      </c>
      <c r="AJ416" s="13">
        <v>-0.18887476875024645</v>
      </c>
      <c r="AK416" s="9">
        <v>3154.7091214000011</v>
      </c>
      <c r="AL416" s="13">
        <v>0.29994889946430914</v>
      </c>
      <c r="AM416" s="9">
        <v>4251.4642177999995</v>
      </c>
      <c r="AN416" s="13">
        <v>0.31095690057094372</v>
      </c>
      <c r="AO416" s="9">
        <v>7406.1733392000006</v>
      </c>
      <c r="AP416" s="13">
        <v>0.70417698014233998</v>
      </c>
      <c r="AQ416" s="9">
        <v>12966.5410023</v>
      </c>
      <c r="AR416" s="9">
        <v>14162.8264752</v>
      </c>
      <c r="AS416" s="9">
        <v>8604.8260374099991</v>
      </c>
      <c r="AT416" s="9">
        <v>12712.3875978</v>
      </c>
      <c r="AU416" s="9">
        <v>19859.9317667</v>
      </c>
      <c r="AV416" s="9">
        <v>10031.6050605</v>
      </c>
      <c r="AW416" s="9">
        <v>10517.488568999999</v>
      </c>
      <c r="AX416" s="9">
        <v>9279.2791782799995</v>
      </c>
      <c r="AY416" s="9">
        <v>10704.046251600001</v>
      </c>
      <c r="AZ416" s="9">
        <v>13672.1976904</v>
      </c>
      <c r="BA416" s="9">
        <v>11109.787822599999</v>
      </c>
      <c r="BB416" s="9">
        <v>12042.0992281</v>
      </c>
      <c r="BC416" s="9">
        <v>16531.846305899999</v>
      </c>
      <c r="BD416" s="9">
        <v>17885.575877700001</v>
      </c>
      <c r="BE416" s="9">
        <v>17913.0679595</v>
      </c>
      <c r="BF416" s="9">
        <v>17923.6619082</v>
      </c>
      <c r="BG416" s="11">
        <v>0</v>
      </c>
      <c r="BH416" s="13" t="e">
        <v>#DIV/0!</v>
      </c>
      <c r="BI416" s="6">
        <v>0</v>
      </c>
      <c r="BJ416" s="13" t="e">
        <v>#DIV/0!</v>
      </c>
      <c r="BK416" s="6">
        <v>0</v>
      </c>
      <c r="BL416" s="13" t="e">
        <v>#DIV/0!</v>
      </c>
      <c r="BM416" s="11">
        <v>0</v>
      </c>
      <c r="BN416" s="13" t="e">
        <v>#DIV/0!</v>
      </c>
      <c r="BO416" s="11">
        <v>0</v>
      </c>
      <c r="BP416" s="13" t="e">
        <v>#DIV/0!</v>
      </c>
      <c r="BQ416" s="6">
        <v>0</v>
      </c>
      <c r="BR416" s="6">
        <v>0</v>
      </c>
      <c r="BS416" s="6">
        <v>0</v>
      </c>
      <c r="BT416" s="6">
        <v>0</v>
      </c>
      <c r="BU416" s="6">
        <v>0</v>
      </c>
      <c r="BV416" s="6">
        <v>0</v>
      </c>
      <c r="BW416" s="6">
        <v>0</v>
      </c>
      <c r="BX416" s="6">
        <v>0</v>
      </c>
      <c r="BY416" s="6">
        <v>0</v>
      </c>
      <c r="BZ416" s="6">
        <v>0</v>
      </c>
      <c r="CA416" s="6">
        <v>0</v>
      </c>
      <c r="CB416" s="6">
        <v>0</v>
      </c>
      <c r="CC416" s="11">
        <v>0</v>
      </c>
      <c r="CD416" s="11">
        <v>-20.682200000000002</v>
      </c>
      <c r="CE416" s="11">
        <v>11.860799999999999</v>
      </c>
      <c r="CF416" s="11">
        <v>3.58053</v>
      </c>
      <c r="CG416" s="11">
        <v>16</v>
      </c>
      <c r="CH416" s="20">
        <v>0.44587599999999999</v>
      </c>
      <c r="CI416" s="20">
        <v>0.37859599999999999</v>
      </c>
      <c r="CJ416" s="20">
        <v>0.47981800000000002</v>
      </c>
      <c r="CK416" s="20">
        <v>0.50133399999999995</v>
      </c>
      <c r="CL416" s="20">
        <v>0.40855799999999998</v>
      </c>
      <c r="CM416" s="20">
        <v>0.40884599999999999</v>
      </c>
      <c r="CN416" s="20">
        <v>0.34105600000000003</v>
      </c>
      <c r="CO416" s="20">
        <v>0.33858899999999997</v>
      </c>
      <c r="CP416" s="20">
        <v>0.37290000000000001</v>
      </c>
      <c r="CQ416" s="20">
        <v>0.34756900000000002</v>
      </c>
      <c r="CR416" s="20">
        <v>0.39011400000000002</v>
      </c>
      <c r="CS416" s="20">
        <v>0.42030099999999998</v>
      </c>
      <c r="CT416" s="20">
        <v>0.34933799999999998</v>
      </c>
      <c r="CU416" s="20">
        <v>0.291049</v>
      </c>
      <c r="CV416" s="20">
        <v>0.28616399999999997</v>
      </c>
      <c r="CW416" s="20">
        <v>0.28816999999999998</v>
      </c>
      <c r="CX416" s="20">
        <v>0.26913199999999998</v>
      </c>
      <c r="CY416" s="6" t="s">
        <v>452</v>
      </c>
      <c r="CZ416" s="6" t="s">
        <v>453</v>
      </c>
      <c r="DA416" s="6" t="s">
        <v>76</v>
      </c>
      <c r="DB416" s="6" t="s">
        <v>345</v>
      </c>
      <c r="DC416" s="6"/>
      <c r="DD416" s="6"/>
      <c r="DE416" s="6"/>
      <c r="DF416" s="6"/>
      <c r="DG416" s="6"/>
      <c r="DH416" s="6" t="s">
        <v>333</v>
      </c>
      <c r="DI416" s="6"/>
      <c r="DJ416" s="6"/>
      <c r="DK416" s="6"/>
      <c r="DL416" s="6">
        <v>6</v>
      </c>
      <c r="DM416" s="6" t="s">
        <v>396</v>
      </c>
      <c r="DN416" s="6">
        <v>6</v>
      </c>
      <c r="DO416" s="6" t="s">
        <v>393</v>
      </c>
      <c r="DP416" s="6"/>
      <c r="DQ416" s="6"/>
    </row>
    <row r="417" spans="1:121" x14ac:dyDescent="0.2">
      <c r="A417" s="6" t="s">
        <v>321</v>
      </c>
      <c r="B417" s="6" t="s">
        <v>321</v>
      </c>
      <c r="C417" s="6" t="s">
        <v>190</v>
      </c>
      <c r="D417" s="6" t="s">
        <v>76</v>
      </c>
      <c r="E417" s="6" t="s">
        <v>217</v>
      </c>
      <c r="F417" s="11">
        <v>96</v>
      </c>
      <c r="G417" s="13">
        <v>0.22273781902600001</v>
      </c>
      <c r="H417" s="11">
        <v>58.641381126999988</v>
      </c>
      <c r="I417" s="13">
        <v>0.13612356671640682</v>
      </c>
      <c r="J417" s="11">
        <v>39.558695415000045</v>
      </c>
      <c r="K417" s="13">
        <v>8.0824964388723511E-2</v>
      </c>
      <c r="L417" s="11">
        <v>-2.2806656700000758</v>
      </c>
      <c r="M417" s="13">
        <v>-4.3113156363877598E-3</v>
      </c>
      <c r="N417" s="11">
        <v>37.278029744999969</v>
      </c>
      <c r="O417" s="13">
        <v>7.6165186819556183E-2</v>
      </c>
      <c r="P417" s="7">
        <v>430.795214536</v>
      </c>
      <c r="Q417" s="7">
        <v>458.05504455300002</v>
      </c>
      <c r="R417" s="7">
        <v>463.45665257799999</v>
      </c>
      <c r="S417" s="7">
        <v>513.14520549999997</v>
      </c>
      <c r="T417" s="7">
        <v>489.49955801800002</v>
      </c>
      <c r="U417" s="7">
        <v>489.95523147300003</v>
      </c>
      <c r="V417" s="7">
        <v>489.43659566299999</v>
      </c>
      <c r="W417" s="7">
        <v>508.33146976099999</v>
      </c>
      <c r="X417" s="7">
        <v>530.88944204799998</v>
      </c>
      <c r="Y417" s="7">
        <v>528.99529107800004</v>
      </c>
      <c r="Z417" s="7">
        <v>523.53253666700004</v>
      </c>
      <c r="AA417" s="7">
        <v>518.97113532399999</v>
      </c>
      <c r="AB417" s="7">
        <v>545.10649058299998</v>
      </c>
      <c r="AC417" s="7">
        <v>535.84953582900005</v>
      </c>
      <c r="AD417" s="7">
        <v>546.25412925499995</v>
      </c>
      <c r="AE417" s="7">
        <v>513.54656753999996</v>
      </c>
      <c r="AF417" s="7">
        <v>526.71462540799996</v>
      </c>
      <c r="AG417" s="9">
        <v>9445.5760308999998</v>
      </c>
      <c r="AH417" s="13">
        <v>0.53614095533520278</v>
      </c>
      <c r="AI417" s="9">
        <v>4809.9092605000005</v>
      </c>
      <c r="AJ417" s="13">
        <v>0.27301557232337426</v>
      </c>
      <c r="AK417" s="9">
        <v>1882.2586420999978</v>
      </c>
      <c r="AL417" s="13">
        <v>8.3925921654220026E-2</v>
      </c>
      <c r="AM417" s="9">
        <v>2753.4081283000014</v>
      </c>
      <c r="AN417" s="13">
        <v>0.11326293391463792</v>
      </c>
      <c r="AO417" s="9">
        <v>4635.6667703999992</v>
      </c>
      <c r="AP417" s="13">
        <v>0.20669455168690493</v>
      </c>
      <c r="AQ417" s="9">
        <v>17617.7102997</v>
      </c>
      <c r="AR417" s="9">
        <v>18290.355467400001</v>
      </c>
      <c r="AS417" s="9">
        <v>19110.2970092</v>
      </c>
      <c r="AT417" s="9">
        <v>19303.517670599998</v>
      </c>
      <c r="AU417" s="9">
        <v>20077.825893099998</v>
      </c>
      <c r="AV417" s="9">
        <v>21470.642211300001</v>
      </c>
      <c r="AW417" s="9">
        <v>22427.619560200001</v>
      </c>
      <c r="AX417" s="9">
        <v>23394.617406199999</v>
      </c>
      <c r="AY417" s="9">
        <v>24190.672217200001</v>
      </c>
      <c r="AZ417" s="9">
        <v>24309.878202299999</v>
      </c>
      <c r="BA417" s="9">
        <v>24350.029059699998</v>
      </c>
      <c r="BB417" s="9">
        <v>24656.730992199999</v>
      </c>
      <c r="BC417" s="9">
        <v>24605.268619900002</v>
      </c>
      <c r="BD417" s="9">
        <v>24826.456454300001</v>
      </c>
      <c r="BE417" s="9">
        <v>25494.338383099999</v>
      </c>
      <c r="BF417" s="9">
        <v>27063.2863306</v>
      </c>
      <c r="BG417" s="11">
        <v>50.75</v>
      </c>
      <c r="BH417" s="13">
        <v>1.9519230769230769</v>
      </c>
      <c r="BI417" s="6">
        <v>-6</v>
      </c>
      <c r="BJ417" s="13">
        <v>-0.23076923076923078</v>
      </c>
      <c r="BK417" s="6">
        <v>4</v>
      </c>
      <c r="BL417" s="13">
        <v>0.2</v>
      </c>
      <c r="BM417" s="11">
        <v>52.75</v>
      </c>
      <c r="BN417" s="13">
        <v>2.1979166666666665</v>
      </c>
      <c r="BO417" s="11">
        <v>56.75</v>
      </c>
      <c r="BP417" s="13">
        <v>2.8374999999999999</v>
      </c>
      <c r="BQ417" s="6">
        <v>26</v>
      </c>
      <c r="BR417" s="6">
        <v>24</v>
      </c>
      <c r="BS417" s="6">
        <v>22</v>
      </c>
      <c r="BT417" s="6">
        <v>20</v>
      </c>
      <c r="BU417" s="6">
        <v>21</v>
      </c>
      <c r="BV417" s="6">
        <v>20</v>
      </c>
      <c r="BW417" s="6">
        <v>24</v>
      </c>
      <c r="BX417" s="6">
        <v>24</v>
      </c>
      <c r="BY417" s="6">
        <v>23</v>
      </c>
      <c r="BZ417" s="6">
        <v>85</v>
      </c>
      <c r="CA417" s="6">
        <v>79</v>
      </c>
      <c r="CB417" s="6">
        <v>79</v>
      </c>
      <c r="CC417" s="11">
        <v>76.75</v>
      </c>
      <c r="CD417" s="11">
        <v>-108.053</v>
      </c>
      <c r="CE417" s="11">
        <v>156.881</v>
      </c>
      <c r="CF417" s="11">
        <v>47.091099999999997</v>
      </c>
      <c r="CG417" s="11">
        <v>204</v>
      </c>
      <c r="CH417" s="20">
        <v>1.1873899999999999</v>
      </c>
      <c r="CI417" s="20">
        <v>1.20164</v>
      </c>
      <c r="CJ417" s="20">
        <v>1.1674899999999999</v>
      </c>
      <c r="CK417" s="20">
        <v>1.2170799999999999</v>
      </c>
      <c r="CL417" s="20">
        <v>1.1511199999999999</v>
      </c>
      <c r="CM417" s="20">
        <v>1.13802</v>
      </c>
      <c r="CN417" s="20">
        <v>1.09029</v>
      </c>
      <c r="CO417" s="20">
        <v>1.12903</v>
      </c>
      <c r="CP417" s="20">
        <v>1.16316</v>
      </c>
      <c r="CQ417" s="20">
        <v>1.03901</v>
      </c>
      <c r="CR417" s="20">
        <v>1.0584100000000001</v>
      </c>
      <c r="CS417" s="20">
        <v>1.0673299999999999</v>
      </c>
      <c r="CT417" s="20">
        <v>1.1272599999999999</v>
      </c>
      <c r="CU417" s="20">
        <v>1.1175299999999999</v>
      </c>
      <c r="CV417" s="20">
        <v>1.1161099999999999</v>
      </c>
      <c r="CW417" s="20">
        <v>1.0531299999999999</v>
      </c>
      <c r="CX417" s="20">
        <v>1.0417400000000001</v>
      </c>
      <c r="CY417" s="6" t="s">
        <v>452</v>
      </c>
      <c r="CZ417" s="6" t="s">
        <v>453</v>
      </c>
      <c r="DA417" s="6" t="s">
        <v>76</v>
      </c>
      <c r="DB417" s="6" t="s">
        <v>345</v>
      </c>
      <c r="DC417" s="6"/>
      <c r="DD417" s="6"/>
      <c r="DE417" s="6"/>
      <c r="DF417" s="6"/>
      <c r="DG417" s="6"/>
      <c r="DH417" s="6" t="s">
        <v>333</v>
      </c>
      <c r="DI417" s="6"/>
      <c r="DJ417" s="6"/>
      <c r="DK417" s="6"/>
      <c r="DL417" s="6">
        <v>6</v>
      </c>
      <c r="DM417" s="6" t="s">
        <v>396</v>
      </c>
      <c r="DN417" s="6">
        <v>6</v>
      </c>
      <c r="DO417" s="6" t="s">
        <v>393</v>
      </c>
      <c r="DP417" s="6"/>
      <c r="DQ417" s="6"/>
    </row>
    <row r="418" spans="1:121" x14ac:dyDescent="0.2">
      <c r="A418" s="6" t="s">
        <v>322</v>
      </c>
      <c r="B418" s="6" t="s">
        <v>322</v>
      </c>
      <c r="C418" s="6" t="s">
        <v>191</v>
      </c>
      <c r="D418" s="6" t="s">
        <v>76</v>
      </c>
      <c r="E418" s="6" t="s">
        <v>217</v>
      </c>
      <c r="F418" s="11">
        <v>16</v>
      </c>
      <c r="G418" s="13">
        <v>0.76</v>
      </c>
      <c r="H418" s="11">
        <v>17</v>
      </c>
      <c r="I418" s="13">
        <v>0.80952380952380965</v>
      </c>
      <c r="J418" s="11">
        <v>-2</v>
      </c>
      <c r="K418" s="13">
        <v>-5.2631578947368418E-2</v>
      </c>
      <c r="L418" s="11">
        <v>1</v>
      </c>
      <c r="M418" s="13">
        <v>2.7777777777777776E-2</v>
      </c>
      <c r="N418" s="11">
        <v>-1</v>
      </c>
      <c r="O418" s="13">
        <v>-2.6315789473684209E-2</v>
      </c>
      <c r="P418" s="7">
        <v>21</v>
      </c>
      <c r="Q418" s="7">
        <v>25</v>
      </c>
      <c r="R418" s="7">
        <v>26</v>
      </c>
      <c r="S418" s="7">
        <v>28</v>
      </c>
      <c r="T418" s="7">
        <v>28</v>
      </c>
      <c r="U418" s="7">
        <v>25</v>
      </c>
      <c r="V418" s="7">
        <v>38</v>
      </c>
      <c r="W418" s="7">
        <v>42</v>
      </c>
      <c r="X418" s="7">
        <v>36</v>
      </c>
      <c r="Y418" s="7">
        <v>36</v>
      </c>
      <c r="Z418" s="7">
        <v>29</v>
      </c>
      <c r="AA418" s="7">
        <v>28</v>
      </c>
      <c r="AB418" s="7">
        <v>29</v>
      </c>
      <c r="AC418" s="7">
        <v>29</v>
      </c>
      <c r="AD418" s="7">
        <v>32</v>
      </c>
      <c r="AE418" s="7">
        <v>34</v>
      </c>
      <c r="AF418" s="7">
        <v>37</v>
      </c>
      <c r="AG418" s="9">
        <v>9575</v>
      </c>
      <c r="AH418" s="13">
        <v>0.7668588819477814</v>
      </c>
      <c r="AI418" s="9">
        <v>2501</v>
      </c>
      <c r="AJ418" s="13">
        <v>0.20030434086176521</v>
      </c>
      <c r="AK418" s="9">
        <v>3082</v>
      </c>
      <c r="AL418" s="13">
        <v>0.20564489223994128</v>
      </c>
      <c r="AM418" s="9">
        <v>3992</v>
      </c>
      <c r="AN418" s="13">
        <v>0.22093087608611431</v>
      </c>
      <c r="AO418" s="9">
        <v>7074</v>
      </c>
      <c r="AP418" s="13">
        <v>0.47200907453126045</v>
      </c>
      <c r="AQ418" s="9">
        <v>12486</v>
      </c>
      <c r="AR418" s="9">
        <v>13379</v>
      </c>
      <c r="AS418" s="9">
        <v>11500</v>
      </c>
      <c r="AT418" s="9">
        <v>12220</v>
      </c>
      <c r="AU418" s="9">
        <v>10178</v>
      </c>
      <c r="AV418" s="9">
        <v>13275</v>
      </c>
      <c r="AW418" s="9">
        <v>14987</v>
      </c>
      <c r="AX418" s="9">
        <v>15957</v>
      </c>
      <c r="AY418" s="9">
        <v>17164</v>
      </c>
      <c r="AZ418" s="9">
        <v>18069</v>
      </c>
      <c r="BA418" s="9">
        <v>20169</v>
      </c>
      <c r="BB418" s="9">
        <v>21014</v>
      </c>
      <c r="BC418" s="9">
        <v>22931</v>
      </c>
      <c r="BD418" s="9">
        <v>27617</v>
      </c>
      <c r="BE418" s="9">
        <v>21304</v>
      </c>
      <c r="BF418" s="9">
        <v>22061</v>
      </c>
      <c r="BG418" s="11">
        <v>0</v>
      </c>
      <c r="BH418" s="13">
        <v>0</v>
      </c>
      <c r="BI418" s="6">
        <v>2</v>
      </c>
      <c r="BJ418" s="13">
        <v>0.5</v>
      </c>
      <c r="BK418" s="6">
        <v>-2</v>
      </c>
      <c r="BL418" s="13">
        <v>-0.33333333333333331</v>
      </c>
      <c r="BM418" s="11">
        <v>0</v>
      </c>
      <c r="BN418" s="13">
        <v>0</v>
      </c>
      <c r="BO418" s="11">
        <v>-2</v>
      </c>
      <c r="BP418" s="13">
        <v>-0.33333333333333331</v>
      </c>
      <c r="BQ418" s="6">
        <v>4</v>
      </c>
      <c r="BR418" s="6">
        <v>4</v>
      </c>
      <c r="BS418" s="6">
        <v>4</v>
      </c>
      <c r="BT418" s="6">
        <v>6</v>
      </c>
      <c r="BU418" s="6">
        <v>4</v>
      </c>
      <c r="BV418" s="6">
        <v>4</v>
      </c>
      <c r="BW418" s="6">
        <v>4</v>
      </c>
      <c r="BX418" s="6">
        <v>4</v>
      </c>
      <c r="BY418" s="6">
        <v>3</v>
      </c>
      <c r="BZ418" s="6">
        <v>4</v>
      </c>
      <c r="CA418" s="6">
        <v>4</v>
      </c>
      <c r="CB418" s="6">
        <v>3</v>
      </c>
      <c r="CC418" s="11">
        <v>4</v>
      </c>
      <c r="CD418" s="11">
        <v>10</v>
      </c>
      <c r="CE418" s="11">
        <v>4</v>
      </c>
      <c r="CF418" s="11">
        <v>2</v>
      </c>
      <c r="CG418" s="11">
        <v>6</v>
      </c>
      <c r="CH418" s="20">
        <v>0.38</v>
      </c>
      <c r="CI418" s="20">
        <v>0.44</v>
      </c>
      <c r="CJ418" s="20">
        <v>0.44</v>
      </c>
      <c r="CK418" s="20">
        <v>0.44</v>
      </c>
      <c r="CL418" s="20">
        <v>0.44</v>
      </c>
      <c r="CM418" s="20">
        <v>0.39</v>
      </c>
      <c r="CN418" s="20">
        <v>0.57999999999999996</v>
      </c>
      <c r="CO418" s="20">
        <v>0.65</v>
      </c>
      <c r="CP418" s="20">
        <v>0.57999999999999996</v>
      </c>
      <c r="CQ418" s="20">
        <v>0.53</v>
      </c>
      <c r="CR418" s="20">
        <v>0.44</v>
      </c>
      <c r="CS418" s="20">
        <v>0.44</v>
      </c>
      <c r="CT418" s="20">
        <v>0.46</v>
      </c>
      <c r="CU418" s="20">
        <v>0.46</v>
      </c>
      <c r="CV418" s="20">
        <v>0.49</v>
      </c>
      <c r="CW418" s="20">
        <v>0.51</v>
      </c>
      <c r="CX418" s="20">
        <v>0.54</v>
      </c>
      <c r="CY418" s="6" t="s">
        <v>452</v>
      </c>
      <c r="CZ418" s="6" t="s">
        <v>453</v>
      </c>
      <c r="DA418" s="6" t="s">
        <v>76</v>
      </c>
      <c r="DB418" s="6" t="s">
        <v>345</v>
      </c>
      <c r="DC418" s="6"/>
      <c r="DD418" s="6"/>
      <c r="DE418" s="6"/>
      <c r="DF418" s="6"/>
      <c r="DG418" s="6"/>
      <c r="DH418" s="6" t="s">
        <v>333</v>
      </c>
      <c r="DI418" s="6"/>
      <c r="DJ418" s="6"/>
      <c r="DK418" s="6"/>
      <c r="DL418" s="6">
        <v>6</v>
      </c>
      <c r="DM418" s="6" t="s">
        <v>396</v>
      </c>
      <c r="DN418" s="6">
        <v>6</v>
      </c>
      <c r="DO418" s="6" t="s">
        <v>393</v>
      </c>
      <c r="DP418" s="6"/>
      <c r="DQ418" s="6"/>
    </row>
    <row r="419" spans="1:121" x14ac:dyDescent="0.2">
      <c r="A419" s="6" t="s">
        <v>323</v>
      </c>
      <c r="B419" s="6" t="s">
        <v>323</v>
      </c>
      <c r="C419" s="6" t="s">
        <v>192</v>
      </c>
      <c r="D419" s="6" t="s">
        <v>76</v>
      </c>
      <c r="E419" s="6" t="s">
        <v>217</v>
      </c>
      <c r="F419" s="11">
        <v>97</v>
      </c>
      <c r="G419" s="13">
        <v>0.34519572953700001</v>
      </c>
      <c r="H419" s="11">
        <v>49.412736445999997</v>
      </c>
      <c r="I419" s="13">
        <v>0.17582038222379723</v>
      </c>
      <c r="J419" s="11">
        <v>-45.583523261999972</v>
      </c>
      <c r="K419" s="13">
        <v>-0.13794222281809207</v>
      </c>
      <c r="L419" s="11">
        <v>93.339801430999955</v>
      </c>
      <c r="M419" s="13">
        <v>0.32765728516211456</v>
      </c>
      <c r="N419" s="11">
        <v>47.756278168999984</v>
      </c>
      <c r="O419" s="13">
        <v>0.14451728810621892</v>
      </c>
      <c r="P419" s="7">
        <v>281.041002306</v>
      </c>
      <c r="Q419" s="7">
        <v>262.97246261599997</v>
      </c>
      <c r="R419" s="7">
        <v>282.078606132</v>
      </c>
      <c r="S419" s="7">
        <v>261.34336769999999</v>
      </c>
      <c r="T419" s="7">
        <v>296.75689751800002</v>
      </c>
      <c r="U419" s="7">
        <v>291.26506097499998</v>
      </c>
      <c r="V419" s="7">
        <v>330.45373875199999</v>
      </c>
      <c r="W419" s="7">
        <v>310.878440286</v>
      </c>
      <c r="X419" s="7">
        <v>296.46014199400003</v>
      </c>
      <c r="Y419" s="7">
        <v>284.87021549000002</v>
      </c>
      <c r="Z419" s="7">
        <v>298.06385687300002</v>
      </c>
      <c r="AA419" s="7">
        <v>291.11291385800001</v>
      </c>
      <c r="AB419" s="7">
        <v>294.25357860399998</v>
      </c>
      <c r="AC419" s="7">
        <v>267.77221721500001</v>
      </c>
      <c r="AD419" s="7">
        <v>347.11932872400001</v>
      </c>
      <c r="AE419" s="7">
        <v>368.98010150300001</v>
      </c>
      <c r="AF419" s="7">
        <v>378.21001692099998</v>
      </c>
      <c r="AG419" s="9">
        <v>4089.9485544700001</v>
      </c>
      <c r="AH419" s="13">
        <v>0.49003976500914642</v>
      </c>
      <c r="AI419" s="9">
        <v>1189.9269313200002</v>
      </c>
      <c r="AJ419" s="13">
        <v>0.14257184559566435</v>
      </c>
      <c r="AK419" s="9">
        <v>1503.164649549999</v>
      </c>
      <c r="AL419" s="13">
        <v>0.15762914254768043</v>
      </c>
      <c r="AM419" s="9">
        <v>1396.8569736000009</v>
      </c>
      <c r="AN419" s="13">
        <v>0.12653551830472995</v>
      </c>
      <c r="AO419" s="9">
        <v>2900.0216231499999</v>
      </c>
      <c r="AP419" s="13">
        <v>0.3041103461046113</v>
      </c>
      <c r="AQ419" s="9">
        <v>8346.1564683300003</v>
      </c>
      <c r="AR419" s="9">
        <v>8645.3914153299993</v>
      </c>
      <c r="AS419" s="9">
        <v>8522.0313361999997</v>
      </c>
      <c r="AT419" s="9">
        <v>8811.5553352799998</v>
      </c>
      <c r="AU419" s="9">
        <v>8881.8020521199996</v>
      </c>
      <c r="AV419" s="9">
        <v>9118.4493008600002</v>
      </c>
      <c r="AW419" s="9">
        <v>9536.0833996500005</v>
      </c>
      <c r="AX419" s="9">
        <v>10278.3208455</v>
      </c>
      <c r="AY419" s="9">
        <v>10739.4372742</v>
      </c>
      <c r="AZ419" s="9">
        <v>11039.2480492</v>
      </c>
      <c r="BA419" s="9">
        <v>10993.2591204</v>
      </c>
      <c r="BB419" s="9">
        <v>11358.5236924</v>
      </c>
      <c r="BC419" s="9">
        <v>10750.797062</v>
      </c>
      <c r="BD419" s="9">
        <v>11816.060813399999</v>
      </c>
      <c r="BE419" s="9">
        <v>12161.351696600001</v>
      </c>
      <c r="BF419" s="9">
        <v>12436.1050228</v>
      </c>
      <c r="BG419" s="11">
        <v>1.25</v>
      </c>
      <c r="BH419" s="13">
        <v>4.4642857142857144E-2</v>
      </c>
      <c r="BI419" s="6">
        <v>3</v>
      </c>
      <c r="BJ419" s="13">
        <v>0.10714285714285714</v>
      </c>
      <c r="BK419" s="6">
        <v>-1</v>
      </c>
      <c r="BL419" s="13">
        <v>-3.2258064516129031E-2</v>
      </c>
      <c r="BM419" s="11">
        <v>-0.75</v>
      </c>
      <c r="BN419" s="13">
        <v>-2.5000000000000001E-2</v>
      </c>
      <c r="BO419" s="11">
        <v>-1.75</v>
      </c>
      <c r="BP419" s="13">
        <v>-5.6451612903225805E-2</v>
      </c>
      <c r="BQ419" s="6">
        <v>28</v>
      </c>
      <c r="BR419" s="6">
        <v>26</v>
      </c>
      <c r="BS419" s="6">
        <v>30</v>
      </c>
      <c r="BT419" s="6">
        <v>31</v>
      </c>
      <c r="BU419" s="6">
        <v>33</v>
      </c>
      <c r="BV419" s="6">
        <v>30</v>
      </c>
      <c r="BW419" s="6">
        <v>30</v>
      </c>
      <c r="BX419" s="6">
        <v>29</v>
      </c>
      <c r="BY419" s="6">
        <v>29</v>
      </c>
      <c r="BZ419" s="6">
        <v>28</v>
      </c>
      <c r="CA419" s="6">
        <v>27</v>
      </c>
      <c r="CB419" s="6">
        <v>30</v>
      </c>
      <c r="CC419" s="11">
        <v>29.25</v>
      </c>
      <c r="CD419" s="11">
        <v>2.53755</v>
      </c>
      <c r="CE419" s="11">
        <v>63.910299999999999</v>
      </c>
      <c r="CF419" s="11">
        <v>30.7212</v>
      </c>
      <c r="CG419" s="11">
        <v>95</v>
      </c>
      <c r="CH419" s="20">
        <v>1.04379</v>
      </c>
      <c r="CI419" s="20">
        <v>0.95322799999999996</v>
      </c>
      <c r="CJ419" s="20">
        <v>0.99387199999999998</v>
      </c>
      <c r="CK419" s="20">
        <v>0.86244500000000002</v>
      </c>
      <c r="CL419" s="20">
        <v>0.97025099999999997</v>
      </c>
      <c r="CM419" s="20">
        <v>0.94430400000000003</v>
      </c>
      <c r="CN419" s="20">
        <v>1.0332699999999999</v>
      </c>
      <c r="CO419" s="20">
        <v>0.99137600000000003</v>
      </c>
      <c r="CP419" s="20">
        <v>0.97881600000000002</v>
      </c>
      <c r="CQ419" s="20">
        <v>0.85420600000000002</v>
      </c>
      <c r="CR419" s="20">
        <v>0.90988199999999997</v>
      </c>
      <c r="CS419" s="20">
        <v>0.909632</v>
      </c>
      <c r="CT419" s="20">
        <v>0.91464800000000002</v>
      </c>
      <c r="CU419" s="20">
        <v>0.83056700000000006</v>
      </c>
      <c r="CV419" s="20">
        <v>1.0447299999999999</v>
      </c>
      <c r="CW419" s="20">
        <v>1.1119699999999999</v>
      </c>
      <c r="CX419" s="20">
        <v>1.1110899999999999</v>
      </c>
      <c r="CY419" s="6" t="s">
        <v>452</v>
      </c>
      <c r="CZ419" s="6" t="s">
        <v>453</v>
      </c>
      <c r="DA419" s="6" t="s">
        <v>76</v>
      </c>
      <c r="DB419" s="6" t="s">
        <v>345</v>
      </c>
      <c r="DC419" s="6"/>
      <c r="DD419" s="6"/>
      <c r="DE419" s="6"/>
      <c r="DF419" s="6"/>
      <c r="DG419" s="6"/>
      <c r="DH419" s="6" t="s">
        <v>333</v>
      </c>
      <c r="DI419" s="6"/>
      <c r="DJ419" s="6"/>
      <c r="DK419" s="6"/>
      <c r="DL419" s="6">
        <v>6</v>
      </c>
      <c r="DM419" s="6" t="s">
        <v>396</v>
      </c>
      <c r="DN419" s="6">
        <v>6</v>
      </c>
      <c r="DO419" s="6" t="s">
        <v>393</v>
      </c>
      <c r="DP419" s="6"/>
      <c r="DQ419" s="6"/>
    </row>
    <row r="420" spans="1:121" x14ac:dyDescent="0.2">
      <c r="A420" s="6" t="s">
        <v>325</v>
      </c>
      <c r="B420" s="6" t="s">
        <v>325</v>
      </c>
      <c r="C420" s="6" t="s">
        <v>193</v>
      </c>
      <c r="D420" s="6" t="s">
        <v>76</v>
      </c>
      <c r="E420" s="6" t="s">
        <v>217</v>
      </c>
      <c r="F420" s="11">
        <v>-26</v>
      </c>
      <c r="G420" s="13">
        <v>-0.11764705882400001</v>
      </c>
      <c r="H420" s="11">
        <v>146.83569911499998</v>
      </c>
      <c r="I420" s="13">
        <v>0.665080784466068</v>
      </c>
      <c r="J420" s="11">
        <v>-73.025363373999994</v>
      </c>
      <c r="K420" s="13">
        <v>-0.19864661218177437</v>
      </c>
      <c r="L420" s="11">
        <v>-99.100546840999982</v>
      </c>
      <c r="M420" s="13">
        <v>-0.33640265112241502</v>
      </c>
      <c r="N420" s="11">
        <v>-172.12591021499998</v>
      </c>
      <c r="O420" s="13">
        <v>-0.46822401632975424</v>
      </c>
      <c r="P420" s="7">
        <v>220.77874228900001</v>
      </c>
      <c r="Q420" s="7">
        <v>283.54511108200001</v>
      </c>
      <c r="R420" s="7">
        <v>348.37556533399999</v>
      </c>
      <c r="S420" s="7">
        <v>365.71127299199998</v>
      </c>
      <c r="T420" s="7">
        <v>408.47422903500001</v>
      </c>
      <c r="U420" s="7">
        <v>373.532612282</v>
      </c>
      <c r="V420" s="7">
        <v>367.61444140399999</v>
      </c>
      <c r="W420" s="7">
        <v>333.74203931699998</v>
      </c>
      <c r="X420" s="7">
        <v>317.14497083800001</v>
      </c>
      <c r="Y420" s="7">
        <v>294.58907803</v>
      </c>
      <c r="Z420" s="7">
        <v>303.20079647400001</v>
      </c>
      <c r="AA420" s="7">
        <v>307.78196133</v>
      </c>
      <c r="AB420" s="7">
        <v>215.88605789499999</v>
      </c>
      <c r="AC420" s="7">
        <v>204.87852078</v>
      </c>
      <c r="AD420" s="7">
        <v>211.59450401999999</v>
      </c>
      <c r="AE420" s="7">
        <v>198.50024209</v>
      </c>
      <c r="AF420" s="7">
        <v>195.48853118900001</v>
      </c>
      <c r="AG420" s="9">
        <v>6201.728616299999</v>
      </c>
      <c r="AH420" s="13">
        <v>0.4225170094868026</v>
      </c>
      <c r="AI420" s="9">
        <v>-1679.4561038000011</v>
      </c>
      <c r="AJ420" s="13">
        <v>-0.11441951340419761</v>
      </c>
      <c r="AK420" s="9">
        <v>1618.4371380000011</v>
      </c>
      <c r="AL420" s="13">
        <v>0.12450856749468464</v>
      </c>
      <c r="AM420" s="9">
        <v>6262.7475820999989</v>
      </c>
      <c r="AN420" s="13">
        <v>0.42845532054611363</v>
      </c>
      <c r="AO420" s="9">
        <v>7881.1847201</v>
      </c>
      <c r="AP420" s="13">
        <v>0.60631024623747087</v>
      </c>
      <c r="AQ420" s="9">
        <v>14678.056686600001</v>
      </c>
      <c r="AR420" s="9">
        <v>13736.336380999999</v>
      </c>
      <c r="AS420" s="9">
        <v>12180.311983699999</v>
      </c>
      <c r="AT420" s="9">
        <v>12349.256368599999</v>
      </c>
      <c r="AU420" s="9">
        <v>12916.5169439</v>
      </c>
      <c r="AV420" s="9">
        <v>12778.2728071</v>
      </c>
      <c r="AW420" s="9">
        <v>12998.6005828</v>
      </c>
      <c r="AX420" s="9">
        <v>13200.806673499999</v>
      </c>
      <c r="AY420" s="9">
        <v>14615.2983308</v>
      </c>
      <c r="AZ420" s="9">
        <v>14617.037720800001</v>
      </c>
      <c r="BA420" s="9">
        <v>14703.9913947</v>
      </c>
      <c r="BB420" s="9">
        <v>16700.957092000001</v>
      </c>
      <c r="BC420" s="9">
        <v>18833.1169605</v>
      </c>
      <c r="BD420" s="9">
        <v>20247.498267200001</v>
      </c>
      <c r="BE420" s="9">
        <v>20299.391707899998</v>
      </c>
      <c r="BF420" s="9">
        <v>20879.7853029</v>
      </c>
      <c r="BG420" s="11">
        <v>-88.25</v>
      </c>
      <c r="BH420" s="13">
        <v>-0.81712962962962965</v>
      </c>
      <c r="BI420" s="6">
        <v>-19</v>
      </c>
      <c r="BJ420" s="13">
        <v>-0.17592592592592593</v>
      </c>
      <c r="BK420" s="6">
        <v>-19</v>
      </c>
      <c r="BL420" s="13">
        <v>-0.21348314606741572</v>
      </c>
      <c r="BM420" s="11">
        <v>-50.25</v>
      </c>
      <c r="BN420" s="13">
        <v>-0.71785714285714286</v>
      </c>
      <c r="BO420" s="11">
        <v>-69.25</v>
      </c>
      <c r="BP420" s="13">
        <v>-0.7780898876404494</v>
      </c>
      <c r="BQ420" s="6">
        <v>108</v>
      </c>
      <c r="BR420" s="6">
        <v>108</v>
      </c>
      <c r="BS420" s="6">
        <v>98</v>
      </c>
      <c r="BT420" s="6">
        <v>89</v>
      </c>
      <c r="BU420" s="6">
        <v>83</v>
      </c>
      <c r="BV420" s="6">
        <v>75</v>
      </c>
      <c r="BW420" s="6">
        <v>70</v>
      </c>
      <c r="BX420" s="6">
        <v>72</v>
      </c>
      <c r="BY420" s="6">
        <v>75</v>
      </c>
      <c r="BZ420" s="6">
        <v>20</v>
      </c>
      <c r="CA420" s="6">
        <v>20</v>
      </c>
      <c r="CB420" s="6">
        <v>21</v>
      </c>
      <c r="CC420" s="11">
        <v>19.75</v>
      </c>
      <c r="CD420" s="11">
        <v>-47.390799999999999</v>
      </c>
      <c r="CE420" s="11">
        <v>-2.0331600000000001</v>
      </c>
      <c r="CF420" s="11">
        <v>24.133800000000001</v>
      </c>
      <c r="CG420" s="11">
        <v>22</v>
      </c>
      <c r="CH420" s="20">
        <v>1.2071700000000001</v>
      </c>
      <c r="CI420" s="20">
        <v>1.50685</v>
      </c>
      <c r="CJ420" s="20">
        <v>1.8099099999999999</v>
      </c>
      <c r="CK420" s="20">
        <v>1.81175</v>
      </c>
      <c r="CL420" s="20">
        <v>2.0381200000000002</v>
      </c>
      <c r="CM420" s="20">
        <v>1.8654299999999999</v>
      </c>
      <c r="CN420" s="20">
        <v>1.7793699999999999</v>
      </c>
      <c r="CO420" s="20">
        <v>1.64594</v>
      </c>
      <c r="CP420" s="20">
        <v>1.5863700000000001</v>
      </c>
      <c r="CQ420" s="20">
        <v>1.34819</v>
      </c>
      <c r="CR420" s="20">
        <v>1.43323</v>
      </c>
      <c r="CS420" s="20">
        <v>1.5007299999999999</v>
      </c>
      <c r="CT420" s="20">
        <v>1.14229</v>
      </c>
      <c r="CU420" s="20">
        <v>1.0932599999999999</v>
      </c>
      <c r="CV420" s="20">
        <v>1.11727</v>
      </c>
      <c r="CW420" s="20">
        <v>1.06064</v>
      </c>
      <c r="CX420" s="20">
        <v>1.0273300000000001</v>
      </c>
      <c r="CY420" s="6" t="s">
        <v>452</v>
      </c>
      <c r="CZ420" s="6" t="s">
        <v>453</v>
      </c>
      <c r="DA420" s="6" t="s">
        <v>76</v>
      </c>
      <c r="DB420" s="6" t="s">
        <v>345</v>
      </c>
      <c r="DC420" s="6"/>
      <c r="DD420" s="6"/>
      <c r="DE420" s="6"/>
      <c r="DF420" s="6"/>
      <c r="DG420" s="6"/>
      <c r="DH420" s="6" t="s">
        <v>333</v>
      </c>
      <c r="DI420" s="6"/>
      <c r="DJ420" s="6"/>
      <c r="DK420" s="6"/>
      <c r="DL420" s="6">
        <v>6</v>
      </c>
      <c r="DM420" s="6" t="s">
        <v>396</v>
      </c>
      <c r="DN420" s="6">
        <v>6</v>
      </c>
      <c r="DO420" s="6" t="s">
        <v>393</v>
      </c>
      <c r="DP420" s="6"/>
      <c r="DQ420" s="6"/>
    </row>
    <row r="421" spans="1:121" x14ac:dyDescent="0.2">
      <c r="A421" s="6" t="s">
        <v>327</v>
      </c>
      <c r="B421" s="6" t="s">
        <v>327</v>
      </c>
      <c r="C421" s="6" t="s">
        <v>194</v>
      </c>
      <c r="D421" s="6" t="s">
        <v>76</v>
      </c>
      <c r="E421" s="6" t="s">
        <v>217</v>
      </c>
      <c r="F421" s="11">
        <v>184</v>
      </c>
      <c r="G421" s="13">
        <v>0.21570926142999999</v>
      </c>
      <c r="H421" s="11">
        <v>68.89971700000001</v>
      </c>
      <c r="I421" s="13">
        <v>8.0734817391687391E-2</v>
      </c>
      <c r="J421" s="11">
        <v>331.93959599999994</v>
      </c>
      <c r="K421" s="13">
        <v>0.35990124351636471</v>
      </c>
      <c r="L421" s="11">
        <v>-216.94869199000004</v>
      </c>
      <c r="M421" s="13">
        <v>-0.17297126090088286</v>
      </c>
      <c r="N421" s="11">
        <v>114.99090400999989</v>
      </c>
      <c r="O421" s="13">
        <v>0.12467741072466058</v>
      </c>
      <c r="P421" s="7">
        <v>853.40772700000002</v>
      </c>
      <c r="Q421" s="7">
        <v>859.38522399999999</v>
      </c>
      <c r="R421" s="7">
        <v>885.73357599999997</v>
      </c>
      <c r="S421" s="7">
        <v>902.79024300000003</v>
      </c>
      <c r="T421" s="7">
        <v>904.95490600000005</v>
      </c>
      <c r="U421" s="7">
        <v>920.61503300000004</v>
      </c>
      <c r="V421" s="7">
        <v>922.30744400000003</v>
      </c>
      <c r="W421" s="7">
        <v>950.48526300000003</v>
      </c>
      <c r="X421" s="7">
        <v>947.04054499999995</v>
      </c>
      <c r="Y421" s="7">
        <v>1254.24704</v>
      </c>
      <c r="Z421" s="7">
        <v>1192.3692129999999</v>
      </c>
      <c r="AA421" s="7">
        <v>1171.0971770000001</v>
      </c>
      <c r="AB421" s="7">
        <v>1172.8571710000001</v>
      </c>
      <c r="AC421" s="7">
        <v>1125.8364529999999</v>
      </c>
      <c r="AD421" s="7">
        <v>1051.1403769999999</v>
      </c>
      <c r="AE421" s="7">
        <v>1032.2631484999999</v>
      </c>
      <c r="AF421" s="7">
        <v>1037.2983480099999</v>
      </c>
      <c r="AG421" s="9">
        <v>11041.723288000001</v>
      </c>
      <c r="AH421" s="13">
        <v>0.33772930039074373</v>
      </c>
      <c r="AI421" s="9">
        <v>7413.0731100999983</v>
      </c>
      <c r="AJ421" s="13">
        <v>0.22674105571368552</v>
      </c>
      <c r="AK421" s="9">
        <v>1068.1606299999985</v>
      </c>
      <c r="AL421" s="13">
        <v>2.6632721503892617E-2</v>
      </c>
      <c r="AM421" s="9">
        <v>2560.4895479000043</v>
      </c>
      <c r="AN421" s="13">
        <v>6.218517860316667E-2</v>
      </c>
      <c r="AO421" s="9">
        <v>3628.6501779000027</v>
      </c>
      <c r="AP421" s="13">
        <v>9.0474060650467245E-2</v>
      </c>
      <c r="AQ421" s="9">
        <v>32694.004562900001</v>
      </c>
      <c r="AR421" s="9">
        <v>33829.9014494</v>
      </c>
      <c r="AS421" s="9">
        <v>34676.650333099999</v>
      </c>
      <c r="AT421" s="9">
        <v>35922.646541399998</v>
      </c>
      <c r="AU421" s="9">
        <v>37336.536036700003</v>
      </c>
      <c r="AV421" s="9">
        <v>38301.3285664</v>
      </c>
      <c r="AW421" s="9">
        <v>40107.077673</v>
      </c>
      <c r="AX421" s="9">
        <v>40175.834492200003</v>
      </c>
      <c r="AY421" s="9">
        <v>41898.622281900003</v>
      </c>
      <c r="AZ421" s="9">
        <v>41175.238302999998</v>
      </c>
      <c r="BA421" s="9">
        <v>41730.507472899997</v>
      </c>
      <c r="BB421" s="9">
        <v>41679.262536499999</v>
      </c>
      <c r="BC421" s="9">
        <v>42118.1639268</v>
      </c>
      <c r="BD421" s="9">
        <v>42393.792811500003</v>
      </c>
      <c r="BE421" s="9">
        <v>43629.4364432</v>
      </c>
      <c r="BF421" s="9">
        <v>43735.727850900003</v>
      </c>
      <c r="BG421" s="11">
        <v>2.75</v>
      </c>
      <c r="BH421" s="13">
        <v>6.8750000000000006E-2</v>
      </c>
      <c r="BI421" s="6">
        <v>0</v>
      </c>
      <c r="BJ421" s="13">
        <v>0</v>
      </c>
      <c r="BK421" s="6">
        <v>1</v>
      </c>
      <c r="BL421" s="13">
        <v>2.5000000000000001E-2</v>
      </c>
      <c r="BM421" s="11">
        <v>1.75</v>
      </c>
      <c r="BN421" s="13">
        <v>4.2682926829268296E-2</v>
      </c>
      <c r="BO421" s="11">
        <v>2.75</v>
      </c>
      <c r="BP421" s="13">
        <v>6.8750000000000006E-2</v>
      </c>
      <c r="BQ421" s="6">
        <v>40</v>
      </c>
      <c r="BR421" s="6">
        <v>39</v>
      </c>
      <c r="BS421" s="6">
        <v>41</v>
      </c>
      <c r="BT421" s="6">
        <v>40</v>
      </c>
      <c r="BU421" s="6">
        <v>39</v>
      </c>
      <c r="BV421" s="6">
        <v>40</v>
      </c>
      <c r="BW421" s="6">
        <v>41</v>
      </c>
      <c r="BX421" s="6">
        <v>43</v>
      </c>
      <c r="BY421" s="6">
        <v>42</v>
      </c>
      <c r="BZ421" s="6">
        <v>41</v>
      </c>
      <c r="CA421" s="6">
        <v>44</v>
      </c>
      <c r="CB421" s="6">
        <v>43</v>
      </c>
      <c r="CC421" s="11">
        <v>42.75</v>
      </c>
      <c r="CD421" s="11">
        <v>140.63399999999999</v>
      </c>
      <c r="CE421" s="11">
        <v>-50.030700000000003</v>
      </c>
      <c r="CF421" s="11">
        <v>93.287700000000001</v>
      </c>
      <c r="CG421" s="11">
        <v>43</v>
      </c>
      <c r="CH421" s="20">
        <v>1.4047400000000001</v>
      </c>
      <c r="CI421" s="20">
        <v>1.3721699999999999</v>
      </c>
      <c r="CJ421" s="20">
        <v>1.3927499999999999</v>
      </c>
      <c r="CK421" s="20">
        <v>1.36347</v>
      </c>
      <c r="CL421" s="20">
        <v>1.3797200000000001</v>
      </c>
      <c r="CM421" s="20">
        <v>1.4140999999999999</v>
      </c>
      <c r="CN421" s="20">
        <v>1.3829499999999999</v>
      </c>
      <c r="CO421" s="20">
        <v>1.4376</v>
      </c>
      <c r="CP421" s="20">
        <v>1.43655</v>
      </c>
      <c r="CQ421" s="20">
        <v>1.7307300000000001</v>
      </c>
      <c r="CR421" s="20">
        <v>1.73935</v>
      </c>
      <c r="CS421" s="20">
        <v>1.82192</v>
      </c>
      <c r="CT421" s="20">
        <v>1.88069</v>
      </c>
      <c r="CU421" s="20">
        <v>1.8550599999999999</v>
      </c>
      <c r="CV421" s="20">
        <v>1.72858</v>
      </c>
      <c r="CW421" s="20">
        <v>1.72648</v>
      </c>
      <c r="CX421" s="20">
        <v>1.7182200000000001</v>
      </c>
      <c r="CY421" s="6" t="s">
        <v>452</v>
      </c>
      <c r="CZ421" s="6" t="s">
        <v>453</v>
      </c>
      <c r="DA421" s="6" t="s">
        <v>76</v>
      </c>
      <c r="DB421" s="6" t="s">
        <v>345</v>
      </c>
      <c r="DC421" s="6"/>
      <c r="DD421" s="6"/>
      <c r="DE421" s="6"/>
      <c r="DF421" s="6"/>
      <c r="DG421" s="6"/>
      <c r="DH421" s="6" t="s">
        <v>333</v>
      </c>
      <c r="DI421" s="6"/>
      <c r="DJ421" s="6"/>
      <c r="DK421" s="6"/>
      <c r="DL421" s="6">
        <v>6</v>
      </c>
      <c r="DM421" s="6" t="s">
        <v>396</v>
      </c>
      <c r="DN421" s="6">
        <v>6</v>
      </c>
      <c r="DO421" s="6" t="s">
        <v>393</v>
      </c>
      <c r="DP421" s="6"/>
      <c r="DQ421" s="6"/>
    </row>
    <row r="422" spans="1:121" x14ac:dyDescent="0.2">
      <c r="A422" s="6" t="s">
        <v>1</v>
      </c>
      <c r="B422" s="6" t="s">
        <v>1</v>
      </c>
      <c r="C422" s="6" t="s">
        <v>2</v>
      </c>
      <c r="D422" s="6" t="s">
        <v>92</v>
      </c>
      <c r="E422" s="6" t="s">
        <v>233</v>
      </c>
      <c r="F422" s="11">
        <v>40</v>
      </c>
      <c r="G422" s="13">
        <v>0.19417475728200001</v>
      </c>
      <c r="H422" s="11">
        <v>11.427522178999993</v>
      </c>
      <c r="I422" s="13">
        <v>5.5565538599765582E-2</v>
      </c>
      <c r="J422" s="11">
        <v>72.411385769999981</v>
      </c>
      <c r="K422" s="13">
        <v>0.33356088014957103</v>
      </c>
      <c r="L422" s="11">
        <v>-43.639644019999992</v>
      </c>
      <c r="M422" s="13">
        <v>-0.15074280923848163</v>
      </c>
      <c r="N422" s="11">
        <v>28.77174174999999</v>
      </c>
      <c r="O422" s="13">
        <v>0.13253616678528257</v>
      </c>
      <c r="P422" s="7">
        <v>205.65844347000001</v>
      </c>
      <c r="Q422" s="7">
        <v>208.665737971</v>
      </c>
      <c r="R422" s="7">
        <v>211.26383106200001</v>
      </c>
      <c r="S422" s="7">
        <v>225.192991498</v>
      </c>
      <c r="T422" s="7">
        <v>250.14009980399999</v>
      </c>
      <c r="U422" s="7">
        <v>217.403939581</v>
      </c>
      <c r="V422" s="7">
        <v>217.085965649</v>
      </c>
      <c r="W422" s="7">
        <v>193.670475748</v>
      </c>
      <c r="X422" s="7">
        <v>241.020627123</v>
      </c>
      <c r="Y422" s="7">
        <v>289.49735141899998</v>
      </c>
      <c r="Z422" s="7">
        <v>321.47869609999998</v>
      </c>
      <c r="AA422" s="7">
        <v>264.451035649</v>
      </c>
      <c r="AB422" s="7">
        <v>217.58499311099999</v>
      </c>
      <c r="AC422" s="7">
        <v>257.481324411</v>
      </c>
      <c r="AD422" s="7">
        <v>242.15978313799999</v>
      </c>
      <c r="AE422" s="7">
        <v>243.93166725699999</v>
      </c>
      <c r="AF422" s="7">
        <v>245.85770739899999</v>
      </c>
      <c r="AG422" s="9">
        <v>10059.492122900003</v>
      </c>
      <c r="AH422" s="13">
        <v>0.5108336538278192</v>
      </c>
      <c r="AI422" s="9">
        <v>629.21777020000081</v>
      </c>
      <c r="AJ422" s="13">
        <v>3.1952469237780688E-2</v>
      </c>
      <c r="AK422" s="9">
        <v>6301.4371958000011</v>
      </c>
      <c r="AL422" s="13">
        <v>0.31008686024815629</v>
      </c>
      <c r="AM422" s="9">
        <v>3128.837156900001</v>
      </c>
      <c r="AN422" s="13">
        <v>0.11752401533037524</v>
      </c>
      <c r="AO422" s="9">
        <v>9430.2743527000021</v>
      </c>
      <c r="AP422" s="13">
        <v>0.46405352849608378</v>
      </c>
      <c r="AQ422" s="9">
        <v>19692.305014599999</v>
      </c>
      <c r="AR422" s="9">
        <v>19673.535654700001</v>
      </c>
      <c r="AS422" s="9">
        <v>19374.104813400001</v>
      </c>
      <c r="AT422" s="9">
        <v>19725.405548800001</v>
      </c>
      <c r="AU422" s="9">
        <v>19413.085921599999</v>
      </c>
      <c r="AV422" s="9">
        <v>19885.448319499999</v>
      </c>
      <c r="AW422" s="9">
        <v>20321.522784799999</v>
      </c>
      <c r="AX422" s="9">
        <v>21751.447979799999</v>
      </c>
      <c r="AY422" s="9">
        <v>21789.6199777</v>
      </c>
      <c r="AZ422" s="9">
        <v>26622.959980600001</v>
      </c>
      <c r="BA422" s="9">
        <v>28206.0283709</v>
      </c>
      <c r="BB422" s="9">
        <v>28523.520489999999</v>
      </c>
      <c r="BC422" s="9">
        <v>27966.402282200001</v>
      </c>
      <c r="BD422" s="9">
        <v>27722.757029799999</v>
      </c>
      <c r="BE422" s="9">
        <v>29297.0172365</v>
      </c>
      <c r="BF422" s="9">
        <v>29751.797137500002</v>
      </c>
      <c r="BG422" s="11">
        <v>4.5</v>
      </c>
      <c r="BH422" s="13">
        <v>0.40909090909090912</v>
      </c>
      <c r="BI422" s="6">
        <v>1</v>
      </c>
      <c r="BJ422" s="13">
        <v>9.0909090909090912E-2</v>
      </c>
      <c r="BK422" s="6">
        <v>-2</v>
      </c>
      <c r="BL422" s="13">
        <v>-0.16666666666666666</v>
      </c>
      <c r="BM422" s="11">
        <v>5.5</v>
      </c>
      <c r="BN422" s="13">
        <v>0.55000000000000004</v>
      </c>
      <c r="BO422" s="11">
        <v>3.5</v>
      </c>
      <c r="BP422" s="13">
        <v>0.29166666666666669</v>
      </c>
      <c r="BQ422" s="6">
        <v>11</v>
      </c>
      <c r="BR422" s="6">
        <v>11</v>
      </c>
      <c r="BS422" s="6">
        <v>11</v>
      </c>
      <c r="BT422" s="6">
        <v>12</v>
      </c>
      <c r="BU422" s="6">
        <v>12</v>
      </c>
      <c r="BV422" s="6">
        <v>12</v>
      </c>
      <c r="BW422" s="6">
        <v>10</v>
      </c>
      <c r="BX422" s="6">
        <v>12</v>
      </c>
      <c r="BY422" s="6">
        <v>14</v>
      </c>
      <c r="BZ422" s="6">
        <v>16</v>
      </c>
      <c r="CA422" s="6">
        <v>16</v>
      </c>
      <c r="CB422" s="6">
        <v>16</v>
      </c>
      <c r="CC422" s="11">
        <v>15.5</v>
      </c>
      <c r="CD422" s="11">
        <v>36.469000000000001</v>
      </c>
      <c r="CE422" s="11">
        <v>-18.750599999999999</v>
      </c>
      <c r="CF422" s="11">
        <v>22.480899999999998</v>
      </c>
      <c r="CG422" s="11">
        <v>3</v>
      </c>
      <c r="CH422" s="20">
        <v>5.8047300000000002</v>
      </c>
      <c r="CI422" s="20">
        <v>5.9588900000000002</v>
      </c>
      <c r="CJ422" s="20">
        <v>6.0639900000000004</v>
      </c>
      <c r="CK422" s="20">
        <v>6.3709100000000003</v>
      </c>
      <c r="CL422" s="20">
        <v>7.2067500000000004</v>
      </c>
      <c r="CM422" s="20">
        <v>6.6951599999999996</v>
      </c>
      <c r="CN422" s="20">
        <v>7.0794199999999998</v>
      </c>
      <c r="CO422" s="20">
        <v>6.6482099999999997</v>
      </c>
      <c r="CP422" s="20">
        <v>7.92455</v>
      </c>
      <c r="CQ422" s="20">
        <v>8.65015</v>
      </c>
      <c r="CR422" s="20">
        <v>9.7152700000000003</v>
      </c>
      <c r="CS422" s="20">
        <v>7.9709700000000003</v>
      </c>
      <c r="CT422" s="20">
        <v>7.43323</v>
      </c>
      <c r="CU422" s="20">
        <v>8.5289099999999998</v>
      </c>
      <c r="CV422" s="20">
        <v>8.0225100000000005</v>
      </c>
      <c r="CW422" s="20">
        <v>8.1693700000000007</v>
      </c>
      <c r="CX422" s="20">
        <v>8.1600599999999996</v>
      </c>
      <c r="CY422" s="6" t="s">
        <v>454</v>
      </c>
      <c r="CZ422" s="6" t="s">
        <v>455</v>
      </c>
      <c r="DA422" s="6" t="s">
        <v>92</v>
      </c>
      <c r="DB422" s="6"/>
      <c r="DC422" s="6"/>
      <c r="DD422" s="6"/>
      <c r="DE422" s="6"/>
      <c r="DF422" s="6"/>
      <c r="DG422" s="6"/>
      <c r="DH422" s="6" t="s">
        <v>333</v>
      </c>
      <c r="DI422" s="6"/>
      <c r="DJ422" s="6"/>
      <c r="DK422" s="6"/>
      <c r="DL422" s="6">
        <v>10</v>
      </c>
      <c r="DM422" s="6" t="s">
        <v>383</v>
      </c>
      <c r="DN422" s="6">
        <v>9</v>
      </c>
      <c r="DO422" s="6" t="s">
        <v>384</v>
      </c>
      <c r="DP422" s="6"/>
      <c r="DQ422" s="6"/>
    </row>
    <row r="423" spans="1:121" x14ac:dyDescent="0.2">
      <c r="A423" s="6" t="s">
        <v>310</v>
      </c>
      <c r="B423" s="6" t="s">
        <v>310</v>
      </c>
      <c r="C423" s="6" t="s">
        <v>173</v>
      </c>
      <c r="D423" s="6" t="s">
        <v>92</v>
      </c>
      <c r="E423" s="6" t="s">
        <v>233</v>
      </c>
      <c r="F423" s="11">
        <v>0</v>
      </c>
      <c r="G423" s="13">
        <v>0</v>
      </c>
      <c r="H423" s="11">
        <v>0</v>
      </c>
      <c r="I423" s="13"/>
      <c r="J423" s="11">
        <v>0</v>
      </c>
      <c r="K423" s="13"/>
      <c r="L423" s="11">
        <v>0</v>
      </c>
      <c r="M423" s="13"/>
      <c r="N423" s="11">
        <v>0</v>
      </c>
      <c r="O423" s="13"/>
      <c r="P423" s="7">
        <v>0</v>
      </c>
      <c r="Q423" s="7">
        <v>0</v>
      </c>
      <c r="R423" s="7">
        <v>0</v>
      </c>
      <c r="S423" s="7">
        <v>0</v>
      </c>
      <c r="T423" s="7">
        <v>0</v>
      </c>
      <c r="U423" s="7">
        <v>0</v>
      </c>
      <c r="V423" s="7">
        <v>0</v>
      </c>
      <c r="W423" s="7">
        <v>0</v>
      </c>
      <c r="X423" s="7">
        <v>0</v>
      </c>
      <c r="Y423" s="7">
        <v>0</v>
      </c>
      <c r="Z423" s="7">
        <v>0</v>
      </c>
      <c r="AA423" s="7">
        <v>0</v>
      </c>
      <c r="AB423" s="7">
        <v>0</v>
      </c>
      <c r="AC423" s="7">
        <v>0</v>
      </c>
      <c r="AD423" s="7">
        <v>0</v>
      </c>
      <c r="AE423" s="7">
        <v>0</v>
      </c>
      <c r="AF423" s="7">
        <v>0</v>
      </c>
      <c r="AG423" s="9">
        <v>0</v>
      </c>
      <c r="AH423" s="13"/>
      <c r="AI423" s="9">
        <v>0</v>
      </c>
      <c r="AJ423" s="13"/>
      <c r="AK423" s="9">
        <v>0</v>
      </c>
      <c r="AL423" s="13"/>
      <c r="AM423" s="9">
        <v>0</v>
      </c>
      <c r="AN423" s="13"/>
      <c r="AO423" s="9">
        <v>0</v>
      </c>
      <c r="AP423" s="13"/>
      <c r="AQ423" s="9">
        <v>0</v>
      </c>
      <c r="AR423" s="9">
        <v>0</v>
      </c>
      <c r="AS423" s="9">
        <v>0</v>
      </c>
      <c r="AT423" s="9">
        <v>0</v>
      </c>
      <c r="AU423" s="9">
        <v>0</v>
      </c>
      <c r="AV423" s="9">
        <v>0</v>
      </c>
      <c r="AW423" s="9">
        <v>0</v>
      </c>
      <c r="AX423" s="9">
        <v>0</v>
      </c>
      <c r="AY423" s="9">
        <v>0</v>
      </c>
      <c r="AZ423" s="9">
        <v>0</v>
      </c>
      <c r="BA423" s="9">
        <v>0</v>
      </c>
      <c r="BB423" s="9">
        <v>0</v>
      </c>
      <c r="BC423" s="9">
        <v>0</v>
      </c>
      <c r="BD423" s="9">
        <v>0</v>
      </c>
      <c r="BE423" s="9">
        <v>0</v>
      </c>
      <c r="BF423" s="9">
        <v>0</v>
      </c>
      <c r="BG423" s="11">
        <v>0</v>
      </c>
      <c r="BH423" s="13" t="e">
        <v>#DIV/0!</v>
      </c>
      <c r="BI423" s="6">
        <v>0</v>
      </c>
      <c r="BJ423" s="13" t="e">
        <v>#DIV/0!</v>
      </c>
      <c r="BK423" s="6">
        <v>0</v>
      </c>
      <c r="BL423" s="13" t="e">
        <v>#DIV/0!</v>
      </c>
      <c r="BM423" s="11">
        <v>0</v>
      </c>
      <c r="BN423" s="13" t="e">
        <v>#DIV/0!</v>
      </c>
      <c r="BO423" s="11">
        <v>0</v>
      </c>
      <c r="BP423" s="13" t="e">
        <v>#DIV/0!</v>
      </c>
      <c r="BQ423" s="6">
        <v>0</v>
      </c>
      <c r="BR423" s="6">
        <v>0</v>
      </c>
      <c r="BS423" s="6">
        <v>0</v>
      </c>
      <c r="BT423" s="6">
        <v>0</v>
      </c>
      <c r="BU423" s="6">
        <v>0</v>
      </c>
      <c r="BV423" s="6">
        <v>0</v>
      </c>
      <c r="BW423" s="6">
        <v>0</v>
      </c>
      <c r="BX423" s="6">
        <v>0</v>
      </c>
      <c r="BY423" s="6">
        <v>0</v>
      </c>
      <c r="BZ423" s="6">
        <v>0</v>
      </c>
      <c r="CA423" s="6">
        <v>0</v>
      </c>
      <c r="CB423" s="6">
        <v>0</v>
      </c>
      <c r="CC423" s="11">
        <v>0</v>
      </c>
      <c r="CD423" s="11">
        <v>0</v>
      </c>
      <c r="CE423" s="11">
        <v>0</v>
      </c>
      <c r="CF423" s="11">
        <v>0</v>
      </c>
      <c r="CG423" s="11">
        <v>0</v>
      </c>
      <c r="CH423" s="20">
        <v>0</v>
      </c>
      <c r="CI423" s="20">
        <v>0</v>
      </c>
      <c r="CJ423" s="20">
        <v>0</v>
      </c>
      <c r="CK423" s="20">
        <v>0</v>
      </c>
      <c r="CL423" s="20">
        <v>0</v>
      </c>
      <c r="CM423" s="20">
        <v>0</v>
      </c>
      <c r="CN423" s="20">
        <v>0</v>
      </c>
      <c r="CO423" s="20">
        <v>0</v>
      </c>
      <c r="CP423" s="20">
        <v>0</v>
      </c>
      <c r="CQ423" s="20">
        <v>0</v>
      </c>
      <c r="CR423" s="20">
        <v>0</v>
      </c>
      <c r="CS423" s="20">
        <v>0</v>
      </c>
      <c r="CT423" s="20">
        <v>0</v>
      </c>
      <c r="CU423" s="20">
        <v>0</v>
      </c>
      <c r="CV423" s="20">
        <v>0</v>
      </c>
      <c r="CW423" s="20">
        <v>0</v>
      </c>
      <c r="CX423" s="20">
        <v>0</v>
      </c>
      <c r="CY423" s="6" t="s">
        <v>454</v>
      </c>
      <c r="CZ423" s="6" t="s">
        <v>455</v>
      </c>
      <c r="DA423" s="6" t="s">
        <v>92</v>
      </c>
      <c r="DB423" s="6"/>
      <c r="DC423" s="6"/>
      <c r="DD423" s="6"/>
      <c r="DE423" s="6"/>
      <c r="DF423" s="6"/>
      <c r="DG423" s="6"/>
      <c r="DH423" s="6" t="s">
        <v>333</v>
      </c>
      <c r="DI423" s="6"/>
      <c r="DJ423" s="6"/>
      <c r="DK423" s="6"/>
      <c r="DL423" s="6">
        <v>10</v>
      </c>
      <c r="DM423" s="6" t="s">
        <v>383</v>
      </c>
      <c r="DN423" s="6">
        <v>9</v>
      </c>
      <c r="DO423" s="6" t="s">
        <v>384</v>
      </c>
      <c r="DP423" s="6"/>
      <c r="DQ423" s="6"/>
    </row>
    <row r="424" spans="1:121" x14ac:dyDescent="0.2">
      <c r="A424" s="6" t="s">
        <v>311</v>
      </c>
      <c r="B424" s="6" t="s">
        <v>311</v>
      </c>
      <c r="C424" s="6" t="s">
        <v>174</v>
      </c>
      <c r="D424" s="6" t="s">
        <v>92</v>
      </c>
      <c r="E424" s="6" t="s">
        <v>233</v>
      </c>
      <c r="F424" s="11">
        <v>11</v>
      </c>
      <c r="G424" s="13">
        <v>0.91666666666700003</v>
      </c>
      <c r="H424" s="11">
        <v>-7.2303099999999993</v>
      </c>
      <c r="I424" s="13">
        <v>-0.59117961850517275</v>
      </c>
      <c r="J424" s="11">
        <v>0</v>
      </c>
      <c r="K424" s="13">
        <v>0</v>
      </c>
      <c r="L424" s="11">
        <v>18.449695805099999</v>
      </c>
      <c r="M424" s="13">
        <v>3.6899391610199999</v>
      </c>
      <c r="N424" s="11">
        <v>18.449695805099999</v>
      </c>
      <c r="O424" s="13">
        <v>3.6899391610199999</v>
      </c>
      <c r="P424" s="7">
        <v>12.230309999999999</v>
      </c>
      <c r="Q424" s="7">
        <v>5</v>
      </c>
      <c r="R424" s="7">
        <v>5</v>
      </c>
      <c r="S424" s="7">
        <v>5</v>
      </c>
      <c r="T424" s="7">
        <v>11.755466</v>
      </c>
      <c r="U424" s="7">
        <v>5</v>
      </c>
      <c r="V424" s="7">
        <v>5</v>
      </c>
      <c r="W424" s="7">
        <v>5</v>
      </c>
      <c r="X424" s="7">
        <v>5</v>
      </c>
      <c r="Y424" s="7">
        <v>5</v>
      </c>
      <c r="Z424" s="7">
        <v>13.809032</v>
      </c>
      <c r="AA424" s="7">
        <v>38.063046</v>
      </c>
      <c r="AB424" s="7">
        <v>31.889165999999999</v>
      </c>
      <c r="AC424" s="7">
        <v>35.833277000000002</v>
      </c>
      <c r="AD424" s="7">
        <v>22.953006999999999</v>
      </c>
      <c r="AE424" s="7">
        <v>23.041483499999998</v>
      </c>
      <c r="AF424" s="7">
        <v>23.449695805099999</v>
      </c>
      <c r="AG424" s="9">
        <v>84046.524888799991</v>
      </c>
      <c r="AH424" s="13">
        <v>1.578314065598192</v>
      </c>
      <c r="AI424" s="9">
        <v>-53249.8242312</v>
      </c>
      <c r="AJ424" s="13">
        <v>-0.99998122094794895</v>
      </c>
      <c r="AK424" s="9">
        <v>0</v>
      </c>
      <c r="AL424" s="13">
        <v>0</v>
      </c>
      <c r="AM424" s="9">
        <v>137296.34912</v>
      </c>
      <c r="AN424" s="13">
        <v>137296.34912</v>
      </c>
      <c r="AO424" s="9">
        <v>137296.34912</v>
      </c>
      <c r="AP424" s="13">
        <v>137296.34912</v>
      </c>
      <c r="AQ424" s="9">
        <v>53250.8242312</v>
      </c>
      <c r="AR424" s="9">
        <v>1</v>
      </c>
      <c r="AS424" s="9">
        <v>1</v>
      </c>
      <c r="AT424" s="9">
        <v>1</v>
      </c>
      <c r="AU424" s="9">
        <v>64125.338199099999</v>
      </c>
      <c r="AV424" s="9">
        <v>1</v>
      </c>
      <c r="AW424" s="9">
        <v>1</v>
      </c>
      <c r="AX424" s="9">
        <v>1</v>
      </c>
      <c r="AY424" s="9">
        <v>1</v>
      </c>
      <c r="AZ424" s="9">
        <v>1</v>
      </c>
      <c r="BA424" s="9">
        <v>122567.748999</v>
      </c>
      <c r="BB424" s="9">
        <v>96269.023300000001</v>
      </c>
      <c r="BC424" s="9">
        <v>106018.289995</v>
      </c>
      <c r="BD424" s="9">
        <v>97880.712052500006</v>
      </c>
      <c r="BE424" s="9">
        <v>127116.354091</v>
      </c>
      <c r="BF424" s="9">
        <v>137297.34912</v>
      </c>
      <c r="BG424" s="11">
        <v>1</v>
      </c>
      <c r="BH424" s="13">
        <v>1</v>
      </c>
      <c r="BI424" s="6">
        <v>0</v>
      </c>
      <c r="BJ424" s="13">
        <v>0</v>
      </c>
      <c r="BK424" s="6">
        <v>0</v>
      </c>
      <c r="BL424" s="13">
        <v>0</v>
      </c>
      <c r="BM424" s="11">
        <v>1</v>
      </c>
      <c r="BN424" s="13">
        <v>1</v>
      </c>
      <c r="BO424" s="11">
        <v>1</v>
      </c>
      <c r="BP424" s="13">
        <v>1</v>
      </c>
      <c r="BQ424" s="6">
        <v>1</v>
      </c>
      <c r="BR424" s="6">
        <v>1</v>
      </c>
      <c r="BS424" s="6">
        <v>1</v>
      </c>
      <c r="BT424" s="6">
        <v>1</v>
      </c>
      <c r="BU424" s="6">
        <v>1</v>
      </c>
      <c r="BV424" s="6">
        <v>1</v>
      </c>
      <c r="BW424" s="6">
        <v>1</v>
      </c>
      <c r="BX424" s="6">
        <v>2</v>
      </c>
      <c r="BY424" s="6">
        <v>2</v>
      </c>
      <c r="BZ424" s="6">
        <v>2</v>
      </c>
      <c r="CA424" s="6">
        <v>2</v>
      </c>
      <c r="CB424" s="6">
        <v>2</v>
      </c>
      <c r="CC424" s="11">
        <v>2</v>
      </c>
      <c r="CD424" s="11">
        <v>11.8741</v>
      </c>
      <c r="CE424" s="11">
        <v>-1.99163</v>
      </c>
      <c r="CF424" s="11">
        <v>1.3369200000000001</v>
      </c>
      <c r="CG424" s="11">
        <v>-1</v>
      </c>
      <c r="CH424" s="20">
        <v>1.1104799999999999</v>
      </c>
      <c r="CI424" s="20">
        <v>0.58316000000000001</v>
      </c>
      <c r="CJ424" s="20">
        <v>0.34624100000000002</v>
      </c>
      <c r="CK424" s="20">
        <v>0.963727</v>
      </c>
      <c r="CL424" s="20">
        <v>1.1950400000000001</v>
      </c>
      <c r="CM424" s="20">
        <v>3.1893999999999999E-2</v>
      </c>
      <c r="CN424" s="20">
        <v>3.0214999999999999E-2</v>
      </c>
      <c r="CO424" s="20">
        <v>6.3198900000000002E-2</v>
      </c>
      <c r="CP424" s="20">
        <v>0.50582899999999997</v>
      </c>
      <c r="CQ424" s="20">
        <v>0.56428199999999995</v>
      </c>
      <c r="CR424" s="20">
        <v>1.4056999999999999</v>
      </c>
      <c r="CS424" s="20">
        <v>3.9153099999999998</v>
      </c>
      <c r="CT424" s="20">
        <v>3.7638600000000002</v>
      </c>
      <c r="CU424" s="20">
        <v>4.1315600000000003</v>
      </c>
      <c r="CV424" s="20">
        <v>2.6507399999999999</v>
      </c>
      <c r="CW424" s="20">
        <v>2.6865600000000001</v>
      </c>
      <c r="CX424" s="20">
        <v>2.6932999999999998</v>
      </c>
      <c r="CY424" s="6" t="s">
        <v>454</v>
      </c>
      <c r="CZ424" s="6" t="s">
        <v>455</v>
      </c>
      <c r="DA424" s="6" t="s">
        <v>92</v>
      </c>
      <c r="DB424" s="6"/>
      <c r="DC424" s="6"/>
      <c r="DD424" s="6"/>
      <c r="DE424" s="6"/>
      <c r="DF424" s="6"/>
      <c r="DG424" s="6"/>
      <c r="DH424" s="6" t="s">
        <v>333</v>
      </c>
      <c r="DI424" s="6"/>
      <c r="DJ424" s="6"/>
      <c r="DK424" s="6"/>
      <c r="DL424" s="6">
        <v>10</v>
      </c>
      <c r="DM424" s="6" t="s">
        <v>383</v>
      </c>
      <c r="DN424" s="6">
        <v>9</v>
      </c>
      <c r="DO424" s="6" t="s">
        <v>384</v>
      </c>
      <c r="DP424" s="6"/>
      <c r="DQ424" s="6"/>
    </row>
    <row r="425" spans="1:121" x14ac:dyDescent="0.2">
      <c r="A425" s="6" t="s">
        <v>312</v>
      </c>
      <c r="B425" s="6" t="s">
        <v>312</v>
      </c>
      <c r="C425" s="6" t="s">
        <v>175</v>
      </c>
      <c r="D425" s="6" t="s">
        <v>92</v>
      </c>
      <c r="E425" s="6" t="s">
        <v>233</v>
      </c>
      <c r="F425" s="11">
        <v>-36</v>
      </c>
      <c r="G425" s="13">
        <v>-0.14937759336100001</v>
      </c>
      <c r="H425" s="11">
        <v>-47.908093030000003</v>
      </c>
      <c r="I425" s="13">
        <v>-0.19856606126893075</v>
      </c>
      <c r="J425" s="11">
        <v>-26.346066105000006</v>
      </c>
      <c r="K425" s="13">
        <v>-0.13625240741405223</v>
      </c>
      <c r="L425" s="11">
        <v>38.32013291200002</v>
      </c>
      <c r="M425" s="13">
        <v>0.22943969892857963</v>
      </c>
      <c r="N425" s="11">
        <v>11.974066807000014</v>
      </c>
      <c r="O425" s="13">
        <v>6.1925580179153089E-2</v>
      </c>
      <c r="P425" s="7">
        <v>241.270299284</v>
      </c>
      <c r="Q425" s="7">
        <v>229.670192593</v>
      </c>
      <c r="R425" s="7">
        <v>222.861195471</v>
      </c>
      <c r="S425" s="7">
        <v>211.93353825299999</v>
      </c>
      <c r="T425" s="7">
        <v>194.62951201999999</v>
      </c>
      <c r="U425" s="7">
        <v>203.64530138800001</v>
      </c>
      <c r="V425" s="7">
        <v>193.362206254</v>
      </c>
      <c r="W425" s="7">
        <v>187.76556044899999</v>
      </c>
      <c r="X425" s="7">
        <v>174.562032093</v>
      </c>
      <c r="Y425" s="7">
        <v>167.01614014899999</v>
      </c>
      <c r="Z425" s="7">
        <v>173.968625188</v>
      </c>
      <c r="AA425" s="7">
        <v>172.947014881</v>
      </c>
      <c r="AB425" s="7">
        <v>175.70557331000001</v>
      </c>
      <c r="AC425" s="7">
        <v>192.29924581500001</v>
      </c>
      <c r="AD425" s="7">
        <v>203.36336488399999</v>
      </c>
      <c r="AE425" s="7">
        <v>199.16198842899999</v>
      </c>
      <c r="AF425" s="7">
        <v>205.33627306100001</v>
      </c>
      <c r="AG425" s="9">
        <v>5478.7229470999991</v>
      </c>
      <c r="AH425" s="13">
        <v>0.21067639931386983</v>
      </c>
      <c r="AI425" s="9">
        <v>-1907.9582053000013</v>
      </c>
      <c r="AJ425" s="13">
        <v>-7.3367784539410619E-2</v>
      </c>
      <c r="AK425" s="9">
        <v>877.95540650000112</v>
      </c>
      <c r="AL425" s="13">
        <v>3.6433560129247963E-2</v>
      </c>
      <c r="AM425" s="9">
        <v>6508.7257458999993</v>
      </c>
      <c r="AN425" s="13">
        <v>0.26060554868626545</v>
      </c>
      <c r="AO425" s="9">
        <v>7386.6811524000004</v>
      </c>
      <c r="AP425" s="13">
        <v>0.30653389674359011</v>
      </c>
      <c r="AQ425" s="9">
        <v>26005.3948375</v>
      </c>
      <c r="AR425" s="9">
        <v>23350.323526100001</v>
      </c>
      <c r="AS425" s="9">
        <v>24074.1012324</v>
      </c>
      <c r="AT425" s="9">
        <v>23960.3418556</v>
      </c>
      <c r="AU425" s="9">
        <v>24257.066176299999</v>
      </c>
      <c r="AV425" s="9">
        <v>24606.173579099999</v>
      </c>
      <c r="AW425" s="9">
        <v>24097.436632199999</v>
      </c>
      <c r="AX425" s="9">
        <v>24356.284069900001</v>
      </c>
      <c r="AY425" s="9">
        <v>24408.4240259</v>
      </c>
      <c r="AZ425" s="9">
        <v>24975.3920387</v>
      </c>
      <c r="BA425" s="9">
        <v>25030.454601699999</v>
      </c>
      <c r="BB425" s="9">
        <v>26390.611226500001</v>
      </c>
      <c r="BC425" s="9">
        <v>26677.5795487</v>
      </c>
      <c r="BD425" s="9">
        <v>29039.963925</v>
      </c>
      <c r="BE425" s="9">
        <v>30466.7096403</v>
      </c>
      <c r="BF425" s="9">
        <v>31484.117784599999</v>
      </c>
      <c r="BG425" s="11">
        <v>-4.75</v>
      </c>
      <c r="BH425" s="13">
        <v>-0.16379310344827586</v>
      </c>
      <c r="BI425" s="6">
        <v>-2</v>
      </c>
      <c r="BJ425" s="13">
        <v>-6.8965517241379309E-2</v>
      </c>
      <c r="BK425" s="6">
        <v>-5</v>
      </c>
      <c r="BL425" s="13">
        <v>-0.18518518518518517</v>
      </c>
      <c r="BM425" s="11">
        <v>2.25</v>
      </c>
      <c r="BN425" s="13">
        <v>0.10227272727272728</v>
      </c>
      <c r="BO425" s="11">
        <v>-2.75</v>
      </c>
      <c r="BP425" s="13">
        <v>-0.10185185185185185</v>
      </c>
      <c r="BQ425" s="6">
        <v>29</v>
      </c>
      <c r="BR425" s="6">
        <v>27</v>
      </c>
      <c r="BS425" s="6">
        <v>29</v>
      </c>
      <c r="BT425" s="6">
        <v>27</v>
      </c>
      <c r="BU425" s="6">
        <v>26</v>
      </c>
      <c r="BV425" s="6">
        <v>24</v>
      </c>
      <c r="BW425" s="6">
        <v>22</v>
      </c>
      <c r="BX425" s="6">
        <v>23</v>
      </c>
      <c r="BY425" s="6">
        <v>21</v>
      </c>
      <c r="BZ425" s="6">
        <v>24</v>
      </c>
      <c r="CA425" s="6">
        <v>25</v>
      </c>
      <c r="CB425" s="6">
        <v>26</v>
      </c>
      <c r="CC425" s="11">
        <v>24.25</v>
      </c>
      <c r="CD425" s="11">
        <v>-33.083799999999997</v>
      </c>
      <c r="CE425" s="11">
        <v>-29.224</v>
      </c>
      <c r="CF425" s="11">
        <v>26.373699999999999</v>
      </c>
      <c r="CG425" s="11">
        <v>-3</v>
      </c>
      <c r="CH425" s="20">
        <v>1.5103500000000001</v>
      </c>
      <c r="CI425" s="20">
        <v>1.4494100000000001</v>
      </c>
      <c r="CJ425" s="20">
        <v>1.39493</v>
      </c>
      <c r="CK425" s="20">
        <v>1.2592399999999999</v>
      </c>
      <c r="CL425" s="20">
        <v>1.1316299999999999</v>
      </c>
      <c r="CM425" s="20">
        <v>1.21167</v>
      </c>
      <c r="CN425" s="20">
        <v>1.2180599999999999</v>
      </c>
      <c r="CO425" s="20">
        <v>1.2796700000000001</v>
      </c>
      <c r="CP425" s="20">
        <v>1.29633</v>
      </c>
      <c r="CQ425" s="20">
        <v>1.21854</v>
      </c>
      <c r="CR425" s="20">
        <v>1.30837</v>
      </c>
      <c r="CS425" s="20">
        <v>1.30196</v>
      </c>
      <c r="CT425" s="20">
        <v>1.4810000000000001</v>
      </c>
      <c r="CU425" s="20">
        <v>1.53532</v>
      </c>
      <c r="CV425" s="20">
        <v>1.58124</v>
      </c>
      <c r="CW425" s="20">
        <v>1.53122</v>
      </c>
      <c r="CX425" s="20">
        <v>1.5573300000000001</v>
      </c>
      <c r="CY425" s="6" t="s">
        <v>454</v>
      </c>
      <c r="CZ425" s="6" t="s">
        <v>455</v>
      </c>
      <c r="DA425" s="6" t="s">
        <v>92</v>
      </c>
      <c r="DB425" s="6"/>
      <c r="DC425" s="6"/>
      <c r="DD425" s="6"/>
      <c r="DE425" s="6"/>
      <c r="DF425" s="6"/>
      <c r="DG425" s="6"/>
      <c r="DH425" s="6" t="s">
        <v>333</v>
      </c>
      <c r="DI425" s="6"/>
      <c r="DJ425" s="6"/>
      <c r="DK425" s="6"/>
      <c r="DL425" s="6">
        <v>10</v>
      </c>
      <c r="DM425" s="6" t="s">
        <v>383</v>
      </c>
      <c r="DN425" s="6">
        <v>9</v>
      </c>
      <c r="DO425" s="6" t="s">
        <v>384</v>
      </c>
      <c r="DP425" s="6"/>
      <c r="DQ425" s="6"/>
    </row>
    <row r="426" spans="1:121" x14ac:dyDescent="0.2">
      <c r="A426" s="6" t="s">
        <v>792</v>
      </c>
      <c r="B426" s="6" t="s">
        <v>176</v>
      </c>
      <c r="C426" s="6" t="s">
        <v>177</v>
      </c>
      <c r="D426" s="6" t="s">
        <v>92</v>
      </c>
      <c r="E426" s="6" t="s">
        <v>233</v>
      </c>
      <c r="F426" s="11">
        <v>-218</v>
      </c>
      <c r="G426" s="13">
        <v>-0.65269461077799995</v>
      </c>
      <c r="H426" s="11">
        <v>-97.968343199000003</v>
      </c>
      <c r="I426" s="13">
        <v>-0.29352733326921487</v>
      </c>
      <c r="J426" s="11">
        <v>58.400165650000019</v>
      </c>
      <c r="K426" s="13">
        <v>0.24767461735290297</v>
      </c>
      <c r="L426" s="11">
        <v>-178.66799441400002</v>
      </c>
      <c r="M426" s="13">
        <v>-0.60731337278012321</v>
      </c>
      <c r="N426" s="11">
        <v>-120.26782876400001</v>
      </c>
      <c r="O426" s="13">
        <v>-0.51005486264383815</v>
      </c>
      <c r="P426" s="7">
        <v>333.76225003600001</v>
      </c>
      <c r="Q426" s="7">
        <v>290.36692635200001</v>
      </c>
      <c r="R426" s="7">
        <v>268.74981043600002</v>
      </c>
      <c r="S426" s="7">
        <v>263.48414131200002</v>
      </c>
      <c r="T426" s="7">
        <v>247.95358534600001</v>
      </c>
      <c r="U426" s="7">
        <v>242.10343409500001</v>
      </c>
      <c r="V426" s="7">
        <v>235.79390683700001</v>
      </c>
      <c r="W426" s="7">
        <v>217.59895261099999</v>
      </c>
      <c r="X426" s="7">
        <v>136.69059910300001</v>
      </c>
      <c r="Y426" s="7">
        <v>294.19407248700003</v>
      </c>
      <c r="Z426" s="7">
        <v>282.20316753499998</v>
      </c>
      <c r="AA426" s="7">
        <v>352.28542394999999</v>
      </c>
      <c r="AB426" s="7">
        <v>21.966462050600001</v>
      </c>
      <c r="AC426" s="7">
        <v>102.800267623</v>
      </c>
      <c r="AD426" s="7">
        <v>107.83779033499999</v>
      </c>
      <c r="AE426" s="7">
        <v>107.486901737</v>
      </c>
      <c r="AF426" s="7">
        <v>115.52607807299999</v>
      </c>
      <c r="AG426" s="9">
        <v>15287.732199400001</v>
      </c>
      <c r="AH426" s="13">
        <v>0.46272831535318448</v>
      </c>
      <c r="AI426" s="9">
        <v>10670.665714399998</v>
      </c>
      <c r="AJ426" s="13">
        <v>0.32297917737694826</v>
      </c>
      <c r="AK426" s="9">
        <v>-3355.8391992999968</v>
      </c>
      <c r="AL426" s="13">
        <v>-7.6777000851468102E-2</v>
      </c>
      <c r="AM426" s="9">
        <v>7972.9056842999998</v>
      </c>
      <c r="AN426" s="13">
        <v>0.19757864929296329</v>
      </c>
      <c r="AO426" s="9">
        <v>4617.066485000003</v>
      </c>
      <c r="AP426" s="13">
        <v>0.10563215231649742</v>
      </c>
      <c r="AQ426" s="9">
        <v>33038.246617199999</v>
      </c>
      <c r="AR426" s="9">
        <v>38756.8874335</v>
      </c>
      <c r="AS426" s="9">
        <v>41341.545639700002</v>
      </c>
      <c r="AT426" s="9">
        <v>49402.971469999997</v>
      </c>
      <c r="AU426" s="9">
        <v>40800.113513900003</v>
      </c>
      <c r="AV426" s="9">
        <v>42714.1740183</v>
      </c>
      <c r="AW426" s="9">
        <v>43708.912331599997</v>
      </c>
      <c r="AX426" s="9">
        <v>42504.448356300003</v>
      </c>
      <c r="AY426" s="9">
        <v>39148.207719600003</v>
      </c>
      <c r="AZ426" s="9">
        <v>40353.0731323</v>
      </c>
      <c r="BA426" s="9">
        <v>50068.479122999997</v>
      </c>
      <c r="BB426" s="9">
        <v>42392.387902399998</v>
      </c>
      <c r="BC426" s="9">
        <v>28863.070925399999</v>
      </c>
      <c r="BD426" s="9">
        <v>49124.013977199997</v>
      </c>
      <c r="BE426" s="9">
        <v>48148.963193000003</v>
      </c>
      <c r="BF426" s="9">
        <v>48325.9788166</v>
      </c>
      <c r="BG426" s="11">
        <v>-3</v>
      </c>
      <c r="BH426" s="13">
        <v>-0.3</v>
      </c>
      <c r="BI426" s="6">
        <v>1</v>
      </c>
      <c r="BJ426" s="13">
        <v>0.1</v>
      </c>
      <c r="BK426" s="6">
        <v>-5</v>
      </c>
      <c r="BL426" s="13">
        <v>-0.45454545454545453</v>
      </c>
      <c r="BM426" s="11">
        <v>1</v>
      </c>
      <c r="BN426" s="13">
        <v>0.16666666666666666</v>
      </c>
      <c r="BO426" s="11">
        <v>-4</v>
      </c>
      <c r="BP426" s="13">
        <v>-0.36363636363636365</v>
      </c>
      <c r="BQ426" s="6">
        <v>10</v>
      </c>
      <c r="BR426" s="6">
        <v>10</v>
      </c>
      <c r="BS426" s="6">
        <v>12</v>
      </c>
      <c r="BT426" s="6">
        <v>11</v>
      </c>
      <c r="BU426" s="6">
        <v>9</v>
      </c>
      <c r="BV426" s="6">
        <v>9</v>
      </c>
      <c r="BW426" s="6">
        <v>6</v>
      </c>
      <c r="BX426" s="6">
        <v>4</v>
      </c>
      <c r="BY426" s="6">
        <v>7</v>
      </c>
      <c r="BZ426" s="6">
        <v>6</v>
      </c>
      <c r="CA426" s="6">
        <v>7</v>
      </c>
      <c r="CB426" s="6">
        <v>7</v>
      </c>
      <c r="CC426" s="11">
        <v>7</v>
      </c>
      <c r="CD426" s="11">
        <v>-136.91</v>
      </c>
      <c r="CE426" s="11">
        <v>-117.81100000000001</v>
      </c>
      <c r="CF426" s="11">
        <v>36.484200000000001</v>
      </c>
      <c r="CG426" s="11">
        <v>-82</v>
      </c>
      <c r="CH426" s="20">
        <v>1.0913600000000001</v>
      </c>
      <c r="CI426" s="20">
        <v>1.0228699999999999</v>
      </c>
      <c r="CJ426" s="20">
        <v>1.00373</v>
      </c>
      <c r="CK426" s="20">
        <v>0.98941199999999996</v>
      </c>
      <c r="CL426" s="20">
        <v>0.95943599999999996</v>
      </c>
      <c r="CM426" s="20">
        <v>1.00482</v>
      </c>
      <c r="CN426" s="20">
        <v>1.04897</v>
      </c>
      <c r="CO426" s="20">
        <v>1.02467</v>
      </c>
      <c r="CP426" s="20">
        <v>0.69102399999999997</v>
      </c>
      <c r="CQ426" s="20">
        <v>1.38228</v>
      </c>
      <c r="CR426" s="20">
        <v>1.32609</v>
      </c>
      <c r="CS426" s="20">
        <v>1.64514</v>
      </c>
      <c r="CT426" s="20">
        <v>0.116664</v>
      </c>
      <c r="CU426" s="20">
        <v>0.52983199999999997</v>
      </c>
      <c r="CV426" s="20">
        <v>0.55643900000000002</v>
      </c>
      <c r="CW426" s="20">
        <v>0.56037800000000004</v>
      </c>
      <c r="CX426" s="20">
        <v>0.597966</v>
      </c>
      <c r="CY426" s="6" t="s">
        <v>454</v>
      </c>
      <c r="CZ426" s="6" t="s">
        <v>455</v>
      </c>
      <c r="DA426" s="6" t="s">
        <v>92</v>
      </c>
      <c r="DB426" s="6"/>
      <c r="DC426" s="6"/>
      <c r="DD426" s="6"/>
      <c r="DE426" s="6"/>
      <c r="DF426" s="6"/>
      <c r="DG426" s="6"/>
      <c r="DH426" s="6" t="s">
        <v>333</v>
      </c>
      <c r="DI426" s="6"/>
      <c r="DJ426" s="6"/>
      <c r="DK426" s="6"/>
      <c r="DL426" s="6">
        <v>10</v>
      </c>
      <c r="DM426" s="6" t="s">
        <v>383</v>
      </c>
      <c r="DN426" s="6">
        <v>9</v>
      </c>
      <c r="DO426" s="6" t="s">
        <v>384</v>
      </c>
      <c r="DP426" s="6"/>
      <c r="DQ426" s="6"/>
    </row>
    <row r="427" spans="1:121" x14ac:dyDescent="0.2">
      <c r="A427" s="6" t="s">
        <v>313</v>
      </c>
      <c r="B427" s="6" t="s">
        <v>313</v>
      </c>
      <c r="C427" s="6" t="s">
        <v>178</v>
      </c>
      <c r="D427" s="6" t="s">
        <v>92</v>
      </c>
      <c r="E427" s="6" t="s">
        <v>233</v>
      </c>
      <c r="F427" s="11">
        <v>87</v>
      </c>
      <c r="G427" s="13">
        <v>0.65909090909099999</v>
      </c>
      <c r="H427" s="11">
        <v>-3.5902437020000093</v>
      </c>
      <c r="I427" s="13">
        <v>-2.7108911349444566E-2</v>
      </c>
      <c r="J427" s="11">
        <v>47.736583178000018</v>
      </c>
      <c r="K427" s="13">
        <v>0.37048894478310057</v>
      </c>
      <c r="L427" s="11">
        <v>42.907866009000003</v>
      </c>
      <c r="M427" s="13">
        <v>0.24298826611413701</v>
      </c>
      <c r="N427" s="11">
        <v>90.644449187000021</v>
      </c>
      <c r="O427" s="13">
        <v>0.70350167720453949</v>
      </c>
      <c r="P427" s="7">
        <v>132.43776763</v>
      </c>
      <c r="Q427" s="7">
        <v>136.226514772</v>
      </c>
      <c r="R427" s="7">
        <v>115.007924652</v>
      </c>
      <c r="S427" s="7">
        <v>119.937699487</v>
      </c>
      <c r="T427" s="7">
        <v>123.09141309899999</v>
      </c>
      <c r="U427" s="7">
        <v>127.11264980999999</v>
      </c>
      <c r="V427" s="7">
        <v>128.84752392799999</v>
      </c>
      <c r="W427" s="7">
        <v>126.73565827500001</v>
      </c>
      <c r="X427" s="7">
        <v>128.24338061399999</v>
      </c>
      <c r="Y427" s="7">
        <v>176.584107106</v>
      </c>
      <c r="Z427" s="7">
        <v>178.716633938</v>
      </c>
      <c r="AA427" s="7">
        <v>184.422657652</v>
      </c>
      <c r="AB427" s="7">
        <v>195.652874494</v>
      </c>
      <c r="AC427" s="7">
        <v>199.32714816000001</v>
      </c>
      <c r="AD427" s="7">
        <v>216.11765828700001</v>
      </c>
      <c r="AE427" s="7">
        <v>209.122531694</v>
      </c>
      <c r="AF427" s="7">
        <v>219.49197311500001</v>
      </c>
      <c r="AG427" s="9">
        <v>21917.212140199998</v>
      </c>
      <c r="AH427" s="13">
        <v>0.61423241392678696</v>
      </c>
      <c r="AI427" s="9">
        <v>5996.1417864999967</v>
      </c>
      <c r="AJ427" s="13">
        <v>0.16804256947505924</v>
      </c>
      <c r="AK427" s="9">
        <v>5359.6994666000028</v>
      </c>
      <c r="AL427" s="13">
        <v>0.12859651139450953</v>
      </c>
      <c r="AM427" s="9">
        <v>10561.370887099998</v>
      </c>
      <c r="AN427" s="13">
        <v>0.22452791294150423</v>
      </c>
      <c r="AO427" s="9">
        <v>15921.070353700001</v>
      </c>
      <c r="AP427" s="13">
        <v>0.38199793065098137</v>
      </c>
      <c r="AQ427" s="9">
        <v>35682.2786347</v>
      </c>
      <c r="AR427" s="9">
        <v>35437.1586924</v>
      </c>
      <c r="AS427" s="9">
        <v>37274.3875138</v>
      </c>
      <c r="AT427" s="9">
        <v>41323.697087799999</v>
      </c>
      <c r="AU427" s="9">
        <v>36807.344764699999</v>
      </c>
      <c r="AV427" s="9">
        <v>38074.087235500003</v>
      </c>
      <c r="AW427" s="9">
        <v>41678.420421199997</v>
      </c>
      <c r="AX427" s="9">
        <v>46504.679558099997</v>
      </c>
      <c r="AY427" s="9">
        <v>42712.9279981</v>
      </c>
      <c r="AZ427" s="9">
        <v>47038.1198878</v>
      </c>
      <c r="BA427" s="9">
        <v>51024.648368000002</v>
      </c>
      <c r="BB427" s="9">
        <v>52951.935990899998</v>
      </c>
      <c r="BC427" s="9">
        <v>52792.939882600003</v>
      </c>
      <c r="BD427" s="9">
        <v>56455.140902599996</v>
      </c>
      <c r="BE427" s="9">
        <v>55301.158742699998</v>
      </c>
      <c r="BF427" s="9">
        <v>57599.490774899998</v>
      </c>
      <c r="BG427" s="11">
        <v>4.75</v>
      </c>
      <c r="BH427" s="13">
        <v>0.31666666666666665</v>
      </c>
      <c r="BI427" s="6">
        <v>0</v>
      </c>
      <c r="BJ427" s="13">
        <v>0</v>
      </c>
      <c r="BK427" s="6">
        <v>3</v>
      </c>
      <c r="BL427" s="13">
        <v>0.2</v>
      </c>
      <c r="BM427" s="11">
        <v>1.75</v>
      </c>
      <c r="BN427" s="13">
        <v>9.7222222222222224E-2</v>
      </c>
      <c r="BO427" s="11">
        <v>4.75</v>
      </c>
      <c r="BP427" s="13">
        <v>0.31666666666666665</v>
      </c>
      <c r="BQ427" s="6">
        <v>15</v>
      </c>
      <c r="BR427" s="6">
        <v>14</v>
      </c>
      <c r="BS427" s="6">
        <v>14</v>
      </c>
      <c r="BT427" s="6">
        <v>15</v>
      </c>
      <c r="BU427" s="6">
        <v>16</v>
      </c>
      <c r="BV427" s="6">
        <v>15</v>
      </c>
      <c r="BW427" s="6">
        <v>18</v>
      </c>
      <c r="BX427" s="6">
        <v>18</v>
      </c>
      <c r="BY427" s="6">
        <v>18</v>
      </c>
      <c r="BZ427" s="6">
        <v>18</v>
      </c>
      <c r="CA427" s="6">
        <v>18</v>
      </c>
      <c r="CB427" s="6">
        <v>20</v>
      </c>
      <c r="CC427" s="11">
        <v>19.75</v>
      </c>
      <c r="CD427" s="11">
        <v>83.406300000000002</v>
      </c>
      <c r="CE427" s="11">
        <v>-10.8291</v>
      </c>
      <c r="CF427" s="11">
        <v>14.477</v>
      </c>
      <c r="CG427" s="11">
        <v>3</v>
      </c>
      <c r="CH427" s="20">
        <v>1.21617</v>
      </c>
      <c r="CI427" s="20">
        <v>1.2799700000000001</v>
      </c>
      <c r="CJ427" s="20">
        <v>1.0951599999999999</v>
      </c>
      <c r="CK427" s="20">
        <v>1.12114</v>
      </c>
      <c r="CL427" s="20">
        <v>1.1575299999999999</v>
      </c>
      <c r="CM427" s="20">
        <v>1.2474700000000001</v>
      </c>
      <c r="CN427" s="20">
        <v>1.3073999999999999</v>
      </c>
      <c r="CO427" s="20">
        <v>1.3263499999999999</v>
      </c>
      <c r="CP427" s="20">
        <v>1.36202</v>
      </c>
      <c r="CQ427" s="20">
        <v>1.7256800000000001</v>
      </c>
      <c r="CR427" s="20">
        <v>1.7543800000000001</v>
      </c>
      <c r="CS427" s="20">
        <v>1.7970600000000001</v>
      </c>
      <c r="CT427" s="20">
        <v>2.1559200000000001</v>
      </c>
      <c r="CU427" s="20">
        <v>2.13415</v>
      </c>
      <c r="CV427" s="20">
        <v>2.3180999999999998</v>
      </c>
      <c r="CW427" s="20">
        <v>2.27217</v>
      </c>
      <c r="CX427" s="20">
        <v>2.3484500000000001</v>
      </c>
      <c r="CY427" s="6" t="s">
        <v>454</v>
      </c>
      <c r="CZ427" s="6" t="s">
        <v>455</v>
      </c>
      <c r="DA427" s="6" t="s">
        <v>92</v>
      </c>
      <c r="DB427" s="6"/>
      <c r="DC427" s="6"/>
      <c r="DD427" s="6"/>
      <c r="DE427" s="6"/>
      <c r="DF427" s="6"/>
      <c r="DG427" s="6"/>
      <c r="DH427" s="6" t="s">
        <v>333</v>
      </c>
      <c r="DI427" s="6"/>
      <c r="DJ427" s="6"/>
      <c r="DK427" s="6"/>
      <c r="DL427" s="6">
        <v>10</v>
      </c>
      <c r="DM427" s="6" t="s">
        <v>383</v>
      </c>
      <c r="DN427" s="6">
        <v>9</v>
      </c>
      <c r="DO427" s="6" t="s">
        <v>384</v>
      </c>
      <c r="DP427" s="6"/>
      <c r="DQ427" s="6"/>
    </row>
    <row r="428" spans="1:121" x14ac:dyDescent="0.2">
      <c r="A428" s="6" t="s">
        <v>793</v>
      </c>
      <c r="B428" s="6" t="s">
        <v>179</v>
      </c>
      <c r="C428" s="6" t="s">
        <v>180</v>
      </c>
      <c r="D428" s="6" t="s">
        <v>92</v>
      </c>
      <c r="E428" s="6" t="s">
        <v>233</v>
      </c>
      <c r="F428" s="11">
        <v>-185</v>
      </c>
      <c r="G428" s="13">
        <v>-0.45</v>
      </c>
      <c r="H428" s="11">
        <v>-148</v>
      </c>
      <c r="I428" s="13">
        <v>-0.3636363636363637</v>
      </c>
      <c r="J428" s="11">
        <v>-16</v>
      </c>
      <c r="K428" s="13">
        <v>-6.1776061776061778E-2</v>
      </c>
      <c r="L428" s="11">
        <v>-21</v>
      </c>
      <c r="M428" s="13">
        <v>-8.6419753086419748E-2</v>
      </c>
      <c r="N428" s="11">
        <v>-37</v>
      </c>
      <c r="O428" s="13">
        <v>-0.14285714285714285</v>
      </c>
      <c r="P428" s="7">
        <v>407</v>
      </c>
      <c r="Q428" s="7">
        <v>399</v>
      </c>
      <c r="R428" s="7">
        <v>408</v>
      </c>
      <c r="S428" s="7">
        <v>410</v>
      </c>
      <c r="T428" s="7">
        <v>384</v>
      </c>
      <c r="U428" s="7">
        <v>293</v>
      </c>
      <c r="V428" s="7">
        <v>259</v>
      </c>
      <c r="W428" s="7">
        <v>256</v>
      </c>
      <c r="X428" s="7">
        <v>274</v>
      </c>
      <c r="Y428" s="7">
        <v>243</v>
      </c>
      <c r="Z428" s="7">
        <v>249</v>
      </c>
      <c r="AA428" s="7">
        <v>224</v>
      </c>
      <c r="AB428" s="7">
        <v>220</v>
      </c>
      <c r="AC428" s="7">
        <v>213</v>
      </c>
      <c r="AD428" s="7">
        <v>214</v>
      </c>
      <c r="AE428" s="7">
        <v>222</v>
      </c>
      <c r="AF428" s="7">
        <v>222</v>
      </c>
      <c r="AG428" s="9">
        <v>7589</v>
      </c>
      <c r="AH428" s="13">
        <v>0.40554694597338742</v>
      </c>
      <c r="AI428" s="9">
        <v>6236</v>
      </c>
      <c r="AJ428" s="13">
        <v>0.33324426869021534</v>
      </c>
      <c r="AK428" s="9">
        <v>1183</v>
      </c>
      <c r="AL428" s="13">
        <v>4.7416730129464103E-2</v>
      </c>
      <c r="AM428" s="9">
        <v>170</v>
      </c>
      <c r="AN428" s="13">
        <v>6.5054339507117712E-3</v>
      </c>
      <c r="AO428" s="9">
        <v>1353</v>
      </c>
      <c r="AP428" s="13">
        <v>5.4230630486191832E-2</v>
      </c>
      <c r="AQ428" s="9">
        <v>18713</v>
      </c>
      <c r="AR428" s="9">
        <v>20126</v>
      </c>
      <c r="AS428" s="9">
        <v>20360</v>
      </c>
      <c r="AT428" s="9">
        <v>20733</v>
      </c>
      <c r="AU428" s="9">
        <v>20941</v>
      </c>
      <c r="AV428" s="9">
        <v>22726</v>
      </c>
      <c r="AW428" s="9">
        <v>24949</v>
      </c>
      <c r="AX428" s="9">
        <v>25416</v>
      </c>
      <c r="AY428" s="9">
        <v>26659</v>
      </c>
      <c r="AZ428" s="9">
        <v>26132</v>
      </c>
      <c r="BA428" s="9">
        <v>24290</v>
      </c>
      <c r="BB428" s="9">
        <v>23835</v>
      </c>
      <c r="BC428" s="9">
        <v>24939</v>
      </c>
      <c r="BD428" s="9">
        <v>26105</v>
      </c>
      <c r="BE428" s="9">
        <v>26480</v>
      </c>
      <c r="BF428" s="9">
        <v>26302</v>
      </c>
      <c r="BG428" s="11">
        <v>-11</v>
      </c>
      <c r="BH428" s="13">
        <v>-0.28205128205128205</v>
      </c>
      <c r="BI428" s="6">
        <v>-6</v>
      </c>
      <c r="BJ428" s="13">
        <v>-0.15384615384615385</v>
      </c>
      <c r="BK428" s="6">
        <v>1</v>
      </c>
      <c r="BL428" s="13">
        <v>3.0303030303030304E-2</v>
      </c>
      <c r="BM428" s="11">
        <v>-6</v>
      </c>
      <c r="BN428" s="13">
        <v>-0.17647058823529413</v>
      </c>
      <c r="BO428" s="11">
        <v>-5</v>
      </c>
      <c r="BP428" s="13">
        <v>-0.15151515151515152</v>
      </c>
      <c r="BQ428" s="6">
        <v>39</v>
      </c>
      <c r="BR428" s="6">
        <v>36</v>
      </c>
      <c r="BS428" s="6">
        <v>36</v>
      </c>
      <c r="BT428" s="6">
        <v>33</v>
      </c>
      <c r="BU428" s="6">
        <v>31</v>
      </c>
      <c r="BV428" s="6">
        <v>30</v>
      </c>
      <c r="BW428" s="6">
        <v>34</v>
      </c>
      <c r="BX428" s="6">
        <v>31</v>
      </c>
      <c r="BY428" s="6">
        <v>29</v>
      </c>
      <c r="BZ428" s="6">
        <v>28</v>
      </c>
      <c r="CA428" s="6">
        <v>30</v>
      </c>
      <c r="CB428" s="6">
        <v>30</v>
      </c>
      <c r="CC428" s="11">
        <v>28</v>
      </c>
      <c r="CD428" s="11">
        <v>-203</v>
      </c>
      <c r="CE428" s="11">
        <v>-26</v>
      </c>
      <c r="CF428" s="11">
        <v>44</v>
      </c>
      <c r="CG428" s="11">
        <v>18</v>
      </c>
      <c r="CH428" s="20">
        <v>1.39</v>
      </c>
      <c r="CI428" s="20">
        <v>1.37</v>
      </c>
      <c r="CJ428" s="20">
        <v>1.43</v>
      </c>
      <c r="CK428" s="20">
        <v>1.41</v>
      </c>
      <c r="CL428" s="20">
        <v>1.34</v>
      </c>
      <c r="CM428" s="20">
        <v>1.08</v>
      </c>
      <c r="CN428" s="20">
        <v>1</v>
      </c>
      <c r="CO428" s="20">
        <v>1.02</v>
      </c>
      <c r="CP428" s="20">
        <v>1.1000000000000001</v>
      </c>
      <c r="CQ428" s="20">
        <v>0.88</v>
      </c>
      <c r="CR428" s="20">
        <v>0.91</v>
      </c>
      <c r="CS428" s="20">
        <v>0.82</v>
      </c>
      <c r="CT428" s="20">
        <v>0.91</v>
      </c>
      <c r="CU428" s="20">
        <v>0.85</v>
      </c>
      <c r="CV428" s="20">
        <v>0.85</v>
      </c>
      <c r="CW428" s="20">
        <v>0.88</v>
      </c>
      <c r="CX428" s="20">
        <v>0.87</v>
      </c>
      <c r="CY428" s="6" t="s">
        <v>454</v>
      </c>
      <c r="CZ428" s="6" t="s">
        <v>455</v>
      </c>
      <c r="DA428" s="6" t="s">
        <v>92</v>
      </c>
      <c r="DB428" s="6"/>
      <c r="DC428" s="6"/>
      <c r="DD428" s="6"/>
      <c r="DE428" s="6"/>
      <c r="DF428" s="6"/>
      <c r="DG428" s="6"/>
      <c r="DH428" s="6" t="s">
        <v>333</v>
      </c>
      <c r="DI428" s="6"/>
      <c r="DJ428" s="6"/>
      <c r="DK428" s="6"/>
      <c r="DL428" s="6">
        <v>10</v>
      </c>
      <c r="DM428" s="6" t="s">
        <v>383</v>
      </c>
      <c r="DN428" s="6">
        <v>9</v>
      </c>
      <c r="DO428" s="6" t="s">
        <v>384</v>
      </c>
      <c r="DP428" s="6"/>
      <c r="DQ428" s="6"/>
    </row>
    <row r="429" spans="1:121" x14ac:dyDescent="0.2">
      <c r="A429" s="6" t="s">
        <v>794</v>
      </c>
      <c r="B429" s="6" t="s">
        <v>181</v>
      </c>
      <c r="C429" s="6" t="s">
        <v>182</v>
      </c>
      <c r="D429" s="6" t="s">
        <v>92</v>
      </c>
      <c r="E429" s="6" t="s">
        <v>233</v>
      </c>
      <c r="F429" s="11">
        <v>-6</v>
      </c>
      <c r="G429" s="13">
        <v>-5.8823529411800003E-2</v>
      </c>
      <c r="H429" s="11">
        <v>17.961918929999996</v>
      </c>
      <c r="I429" s="13">
        <v>0.17646846531967961</v>
      </c>
      <c r="J429" s="11">
        <v>-13.447487843999994</v>
      </c>
      <c r="K429" s="13">
        <v>-0.11229883391518532</v>
      </c>
      <c r="L429" s="11">
        <v>-10.712578370900005</v>
      </c>
      <c r="M429" s="13">
        <v>-0.10077697267624756</v>
      </c>
      <c r="N429" s="11">
        <v>-24.160066214899999</v>
      </c>
      <c r="O429" s="13">
        <v>-0.2017586700743878</v>
      </c>
      <c r="P429" s="7">
        <v>101.785431734</v>
      </c>
      <c r="Q429" s="7">
        <v>109.34529168</v>
      </c>
      <c r="R429" s="7">
        <v>113.291034376</v>
      </c>
      <c r="S429" s="7">
        <v>117.54619365400001</v>
      </c>
      <c r="T429" s="7">
        <v>111.705512113</v>
      </c>
      <c r="U429" s="7">
        <v>113.89420368</v>
      </c>
      <c r="V429" s="7">
        <v>119.747350664</v>
      </c>
      <c r="W429" s="7">
        <v>110.96154541600001</v>
      </c>
      <c r="X429" s="7">
        <v>107.271252214</v>
      </c>
      <c r="Y429" s="7">
        <v>106.29986282</v>
      </c>
      <c r="Z429" s="7">
        <v>100.740568795</v>
      </c>
      <c r="AA429" s="7">
        <v>105.979820616</v>
      </c>
      <c r="AB429" s="7">
        <v>116.29688922299999</v>
      </c>
      <c r="AC429" s="7">
        <v>109.058794609</v>
      </c>
      <c r="AD429" s="7">
        <v>99.122760233799994</v>
      </c>
      <c r="AE429" s="7">
        <v>96.193613710600005</v>
      </c>
      <c r="AF429" s="7">
        <v>95.587284449099997</v>
      </c>
      <c r="AG429" s="9">
        <v>24531.482886899998</v>
      </c>
      <c r="AH429" s="13">
        <v>0.66667070522490768</v>
      </c>
      <c r="AI429" s="9">
        <v>13500.508180099998</v>
      </c>
      <c r="AJ429" s="13">
        <v>0.36689153080624337</v>
      </c>
      <c r="AK429" s="9">
        <v>446.60065530000429</v>
      </c>
      <c r="AL429" s="13">
        <v>8.8791802785048515E-3</v>
      </c>
      <c r="AM429" s="9">
        <v>10584.374051499995</v>
      </c>
      <c r="AN429" s="13">
        <v>0.20858330155375593</v>
      </c>
      <c r="AO429" s="9">
        <v>11030.9747068</v>
      </c>
      <c r="AP429" s="13">
        <v>0.21931453056984232</v>
      </c>
      <c r="AQ429" s="9">
        <v>36797.001420100001</v>
      </c>
      <c r="AR429" s="9">
        <v>41838.688149299996</v>
      </c>
      <c r="AS429" s="9">
        <v>43838.762930700002</v>
      </c>
      <c r="AT429" s="9">
        <v>42482.4059634</v>
      </c>
      <c r="AU429" s="9">
        <v>44297.626343900003</v>
      </c>
      <c r="AV429" s="9">
        <v>47113.819216700002</v>
      </c>
      <c r="AW429" s="9">
        <v>50297.509600199999</v>
      </c>
      <c r="AX429" s="9">
        <v>53873.9901293</v>
      </c>
      <c r="AY429" s="9">
        <v>50538.411762700001</v>
      </c>
      <c r="AZ429" s="9">
        <v>50744.110255500003</v>
      </c>
      <c r="BA429" s="9">
        <v>56001.559609999997</v>
      </c>
      <c r="BB429" s="9">
        <v>58594.054926999997</v>
      </c>
      <c r="BC429" s="9">
        <v>59625.395902600001</v>
      </c>
      <c r="BD429" s="9">
        <v>59481.990345500002</v>
      </c>
      <c r="BE429" s="9">
        <v>62075.048205200001</v>
      </c>
      <c r="BF429" s="9">
        <v>61328.484306999999</v>
      </c>
      <c r="BG429" s="11">
        <v>-9.25</v>
      </c>
      <c r="BH429" s="13">
        <v>-0.40217391304347827</v>
      </c>
      <c r="BI429" s="6">
        <v>1</v>
      </c>
      <c r="BJ429" s="13">
        <v>4.3478260869565216E-2</v>
      </c>
      <c r="BK429" s="6">
        <v>-8</v>
      </c>
      <c r="BL429" s="13">
        <v>-0.33333333333333331</v>
      </c>
      <c r="BM429" s="11">
        <v>-2.25</v>
      </c>
      <c r="BN429" s="13">
        <v>-0.140625</v>
      </c>
      <c r="BO429" s="11">
        <v>-10.25</v>
      </c>
      <c r="BP429" s="13">
        <v>-0.42708333333333331</v>
      </c>
      <c r="BQ429" s="6">
        <v>23</v>
      </c>
      <c r="BR429" s="6">
        <v>23</v>
      </c>
      <c r="BS429" s="6">
        <v>22</v>
      </c>
      <c r="BT429" s="6">
        <v>24</v>
      </c>
      <c r="BU429" s="6">
        <v>21</v>
      </c>
      <c r="BV429" s="6">
        <v>20</v>
      </c>
      <c r="BW429" s="6">
        <v>16</v>
      </c>
      <c r="BX429" s="6">
        <v>15</v>
      </c>
      <c r="BY429" s="6">
        <v>19</v>
      </c>
      <c r="BZ429" s="6">
        <v>17</v>
      </c>
      <c r="CA429" s="6">
        <v>17</v>
      </c>
      <c r="CB429" s="6">
        <v>15</v>
      </c>
      <c r="CC429" s="11">
        <v>13.75</v>
      </c>
      <c r="CD429" s="11">
        <v>-23.740100000000002</v>
      </c>
      <c r="CE429" s="11">
        <v>6.4155800000000003</v>
      </c>
      <c r="CF429" s="11">
        <v>11.1264</v>
      </c>
      <c r="CG429" s="11">
        <v>17</v>
      </c>
      <c r="CH429" s="20">
        <v>1.18076</v>
      </c>
      <c r="CI429" s="20">
        <v>1.30888</v>
      </c>
      <c r="CJ429" s="20">
        <v>1.3772800000000001</v>
      </c>
      <c r="CK429" s="20">
        <v>1.3892599999999999</v>
      </c>
      <c r="CL429" s="20">
        <v>1.3202</v>
      </c>
      <c r="CM429" s="20">
        <v>1.40073</v>
      </c>
      <c r="CN429" s="20">
        <v>1.5194000000000001</v>
      </c>
      <c r="CO429" s="20">
        <v>1.4522900000000001</v>
      </c>
      <c r="CP429" s="20">
        <v>1.42065</v>
      </c>
      <c r="CQ429" s="20">
        <v>1.28755</v>
      </c>
      <c r="CR429" s="20">
        <v>1.20983</v>
      </c>
      <c r="CS429" s="20">
        <v>1.25844</v>
      </c>
      <c r="CT429" s="20">
        <v>1.5522499999999999</v>
      </c>
      <c r="CU429" s="20">
        <v>1.38286</v>
      </c>
      <c r="CV429" s="20">
        <v>1.21604</v>
      </c>
      <c r="CW429" s="20">
        <v>1.1648499999999999</v>
      </c>
      <c r="CX429" s="20">
        <v>1.1324000000000001</v>
      </c>
      <c r="CY429" s="6" t="s">
        <v>454</v>
      </c>
      <c r="CZ429" s="6" t="s">
        <v>455</v>
      </c>
      <c r="DA429" s="6" t="s">
        <v>92</v>
      </c>
      <c r="DB429" s="6"/>
      <c r="DC429" s="6"/>
      <c r="DD429" s="6"/>
      <c r="DE429" s="6"/>
      <c r="DF429" s="6"/>
      <c r="DG429" s="6"/>
      <c r="DH429" s="6" t="s">
        <v>333</v>
      </c>
      <c r="DI429" s="6"/>
      <c r="DJ429" s="6"/>
      <c r="DK429" s="6"/>
      <c r="DL429" s="6">
        <v>10</v>
      </c>
      <c r="DM429" s="6" t="s">
        <v>383</v>
      </c>
      <c r="DN429" s="6">
        <v>9</v>
      </c>
      <c r="DO429" s="6" t="s">
        <v>384</v>
      </c>
      <c r="DP429" s="6"/>
      <c r="DQ429" s="6"/>
    </row>
    <row r="430" spans="1:121" x14ac:dyDescent="0.2">
      <c r="A430" s="6" t="s">
        <v>314</v>
      </c>
      <c r="B430" s="6" t="s">
        <v>314</v>
      </c>
      <c r="C430" s="6" t="s">
        <v>183</v>
      </c>
      <c r="D430" s="6" t="s">
        <v>92</v>
      </c>
      <c r="E430" s="6" t="s">
        <v>233</v>
      </c>
      <c r="F430" s="11">
        <v>1</v>
      </c>
      <c r="G430" s="13">
        <v>1</v>
      </c>
      <c r="H430" s="11">
        <v>-6.2765097041999987</v>
      </c>
      <c r="I430" s="13">
        <v>-0.2786854885251599</v>
      </c>
      <c r="J430" s="11">
        <v>3.0411215988000002</v>
      </c>
      <c r="K430" s="13">
        <v>0.18719975098234784</v>
      </c>
      <c r="L430" s="11">
        <v>-14.286450894600002</v>
      </c>
      <c r="M430" s="13">
        <v>-0.74075064264934576</v>
      </c>
      <c r="N430" s="11">
        <v>-11.245329295800001</v>
      </c>
      <c r="O430" s="13">
        <v>-0.69221922751096965</v>
      </c>
      <c r="P430" s="7">
        <v>22.521839</v>
      </c>
      <c r="Q430" s="7">
        <v>28.787160492200002</v>
      </c>
      <c r="R430" s="7">
        <v>28.000784168399999</v>
      </c>
      <c r="S430" s="7">
        <v>29.756308262200001</v>
      </c>
      <c r="T430" s="7">
        <v>25.070804663099999</v>
      </c>
      <c r="U430" s="7">
        <v>20.791069934300001</v>
      </c>
      <c r="V430" s="7">
        <v>16.245329295800001</v>
      </c>
      <c r="W430" s="7">
        <v>12.835204682400001</v>
      </c>
      <c r="X430" s="7">
        <v>21.835904792000001</v>
      </c>
      <c r="Y430" s="7">
        <v>19.286450894600002</v>
      </c>
      <c r="Z430" s="7">
        <v>14.1954790154</v>
      </c>
      <c r="AA430" s="7">
        <v>5</v>
      </c>
      <c r="AB430" s="7">
        <v>5</v>
      </c>
      <c r="AC430" s="7">
        <v>5</v>
      </c>
      <c r="AD430" s="7">
        <v>5</v>
      </c>
      <c r="AE430" s="7">
        <v>5</v>
      </c>
      <c r="AF430" s="7">
        <v>5</v>
      </c>
      <c r="AG430" s="9">
        <v>-30925.275297100001</v>
      </c>
      <c r="AH430" s="13">
        <v>-0.99996766503594781</v>
      </c>
      <c r="AI430" s="9">
        <v>1862.0981733000008</v>
      </c>
      <c r="AJ430" s="13">
        <v>6.0210877495312613E-2</v>
      </c>
      <c r="AK430" s="9">
        <v>3261.5998321000006</v>
      </c>
      <c r="AL430" s="13">
        <v>9.9474279657221762E-2</v>
      </c>
      <c r="AM430" s="9">
        <v>-36048.973302500002</v>
      </c>
      <c r="AN430" s="13">
        <v>-0.99997226072841694</v>
      </c>
      <c r="AO430" s="9">
        <v>-32787.373470400002</v>
      </c>
      <c r="AP430" s="13">
        <v>-0.99996950138435803</v>
      </c>
      <c r="AQ430" s="9">
        <v>30926.275297100001</v>
      </c>
      <c r="AR430" s="9">
        <v>29926.949883400001</v>
      </c>
      <c r="AS430" s="9">
        <v>33060.5218857</v>
      </c>
      <c r="AT430" s="9">
        <v>28228.7965272</v>
      </c>
      <c r="AU430" s="9">
        <v>25315.857791300001</v>
      </c>
      <c r="AV430" s="9">
        <v>28411.6185018</v>
      </c>
      <c r="AW430" s="9">
        <v>32788.373470400002</v>
      </c>
      <c r="AX430" s="9">
        <v>44975.138304300002</v>
      </c>
      <c r="AY430" s="9">
        <v>33608.146072700001</v>
      </c>
      <c r="AZ430" s="9">
        <v>36049.973302500002</v>
      </c>
      <c r="BA430" s="9">
        <v>39905.665503800003</v>
      </c>
      <c r="BB430" s="9">
        <v>1</v>
      </c>
      <c r="BC430" s="9">
        <v>1</v>
      </c>
      <c r="BD430" s="9">
        <v>1</v>
      </c>
      <c r="BE430" s="9">
        <v>1</v>
      </c>
      <c r="BF430" s="9">
        <v>1</v>
      </c>
      <c r="BG430" s="11">
        <v>-1</v>
      </c>
      <c r="BH430" s="13">
        <v>-0.2</v>
      </c>
      <c r="BI430" s="6">
        <v>-1</v>
      </c>
      <c r="BJ430" s="13">
        <v>-0.2</v>
      </c>
      <c r="BK430" s="6">
        <v>0</v>
      </c>
      <c r="BL430" s="13">
        <v>0</v>
      </c>
      <c r="BM430" s="11">
        <v>0</v>
      </c>
      <c r="BN430" s="13">
        <v>0</v>
      </c>
      <c r="BO430" s="11">
        <v>0</v>
      </c>
      <c r="BP430" s="13">
        <v>0</v>
      </c>
      <c r="BQ430" s="6">
        <v>5</v>
      </c>
      <c r="BR430" s="6">
        <v>5</v>
      </c>
      <c r="BS430" s="6">
        <v>4</v>
      </c>
      <c r="BT430" s="6">
        <v>4</v>
      </c>
      <c r="BU430" s="6">
        <v>4</v>
      </c>
      <c r="BV430" s="6">
        <v>4</v>
      </c>
      <c r="BW430" s="6">
        <v>4</v>
      </c>
      <c r="BX430" s="6">
        <v>4</v>
      </c>
      <c r="BY430" s="6">
        <v>4</v>
      </c>
      <c r="BZ430" s="6">
        <v>4</v>
      </c>
      <c r="CA430" s="6">
        <v>4</v>
      </c>
      <c r="CB430" s="6">
        <v>4</v>
      </c>
      <c r="CC430" s="11">
        <v>4</v>
      </c>
      <c r="CD430" s="11">
        <v>-9.7652800000000006</v>
      </c>
      <c r="CE430" s="11">
        <v>-6.8982200000000002</v>
      </c>
      <c r="CF430" s="11">
        <v>2.46191</v>
      </c>
      <c r="CG430" s="11">
        <v>-5</v>
      </c>
      <c r="CH430" s="20">
        <v>0.33177099999999998</v>
      </c>
      <c r="CI430" s="20">
        <v>0.44992700000000002</v>
      </c>
      <c r="CJ430" s="20">
        <v>0.46409600000000001</v>
      </c>
      <c r="CK430" s="20">
        <v>0.49975900000000001</v>
      </c>
      <c r="CL430" s="20">
        <v>0.43701899999999999</v>
      </c>
      <c r="CM430" s="20">
        <v>0.38837300000000002</v>
      </c>
      <c r="CN430" s="20">
        <v>0.32024900000000001</v>
      </c>
      <c r="CO430" s="20">
        <v>0.263266</v>
      </c>
      <c r="CP430" s="20">
        <v>0.45104899999999998</v>
      </c>
      <c r="CQ430" s="20">
        <v>0.37373899999999999</v>
      </c>
      <c r="CR430" s="20">
        <v>0.28289300000000001</v>
      </c>
      <c r="CS430" s="20">
        <v>0.10077700000000001</v>
      </c>
      <c r="CT430" s="20">
        <v>0.169018</v>
      </c>
      <c r="CU430" s="20">
        <v>0.109338</v>
      </c>
      <c r="CV430" s="20">
        <v>0.17923700000000001</v>
      </c>
      <c r="CW430" s="20">
        <v>0.18918199999999999</v>
      </c>
      <c r="CX430" s="20">
        <v>0.18273600000000001</v>
      </c>
      <c r="CY430" s="6" t="s">
        <v>454</v>
      </c>
      <c r="CZ430" s="6" t="s">
        <v>455</v>
      </c>
      <c r="DA430" s="6" t="s">
        <v>92</v>
      </c>
      <c r="DB430" s="6"/>
      <c r="DC430" s="6"/>
      <c r="DD430" s="6"/>
      <c r="DE430" s="6"/>
      <c r="DF430" s="6"/>
      <c r="DG430" s="6"/>
      <c r="DH430" s="6" t="s">
        <v>333</v>
      </c>
      <c r="DI430" s="6"/>
      <c r="DJ430" s="6"/>
      <c r="DK430" s="6"/>
      <c r="DL430" s="6">
        <v>10</v>
      </c>
      <c r="DM430" s="6" t="s">
        <v>383</v>
      </c>
      <c r="DN430" s="6">
        <v>9</v>
      </c>
      <c r="DO430" s="6" t="s">
        <v>384</v>
      </c>
      <c r="DP430" s="6"/>
      <c r="DQ430" s="6"/>
    </row>
    <row r="431" spans="1:121" x14ac:dyDescent="0.2">
      <c r="A431" s="6" t="s">
        <v>315</v>
      </c>
      <c r="B431" s="6" t="s">
        <v>315</v>
      </c>
      <c r="C431" s="6" t="s">
        <v>184</v>
      </c>
      <c r="D431" s="6" t="s">
        <v>92</v>
      </c>
      <c r="E431" s="6" t="s">
        <v>233</v>
      </c>
      <c r="F431" s="11">
        <v>27</v>
      </c>
      <c r="G431" s="13">
        <v>0.19</v>
      </c>
      <c r="H431" s="11">
        <v>-41</v>
      </c>
      <c r="I431" s="13">
        <v>-0.28671328671328672</v>
      </c>
      <c r="J431" s="11">
        <v>47</v>
      </c>
      <c r="K431" s="13">
        <v>0.46078431372549017</v>
      </c>
      <c r="L431" s="11">
        <v>21</v>
      </c>
      <c r="M431" s="13">
        <v>0.14093959731543623</v>
      </c>
      <c r="N431" s="11">
        <v>68</v>
      </c>
      <c r="O431" s="13">
        <v>0.66666666666666663</v>
      </c>
      <c r="P431" s="7">
        <v>143</v>
      </c>
      <c r="Q431" s="7">
        <v>145</v>
      </c>
      <c r="R431" s="7">
        <v>152</v>
      </c>
      <c r="S431" s="7">
        <v>156</v>
      </c>
      <c r="T431" s="7">
        <v>138</v>
      </c>
      <c r="U431" s="7">
        <v>132</v>
      </c>
      <c r="V431" s="7">
        <v>102</v>
      </c>
      <c r="W431" s="7">
        <v>102</v>
      </c>
      <c r="X431" s="7">
        <v>100</v>
      </c>
      <c r="Y431" s="7">
        <v>149</v>
      </c>
      <c r="Z431" s="7">
        <v>113</v>
      </c>
      <c r="AA431" s="7">
        <v>106</v>
      </c>
      <c r="AB431" s="7">
        <v>148</v>
      </c>
      <c r="AC431" s="7">
        <v>156</v>
      </c>
      <c r="AD431" s="7">
        <v>161</v>
      </c>
      <c r="AE431" s="7">
        <v>160</v>
      </c>
      <c r="AF431" s="7">
        <v>170</v>
      </c>
      <c r="AG431" s="9">
        <v>14642</v>
      </c>
      <c r="AH431" s="13">
        <v>0.52546204916562</v>
      </c>
      <c r="AI431" s="9">
        <v>8391</v>
      </c>
      <c r="AJ431" s="13">
        <v>0.30113045038578862</v>
      </c>
      <c r="AK431" s="9">
        <v>2092</v>
      </c>
      <c r="AL431" s="13">
        <v>5.770079435127979E-2</v>
      </c>
      <c r="AM431" s="9">
        <v>4159</v>
      </c>
      <c r="AN431" s="13">
        <v>0.10845415667049128</v>
      </c>
      <c r="AO431" s="9">
        <v>6251</v>
      </c>
      <c r="AP431" s="13">
        <v>0.17241284201235657</v>
      </c>
      <c r="AQ431" s="9">
        <v>27865</v>
      </c>
      <c r="AR431" s="9">
        <v>30188</v>
      </c>
      <c r="AS431" s="9">
        <v>30037</v>
      </c>
      <c r="AT431" s="9">
        <v>31608</v>
      </c>
      <c r="AU431" s="9">
        <v>32960</v>
      </c>
      <c r="AV431" s="9">
        <v>34413</v>
      </c>
      <c r="AW431" s="9">
        <v>36256</v>
      </c>
      <c r="AX431" s="9">
        <v>39271</v>
      </c>
      <c r="AY431" s="9">
        <v>40058</v>
      </c>
      <c r="AZ431" s="9">
        <v>38348</v>
      </c>
      <c r="BA431" s="9">
        <v>37074</v>
      </c>
      <c r="BB431" s="9">
        <v>39705</v>
      </c>
      <c r="BC431" s="9">
        <v>41481</v>
      </c>
      <c r="BD431" s="9">
        <v>39424</v>
      </c>
      <c r="BE431" s="9">
        <v>41094</v>
      </c>
      <c r="BF431" s="9">
        <v>42507</v>
      </c>
      <c r="BG431" s="11">
        <v>-1</v>
      </c>
      <c r="BH431" s="13">
        <v>-5.5555555555555552E-2</v>
      </c>
      <c r="BI431" s="6">
        <v>-4</v>
      </c>
      <c r="BJ431" s="13">
        <v>-0.22222222222222221</v>
      </c>
      <c r="BK431" s="6">
        <v>2</v>
      </c>
      <c r="BL431" s="13">
        <v>0.14285714285714285</v>
      </c>
      <c r="BM431" s="11">
        <v>1</v>
      </c>
      <c r="BN431" s="13">
        <v>6.25E-2</v>
      </c>
      <c r="BO431" s="11">
        <v>3</v>
      </c>
      <c r="BP431" s="13">
        <v>0.21428571428571427</v>
      </c>
      <c r="BQ431" s="6">
        <v>18</v>
      </c>
      <c r="BR431" s="6">
        <v>18</v>
      </c>
      <c r="BS431" s="6">
        <v>18</v>
      </c>
      <c r="BT431" s="6">
        <v>14</v>
      </c>
      <c r="BU431" s="6">
        <v>14</v>
      </c>
      <c r="BV431" s="6">
        <v>12</v>
      </c>
      <c r="BW431" s="6">
        <v>16</v>
      </c>
      <c r="BX431" s="6">
        <v>15</v>
      </c>
      <c r="BY431" s="6">
        <v>14</v>
      </c>
      <c r="BZ431" s="6">
        <v>15</v>
      </c>
      <c r="CA431" s="6">
        <v>17</v>
      </c>
      <c r="CB431" s="6">
        <v>17</v>
      </c>
      <c r="CC431" s="11">
        <v>17</v>
      </c>
      <c r="CD431" s="11">
        <v>23</v>
      </c>
      <c r="CE431" s="11">
        <v>-11</v>
      </c>
      <c r="CF431" s="11">
        <v>16</v>
      </c>
      <c r="CG431" s="11">
        <v>5</v>
      </c>
      <c r="CH431" s="20">
        <v>1.29</v>
      </c>
      <c r="CI431" s="20">
        <v>1.32</v>
      </c>
      <c r="CJ431" s="20">
        <v>1.37</v>
      </c>
      <c r="CK431" s="20">
        <v>1.38</v>
      </c>
      <c r="CL431" s="20">
        <v>1.23</v>
      </c>
      <c r="CM431" s="20">
        <v>1.24</v>
      </c>
      <c r="CN431" s="20">
        <v>1</v>
      </c>
      <c r="CO431" s="20">
        <v>1.06</v>
      </c>
      <c r="CP431" s="20">
        <v>1.02</v>
      </c>
      <c r="CQ431" s="20">
        <v>1.41</v>
      </c>
      <c r="CR431" s="20">
        <v>1.08</v>
      </c>
      <c r="CS431" s="20">
        <v>1.01</v>
      </c>
      <c r="CT431" s="20">
        <v>1.61</v>
      </c>
      <c r="CU431" s="20">
        <v>1.67</v>
      </c>
      <c r="CV431" s="20">
        <v>1.71</v>
      </c>
      <c r="CW431" s="20">
        <v>1.7</v>
      </c>
      <c r="CX431" s="20">
        <v>1.79</v>
      </c>
      <c r="CY431" s="6" t="s">
        <v>454</v>
      </c>
      <c r="CZ431" s="6" t="s">
        <v>455</v>
      </c>
      <c r="DA431" s="6" t="s">
        <v>92</v>
      </c>
      <c r="DB431" s="6"/>
      <c r="DC431" s="6"/>
      <c r="DD431" s="6"/>
      <c r="DE431" s="6"/>
      <c r="DF431" s="6"/>
      <c r="DG431" s="6"/>
      <c r="DH431" s="6" t="s">
        <v>333</v>
      </c>
      <c r="DI431" s="6"/>
      <c r="DJ431" s="6"/>
      <c r="DK431" s="6"/>
      <c r="DL431" s="6">
        <v>10</v>
      </c>
      <c r="DM431" s="6" t="s">
        <v>383</v>
      </c>
      <c r="DN431" s="6">
        <v>9</v>
      </c>
      <c r="DO431" s="6" t="s">
        <v>384</v>
      </c>
      <c r="DP431" s="6"/>
      <c r="DQ431" s="6"/>
    </row>
    <row r="432" spans="1:121" x14ac:dyDescent="0.2">
      <c r="A432" s="6" t="s">
        <v>316</v>
      </c>
      <c r="B432" s="6" t="s">
        <v>316</v>
      </c>
      <c r="C432" s="6" t="s">
        <v>185</v>
      </c>
      <c r="D432" s="6" t="s">
        <v>92</v>
      </c>
      <c r="E432" s="6" t="s">
        <v>233</v>
      </c>
      <c r="F432" s="11">
        <v>11</v>
      </c>
      <c r="G432" s="13">
        <v>0.5</v>
      </c>
      <c r="H432" s="11">
        <v>13</v>
      </c>
      <c r="I432" s="13">
        <v>0.59090909090909094</v>
      </c>
      <c r="J432" s="11">
        <v>3</v>
      </c>
      <c r="K432" s="13">
        <v>8.5714285714285715E-2</v>
      </c>
      <c r="L432" s="11">
        <v>-5</v>
      </c>
      <c r="M432" s="13">
        <v>-0.13157894736842105</v>
      </c>
      <c r="N432" s="11">
        <v>-2</v>
      </c>
      <c r="O432" s="13">
        <v>-5.7142857142857141E-2</v>
      </c>
      <c r="P432" s="7">
        <v>22</v>
      </c>
      <c r="Q432" s="7">
        <v>26</v>
      </c>
      <c r="R432" s="7">
        <v>29</v>
      </c>
      <c r="S432" s="7">
        <v>31</v>
      </c>
      <c r="T432" s="7">
        <v>34</v>
      </c>
      <c r="U432" s="7">
        <v>38</v>
      </c>
      <c r="V432" s="7">
        <v>35</v>
      </c>
      <c r="W432" s="7">
        <v>34</v>
      </c>
      <c r="X432" s="7">
        <v>37</v>
      </c>
      <c r="Y432" s="7">
        <v>38</v>
      </c>
      <c r="Z432" s="7">
        <v>38</v>
      </c>
      <c r="AA432" s="7">
        <v>44</v>
      </c>
      <c r="AB432" s="7">
        <v>53</v>
      </c>
      <c r="AC432" s="7">
        <v>38</v>
      </c>
      <c r="AD432" s="7">
        <v>35</v>
      </c>
      <c r="AE432" s="7">
        <v>33</v>
      </c>
      <c r="AF432" s="7">
        <v>33</v>
      </c>
      <c r="AG432" s="9">
        <v>-4992</v>
      </c>
      <c r="AH432" s="13">
        <v>-0.25805117601447403</v>
      </c>
      <c r="AI432" s="9">
        <v>2932</v>
      </c>
      <c r="AJ432" s="13">
        <v>0.15156371155337298</v>
      </c>
      <c r="AK432" s="9">
        <v>3282</v>
      </c>
      <c r="AL432" s="13">
        <v>0.14732683934102436</v>
      </c>
      <c r="AM432" s="9">
        <v>-11206</v>
      </c>
      <c r="AN432" s="13">
        <v>-0.4384365585508041</v>
      </c>
      <c r="AO432" s="9">
        <v>-7924</v>
      </c>
      <c r="AP432" s="13">
        <v>-0.35570319163262559</v>
      </c>
      <c r="AQ432" s="9">
        <v>19345</v>
      </c>
      <c r="AR432" s="9">
        <v>19416</v>
      </c>
      <c r="AS432" s="9">
        <v>19889</v>
      </c>
      <c r="AT432" s="9">
        <v>21294</v>
      </c>
      <c r="AU432" s="9">
        <v>21024</v>
      </c>
      <c r="AV432" s="9">
        <v>22178</v>
      </c>
      <c r="AW432" s="9">
        <v>22277</v>
      </c>
      <c r="AX432" s="9">
        <v>22123</v>
      </c>
      <c r="AY432" s="9">
        <v>23876</v>
      </c>
      <c r="AZ432" s="9">
        <v>25559</v>
      </c>
      <c r="BA432" s="9">
        <v>19013</v>
      </c>
      <c r="BB432" s="9">
        <v>18921</v>
      </c>
      <c r="BC432" s="9">
        <v>17752</v>
      </c>
      <c r="BD432" s="9">
        <v>13885</v>
      </c>
      <c r="BE432" s="9">
        <v>14756</v>
      </c>
      <c r="BF432" s="9">
        <v>14353</v>
      </c>
      <c r="BG432" s="11">
        <v>1</v>
      </c>
      <c r="BH432" s="13">
        <v>0.1</v>
      </c>
      <c r="BI432" s="6">
        <v>-1</v>
      </c>
      <c r="BJ432" s="13">
        <v>-0.1</v>
      </c>
      <c r="BK432" s="6">
        <v>1</v>
      </c>
      <c r="BL432" s="13">
        <v>0.1111111111111111</v>
      </c>
      <c r="BM432" s="11">
        <v>1</v>
      </c>
      <c r="BN432" s="13">
        <v>0.1</v>
      </c>
      <c r="BO432" s="11">
        <v>2</v>
      </c>
      <c r="BP432" s="13">
        <v>0.22222222222222221</v>
      </c>
      <c r="BQ432" s="6">
        <v>10</v>
      </c>
      <c r="BR432" s="6">
        <v>10</v>
      </c>
      <c r="BS432" s="6">
        <v>10</v>
      </c>
      <c r="BT432" s="6">
        <v>9</v>
      </c>
      <c r="BU432" s="6">
        <v>9</v>
      </c>
      <c r="BV432" s="6">
        <v>10</v>
      </c>
      <c r="BW432" s="6">
        <v>10</v>
      </c>
      <c r="BX432" s="6">
        <v>12</v>
      </c>
      <c r="BY432" s="6">
        <v>14</v>
      </c>
      <c r="BZ432" s="6">
        <v>13</v>
      </c>
      <c r="CA432" s="6">
        <v>12</v>
      </c>
      <c r="CB432" s="6">
        <v>12</v>
      </c>
      <c r="CC432" s="11">
        <v>11</v>
      </c>
      <c r="CD432" s="11">
        <v>9</v>
      </c>
      <c r="CE432" s="11">
        <v>-1</v>
      </c>
      <c r="CF432" s="11">
        <v>2</v>
      </c>
      <c r="CG432" s="11">
        <v>1</v>
      </c>
      <c r="CH432" s="20">
        <v>0.49</v>
      </c>
      <c r="CI432" s="20">
        <v>0.56999999999999995</v>
      </c>
      <c r="CJ432" s="20">
        <v>0.62</v>
      </c>
      <c r="CK432" s="20">
        <v>0.65</v>
      </c>
      <c r="CL432" s="20">
        <v>0.7</v>
      </c>
      <c r="CM432" s="20">
        <v>0.82</v>
      </c>
      <c r="CN432" s="20">
        <v>0.8</v>
      </c>
      <c r="CO432" s="20">
        <v>0.82</v>
      </c>
      <c r="CP432" s="20">
        <v>0.91</v>
      </c>
      <c r="CQ432" s="20">
        <v>0.87</v>
      </c>
      <c r="CR432" s="20">
        <v>0.9</v>
      </c>
      <c r="CS432" s="20">
        <v>1.04</v>
      </c>
      <c r="CT432" s="20">
        <v>1.42</v>
      </c>
      <c r="CU432" s="20">
        <v>0.96</v>
      </c>
      <c r="CV432" s="20">
        <v>0.87</v>
      </c>
      <c r="CW432" s="20">
        <v>0.84</v>
      </c>
      <c r="CX432" s="20">
        <v>0.82</v>
      </c>
      <c r="CY432" s="6" t="s">
        <v>454</v>
      </c>
      <c r="CZ432" s="6" t="s">
        <v>455</v>
      </c>
      <c r="DA432" s="6" t="s">
        <v>92</v>
      </c>
      <c r="DB432" s="6"/>
      <c r="DC432" s="6"/>
      <c r="DD432" s="6"/>
      <c r="DE432" s="6"/>
      <c r="DF432" s="6"/>
      <c r="DG432" s="6"/>
      <c r="DH432" s="6" t="s">
        <v>333</v>
      </c>
      <c r="DI432" s="6"/>
      <c r="DJ432" s="6"/>
      <c r="DK432" s="6"/>
      <c r="DL432" s="6">
        <v>10</v>
      </c>
      <c r="DM432" s="6" t="s">
        <v>383</v>
      </c>
      <c r="DN432" s="6">
        <v>9</v>
      </c>
      <c r="DO432" s="6" t="s">
        <v>384</v>
      </c>
      <c r="DP432" s="6"/>
      <c r="DQ432" s="6"/>
    </row>
    <row r="433" spans="1:121" x14ac:dyDescent="0.2">
      <c r="A433" s="6" t="s">
        <v>317</v>
      </c>
      <c r="B433" s="6" t="s">
        <v>317</v>
      </c>
      <c r="C433" s="6" t="s">
        <v>186</v>
      </c>
      <c r="D433" s="6" t="s">
        <v>92</v>
      </c>
      <c r="E433" s="6" t="s">
        <v>233</v>
      </c>
      <c r="F433" s="11">
        <v>14</v>
      </c>
      <c r="G433" s="13">
        <v>0.52</v>
      </c>
      <c r="H433" s="11">
        <v>10</v>
      </c>
      <c r="I433" s="13">
        <v>0.37037037037037029</v>
      </c>
      <c r="J433" s="11">
        <v>1</v>
      </c>
      <c r="K433" s="13">
        <v>2.7027027027027029E-2</v>
      </c>
      <c r="L433" s="11">
        <v>3</v>
      </c>
      <c r="M433" s="13">
        <v>7.8947368421052627E-2</v>
      </c>
      <c r="N433" s="11">
        <v>4</v>
      </c>
      <c r="O433" s="13">
        <v>0.10810810810810811</v>
      </c>
      <c r="P433" s="7">
        <v>27</v>
      </c>
      <c r="Q433" s="7">
        <v>23</v>
      </c>
      <c r="R433" s="7">
        <v>27</v>
      </c>
      <c r="S433" s="7">
        <v>28</v>
      </c>
      <c r="T433" s="7">
        <v>32</v>
      </c>
      <c r="U433" s="7">
        <v>37</v>
      </c>
      <c r="V433" s="7">
        <v>37</v>
      </c>
      <c r="W433" s="7">
        <v>35</v>
      </c>
      <c r="X433" s="7">
        <v>38</v>
      </c>
      <c r="Y433" s="7">
        <v>38</v>
      </c>
      <c r="Z433" s="7">
        <v>43</v>
      </c>
      <c r="AA433" s="7">
        <v>39</v>
      </c>
      <c r="AB433" s="7">
        <v>40</v>
      </c>
      <c r="AC433" s="7">
        <v>40</v>
      </c>
      <c r="AD433" s="7">
        <v>38</v>
      </c>
      <c r="AE433" s="7">
        <v>40</v>
      </c>
      <c r="AF433" s="7">
        <v>41</v>
      </c>
      <c r="AG433" s="9">
        <v>6045</v>
      </c>
      <c r="AH433" s="13">
        <v>0.23493975903614461</v>
      </c>
      <c r="AI433" s="9">
        <v>4914</v>
      </c>
      <c r="AJ433" s="13">
        <v>0.19098328799067241</v>
      </c>
      <c r="AK433" s="9">
        <v>715</v>
      </c>
      <c r="AL433" s="13">
        <v>2.3332463124918417E-2</v>
      </c>
      <c r="AM433" s="9">
        <v>416</v>
      </c>
      <c r="AN433" s="13">
        <v>1.3265729136770942E-2</v>
      </c>
      <c r="AO433" s="9">
        <v>1131</v>
      </c>
      <c r="AP433" s="13">
        <v>3.6907714397598226E-2</v>
      </c>
      <c r="AQ433" s="9">
        <v>25730</v>
      </c>
      <c r="AR433" s="9">
        <v>23817</v>
      </c>
      <c r="AS433" s="9">
        <v>24659</v>
      </c>
      <c r="AT433" s="9">
        <v>25232</v>
      </c>
      <c r="AU433" s="9">
        <v>28175</v>
      </c>
      <c r="AV433" s="9">
        <v>29648</v>
      </c>
      <c r="AW433" s="9">
        <v>30644</v>
      </c>
      <c r="AX433" s="9">
        <v>30196</v>
      </c>
      <c r="AY433" s="9">
        <v>31474</v>
      </c>
      <c r="AZ433" s="9">
        <v>31359</v>
      </c>
      <c r="BA433" s="9">
        <v>30727</v>
      </c>
      <c r="BB433" s="9">
        <v>31259</v>
      </c>
      <c r="BC433" s="9">
        <v>32677</v>
      </c>
      <c r="BD433" s="9">
        <v>34604</v>
      </c>
      <c r="BE433" s="9">
        <v>33494</v>
      </c>
      <c r="BF433" s="9">
        <v>31775</v>
      </c>
      <c r="BG433" s="11">
        <v>-2</v>
      </c>
      <c r="BH433" s="13">
        <v>-0.16666666666666666</v>
      </c>
      <c r="BI433" s="6">
        <v>4</v>
      </c>
      <c r="BJ433" s="13">
        <v>0.33333333333333331</v>
      </c>
      <c r="BK433" s="6">
        <v>-3</v>
      </c>
      <c r="BL433" s="13">
        <v>-0.1875</v>
      </c>
      <c r="BM433" s="11">
        <v>-3</v>
      </c>
      <c r="BN433" s="13">
        <v>-0.23076923076923078</v>
      </c>
      <c r="BO433" s="11">
        <v>-6</v>
      </c>
      <c r="BP433" s="13">
        <v>-0.375</v>
      </c>
      <c r="BQ433" s="6">
        <v>12</v>
      </c>
      <c r="BR433" s="6">
        <v>12</v>
      </c>
      <c r="BS433" s="6">
        <v>15</v>
      </c>
      <c r="BT433" s="6">
        <v>16</v>
      </c>
      <c r="BU433" s="6">
        <v>15</v>
      </c>
      <c r="BV433" s="6">
        <v>13</v>
      </c>
      <c r="BW433" s="6">
        <v>13</v>
      </c>
      <c r="BX433" s="6">
        <v>12</v>
      </c>
      <c r="BY433" s="6">
        <v>11</v>
      </c>
      <c r="BZ433" s="6">
        <v>11</v>
      </c>
      <c r="CA433" s="6">
        <v>11</v>
      </c>
      <c r="CB433" s="6">
        <v>10</v>
      </c>
      <c r="CC433" s="11">
        <v>10</v>
      </c>
      <c r="CD433" s="11">
        <v>5</v>
      </c>
      <c r="CE433" s="11">
        <v>5</v>
      </c>
      <c r="CF433" s="11">
        <v>3</v>
      </c>
      <c r="CG433" s="11">
        <v>8</v>
      </c>
      <c r="CH433" s="20">
        <v>0.19</v>
      </c>
      <c r="CI433" s="20">
        <v>0.16</v>
      </c>
      <c r="CJ433" s="20">
        <v>0.19</v>
      </c>
      <c r="CK433" s="20">
        <v>0.19</v>
      </c>
      <c r="CL433" s="20">
        <v>0.22</v>
      </c>
      <c r="CM433" s="20">
        <v>0.26</v>
      </c>
      <c r="CN433" s="20">
        <v>0.27</v>
      </c>
      <c r="CO433" s="20">
        <v>0.25</v>
      </c>
      <c r="CP433" s="20">
        <v>0.26</v>
      </c>
      <c r="CQ433" s="20">
        <v>0.24</v>
      </c>
      <c r="CR433" s="20">
        <v>0.27</v>
      </c>
      <c r="CS433" s="20">
        <v>0.24</v>
      </c>
      <c r="CT433" s="20">
        <v>0.28000000000000003</v>
      </c>
      <c r="CU433" s="20">
        <v>0.27</v>
      </c>
      <c r="CV433" s="20">
        <v>0.25</v>
      </c>
      <c r="CW433" s="20">
        <v>0.26</v>
      </c>
      <c r="CX433" s="20">
        <v>0.26</v>
      </c>
      <c r="CY433" s="6" t="s">
        <v>454</v>
      </c>
      <c r="CZ433" s="6" t="s">
        <v>455</v>
      </c>
      <c r="DA433" s="6" t="s">
        <v>92</v>
      </c>
      <c r="DB433" s="6"/>
      <c r="DC433" s="6"/>
      <c r="DD433" s="6"/>
      <c r="DE433" s="6"/>
      <c r="DF433" s="6"/>
      <c r="DG433" s="6"/>
      <c r="DH433" s="6" t="s">
        <v>333</v>
      </c>
      <c r="DI433" s="6"/>
      <c r="DJ433" s="6"/>
      <c r="DK433" s="6"/>
      <c r="DL433" s="6">
        <v>10</v>
      </c>
      <c r="DM433" s="6" t="s">
        <v>383</v>
      </c>
      <c r="DN433" s="6">
        <v>9</v>
      </c>
      <c r="DO433" s="6" t="s">
        <v>384</v>
      </c>
      <c r="DP433" s="6"/>
      <c r="DQ433" s="6"/>
    </row>
    <row r="434" spans="1:121" x14ac:dyDescent="0.2">
      <c r="A434" s="6" t="s">
        <v>318</v>
      </c>
      <c r="B434" s="6" t="s">
        <v>318</v>
      </c>
      <c r="C434" s="6" t="s">
        <v>187</v>
      </c>
      <c r="D434" s="6" t="s">
        <v>92</v>
      </c>
      <c r="E434" s="6" t="s">
        <v>233</v>
      </c>
      <c r="F434" s="11">
        <v>1</v>
      </c>
      <c r="G434" s="13">
        <v>1</v>
      </c>
      <c r="H434" s="11">
        <v>11.136192000000001</v>
      </c>
      <c r="I434" s="13">
        <v>2.2272384000000001</v>
      </c>
      <c r="J434" s="11">
        <v>-11.136192000000001</v>
      </c>
      <c r="K434" s="13">
        <v>-0.69013754918136827</v>
      </c>
      <c r="L434" s="11">
        <v>0</v>
      </c>
      <c r="M434" s="13">
        <v>0</v>
      </c>
      <c r="N434" s="11">
        <v>-11.136192000000001</v>
      </c>
      <c r="O434" s="13">
        <v>-0.69013754918136827</v>
      </c>
      <c r="P434" s="7">
        <v>5</v>
      </c>
      <c r="Q434" s="7">
        <v>5</v>
      </c>
      <c r="R434" s="7">
        <v>5</v>
      </c>
      <c r="S434" s="7">
        <v>10.941053</v>
      </c>
      <c r="T434" s="7">
        <v>15.026400000000001</v>
      </c>
      <c r="U434" s="7">
        <v>18.146329000000001</v>
      </c>
      <c r="V434" s="7">
        <v>16.136192000000001</v>
      </c>
      <c r="W434" s="7">
        <v>5</v>
      </c>
      <c r="X434" s="7">
        <v>5</v>
      </c>
      <c r="Y434" s="7">
        <v>5</v>
      </c>
      <c r="Z434" s="7">
        <v>5</v>
      </c>
      <c r="AA434" s="7">
        <v>10.562896</v>
      </c>
      <c r="AB434" s="7">
        <v>5</v>
      </c>
      <c r="AC434" s="7">
        <v>5</v>
      </c>
      <c r="AD434" s="7">
        <v>5</v>
      </c>
      <c r="AE434" s="7">
        <v>5</v>
      </c>
      <c r="AF434" s="7">
        <v>5</v>
      </c>
      <c r="AG434" s="9">
        <v>0</v>
      </c>
      <c r="AH434" s="13">
        <v>0</v>
      </c>
      <c r="AI434" s="9">
        <v>60188.622278199997</v>
      </c>
      <c r="AJ434" s="13">
        <v>60188.622278199997</v>
      </c>
      <c r="AK434" s="9">
        <v>-60188.622278199997</v>
      </c>
      <c r="AL434" s="13">
        <v>-0.99998338584024704</v>
      </c>
      <c r="AM434" s="9">
        <v>0</v>
      </c>
      <c r="AN434" s="13">
        <v>0</v>
      </c>
      <c r="AO434" s="9">
        <v>-60188.622278199997</v>
      </c>
      <c r="AP434" s="13">
        <v>-0.99998338584024704</v>
      </c>
      <c r="AQ434" s="9">
        <v>1</v>
      </c>
      <c r="AR434" s="9">
        <v>1</v>
      </c>
      <c r="AS434" s="9">
        <v>1</v>
      </c>
      <c r="AT434" s="9">
        <v>46246.324637899997</v>
      </c>
      <c r="AU434" s="9">
        <v>30716.832263</v>
      </c>
      <c r="AV434" s="9">
        <v>52072.190597399996</v>
      </c>
      <c r="AW434" s="9">
        <v>60189.622278199997</v>
      </c>
      <c r="AX434" s="9">
        <v>1</v>
      </c>
      <c r="AY434" s="9">
        <v>1</v>
      </c>
      <c r="AZ434" s="9">
        <v>1</v>
      </c>
      <c r="BA434" s="9">
        <v>1</v>
      </c>
      <c r="BB434" s="9">
        <v>77818.785799499994</v>
      </c>
      <c r="BC434" s="9">
        <v>1</v>
      </c>
      <c r="BD434" s="9">
        <v>1</v>
      </c>
      <c r="BE434" s="9">
        <v>1</v>
      </c>
      <c r="BF434" s="9">
        <v>1</v>
      </c>
      <c r="BG434" s="11">
        <v>0</v>
      </c>
      <c r="BH434" s="13">
        <v>0</v>
      </c>
      <c r="BI434" s="6">
        <v>0</v>
      </c>
      <c r="BJ434" s="13">
        <v>0</v>
      </c>
      <c r="BK434" s="6">
        <v>1</v>
      </c>
      <c r="BL434" s="13">
        <v>0.5</v>
      </c>
      <c r="BM434" s="11">
        <v>-1</v>
      </c>
      <c r="BN434" s="13">
        <v>-0.33333333333333331</v>
      </c>
      <c r="BO434" s="11">
        <v>0</v>
      </c>
      <c r="BP434" s="13">
        <v>0</v>
      </c>
      <c r="BQ434" s="6">
        <v>2</v>
      </c>
      <c r="BR434" s="6">
        <v>2</v>
      </c>
      <c r="BS434" s="6">
        <v>2</v>
      </c>
      <c r="BT434" s="6">
        <v>2</v>
      </c>
      <c r="BU434" s="6">
        <v>2</v>
      </c>
      <c r="BV434" s="6">
        <v>3</v>
      </c>
      <c r="BW434" s="6">
        <v>3</v>
      </c>
      <c r="BX434" s="6">
        <v>1</v>
      </c>
      <c r="BY434" s="6">
        <v>2</v>
      </c>
      <c r="BZ434" s="6">
        <v>2</v>
      </c>
      <c r="CA434" s="6">
        <v>2</v>
      </c>
      <c r="CB434" s="6">
        <v>2</v>
      </c>
      <c r="CC434" s="11">
        <v>2</v>
      </c>
      <c r="CD434" s="11">
        <v>-2.13395</v>
      </c>
      <c r="CE434" s="11">
        <v>0.96177400000000002</v>
      </c>
      <c r="CF434" s="11">
        <v>0.49103000000000002</v>
      </c>
      <c r="CG434" s="11">
        <v>1</v>
      </c>
      <c r="CH434" s="20">
        <v>0.14257400000000001</v>
      </c>
      <c r="CI434" s="20">
        <v>0.19051699999999999</v>
      </c>
      <c r="CJ434" s="20">
        <v>0.21759200000000001</v>
      </c>
      <c r="CK434" s="20">
        <v>0.352238</v>
      </c>
      <c r="CL434" s="20">
        <v>0.48247899999999999</v>
      </c>
      <c r="CM434" s="20">
        <v>0.60680299999999998</v>
      </c>
      <c r="CN434" s="20">
        <v>0.55004799999999998</v>
      </c>
      <c r="CO434" s="20">
        <v>3.3372600000000002E-2</v>
      </c>
      <c r="CP434" s="20">
        <v>3.9678699999999997E-2</v>
      </c>
      <c r="CQ434" s="20">
        <v>0.107658</v>
      </c>
      <c r="CR434" s="20">
        <v>0.21717700000000001</v>
      </c>
      <c r="CS434" s="20">
        <v>0.29859400000000003</v>
      </c>
      <c r="CT434" s="20">
        <v>0.15013099999999999</v>
      </c>
      <c r="CU434" s="20">
        <v>0.17977599999999999</v>
      </c>
      <c r="CV434" s="20">
        <v>9.40748E-2</v>
      </c>
      <c r="CW434" s="20">
        <v>0.10674699999999999</v>
      </c>
      <c r="CX434" s="20">
        <v>0.10942200000000001</v>
      </c>
      <c r="CY434" s="6" t="s">
        <v>454</v>
      </c>
      <c r="CZ434" s="6" t="s">
        <v>455</v>
      </c>
      <c r="DA434" s="6" t="s">
        <v>92</v>
      </c>
      <c r="DB434" s="6"/>
      <c r="DC434" s="6"/>
      <c r="DD434" s="6"/>
      <c r="DE434" s="6"/>
      <c r="DF434" s="6"/>
      <c r="DG434" s="6"/>
      <c r="DH434" s="6" t="s">
        <v>333</v>
      </c>
      <c r="DI434" s="6"/>
      <c r="DJ434" s="6"/>
      <c r="DK434" s="6"/>
      <c r="DL434" s="6">
        <v>10</v>
      </c>
      <c r="DM434" s="6" t="s">
        <v>383</v>
      </c>
      <c r="DN434" s="6">
        <v>9</v>
      </c>
      <c r="DO434" s="6" t="s">
        <v>384</v>
      </c>
      <c r="DP434" s="6"/>
      <c r="DQ434" s="6"/>
    </row>
    <row r="435" spans="1:121" x14ac:dyDescent="0.2">
      <c r="A435" s="6" t="s">
        <v>319</v>
      </c>
      <c r="B435" s="6" t="s">
        <v>319</v>
      </c>
      <c r="C435" s="6" t="s">
        <v>188</v>
      </c>
      <c r="D435" s="6" t="s">
        <v>92</v>
      </c>
      <c r="E435" s="6" t="s">
        <v>233</v>
      </c>
      <c r="F435" s="11">
        <v>-15</v>
      </c>
      <c r="G435" s="13">
        <v>-0.34090909090900001</v>
      </c>
      <c r="H435" s="11">
        <v>0.37964203780000361</v>
      </c>
      <c r="I435" s="13">
        <v>8.5374289605411654E-3</v>
      </c>
      <c r="J435" s="11">
        <v>8.2545464434999971</v>
      </c>
      <c r="K435" s="13">
        <v>0.18405770478468464</v>
      </c>
      <c r="L435" s="11">
        <v>-23.6038820176</v>
      </c>
      <c r="M435" s="13">
        <v>-0.44449957869635282</v>
      </c>
      <c r="N435" s="11">
        <v>-15.349335574100003</v>
      </c>
      <c r="O435" s="13">
        <v>-0.34225544614427822</v>
      </c>
      <c r="P435" s="7">
        <v>44.467958627199998</v>
      </c>
      <c r="Q435" s="7">
        <v>52.000007842700001</v>
      </c>
      <c r="R435" s="7">
        <v>50.153530601900002</v>
      </c>
      <c r="S435" s="7">
        <v>33.178882537500002</v>
      </c>
      <c r="T435" s="7">
        <v>45.465632064899999</v>
      </c>
      <c r="U435" s="7">
        <v>36.643644628099999</v>
      </c>
      <c r="V435" s="7">
        <v>44.847600665000002</v>
      </c>
      <c r="W435" s="7">
        <v>62.821347574800001</v>
      </c>
      <c r="X435" s="7">
        <v>66.219381789500005</v>
      </c>
      <c r="Y435" s="7">
        <v>53.102147108499999</v>
      </c>
      <c r="Z435" s="7">
        <v>51.7203411964</v>
      </c>
      <c r="AA435" s="7">
        <v>42.883927143599998</v>
      </c>
      <c r="AB435" s="7">
        <v>23.181472145299999</v>
      </c>
      <c r="AC435" s="7">
        <v>19.797298873399999</v>
      </c>
      <c r="AD435" s="7">
        <v>28.484227680099998</v>
      </c>
      <c r="AE435" s="7">
        <v>31.175389962699999</v>
      </c>
      <c r="AF435" s="7">
        <v>29.498265090899999</v>
      </c>
      <c r="AG435" s="9">
        <v>4297.1722141000009</v>
      </c>
      <c r="AH435" s="13">
        <v>0.36928727665032263</v>
      </c>
      <c r="AI435" s="9">
        <v>1771.3347589999994</v>
      </c>
      <c r="AJ435" s="13">
        <v>0.15222368492489344</v>
      </c>
      <c r="AK435" s="9">
        <v>7511.764924699999</v>
      </c>
      <c r="AL435" s="13">
        <v>0.56025633532918939</v>
      </c>
      <c r="AM435" s="9">
        <v>-4985.9274695999975</v>
      </c>
      <c r="AN435" s="13">
        <v>-0.23833882255200689</v>
      </c>
      <c r="AO435" s="9">
        <v>2525.8374551000015</v>
      </c>
      <c r="AP435" s="13">
        <v>0.18838667748752119</v>
      </c>
      <c r="AQ435" s="9">
        <v>11636.393902</v>
      </c>
      <c r="AR435" s="9">
        <v>12129.049475100001</v>
      </c>
      <c r="AS435" s="9">
        <v>13763.239859400001</v>
      </c>
      <c r="AT435" s="9">
        <v>11418.200928099999</v>
      </c>
      <c r="AU435" s="9">
        <v>23060.232773600001</v>
      </c>
      <c r="AV435" s="9">
        <v>11778.0176397</v>
      </c>
      <c r="AW435" s="9">
        <v>13407.728660999999</v>
      </c>
      <c r="AX435" s="9">
        <v>22348.301069199999</v>
      </c>
      <c r="AY435" s="9">
        <v>23716.3820935</v>
      </c>
      <c r="AZ435" s="9">
        <v>20919.493585699998</v>
      </c>
      <c r="BA435" s="9">
        <v>16806.128594900001</v>
      </c>
      <c r="BB435" s="9">
        <v>14860.4604629</v>
      </c>
      <c r="BC435" s="9">
        <v>15364.6696579</v>
      </c>
      <c r="BD435" s="9">
        <v>15762.831514699999</v>
      </c>
      <c r="BE435" s="9">
        <v>18953.378053299999</v>
      </c>
      <c r="BF435" s="9">
        <v>15933.566116100001</v>
      </c>
      <c r="BG435" s="11">
        <v>4</v>
      </c>
      <c r="BH435" s="13">
        <v>4</v>
      </c>
      <c r="BI435" s="6">
        <v>2</v>
      </c>
      <c r="BJ435" s="13">
        <v>2</v>
      </c>
      <c r="BK435" s="6">
        <v>-1</v>
      </c>
      <c r="BL435" s="13">
        <v>-0.33333333333333331</v>
      </c>
      <c r="BM435" s="11">
        <v>3</v>
      </c>
      <c r="BN435" s="13">
        <v>1.5</v>
      </c>
      <c r="BO435" s="11">
        <v>2</v>
      </c>
      <c r="BP435" s="13">
        <v>0.66666666666666663</v>
      </c>
      <c r="BQ435" s="6">
        <v>1</v>
      </c>
      <c r="BR435" s="6">
        <v>3</v>
      </c>
      <c r="BS435" s="6">
        <v>3</v>
      </c>
      <c r="BT435" s="6">
        <v>3</v>
      </c>
      <c r="BU435" s="6">
        <v>2</v>
      </c>
      <c r="BV435" s="6">
        <v>2</v>
      </c>
      <c r="BW435" s="6">
        <v>2</v>
      </c>
      <c r="BX435" s="6">
        <v>2</v>
      </c>
      <c r="BY435" s="6">
        <v>2</v>
      </c>
      <c r="BZ435" s="6">
        <v>2</v>
      </c>
      <c r="CA435" s="6">
        <v>2</v>
      </c>
      <c r="CB435" s="6">
        <v>5</v>
      </c>
      <c r="CC435" s="11">
        <v>5</v>
      </c>
      <c r="CD435" s="11">
        <v>-23.831499999999998</v>
      </c>
      <c r="CE435" s="11">
        <v>4.0008999999999997</v>
      </c>
      <c r="CF435" s="11">
        <v>4.8608799999999999</v>
      </c>
      <c r="CG435" s="11">
        <v>9</v>
      </c>
      <c r="CH435" s="20">
        <v>0.28773199999999999</v>
      </c>
      <c r="CI435" s="20">
        <v>0.33791199999999999</v>
      </c>
      <c r="CJ435" s="20">
        <v>0.33001000000000003</v>
      </c>
      <c r="CK435" s="20">
        <v>0.20932899999999999</v>
      </c>
      <c r="CL435" s="20">
        <v>0.28406799999999999</v>
      </c>
      <c r="CM435" s="20">
        <v>0.23735000000000001</v>
      </c>
      <c r="CN435" s="20">
        <v>0.30234</v>
      </c>
      <c r="CO435" s="20">
        <v>0.45336100000000001</v>
      </c>
      <c r="CP435" s="20">
        <v>0.49895899999999999</v>
      </c>
      <c r="CQ435" s="20">
        <v>0.35134700000000002</v>
      </c>
      <c r="CR435" s="20">
        <v>0.33561200000000002</v>
      </c>
      <c r="CS435" s="20">
        <v>0.27230199999999999</v>
      </c>
      <c r="CT435" s="20">
        <v>0.16367899999999999</v>
      </c>
      <c r="CU435" s="20">
        <v>0.133053</v>
      </c>
      <c r="CV435" s="20">
        <v>0.18934699999999999</v>
      </c>
      <c r="CW435" s="20">
        <v>0.20636199999999999</v>
      </c>
      <c r="CX435" s="20">
        <v>0.19054399999999999</v>
      </c>
      <c r="CY435" s="6" t="s">
        <v>454</v>
      </c>
      <c r="CZ435" s="6" t="s">
        <v>455</v>
      </c>
      <c r="DA435" s="6" t="s">
        <v>92</v>
      </c>
      <c r="DB435" s="6"/>
      <c r="DC435" s="6"/>
      <c r="DD435" s="6"/>
      <c r="DE435" s="6"/>
      <c r="DF435" s="6"/>
      <c r="DG435" s="6"/>
      <c r="DH435" s="6" t="s">
        <v>333</v>
      </c>
      <c r="DI435" s="6"/>
      <c r="DJ435" s="6"/>
      <c r="DK435" s="6"/>
      <c r="DL435" s="6">
        <v>10</v>
      </c>
      <c r="DM435" s="6" t="s">
        <v>383</v>
      </c>
      <c r="DN435" s="6">
        <v>9</v>
      </c>
      <c r="DO435" s="6" t="s">
        <v>384</v>
      </c>
      <c r="DP435" s="6"/>
      <c r="DQ435" s="6"/>
    </row>
    <row r="436" spans="1:121" x14ac:dyDescent="0.2">
      <c r="A436" s="6" t="s">
        <v>320</v>
      </c>
      <c r="B436" s="6" t="s">
        <v>320</v>
      </c>
      <c r="C436" s="6" t="s">
        <v>189</v>
      </c>
      <c r="D436" s="6" t="s">
        <v>92</v>
      </c>
      <c r="E436" s="6" t="s">
        <v>233</v>
      </c>
      <c r="F436" s="11">
        <v>1</v>
      </c>
      <c r="G436" s="13">
        <v>1</v>
      </c>
      <c r="H436" s="11">
        <v>0</v>
      </c>
      <c r="I436" s="13">
        <v>0</v>
      </c>
      <c r="J436" s="11">
        <v>0</v>
      </c>
      <c r="K436" s="13">
        <v>0</v>
      </c>
      <c r="L436" s="11">
        <v>-5</v>
      </c>
      <c r="M436" s="13">
        <v>-1</v>
      </c>
      <c r="N436" s="11">
        <v>-5</v>
      </c>
      <c r="O436" s="13">
        <v>-1</v>
      </c>
      <c r="P436" s="7">
        <v>5</v>
      </c>
      <c r="Q436" s="7">
        <v>5</v>
      </c>
      <c r="R436" s="7">
        <v>5</v>
      </c>
      <c r="S436" s="7">
        <v>5</v>
      </c>
      <c r="T436" s="7">
        <v>0</v>
      </c>
      <c r="U436" s="7">
        <v>5</v>
      </c>
      <c r="V436" s="7">
        <v>5</v>
      </c>
      <c r="W436" s="7">
        <v>5</v>
      </c>
      <c r="X436" s="7">
        <v>5</v>
      </c>
      <c r="Y436" s="7">
        <v>5</v>
      </c>
      <c r="Z436" s="7">
        <v>5</v>
      </c>
      <c r="AA436" s="7">
        <v>5</v>
      </c>
      <c r="AB436" s="7">
        <v>5</v>
      </c>
      <c r="AC436" s="7">
        <v>5</v>
      </c>
      <c r="AD436" s="7">
        <v>0</v>
      </c>
      <c r="AE436" s="7">
        <v>0</v>
      </c>
      <c r="AF436" s="7">
        <v>0</v>
      </c>
      <c r="AG436" s="9">
        <v>-1</v>
      </c>
      <c r="AH436" s="13">
        <v>-1</v>
      </c>
      <c r="AI436" s="9">
        <v>0</v>
      </c>
      <c r="AJ436" s="13">
        <v>0</v>
      </c>
      <c r="AK436" s="9">
        <v>0</v>
      </c>
      <c r="AL436" s="13">
        <v>0</v>
      </c>
      <c r="AM436" s="9">
        <v>-1</v>
      </c>
      <c r="AN436" s="13">
        <v>-1</v>
      </c>
      <c r="AO436" s="9">
        <v>-1</v>
      </c>
      <c r="AP436" s="13">
        <v>-1</v>
      </c>
      <c r="AQ436" s="9">
        <v>1</v>
      </c>
      <c r="AR436" s="9">
        <v>1</v>
      </c>
      <c r="AS436" s="9">
        <v>1</v>
      </c>
      <c r="AT436" s="9">
        <v>1</v>
      </c>
      <c r="AU436" s="9">
        <v>0</v>
      </c>
      <c r="AV436" s="9">
        <v>1</v>
      </c>
      <c r="AW436" s="9">
        <v>1</v>
      </c>
      <c r="AX436" s="9">
        <v>1</v>
      </c>
      <c r="AY436" s="9">
        <v>1</v>
      </c>
      <c r="AZ436" s="9">
        <v>1</v>
      </c>
      <c r="BA436" s="9">
        <v>1</v>
      </c>
      <c r="BB436" s="9">
        <v>1</v>
      </c>
      <c r="BC436" s="9">
        <v>1</v>
      </c>
      <c r="BD436" s="9">
        <v>1</v>
      </c>
      <c r="BE436" s="9">
        <v>0</v>
      </c>
      <c r="BF436" s="9">
        <v>0</v>
      </c>
      <c r="BG436" s="11">
        <v>0</v>
      </c>
      <c r="BH436" s="13" t="e">
        <v>#DIV/0!</v>
      </c>
      <c r="BI436" s="6">
        <v>0</v>
      </c>
      <c r="BJ436" s="13" t="e">
        <v>#DIV/0!</v>
      </c>
      <c r="BK436" s="6">
        <v>0</v>
      </c>
      <c r="BL436" s="13" t="e">
        <v>#DIV/0!</v>
      </c>
      <c r="BM436" s="11">
        <v>0</v>
      </c>
      <c r="BN436" s="13" t="e">
        <v>#DIV/0!</v>
      </c>
      <c r="BO436" s="11">
        <v>0</v>
      </c>
      <c r="BP436" s="13" t="e">
        <v>#DIV/0!</v>
      </c>
      <c r="BQ436" s="6">
        <v>0</v>
      </c>
      <c r="BR436" s="6">
        <v>0</v>
      </c>
      <c r="BS436" s="6">
        <v>0</v>
      </c>
      <c r="BT436" s="6">
        <v>0</v>
      </c>
      <c r="BU436" s="6">
        <v>0</v>
      </c>
      <c r="BV436" s="6">
        <v>0</v>
      </c>
      <c r="BW436" s="6">
        <v>0</v>
      </c>
      <c r="BX436" s="6">
        <v>0</v>
      </c>
      <c r="BY436" s="6">
        <v>0</v>
      </c>
      <c r="BZ436" s="6">
        <v>0</v>
      </c>
      <c r="CA436" s="6">
        <v>0</v>
      </c>
      <c r="CB436" s="6">
        <v>0</v>
      </c>
      <c r="CC436" s="11">
        <v>0</v>
      </c>
      <c r="CD436" s="11">
        <v>-1.9903500000000001</v>
      </c>
      <c r="CE436" s="11">
        <v>0.489811</v>
      </c>
      <c r="CF436" s="11">
        <v>0.147864</v>
      </c>
      <c r="CG436" s="11">
        <v>0</v>
      </c>
      <c r="CH436" s="20">
        <v>2.6234500000000001E-2</v>
      </c>
      <c r="CI436" s="20">
        <v>6.2117499999999999E-2</v>
      </c>
      <c r="CJ436" s="20">
        <v>5.3501899999999998E-2</v>
      </c>
      <c r="CK436" s="20">
        <v>1.96607E-2</v>
      </c>
      <c r="CL436" s="20">
        <v>0</v>
      </c>
      <c r="CM436" s="20">
        <v>2.2925500000000001E-2</v>
      </c>
      <c r="CN436" s="20">
        <v>3.1746299999999998E-2</v>
      </c>
      <c r="CO436" s="20">
        <v>2.4137800000000001E-2</v>
      </c>
      <c r="CP436" s="20">
        <v>6.2522900000000006E-2</v>
      </c>
      <c r="CQ436" s="20">
        <v>3.4124300000000003E-2</v>
      </c>
      <c r="CR436" s="20">
        <v>3.44439E-2</v>
      </c>
      <c r="CS436" s="20">
        <v>2.9358800000000001E-2</v>
      </c>
      <c r="CT436" s="20">
        <v>1.9601500000000001E-2</v>
      </c>
      <c r="CU436" s="20">
        <v>9.7875900000000005E-3</v>
      </c>
      <c r="CV436" s="20">
        <v>0</v>
      </c>
      <c r="CW436" s="20">
        <v>0</v>
      </c>
      <c r="CX436" s="20">
        <v>0</v>
      </c>
      <c r="CY436" s="6" t="s">
        <v>454</v>
      </c>
      <c r="CZ436" s="6" t="s">
        <v>455</v>
      </c>
      <c r="DA436" s="6" t="s">
        <v>92</v>
      </c>
      <c r="DB436" s="6"/>
      <c r="DC436" s="6"/>
      <c r="DD436" s="6"/>
      <c r="DE436" s="6"/>
      <c r="DF436" s="6"/>
      <c r="DG436" s="6"/>
      <c r="DH436" s="6" t="s">
        <v>333</v>
      </c>
      <c r="DI436" s="6"/>
      <c r="DJ436" s="6"/>
      <c r="DK436" s="6"/>
      <c r="DL436" s="6">
        <v>10</v>
      </c>
      <c r="DM436" s="6" t="s">
        <v>383</v>
      </c>
      <c r="DN436" s="6">
        <v>9</v>
      </c>
      <c r="DO436" s="6" t="s">
        <v>384</v>
      </c>
      <c r="DP436" s="6"/>
      <c r="DQ436" s="6"/>
    </row>
    <row r="437" spans="1:121" x14ac:dyDescent="0.2">
      <c r="A437" s="6" t="s">
        <v>321</v>
      </c>
      <c r="B437" s="6" t="s">
        <v>321</v>
      </c>
      <c r="C437" s="6" t="s">
        <v>190</v>
      </c>
      <c r="D437" s="6" t="s">
        <v>92</v>
      </c>
      <c r="E437" s="6" t="s">
        <v>233</v>
      </c>
      <c r="F437" s="11">
        <v>57</v>
      </c>
      <c r="G437" s="13">
        <v>0.236514522822</v>
      </c>
      <c r="H437" s="11">
        <v>-20.13056149099998</v>
      </c>
      <c r="I437" s="13">
        <v>-8.3663805998862875E-2</v>
      </c>
      <c r="J437" s="11">
        <v>45.424075372000004</v>
      </c>
      <c r="K437" s="13">
        <v>0.2060217081853972</v>
      </c>
      <c r="L437" s="11">
        <v>31.866556722999974</v>
      </c>
      <c r="M437" s="13">
        <v>0.11984140776307066</v>
      </c>
      <c r="N437" s="11">
        <v>77.290632094999978</v>
      </c>
      <c r="O437" s="13">
        <v>0.35055304748715838</v>
      </c>
      <c r="P437" s="7">
        <v>240.61254745299999</v>
      </c>
      <c r="Q437" s="7">
        <v>219.39917978400001</v>
      </c>
      <c r="R437" s="7">
        <v>221.68617447700001</v>
      </c>
      <c r="S437" s="7">
        <v>231.31975727299999</v>
      </c>
      <c r="T437" s="7">
        <v>222.20139826900001</v>
      </c>
      <c r="U437" s="7">
        <v>231.79946123900001</v>
      </c>
      <c r="V437" s="7">
        <v>220.48198596200001</v>
      </c>
      <c r="W437" s="7">
        <v>225.98676367100001</v>
      </c>
      <c r="X437" s="7">
        <v>235.24488729800001</v>
      </c>
      <c r="Y437" s="7">
        <v>265.90606133400001</v>
      </c>
      <c r="Z437" s="7">
        <v>265.66746826799999</v>
      </c>
      <c r="AA437" s="7">
        <v>254.099108702</v>
      </c>
      <c r="AB437" s="7">
        <v>280.717817013</v>
      </c>
      <c r="AC437" s="7">
        <v>284.313613159</v>
      </c>
      <c r="AD437" s="7">
        <v>280.80329183499998</v>
      </c>
      <c r="AE437" s="7">
        <v>289.89976877100003</v>
      </c>
      <c r="AF437" s="7">
        <v>297.77261805699999</v>
      </c>
      <c r="AG437" s="9">
        <v>11160.972032299998</v>
      </c>
      <c r="AH437" s="13">
        <v>0.80226688187739792</v>
      </c>
      <c r="AI437" s="9">
        <v>4319.7522082999985</v>
      </c>
      <c r="AJ437" s="13">
        <v>0.31051006351475208</v>
      </c>
      <c r="AK437" s="9">
        <v>4155.4500700999997</v>
      </c>
      <c r="AL437" s="13">
        <v>0.227926358961308</v>
      </c>
      <c r="AM437" s="9">
        <v>2685.7697539000001</v>
      </c>
      <c r="AN437" s="13">
        <v>0.11997007793777642</v>
      </c>
      <c r="AO437" s="9">
        <v>6841.2198239999998</v>
      </c>
      <c r="AP437" s="13">
        <v>0.37524077994774618</v>
      </c>
      <c r="AQ437" s="9">
        <v>13911.794546700001</v>
      </c>
      <c r="AR437" s="9">
        <v>14580.8866585</v>
      </c>
      <c r="AS437" s="9">
        <v>14953.6278399</v>
      </c>
      <c r="AT437" s="9">
        <v>15019.6036279</v>
      </c>
      <c r="AU437" s="9">
        <v>16049.333449399999</v>
      </c>
      <c r="AV437" s="9">
        <v>17513.6779331</v>
      </c>
      <c r="AW437" s="9">
        <v>18231.546754999999</v>
      </c>
      <c r="AX437" s="9">
        <v>19742.789244799998</v>
      </c>
      <c r="AY437" s="9">
        <v>22061.224140599999</v>
      </c>
      <c r="AZ437" s="9">
        <v>22386.996825099999</v>
      </c>
      <c r="BA437" s="9">
        <v>23249.118762900001</v>
      </c>
      <c r="BB437" s="9">
        <v>24228.901701999999</v>
      </c>
      <c r="BC437" s="9">
        <v>23657.9237417</v>
      </c>
      <c r="BD437" s="9">
        <v>24726.851545400001</v>
      </c>
      <c r="BE437" s="9">
        <v>24478.614412200001</v>
      </c>
      <c r="BF437" s="9">
        <v>25072.766578999999</v>
      </c>
      <c r="BG437" s="11">
        <v>36</v>
      </c>
      <c r="BH437" s="13">
        <v>3</v>
      </c>
      <c r="BI437" s="6">
        <v>0</v>
      </c>
      <c r="BJ437" s="13">
        <v>0</v>
      </c>
      <c r="BK437" s="6">
        <v>2</v>
      </c>
      <c r="BL437" s="13">
        <v>0.16666666666666666</v>
      </c>
      <c r="BM437" s="11">
        <v>34</v>
      </c>
      <c r="BN437" s="13">
        <v>2.4285714285714284</v>
      </c>
      <c r="BO437" s="11">
        <v>36</v>
      </c>
      <c r="BP437" s="13">
        <v>3</v>
      </c>
      <c r="BQ437" s="6">
        <v>12</v>
      </c>
      <c r="BR437" s="6">
        <v>12</v>
      </c>
      <c r="BS437" s="6">
        <v>13</v>
      </c>
      <c r="BT437" s="6">
        <v>12</v>
      </c>
      <c r="BU437" s="6">
        <v>13</v>
      </c>
      <c r="BV437" s="6">
        <v>13</v>
      </c>
      <c r="BW437" s="6">
        <v>14</v>
      </c>
      <c r="BX437" s="6">
        <v>15</v>
      </c>
      <c r="BY437" s="6">
        <v>16</v>
      </c>
      <c r="BZ437" s="6">
        <v>44</v>
      </c>
      <c r="CA437" s="6">
        <v>43</v>
      </c>
      <c r="CB437" s="6">
        <v>47</v>
      </c>
      <c r="CC437" s="11">
        <v>48</v>
      </c>
      <c r="CD437" s="11">
        <v>-56.764800000000001</v>
      </c>
      <c r="CE437" s="11">
        <v>87.623000000000005</v>
      </c>
      <c r="CF437" s="11">
        <v>26.3018</v>
      </c>
      <c r="CG437" s="11">
        <v>114</v>
      </c>
      <c r="CH437" s="20">
        <v>0.94489299999999998</v>
      </c>
      <c r="CI437" s="20">
        <v>0.83289599999999997</v>
      </c>
      <c r="CJ437" s="20">
        <v>0.82612799999999997</v>
      </c>
      <c r="CK437" s="20">
        <v>0.83675100000000002</v>
      </c>
      <c r="CL437" s="20">
        <v>0.80500000000000005</v>
      </c>
      <c r="CM437" s="20">
        <v>0.872085</v>
      </c>
      <c r="CN437" s="20">
        <v>0.848001</v>
      </c>
      <c r="CO437" s="20">
        <v>0.86768100000000004</v>
      </c>
      <c r="CP437" s="20">
        <v>0.84131400000000001</v>
      </c>
      <c r="CQ437" s="20">
        <v>0.84660400000000002</v>
      </c>
      <c r="CR437" s="20">
        <v>0.85053800000000002</v>
      </c>
      <c r="CS437" s="20">
        <v>0.790493</v>
      </c>
      <c r="CT437" s="20">
        <v>0.978603</v>
      </c>
      <c r="CU437" s="20">
        <v>0.95667500000000005</v>
      </c>
      <c r="CV437" s="20">
        <v>0.93524099999999999</v>
      </c>
      <c r="CW437" s="20">
        <v>0.95692900000000003</v>
      </c>
      <c r="CX437" s="20">
        <v>0.95013700000000001</v>
      </c>
      <c r="CY437" s="6" t="s">
        <v>454</v>
      </c>
      <c r="CZ437" s="6" t="s">
        <v>455</v>
      </c>
      <c r="DA437" s="6" t="s">
        <v>92</v>
      </c>
      <c r="DB437" s="6"/>
      <c r="DC437" s="6"/>
      <c r="DD437" s="6"/>
      <c r="DE437" s="6"/>
      <c r="DF437" s="6"/>
      <c r="DG437" s="6"/>
      <c r="DH437" s="6" t="s">
        <v>333</v>
      </c>
      <c r="DI437" s="6"/>
      <c r="DJ437" s="6"/>
      <c r="DK437" s="6"/>
      <c r="DL437" s="6">
        <v>10</v>
      </c>
      <c r="DM437" s="6" t="s">
        <v>383</v>
      </c>
      <c r="DN437" s="6">
        <v>9</v>
      </c>
      <c r="DO437" s="6" t="s">
        <v>384</v>
      </c>
      <c r="DP437" s="6"/>
      <c r="DQ437" s="6"/>
    </row>
    <row r="438" spans="1:121" x14ac:dyDescent="0.2">
      <c r="A438" s="6" t="s">
        <v>322</v>
      </c>
      <c r="B438" s="6" t="s">
        <v>322</v>
      </c>
      <c r="C438" s="6" t="s">
        <v>191</v>
      </c>
      <c r="D438" s="6" t="s">
        <v>92</v>
      </c>
      <c r="E438" s="6" t="s">
        <v>233</v>
      </c>
      <c r="F438" s="11">
        <v>1</v>
      </c>
      <c r="G438" s="13">
        <v>1</v>
      </c>
      <c r="H438" s="11">
        <v>-2</v>
      </c>
      <c r="I438" s="13">
        <v>-0.14285714285714285</v>
      </c>
      <c r="J438" s="11">
        <v>-1</v>
      </c>
      <c r="K438" s="13">
        <v>-8.3333333333333329E-2</v>
      </c>
      <c r="L438" s="11">
        <v>-6</v>
      </c>
      <c r="M438" s="13">
        <v>-0.54545454545454541</v>
      </c>
      <c r="N438" s="11">
        <v>-7</v>
      </c>
      <c r="O438" s="13">
        <v>-0.58333333333333337</v>
      </c>
      <c r="P438" s="7">
        <v>14</v>
      </c>
      <c r="Q438" s="7">
        <v>12</v>
      </c>
      <c r="R438" s="7">
        <v>11</v>
      </c>
      <c r="S438" s="7">
        <v>5</v>
      </c>
      <c r="T438" s="7">
        <v>12</v>
      </c>
      <c r="U438" s="7">
        <v>11</v>
      </c>
      <c r="V438" s="7">
        <v>12</v>
      </c>
      <c r="W438" s="7">
        <v>14</v>
      </c>
      <c r="X438" s="7">
        <v>14</v>
      </c>
      <c r="Y438" s="7">
        <v>11</v>
      </c>
      <c r="Z438" s="7">
        <v>5</v>
      </c>
      <c r="AA438" s="7">
        <v>5</v>
      </c>
      <c r="AB438" s="7">
        <v>5</v>
      </c>
      <c r="AC438" s="7">
        <v>5</v>
      </c>
      <c r="AD438" s="7">
        <v>11</v>
      </c>
      <c r="AE438" s="7">
        <v>5</v>
      </c>
      <c r="AF438" s="7">
        <v>5</v>
      </c>
      <c r="AG438" s="9">
        <v>-6654</v>
      </c>
      <c r="AH438" s="13">
        <v>-0.99984973703981972</v>
      </c>
      <c r="AI438" s="9">
        <v>5153</v>
      </c>
      <c r="AJ438" s="13">
        <v>0.77430503380916604</v>
      </c>
      <c r="AK438" s="9">
        <v>-2323</v>
      </c>
      <c r="AL438" s="13">
        <v>-0.19673102981029811</v>
      </c>
      <c r="AM438" s="9">
        <v>-9484</v>
      </c>
      <c r="AN438" s="13">
        <v>-0.9998945703742752</v>
      </c>
      <c r="AO438" s="9">
        <v>-11807</v>
      </c>
      <c r="AP438" s="13">
        <v>-0.99991531165311653</v>
      </c>
      <c r="AQ438" s="9">
        <v>6655</v>
      </c>
      <c r="AR438" s="9">
        <v>9269</v>
      </c>
      <c r="AS438" s="9">
        <v>9069</v>
      </c>
      <c r="AT438" s="9">
        <v>1</v>
      </c>
      <c r="AU438" s="9">
        <v>9180</v>
      </c>
      <c r="AV438" s="9">
        <v>9460</v>
      </c>
      <c r="AW438" s="9">
        <v>11808</v>
      </c>
      <c r="AX438" s="9">
        <v>7616</v>
      </c>
      <c r="AY438" s="9">
        <v>8147</v>
      </c>
      <c r="AZ438" s="9">
        <v>9485</v>
      </c>
      <c r="BA438" s="9">
        <v>1</v>
      </c>
      <c r="BB438" s="9">
        <v>1</v>
      </c>
      <c r="BC438" s="9">
        <v>1</v>
      </c>
      <c r="BD438" s="9">
        <v>1</v>
      </c>
      <c r="BE438" s="9">
        <v>28996</v>
      </c>
      <c r="BF438" s="9">
        <v>1</v>
      </c>
      <c r="BG438" s="11">
        <v>0</v>
      </c>
      <c r="BH438" s="13">
        <v>0</v>
      </c>
      <c r="BI438" s="6">
        <v>0</v>
      </c>
      <c r="BJ438" s="13">
        <v>0</v>
      </c>
      <c r="BK438" s="6">
        <v>0</v>
      </c>
      <c r="BL438" s="13">
        <v>0</v>
      </c>
      <c r="BM438" s="11">
        <v>0</v>
      </c>
      <c r="BN438" s="13">
        <v>0</v>
      </c>
      <c r="BO438" s="11">
        <v>0</v>
      </c>
      <c r="BP438" s="13">
        <v>0</v>
      </c>
      <c r="BQ438" s="6">
        <v>3</v>
      </c>
      <c r="BR438" s="6">
        <v>3</v>
      </c>
      <c r="BS438" s="6">
        <v>3</v>
      </c>
      <c r="BT438" s="6">
        <v>3</v>
      </c>
      <c r="BU438" s="6">
        <v>3</v>
      </c>
      <c r="BV438" s="6">
        <v>3</v>
      </c>
      <c r="BW438" s="6">
        <v>3</v>
      </c>
      <c r="BX438" s="6">
        <v>4</v>
      </c>
      <c r="BY438" s="6">
        <v>4</v>
      </c>
      <c r="BZ438" s="6">
        <v>3</v>
      </c>
      <c r="CA438" s="6">
        <v>3</v>
      </c>
      <c r="CB438" s="6">
        <v>3</v>
      </c>
      <c r="CC438" s="11">
        <v>3</v>
      </c>
      <c r="CD438" s="11">
        <v>-9</v>
      </c>
      <c r="CE438" s="11">
        <v>2</v>
      </c>
      <c r="CF438" s="11">
        <v>1</v>
      </c>
      <c r="CG438" s="11">
        <v>3</v>
      </c>
      <c r="CH438" s="20">
        <v>0.35</v>
      </c>
      <c r="CI438" s="20">
        <v>0.28999999999999998</v>
      </c>
      <c r="CJ438" s="20">
        <v>0.28999999999999998</v>
      </c>
      <c r="CK438" s="20">
        <v>0.23</v>
      </c>
      <c r="CL438" s="20">
        <v>0.28999999999999998</v>
      </c>
      <c r="CM438" s="20">
        <v>0.28999999999999998</v>
      </c>
      <c r="CN438" s="20">
        <v>0.32</v>
      </c>
      <c r="CO438" s="20">
        <v>0.39</v>
      </c>
      <c r="CP438" s="20">
        <v>0.36</v>
      </c>
      <c r="CQ438" s="20">
        <v>0.25</v>
      </c>
      <c r="CR438" s="20">
        <v>0.18</v>
      </c>
      <c r="CS438" s="20">
        <v>0.23</v>
      </c>
      <c r="CT438" s="20">
        <v>0.25</v>
      </c>
      <c r="CU438" s="20">
        <v>0.19</v>
      </c>
      <c r="CV438" s="20">
        <v>0.26</v>
      </c>
      <c r="CW438" s="20">
        <v>0.21</v>
      </c>
      <c r="CX438" s="20">
        <v>0.21</v>
      </c>
      <c r="CY438" s="6" t="s">
        <v>454</v>
      </c>
      <c r="CZ438" s="6" t="s">
        <v>455</v>
      </c>
      <c r="DA438" s="6" t="s">
        <v>92</v>
      </c>
      <c r="DB438" s="6"/>
      <c r="DC438" s="6"/>
      <c r="DD438" s="6"/>
      <c r="DE438" s="6"/>
      <c r="DF438" s="6"/>
      <c r="DG438" s="6"/>
      <c r="DH438" s="6" t="s">
        <v>333</v>
      </c>
      <c r="DI438" s="6"/>
      <c r="DJ438" s="6"/>
      <c r="DK438" s="6"/>
      <c r="DL438" s="6">
        <v>10</v>
      </c>
      <c r="DM438" s="6" t="s">
        <v>383</v>
      </c>
      <c r="DN438" s="6">
        <v>9</v>
      </c>
      <c r="DO438" s="6" t="s">
        <v>384</v>
      </c>
      <c r="DP438" s="6"/>
      <c r="DQ438" s="6"/>
    </row>
    <row r="439" spans="1:121" x14ac:dyDescent="0.2">
      <c r="A439" s="6" t="s">
        <v>323</v>
      </c>
      <c r="B439" s="6" t="s">
        <v>323</v>
      </c>
      <c r="C439" s="6" t="s">
        <v>192</v>
      </c>
      <c r="D439" s="6" t="s">
        <v>92</v>
      </c>
      <c r="E439" s="6" t="s">
        <v>233</v>
      </c>
      <c r="F439" s="11">
        <v>41</v>
      </c>
      <c r="G439" s="13">
        <v>0.91111111111099996</v>
      </c>
      <c r="H439" s="11">
        <v>31.067658040299996</v>
      </c>
      <c r="I439" s="13">
        <v>0.68327807948593322</v>
      </c>
      <c r="J439" s="11">
        <v>-3.3737655752999984</v>
      </c>
      <c r="K439" s="13">
        <v>-4.4080651697602682E-2</v>
      </c>
      <c r="L439" s="11">
        <v>13.305998329600001</v>
      </c>
      <c r="M439" s="13">
        <v>0.18186926707340575</v>
      </c>
      <c r="N439" s="11">
        <v>9.9322327543000029</v>
      </c>
      <c r="O439" s="13">
        <v>0.12977169955944198</v>
      </c>
      <c r="P439" s="7">
        <v>45.468541978799998</v>
      </c>
      <c r="Q439" s="7">
        <v>61.108455939599999</v>
      </c>
      <c r="R439" s="7">
        <v>65.809097638899999</v>
      </c>
      <c r="S439" s="7">
        <v>76.734121826999996</v>
      </c>
      <c r="T439" s="7">
        <v>73.436970494999997</v>
      </c>
      <c r="U439" s="7">
        <v>78.112241844300002</v>
      </c>
      <c r="V439" s="7">
        <v>76.536200019099994</v>
      </c>
      <c r="W439" s="7">
        <v>77.743386955899993</v>
      </c>
      <c r="X439" s="7">
        <v>83.502937023200005</v>
      </c>
      <c r="Y439" s="7">
        <v>73.162434443799995</v>
      </c>
      <c r="Z439" s="7">
        <v>67.4595144938</v>
      </c>
      <c r="AA439" s="7">
        <v>70.067046507000001</v>
      </c>
      <c r="AB439" s="7">
        <v>102.525764948</v>
      </c>
      <c r="AC439" s="7">
        <v>79.694026759799996</v>
      </c>
      <c r="AD439" s="7">
        <v>84.168121794000001</v>
      </c>
      <c r="AE439" s="7">
        <v>84.8482882757</v>
      </c>
      <c r="AF439" s="7">
        <v>86.468432773399996</v>
      </c>
      <c r="AG439" s="9">
        <v>4517.8611955899996</v>
      </c>
      <c r="AH439" s="13">
        <v>0.51760029885114023</v>
      </c>
      <c r="AI439" s="9">
        <v>3412.0173423899996</v>
      </c>
      <c r="AJ439" s="13">
        <v>0.3909064753539207</v>
      </c>
      <c r="AK439" s="9">
        <v>-813.77583090000007</v>
      </c>
      <c r="AL439" s="13">
        <v>-6.7029887865621737E-2</v>
      </c>
      <c r="AM439" s="9">
        <v>1919.6196841000001</v>
      </c>
      <c r="AN439" s="13">
        <v>0.16947715659965043</v>
      </c>
      <c r="AO439" s="9">
        <v>1105.8438532</v>
      </c>
      <c r="AP439" s="13">
        <v>9.1087233931369707E-2</v>
      </c>
      <c r="AQ439" s="9">
        <v>8728.4748591099997</v>
      </c>
      <c r="AR439" s="9">
        <v>8147.4524047499999</v>
      </c>
      <c r="AS439" s="9">
        <v>8086.1733186700003</v>
      </c>
      <c r="AT439" s="9">
        <v>9195.5387951800003</v>
      </c>
      <c r="AU439" s="9">
        <v>10577.5515621</v>
      </c>
      <c r="AV439" s="9">
        <v>11641.035537899999</v>
      </c>
      <c r="AW439" s="9">
        <v>12140.492201499999</v>
      </c>
      <c r="AX439" s="9">
        <v>12144.203927500001</v>
      </c>
      <c r="AY439" s="9">
        <v>10755.944802</v>
      </c>
      <c r="AZ439" s="9">
        <v>11326.716370599999</v>
      </c>
      <c r="BA439" s="9">
        <v>12079.1482672</v>
      </c>
      <c r="BB439" s="9">
        <v>12154.4196087</v>
      </c>
      <c r="BC439" s="9">
        <v>11345.980902200001</v>
      </c>
      <c r="BD439" s="9">
        <v>11063.5496633</v>
      </c>
      <c r="BE439" s="9">
        <v>11572.9252185</v>
      </c>
      <c r="BF439" s="9">
        <v>13246.336054699999</v>
      </c>
      <c r="BG439" s="11">
        <v>-1.75</v>
      </c>
      <c r="BH439" s="13">
        <v>-0.11666666666666667</v>
      </c>
      <c r="BI439" s="6">
        <v>-2</v>
      </c>
      <c r="BJ439" s="13">
        <v>-0.13333333333333333</v>
      </c>
      <c r="BK439" s="6">
        <v>-1</v>
      </c>
      <c r="BL439" s="13">
        <v>-7.6923076923076927E-2</v>
      </c>
      <c r="BM439" s="11">
        <v>1.25</v>
      </c>
      <c r="BN439" s="13">
        <v>0.10416666666666667</v>
      </c>
      <c r="BO439" s="11">
        <v>0.25</v>
      </c>
      <c r="BP439" s="13">
        <v>1.9230769230769232E-2</v>
      </c>
      <c r="BQ439" s="6">
        <v>15</v>
      </c>
      <c r="BR439" s="6">
        <v>13</v>
      </c>
      <c r="BS439" s="6">
        <v>14</v>
      </c>
      <c r="BT439" s="6">
        <v>13</v>
      </c>
      <c r="BU439" s="6">
        <v>13</v>
      </c>
      <c r="BV439" s="6">
        <v>15</v>
      </c>
      <c r="BW439" s="6">
        <v>12</v>
      </c>
      <c r="BX439" s="6">
        <v>14</v>
      </c>
      <c r="BY439" s="6">
        <v>15</v>
      </c>
      <c r="BZ439" s="6">
        <v>16</v>
      </c>
      <c r="CA439" s="6">
        <v>15</v>
      </c>
      <c r="CB439" s="6">
        <v>14</v>
      </c>
      <c r="CC439" s="11">
        <v>13.25</v>
      </c>
      <c r="CD439" s="11">
        <v>25.689800000000002</v>
      </c>
      <c r="CE439" s="11">
        <v>10.3398</v>
      </c>
      <c r="CF439" s="11">
        <v>4.9702599999999997</v>
      </c>
      <c r="CG439" s="11">
        <v>15</v>
      </c>
      <c r="CH439" s="20">
        <v>0.24060200000000001</v>
      </c>
      <c r="CI439" s="20">
        <v>0.320544</v>
      </c>
      <c r="CJ439" s="20">
        <v>0.34301199999999998</v>
      </c>
      <c r="CK439" s="20">
        <v>0.38619999999999999</v>
      </c>
      <c r="CL439" s="20">
        <v>0.369894</v>
      </c>
      <c r="CM439" s="20">
        <v>0.41019899999999998</v>
      </c>
      <c r="CN439" s="20">
        <v>0.41318700000000003</v>
      </c>
      <c r="CO439" s="20">
        <v>0.42857800000000001</v>
      </c>
      <c r="CP439" s="20">
        <v>0.45002999999999999</v>
      </c>
      <c r="CQ439" s="20">
        <v>0.35561999999999999</v>
      </c>
      <c r="CR439" s="20">
        <v>0.32611000000000001</v>
      </c>
      <c r="CS439" s="20">
        <v>0.33117600000000003</v>
      </c>
      <c r="CT439" s="20">
        <v>0.53723100000000001</v>
      </c>
      <c r="CU439" s="20">
        <v>0.39882800000000002</v>
      </c>
      <c r="CV439" s="20">
        <v>0.41293600000000003</v>
      </c>
      <c r="CW439" s="20">
        <v>0.41159099999999998</v>
      </c>
      <c r="CX439" s="20">
        <v>0.40981499999999998</v>
      </c>
      <c r="CY439" s="6" t="s">
        <v>454</v>
      </c>
      <c r="CZ439" s="6" t="s">
        <v>455</v>
      </c>
      <c r="DA439" s="6" t="s">
        <v>92</v>
      </c>
      <c r="DB439" s="6"/>
      <c r="DC439" s="6"/>
      <c r="DD439" s="6"/>
      <c r="DE439" s="6"/>
      <c r="DF439" s="6"/>
      <c r="DG439" s="6"/>
      <c r="DH439" s="6" t="s">
        <v>333</v>
      </c>
      <c r="DI439" s="6"/>
      <c r="DJ439" s="6"/>
      <c r="DK439" s="6"/>
      <c r="DL439" s="6">
        <v>10</v>
      </c>
      <c r="DM439" s="6" t="s">
        <v>383</v>
      </c>
      <c r="DN439" s="6">
        <v>9</v>
      </c>
      <c r="DO439" s="6" t="s">
        <v>384</v>
      </c>
      <c r="DP439" s="6"/>
      <c r="DQ439" s="6"/>
    </row>
    <row r="440" spans="1:121" x14ac:dyDescent="0.2">
      <c r="A440" s="6" t="s">
        <v>325</v>
      </c>
      <c r="B440" s="6" t="s">
        <v>325</v>
      </c>
      <c r="C440" s="6" t="s">
        <v>193</v>
      </c>
      <c r="D440" s="6" t="s">
        <v>92</v>
      </c>
      <c r="E440" s="6" t="s">
        <v>233</v>
      </c>
      <c r="F440" s="11">
        <v>27</v>
      </c>
      <c r="G440" s="13">
        <v>0.22131147541000001</v>
      </c>
      <c r="H440" s="11">
        <v>58.964819515000002</v>
      </c>
      <c r="I440" s="13">
        <v>0.48223646425826622</v>
      </c>
      <c r="J440" s="11">
        <v>-7.7629192240000009</v>
      </c>
      <c r="K440" s="13">
        <v>-4.28326206618126E-2</v>
      </c>
      <c r="L440" s="11">
        <v>-24.135835172000014</v>
      </c>
      <c r="M440" s="13">
        <v>-0.1391310369114663</v>
      </c>
      <c r="N440" s="11">
        <v>-31.898754396000015</v>
      </c>
      <c r="O440" s="13">
        <v>-0.17600431064696542</v>
      </c>
      <c r="P440" s="7">
        <v>122.27366424</v>
      </c>
      <c r="Q440" s="7">
        <v>127.82218737399999</v>
      </c>
      <c r="R440" s="7">
        <v>130.719916291</v>
      </c>
      <c r="S440" s="7">
        <v>160.749176385</v>
      </c>
      <c r="T440" s="7">
        <v>182.394428428</v>
      </c>
      <c r="U440" s="7">
        <v>191.70898879999999</v>
      </c>
      <c r="V440" s="7">
        <v>181.238483755</v>
      </c>
      <c r="W440" s="7">
        <v>173.089305881</v>
      </c>
      <c r="X440" s="7">
        <v>186.234794435</v>
      </c>
      <c r="Y440" s="7">
        <v>173.475564531</v>
      </c>
      <c r="Z440" s="7">
        <v>164.79437773199999</v>
      </c>
      <c r="AA440" s="7">
        <v>179.53930596199999</v>
      </c>
      <c r="AB440" s="7">
        <v>150.99670448399999</v>
      </c>
      <c r="AC440" s="7">
        <v>145.65549562800001</v>
      </c>
      <c r="AD440" s="7">
        <v>148.77184026099999</v>
      </c>
      <c r="AE440" s="7">
        <v>148.65610963099999</v>
      </c>
      <c r="AF440" s="7">
        <v>149.33972935899999</v>
      </c>
      <c r="AG440" s="9">
        <v>5139.4918558999998</v>
      </c>
      <c r="AH440" s="13">
        <v>0.32471943388556368</v>
      </c>
      <c r="AI440" s="9">
        <v>-24.244711600000301</v>
      </c>
      <c r="AJ440" s="13">
        <v>-1.5318107793931364E-3</v>
      </c>
      <c r="AK440" s="9">
        <v>-733.03704909999942</v>
      </c>
      <c r="AL440" s="13">
        <v>-4.6385238209576879E-2</v>
      </c>
      <c r="AM440" s="9">
        <v>5896.7736165999995</v>
      </c>
      <c r="AN440" s="13">
        <v>0.39128694280292081</v>
      </c>
      <c r="AO440" s="9">
        <v>5163.7365675000001</v>
      </c>
      <c r="AP440" s="13">
        <v>0.32675176654313332</v>
      </c>
      <c r="AQ440" s="9">
        <v>15827.4846516</v>
      </c>
      <c r="AR440" s="9">
        <v>15871.0882931</v>
      </c>
      <c r="AS440" s="9">
        <v>16567.861593900001</v>
      </c>
      <c r="AT440" s="9">
        <v>15876.249854</v>
      </c>
      <c r="AU440" s="9">
        <v>15214.952217100001</v>
      </c>
      <c r="AV440" s="9">
        <v>15273.239703200001</v>
      </c>
      <c r="AW440" s="9">
        <v>15803.239939999999</v>
      </c>
      <c r="AX440" s="9">
        <v>16617.1080062</v>
      </c>
      <c r="AY440" s="9">
        <v>14439.5481476</v>
      </c>
      <c r="AZ440" s="9">
        <v>15070.2028909</v>
      </c>
      <c r="BA440" s="9">
        <v>17532.8044777</v>
      </c>
      <c r="BB440" s="9">
        <v>17480.265012200001</v>
      </c>
      <c r="BC440" s="9">
        <v>19720.010543</v>
      </c>
      <c r="BD440" s="9">
        <v>20815.995141899999</v>
      </c>
      <c r="BE440" s="9">
        <v>20507.260114600002</v>
      </c>
      <c r="BF440" s="9">
        <v>20966.9765075</v>
      </c>
      <c r="BG440" s="11">
        <v>-13.25</v>
      </c>
      <c r="BH440" s="13">
        <v>-0.45689655172413796</v>
      </c>
      <c r="BI440" s="6">
        <v>2</v>
      </c>
      <c r="BJ440" s="13">
        <v>6.8965517241379309E-2</v>
      </c>
      <c r="BK440" s="6">
        <v>3</v>
      </c>
      <c r="BL440" s="13">
        <v>9.6774193548387094E-2</v>
      </c>
      <c r="BM440" s="11">
        <v>-18.25</v>
      </c>
      <c r="BN440" s="13">
        <v>-0.53676470588235292</v>
      </c>
      <c r="BO440" s="11">
        <v>-15.25</v>
      </c>
      <c r="BP440" s="13">
        <v>-0.49193548387096775</v>
      </c>
      <c r="BQ440" s="6">
        <v>29</v>
      </c>
      <c r="BR440" s="6">
        <v>39</v>
      </c>
      <c r="BS440" s="6">
        <v>38</v>
      </c>
      <c r="BT440" s="6">
        <v>31</v>
      </c>
      <c r="BU440" s="6">
        <v>31</v>
      </c>
      <c r="BV440" s="6">
        <v>30</v>
      </c>
      <c r="BW440" s="6">
        <v>34</v>
      </c>
      <c r="BX440" s="6">
        <v>32</v>
      </c>
      <c r="BY440" s="6">
        <v>34</v>
      </c>
      <c r="BZ440" s="6">
        <v>14</v>
      </c>
      <c r="CA440" s="6">
        <v>16</v>
      </c>
      <c r="CB440" s="6">
        <v>14</v>
      </c>
      <c r="CC440" s="11">
        <v>15.75</v>
      </c>
      <c r="CD440" s="11">
        <v>14.8261</v>
      </c>
      <c r="CE440" s="11">
        <v>-1.12602</v>
      </c>
      <c r="CF440" s="11">
        <v>13.366</v>
      </c>
      <c r="CG440" s="11">
        <v>12</v>
      </c>
      <c r="CH440" s="20">
        <v>0.95255199999999995</v>
      </c>
      <c r="CI440" s="20">
        <v>0.98300200000000004</v>
      </c>
      <c r="CJ440" s="20">
        <v>1.00465</v>
      </c>
      <c r="CK440" s="20">
        <v>1.21454</v>
      </c>
      <c r="CL440" s="20">
        <v>1.4020300000000001</v>
      </c>
      <c r="CM440" s="20">
        <v>1.5507599999999999</v>
      </c>
      <c r="CN440" s="20">
        <v>1.51461</v>
      </c>
      <c r="CO440" s="20">
        <v>1.4756800000000001</v>
      </c>
      <c r="CP440" s="20">
        <v>1.5205900000000001</v>
      </c>
      <c r="CQ440" s="20">
        <v>1.2869299999999999</v>
      </c>
      <c r="CR440" s="20">
        <v>1.2336</v>
      </c>
      <c r="CS440" s="20">
        <v>1.32422</v>
      </c>
      <c r="CT440" s="20">
        <v>1.34683</v>
      </c>
      <c r="CU440" s="20">
        <v>1.2540199999999999</v>
      </c>
      <c r="CV440" s="20">
        <v>1.28051</v>
      </c>
      <c r="CW440" s="20">
        <v>1.2785599999999999</v>
      </c>
      <c r="CX440" s="20">
        <v>1.26613</v>
      </c>
      <c r="CY440" s="6" t="s">
        <v>454</v>
      </c>
      <c r="CZ440" s="6" t="s">
        <v>455</v>
      </c>
      <c r="DA440" s="6" t="s">
        <v>92</v>
      </c>
      <c r="DB440" s="6"/>
      <c r="DC440" s="6"/>
      <c r="DD440" s="6"/>
      <c r="DE440" s="6"/>
      <c r="DF440" s="6"/>
      <c r="DG440" s="6"/>
      <c r="DH440" s="6" t="s">
        <v>333</v>
      </c>
      <c r="DI440" s="6"/>
      <c r="DJ440" s="6"/>
      <c r="DK440" s="6"/>
      <c r="DL440" s="6">
        <v>10</v>
      </c>
      <c r="DM440" s="6" t="s">
        <v>383</v>
      </c>
      <c r="DN440" s="6">
        <v>9</v>
      </c>
      <c r="DO440" s="6" t="s">
        <v>384</v>
      </c>
      <c r="DP440" s="6"/>
      <c r="DQ440" s="6"/>
    </row>
    <row r="441" spans="1:121" x14ac:dyDescent="0.2">
      <c r="A441" s="6" t="s">
        <v>327</v>
      </c>
      <c r="B441" s="6" t="s">
        <v>327</v>
      </c>
      <c r="C441" s="6" t="s">
        <v>194</v>
      </c>
      <c r="D441" s="6" t="s">
        <v>92</v>
      </c>
      <c r="E441" s="6" t="s">
        <v>233</v>
      </c>
      <c r="F441" s="11">
        <v>-29</v>
      </c>
      <c r="G441" s="13">
        <v>-5.4104477611900001E-2</v>
      </c>
      <c r="H441" s="11">
        <v>-2.6632319999999936</v>
      </c>
      <c r="I441" s="13">
        <v>-4.965409575562821E-3</v>
      </c>
      <c r="J441" s="11">
        <v>-21.814178999999967</v>
      </c>
      <c r="K441" s="13">
        <v>-4.087396522182489E-2</v>
      </c>
      <c r="L441" s="11">
        <v>-4.8125413810000168</v>
      </c>
      <c r="M441" s="13">
        <v>-9.4017066362518369E-3</v>
      </c>
      <c r="N441" s="11">
        <v>-26.626720380999984</v>
      </c>
      <c r="O441" s="13">
        <v>-4.9891386828000768E-2</v>
      </c>
      <c r="P441" s="7">
        <v>536.35696299999995</v>
      </c>
      <c r="Q441" s="7">
        <v>554.92688499999997</v>
      </c>
      <c r="R441" s="7">
        <v>546.02822400000002</v>
      </c>
      <c r="S441" s="7">
        <v>545.43520799999999</v>
      </c>
      <c r="T441" s="7">
        <v>549.07990099999995</v>
      </c>
      <c r="U441" s="7">
        <v>534.55832999999996</v>
      </c>
      <c r="V441" s="7">
        <v>533.69373099999996</v>
      </c>
      <c r="W441" s="7">
        <v>526.79903400000001</v>
      </c>
      <c r="X441" s="7">
        <v>532.44118200000003</v>
      </c>
      <c r="Y441" s="7">
        <v>511.87955199999999</v>
      </c>
      <c r="Z441" s="7">
        <v>506.04944</v>
      </c>
      <c r="AA441" s="7">
        <v>516.25114199999996</v>
      </c>
      <c r="AB441" s="7">
        <v>514.62730499999998</v>
      </c>
      <c r="AC441" s="7">
        <v>505.847824</v>
      </c>
      <c r="AD441" s="7">
        <v>512.18192399999998</v>
      </c>
      <c r="AE441" s="7">
        <v>509.38375000000002</v>
      </c>
      <c r="AF441" s="7">
        <v>507.06701061899997</v>
      </c>
      <c r="AG441" s="9">
        <v>11270.537291599998</v>
      </c>
      <c r="AH441" s="13">
        <v>0.4260838893535116</v>
      </c>
      <c r="AI441" s="9">
        <v>6028.6288435999995</v>
      </c>
      <c r="AJ441" s="13">
        <v>0.22791296978044873</v>
      </c>
      <c r="AK441" s="9">
        <v>4259.1307726999985</v>
      </c>
      <c r="AL441" s="13">
        <v>0.13113054957818712</v>
      </c>
      <c r="AM441" s="9">
        <v>982.77767529999983</v>
      </c>
      <c r="AN441" s="13">
        <v>2.6750102903987192E-2</v>
      </c>
      <c r="AO441" s="9">
        <v>5241.9084479999983</v>
      </c>
      <c r="AP441" s="13">
        <v>0.1613884081772472</v>
      </c>
      <c r="AQ441" s="9">
        <v>26451.451400099999</v>
      </c>
      <c r="AR441" s="9">
        <v>26938.1671776</v>
      </c>
      <c r="AS441" s="9">
        <v>28550.113588799999</v>
      </c>
      <c r="AT441" s="9">
        <v>30027.074881</v>
      </c>
      <c r="AU441" s="9">
        <v>30208.3294489</v>
      </c>
      <c r="AV441" s="9">
        <v>31546.544205800001</v>
      </c>
      <c r="AW441" s="9">
        <v>32480.080243699998</v>
      </c>
      <c r="AX441" s="9">
        <v>33374.672524599999</v>
      </c>
      <c r="AY441" s="9">
        <v>34283.288309700001</v>
      </c>
      <c r="AZ441" s="9">
        <v>36739.211016399997</v>
      </c>
      <c r="BA441" s="9">
        <v>36755.1121614</v>
      </c>
      <c r="BB441" s="9">
        <v>36075.436765400002</v>
      </c>
      <c r="BC441" s="9">
        <v>36195.071922000003</v>
      </c>
      <c r="BD441" s="9">
        <v>36768.4344145</v>
      </c>
      <c r="BE441" s="9">
        <v>36745.619533199999</v>
      </c>
      <c r="BF441" s="9">
        <v>37721.988691699997</v>
      </c>
      <c r="BG441" s="11">
        <v>-3.25</v>
      </c>
      <c r="BH441" s="13">
        <v>-6.6326530612244902E-2</v>
      </c>
      <c r="BI441" s="6">
        <v>0</v>
      </c>
      <c r="BJ441" s="13">
        <v>0</v>
      </c>
      <c r="BK441" s="6">
        <v>-2</v>
      </c>
      <c r="BL441" s="13">
        <v>-4.0816326530612242E-2</v>
      </c>
      <c r="BM441" s="11">
        <v>-1.25</v>
      </c>
      <c r="BN441" s="13">
        <v>-2.6595744680851064E-2</v>
      </c>
      <c r="BO441" s="11">
        <v>-3.25</v>
      </c>
      <c r="BP441" s="13">
        <v>-6.6326530612244902E-2</v>
      </c>
      <c r="BQ441" s="6">
        <v>49</v>
      </c>
      <c r="BR441" s="6">
        <v>48</v>
      </c>
      <c r="BS441" s="6">
        <v>48</v>
      </c>
      <c r="BT441" s="6">
        <v>49</v>
      </c>
      <c r="BU441" s="6">
        <v>49</v>
      </c>
      <c r="BV441" s="6">
        <v>48</v>
      </c>
      <c r="BW441" s="6">
        <v>47</v>
      </c>
      <c r="BX441" s="6">
        <v>45</v>
      </c>
      <c r="BY441" s="6">
        <v>45</v>
      </c>
      <c r="BZ441" s="6">
        <v>45</v>
      </c>
      <c r="CA441" s="6">
        <v>45</v>
      </c>
      <c r="CB441" s="6">
        <v>44</v>
      </c>
      <c r="CC441" s="11">
        <v>45.75</v>
      </c>
      <c r="CD441" s="11">
        <v>-56.476500000000001</v>
      </c>
      <c r="CE441" s="11">
        <v>-31.4437</v>
      </c>
      <c r="CF441" s="11">
        <v>58.630299999999998</v>
      </c>
      <c r="CG441" s="11">
        <v>28</v>
      </c>
      <c r="CH441" s="20">
        <v>1.25787</v>
      </c>
      <c r="CI441" s="20">
        <v>1.2821899999999999</v>
      </c>
      <c r="CJ441" s="20">
        <v>1.27013</v>
      </c>
      <c r="CK441" s="20">
        <v>1.2563299999999999</v>
      </c>
      <c r="CL441" s="20">
        <v>1.2896700000000001</v>
      </c>
      <c r="CM441" s="20">
        <v>1.32999</v>
      </c>
      <c r="CN441" s="20">
        <v>1.3816600000000001</v>
      </c>
      <c r="CO441" s="20">
        <v>1.3773899999999999</v>
      </c>
      <c r="CP441" s="20">
        <v>1.3183499999999999</v>
      </c>
      <c r="CQ441" s="20">
        <v>1.1449800000000001</v>
      </c>
      <c r="CR441" s="20">
        <v>1.169</v>
      </c>
      <c r="CS441" s="20">
        <v>1.21489</v>
      </c>
      <c r="CT441" s="20">
        <v>1.3911100000000001</v>
      </c>
      <c r="CU441" s="20">
        <v>1.3447899999999999</v>
      </c>
      <c r="CV441" s="20">
        <v>1.37297</v>
      </c>
      <c r="CW441" s="20">
        <v>1.37134</v>
      </c>
      <c r="CX441" s="20">
        <v>1.3550500000000001</v>
      </c>
      <c r="CY441" s="6" t="s">
        <v>454</v>
      </c>
      <c r="CZ441" s="6" t="s">
        <v>455</v>
      </c>
      <c r="DA441" s="6" t="s">
        <v>92</v>
      </c>
      <c r="DB441" s="6"/>
      <c r="DC441" s="6"/>
      <c r="DD441" s="6"/>
      <c r="DE441" s="6"/>
      <c r="DF441" s="6"/>
      <c r="DG441" s="6"/>
      <c r="DH441" s="6" t="s">
        <v>333</v>
      </c>
      <c r="DI441" s="6"/>
      <c r="DJ441" s="6"/>
      <c r="DK441" s="6"/>
      <c r="DL441" s="6">
        <v>10</v>
      </c>
      <c r="DM441" s="6" t="s">
        <v>383</v>
      </c>
      <c r="DN441" s="6">
        <v>9</v>
      </c>
      <c r="DO441" s="6" t="s">
        <v>384</v>
      </c>
      <c r="DP441" s="6"/>
      <c r="DQ441" s="6"/>
    </row>
    <row r="442" spans="1:121" x14ac:dyDescent="0.2">
      <c r="A442" s="6" t="s">
        <v>1</v>
      </c>
      <c r="B442" s="6" t="s">
        <v>1</v>
      </c>
      <c r="C442" s="6" t="s">
        <v>2</v>
      </c>
      <c r="D442" s="6" t="s">
        <v>124</v>
      </c>
      <c r="E442" s="6" t="s">
        <v>265</v>
      </c>
      <c r="F442" s="11">
        <v>-23</v>
      </c>
      <c r="G442" s="13">
        <v>-0.132183908046</v>
      </c>
      <c r="H442" s="11">
        <v>-109.4564771795</v>
      </c>
      <c r="I442" s="13">
        <v>-0.62803249398591121</v>
      </c>
      <c r="J442" s="11">
        <v>121.12934419149998</v>
      </c>
      <c r="K442" s="13">
        <v>1.868465189290784</v>
      </c>
      <c r="L442" s="11">
        <v>-34.836094912999982</v>
      </c>
      <c r="M442" s="13">
        <v>-0.18733353419611132</v>
      </c>
      <c r="N442" s="11">
        <v>86.293249278499999</v>
      </c>
      <c r="O442" s="13">
        <v>1.3311054676624243</v>
      </c>
      <c r="P442" s="7">
        <v>174.284735627</v>
      </c>
      <c r="Q442" s="7">
        <v>190.26483653899999</v>
      </c>
      <c r="R442" s="7">
        <v>106.13022537800001</v>
      </c>
      <c r="S442" s="7">
        <v>83.229327655999995</v>
      </c>
      <c r="T442" s="7">
        <v>83.770322868400001</v>
      </c>
      <c r="U442" s="7">
        <v>60.840684439900002</v>
      </c>
      <c r="V442" s="7">
        <v>64.828258447500005</v>
      </c>
      <c r="W442" s="7">
        <v>47.920175473999997</v>
      </c>
      <c r="X442" s="7">
        <v>93.046544393900007</v>
      </c>
      <c r="Y442" s="7">
        <v>185.95760263899999</v>
      </c>
      <c r="Z442" s="7">
        <v>167.281038061</v>
      </c>
      <c r="AA442" s="7">
        <v>117.19624267099999</v>
      </c>
      <c r="AB442" s="7">
        <v>114.90713515100001</v>
      </c>
      <c r="AC442" s="7">
        <v>120.321228014</v>
      </c>
      <c r="AD442" s="7">
        <v>141.32625402299999</v>
      </c>
      <c r="AE442" s="7">
        <v>145.902968423</v>
      </c>
      <c r="AF442" s="7">
        <v>151.121507726</v>
      </c>
      <c r="AG442" s="9">
        <v>2473.880037400002</v>
      </c>
      <c r="AH442" s="13">
        <v>9.3214104024823594E-2</v>
      </c>
      <c r="AI442" s="9">
        <v>-8123.6728072999977</v>
      </c>
      <c r="AJ442" s="13">
        <v>-0.30609442279955401</v>
      </c>
      <c r="AK442" s="9">
        <v>6475.0634432999977</v>
      </c>
      <c r="AL442" s="13">
        <v>0.3515982001900731</v>
      </c>
      <c r="AM442" s="9">
        <v>4122.489401400002</v>
      </c>
      <c r="AN442" s="13">
        <v>0.16562067802287225</v>
      </c>
      <c r="AO442" s="9">
        <v>10597.5528447</v>
      </c>
      <c r="AP442" s="13">
        <v>0.57545081052004687</v>
      </c>
      <c r="AQ442" s="9">
        <v>26539.760943699999</v>
      </c>
      <c r="AR442" s="9">
        <v>25430.697874400001</v>
      </c>
      <c r="AS442" s="9">
        <v>18963.000568399999</v>
      </c>
      <c r="AT442" s="9">
        <v>21344.371182800001</v>
      </c>
      <c r="AU442" s="9">
        <v>24650.2460765</v>
      </c>
      <c r="AV442" s="9">
        <v>35949.217163699999</v>
      </c>
      <c r="AW442" s="9">
        <v>18416.088136400002</v>
      </c>
      <c r="AX442" s="9">
        <v>33400.259765199997</v>
      </c>
      <c r="AY442" s="9">
        <v>26568.540639800001</v>
      </c>
      <c r="AZ442" s="9">
        <v>24891.151579699999</v>
      </c>
      <c r="BA442" s="9">
        <v>23636.160758800001</v>
      </c>
      <c r="BB442" s="9">
        <v>26536.778767299998</v>
      </c>
      <c r="BC442" s="9">
        <v>27725.830473099999</v>
      </c>
      <c r="BD442" s="9">
        <v>24427.851299499998</v>
      </c>
      <c r="BE442" s="9">
        <v>26825.1763374</v>
      </c>
      <c r="BF442" s="9">
        <v>29013.640981100001</v>
      </c>
      <c r="BG442" s="11">
        <v>3</v>
      </c>
      <c r="BH442" s="13">
        <v>0.6</v>
      </c>
      <c r="BI442" s="6">
        <v>0</v>
      </c>
      <c r="BJ442" s="13">
        <v>0</v>
      </c>
      <c r="BK442" s="6">
        <v>3</v>
      </c>
      <c r="BL442" s="13">
        <v>0.6</v>
      </c>
      <c r="BM442" s="11">
        <v>0</v>
      </c>
      <c r="BN442" s="13">
        <v>0</v>
      </c>
      <c r="BO442" s="11">
        <v>3</v>
      </c>
      <c r="BP442" s="13">
        <v>0.6</v>
      </c>
      <c r="BQ442" s="6">
        <v>5</v>
      </c>
      <c r="BR442" s="6">
        <v>7</v>
      </c>
      <c r="BS442" s="6">
        <v>6</v>
      </c>
      <c r="BT442" s="6">
        <v>5</v>
      </c>
      <c r="BU442" s="6">
        <v>7</v>
      </c>
      <c r="BV442" s="6">
        <v>6</v>
      </c>
      <c r="BW442" s="6">
        <v>8</v>
      </c>
      <c r="BX442" s="6">
        <v>9</v>
      </c>
      <c r="BY442" s="6">
        <v>7</v>
      </c>
      <c r="BZ442" s="6">
        <v>6</v>
      </c>
      <c r="CA442" s="6">
        <v>6</v>
      </c>
      <c r="CB442" s="6">
        <v>8</v>
      </c>
      <c r="CC442" s="11">
        <v>8</v>
      </c>
      <c r="CD442" s="11">
        <v>-26.3245</v>
      </c>
      <c r="CE442" s="11">
        <v>-15.8902</v>
      </c>
      <c r="CF442" s="11">
        <v>19.051400000000001</v>
      </c>
      <c r="CG442" s="11">
        <v>3</v>
      </c>
      <c r="CH442" s="20">
        <v>0.83108599999999999</v>
      </c>
      <c r="CI442" s="20">
        <v>0.88480499999999995</v>
      </c>
      <c r="CJ442" s="20">
        <v>0.48698900000000001</v>
      </c>
      <c r="CK442" s="20">
        <v>0.366116</v>
      </c>
      <c r="CL442" s="20">
        <v>0.35057899999999997</v>
      </c>
      <c r="CM442" s="20">
        <v>0.249747</v>
      </c>
      <c r="CN442" s="20">
        <v>0.25669999999999998</v>
      </c>
      <c r="CO442" s="20">
        <v>0.1961</v>
      </c>
      <c r="CP442" s="20">
        <v>0.39503300000000002</v>
      </c>
      <c r="CQ442" s="20">
        <v>0.80697099999999999</v>
      </c>
      <c r="CR442" s="20">
        <v>0.72615300000000005</v>
      </c>
      <c r="CS442" s="20">
        <v>0.49368099999999998</v>
      </c>
      <c r="CT442" s="20">
        <v>0.474468</v>
      </c>
      <c r="CU442" s="20">
        <v>0.48354200000000003</v>
      </c>
      <c r="CV442" s="20">
        <v>0.55010099999999995</v>
      </c>
      <c r="CW442" s="20">
        <v>0.57077299999999997</v>
      </c>
      <c r="CX442" s="20">
        <v>0.57890799999999998</v>
      </c>
      <c r="CY442" s="6" t="s">
        <v>456</v>
      </c>
      <c r="CZ442" s="6" t="s">
        <v>457</v>
      </c>
      <c r="DA442" s="6" t="s">
        <v>124</v>
      </c>
      <c r="DB442" s="6"/>
      <c r="DC442" s="6">
        <v>44180</v>
      </c>
      <c r="DD442" s="6">
        <v>520</v>
      </c>
      <c r="DE442" s="6" t="s">
        <v>460</v>
      </c>
      <c r="DF442" s="6" t="s">
        <v>375</v>
      </c>
      <c r="DG442" s="6" t="s">
        <v>364</v>
      </c>
      <c r="DH442" s="6" t="s">
        <v>419</v>
      </c>
      <c r="DI442" s="6" t="s">
        <v>461</v>
      </c>
      <c r="DJ442" s="6">
        <v>29</v>
      </c>
      <c r="DK442" s="6">
        <v>43</v>
      </c>
      <c r="DL442" s="6">
        <v>2</v>
      </c>
      <c r="DM442" s="6" t="s">
        <v>379</v>
      </c>
      <c r="DN442" s="6">
        <v>2</v>
      </c>
      <c r="DO442" s="6" t="s">
        <v>463</v>
      </c>
      <c r="DP442" s="6"/>
      <c r="DQ442" s="6"/>
    </row>
    <row r="443" spans="1:121" x14ac:dyDescent="0.2">
      <c r="A443" s="6" t="s">
        <v>310</v>
      </c>
      <c r="B443" s="6" t="s">
        <v>310</v>
      </c>
      <c r="C443" s="6" t="s">
        <v>173</v>
      </c>
      <c r="D443" s="6" t="s">
        <v>124</v>
      </c>
      <c r="E443" s="6" t="s">
        <v>265</v>
      </c>
      <c r="F443" s="11">
        <v>1</v>
      </c>
      <c r="G443" s="13">
        <v>1</v>
      </c>
      <c r="H443" s="11">
        <v>42.088721</v>
      </c>
      <c r="I443" s="13">
        <v>8.4177441999999996</v>
      </c>
      <c r="J443" s="11">
        <v>-23.440391999999999</v>
      </c>
      <c r="K443" s="13">
        <v>-0.49779207211850163</v>
      </c>
      <c r="L443" s="11">
        <v>67.8005127829</v>
      </c>
      <c r="M443" s="13">
        <v>2.8670318644036117</v>
      </c>
      <c r="N443" s="11">
        <v>44.360120782900005</v>
      </c>
      <c r="O443" s="13">
        <v>0.94205405967386557</v>
      </c>
      <c r="P443" s="7">
        <v>5</v>
      </c>
      <c r="Q443" s="7">
        <v>5</v>
      </c>
      <c r="R443" s="7">
        <v>36.097863975300001</v>
      </c>
      <c r="S443" s="7">
        <v>40.928014040699999</v>
      </c>
      <c r="T443" s="7">
        <v>40.997162000000003</v>
      </c>
      <c r="U443" s="7">
        <v>41.855141000000003</v>
      </c>
      <c r="V443" s="7">
        <v>47.088721</v>
      </c>
      <c r="W443" s="7">
        <v>49.843243000000001</v>
      </c>
      <c r="X443" s="7">
        <v>37.589055999999999</v>
      </c>
      <c r="Y443" s="7">
        <v>23.648329</v>
      </c>
      <c r="Z443" s="7">
        <v>33.700474999999997</v>
      </c>
      <c r="AA443" s="7">
        <v>47.600330999999997</v>
      </c>
      <c r="AB443" s="7">
        <v>68.163989999999998</v>
      </c>
      <c r="AC443" s="7">
        <v>76.902882191700002</v>
      </c>
      <c r="AD443" s="7">
        <v>80.190736212900006</v>
      </c>
      <c r="AE443" s="7">
        <v>85.087217405499999</v>
      </c>
      <c r="AF443" s="7">
        <v>91.448841782900004</v>
      </c>
      <c r="AG443" s="9">
        <v>56706.629771300002</v>
      </c>
      <c r="AH443" s="13">
        <v>56706.629771300002</v>
      </c>
      <c r="AI443" s="9">
        <v>52123.488192700002</v>
      </c>
      <c r="AJ443" s="13">
        <v>52123.488192700002</v>
      </c>
      <c r="AK443" s="9">
        <v>21865.912886600003</v>
      </c>
      <c r="AL443" s="13">
        <v>0.41949405442147458</v>
      </c>
      <c r="AM443" s="9">
        <v>-17282.771308000003</v>
      </c>
      <c r="AN443" s="13">
        <v>-0.23358126264888071</v>
      </c>
      <c r="AO443" s="9">
        <v>4583.1415785999998</v>
      </c>
      <c r="AP443" s="13">
        <v>8.7926840867127501E-2</v>
      </c>
      <c r="AQ443" s="9">
        <v>1</v>
      </c>
      <c r="AR443" s="9">
        <v>1</v>
      </c>
      <c r="AS443" s="9">
        <v>59087.119166600001</v>
      </c>
      <c r="AT443" s="9">
        <v>67256.621055099997</v>
      </c>
      <c r="AU443" s="9">
        <v>75348.422472200007</v>
      </c>
      <c r="AV443" s="9">
        <v>41133.032763000003</v>
      </c>
      <c r="AW443" s="9">
        <v>52124.488192700002</v>
      </c>
      <c r="AX443" s="9">
        <v>39878.888326699998</v>
      </c>
      <c r="AY443" s="9">
        <v>69607.418435200001</v>
      </c>
      <c r="AZ443" s="9">
        <v>73990.401079300005</v>
      </c>
      <c r="BA443" s="9">
        <v>55510.040674700002</v>
      </c>
      <c r="BB443" s="9">
        <v>49938.630997300002</v>
      </c>
      <c r="BC443" s="9">
        <v>39937.756645300004</v>
      </c>
      <c r="BD443" s="9">
        <v>48055.213554000002</v>
      </c>
      <c r="BE443" s="9">
        <v>54736.9101314</v>
      </c>
      <c r="BF443" s="9">
        <v>56707.629771300002</v>
      </c>
      <c r="BG443" s="11">
        <v>0</v>
      </c>
      <c r="BH443" s="13">
        <v>0</v>
      </c>
      <c r="BI443" s="6">
        <v>0</v>
      </c>
      <c r="BJ443" s="13">
        <v>0</v>
      </c>
      <c r="BK443" s="6">
        <v>1</v>
      </c>
      <c r="BL443" s="13">
        <v>1</v>
      </c>
      <c r="BM443" s="11">
        <v>-1</v>
      </c>
      <c r="BN443" s="13">
        <v>-0.5</v>
      </c>
      <c r="BO443" s="11">
        <v>0</v>
      </c>
      <c r="BP443" s="13">
        <v>0</v>
      </c>
      <c r="BQ443" s="6">
        <v>1</v>
      </c>
      <c r="BR443" s="6">
        <v>1</v>
      </c>
      <c r="BS443" s="6">
        <v>1</v>
      </c>
      <c r="BT443" s="6">
        <v>1</v>
      </c>
      <c r="BU443" s="6">
        <v>1</v>
      </c>
      <c r="BV443" s="6">
        <v>1</v>
      </c>
      <c r="BW443" s="6">
        <v>2</v>
      </c>
      <c r="BX443" s="6">
        <v>1</v>
      </c>
      <c r="BY443" s="6">
        <v>1</v>
      </c>
      <c r="BZ443" s="6">
        <v>1</v>
      </c>
      <c r="CA443" s="6">
        <v>1</v>
      </c>
      <c r="CB443" s="6">
        <v>1</v>
      </c>
      <c r="CC443" s="11">
        <v>1</v>
      </c>
      <c r="CD443" s="11">
        <v>87.751800000000003</v>
      </c>
      <c r="CE443" s="11">
        <v>0.316191</v>
      </c>
      <c r="CF443" s="11">
        <v>0.33314899999999997</v>
      </c>
      <c r="CG443" s="11">
        <v>0</v>
      </c>
      <c r="CH443" s="20">
        <v>5.1222900000000002E-2</v>
      </c>
      <c r="CI443" s="20">
        <v>1.3582E-2</v>
      </c>
      <c r="CJ443" s="20">
        <v>0.61847300000000005</v>
      </c>
      <c r="CK443" s="20">
        <v>0.65046499999999996</v>
      </c>
      <c r="CL443" s="20">
        <v>0.57834300000000005</v>
      </c>
      <c r="CM443" s="20">
        <v>0.52572799999999997</v>
      </c>
      <c r="CN443" s="20">
        <v>0.529443</v>
      </c>
      <c r="CO443" s="20">
        <v>0.52254800000000001</v>
      </c>
      <c r="CP443" s="20">
        <v>0.44912000000000002</v>
      </c>
      <c r="CQ443" s="20">
        <v>0.28321499999999999</v>
      </c>
      <c r="CR443" s="20">
        <v>0.36343999999999999</v>
      </c>
      <c r="CS443" s="20">
        <v>0.46228000000000002</v>
      </c>
      <c r="CT443" s="20">
        <v>0.64399200000000001</v>
      </c>
      <c r="CU443" s="20">
        <v>0.69395099999999998</v>
      </c>
      <c r="CV443" s="20">
        <v>0.79220100000000004</v>
      </c>
      <c r="CW443" s="20">
        <v>0.99440899999999999</v>
      </c>
      <c r="CX443" s="20">
        <v>1.0363199999999999</v>
      </c>
      <c r="CY443" s="6" t="s">
        <v>456</v>
      </c>
      <c r="CZ443" s="6" t="s">
        <v>457</v>
      </c>
      <c r="DA443" s="6" t="s">
        <v>124</v>
      </c>
      <c r="DB443" s="6"/>
      <c r="DC443" s="6">
        <v>44180</v>
      </c>
      <c r="DD443" s="6">
        <v>520</v>
      </c>
      <c r="DE443" s="6" t="s">
        <v>460</v>
      </c>
      <c r="DF443" s="6" t="s">
        <v>375</v>
      </c>
      <c r="DG443" s="6" t="s">
        <v>364</v>
      </c>
      <c r="DH443" s="6" t="s">
        <v>419</v>
      </c>
      <c r="DI443" s="6" t="s">
        <v>461</v>
      </c>
      <c r="DJ443" s="6">
        <v>29</v>
      </c>
      <c r="DK443" s="6">
        <v>43</v>
      </c>
      <c r="DL443" s="6">
        <v>2</v>
      </c>
      <c r="DM443" s="6" t="s">
        <v>379</v>
      </c>
      <c r="DN443" s="6">
        <v>2</v>
      </c>
      <c r="DO443" s="6" t="s">
        <v>463</v>
      </c>
      <c r="DP443" s="6"/>
      <c r="DQ443" s="6"/>
    </row>
    <row r="444" spans="1:121" x14ac:dyDescent="0.2">
      <c r="A444" s="6" t="s">
        <v>311</v>
      </c>
      <c r="B444" s="6" t="s">
        <v>311</v>
      </c>
      <c r="C444" s="6" t="s">
        <v>174</v>
      </c>
      <c r="D444" s="6" t="s">
        <v>124</v>
      </c>
      <c r="E444" s="6" t="s">
        <v>265</v>
      </c>
      <c r="F444" s="11">
        <v>14</v>
      </c>
      <c r="G444" s="13">
        <v>0.18666666666699999</v>
      </c>
      <c r="H444" s="11">
        <v>30.117138000000011</v>
      </c>
      <c r="I444" s="13">
        <v>0.40393134435197897</v>
      </c>
      <c r="J444" s="11">
        <v>-14.869189000000006</v>
      </c>
      <c r="K444" s="13">
        <v>-0.1420480471483852</v>
      </c>
      <c r="L444" s="11">
        <v>-0.50002205459999516</v>
      </c>
      <c r="M444" s="13">
        <v>-5.5676788783750337E-3</v>
      </c>
      <c r="N444" s="11">
        <v>-15.369211054600001</v>
      </c>
      <c r="O444" s="13">
        <v>-0.14682484811493776</v>
      </c>
      <c r="P444" s="7">
        <v>74.560041999999996</v>
      </c>
      <c r="Q444" s="7">
        <v>80.250283999999994</v>
      </c>
      <c r="R444" s="7">
        <v>89.633785000000003</v>
      </c>
      <c r="S444" s="7">
        <v>96.49221</v>
      </c>
      <c r="T444" s="7">
        <v>101.85731199999999</v>
      </c>
      <c r="U444" s="7">
        <v>103.069425</v>
      </c>
      <c r="V444" s="7">
        <v>104.67718000000001</v>
      </c>
      <c r="W444" s="7">
        <v>91.957189</v>
      </c>
      <c r="X444" s="7">
        <v>89.813443000000007</v>
      </c>
      <c r="Y444" s="7">
        <v>89.807991000000001</v>
      </c>
      <c r="Z444" s="7">
        <v>89.032725999999997</v>
      </c>
      <c r="AA444" s="7">
        <v>89.332032999999996</v>
      </c>
      <c r="AB444" s="7">
        <v>90.003569546999998</v>
      </c>
      <c r="AC444" s="7">
        <v>90.628233896099999</v>
      </c>
      <c r="AD444" s="7">
        <v>91.133675194399999</v>
      </c>
      <c r="AE444" s="7">
        <v>90.906700368700001</v>
      </c>
      <c r="AF444" s="7">
        <v>89.307968945400006</v>
      </c>
      <c r="AG444" s="9">
        <v>42561.257141900001</v>
      </c>
      <c r="AH444" s="13">
        <v>0.69419262621105859</v>
      </c>
      <c r="AI444" s="9">
        <v>22156.574926400004</v>
      </c>
      <c r="AJ444" s="13">
        <v>0.36138337936587278</v>
      </c>
      <c r="AK444" s="9">
        <v>4150.9842129000026</v>
      </c>
      <c r="AL444" s="13">
        <v>4.9732029937143311E-2</v>
      </c>
      <c r="AM444" s="9">
        <v>16253.698002599995</v>
      </c>
      <c r="AN444" s="13">
        <v>0.18550637637808887</v>
      </c>
      <c r="AO444" s="9">
        <v>20404.682215499997</v>
      </c>
      <c r="AP444" s="13">
        <v>0.2444640149787983</v>
      </c>
      <c r="AQ444" s="9">
        <v>61310.4425701</v>
      </c>
      <c r="AR444" s="9">
        <v>64097.214833099999</v>
      </c>
      <c r="AS444" s="9">
        <v>67328.315157300007</v>
      </c>
      <c r="AT444" s="9">
        <v>70567.515245500006</v>
      </c>
      <c r="AU444" s="9">
        <v>73911.416468399999</v>
      </c>
      <c r="AV444" s="9">
        <v>77219.782336100005</v>
      </c>
      <c r="AW444" s="9">
        <v>83467.017496500004</v>
      </c>
      <c r="AX444" s="9">
        <v>84032.748485999997</v>
      </c>
      <c r="AY444" s="9">
        <v>86527.049343199993</v>
      </c>
      <c r="AZ444" s="9">
        <v>87618.001709400007</v>
      </c>
      <c r="BA444" s="9">
        <v>100793.78812</v>
      </c>
      <c r="BB444" s="9">
        <v>95113.806653299995</v>
      </c>
      <c r="BC444" s="9">
        <v>95845.4012258</v>
      </c>
      <c r="BD444" s="9">
        <v>102456.87284</v>
      </c>
      <c r="BE444" s="9">
        <v>102597.282397</v>
      </c>
      <c r="BF444" s="9">
        <v>103871.699712</v>
      </c>
      <c r="BG444" s="11">
        <v>-1</v>
      </c>
      <c r="BH444" s="13">
        <v>-0.125</v>
      </c>
      <c r="BI444" s="6">
        <v>1</v>
      </c>
      <c r="BJ444" s="13">
        <v>0.125</v>
      </c>
      <c r="BK444" s="6">
        <v>-1</v>
      </c>
      <c r="BL444" s="13">
        <v>-0.1111111111111111</v>
      </c>
      <c r="BM444" s="11">
        <v>-1</v>
      </c>
      <c r="BN444" s="13">
        <v>-0.125</v>
      </c>
      <c r="BO444" s="11">
        <v>-2</v>
      </c>
      <c r="BP444" s="13">
        <v>-0.22222222222222221</v>
      </c>
      <c r="BQ444" s="6">
        <v>8</v>
      </c>
      <c r="BR444" s="6">
        <v>9</v>
      </c>
      <c r="BS444" s="6">
        <v>9</v>
      </c>
      <c r="BT444" s="6">
        <v>9</v>
      </c>
      <c r="BU444" s="6">
        <v>8</v>
      </c>
      <c r="BV444" s="6">
        <v>8</v>
      </c>
      <c r="BW444" s="6">
        <v>8</v>
      </c>
      <c r="BX444" s="6">
        <v>8</v>
      </c>
      <c r="BY444" s="6">
        <v>8</v>
      </c>
      <c r="BZ444" s="6">
        <v>7</v>
      </c>
      <c r="CA444" s="6">
        <v>7</v>
      </c>
      <c r="CB444" s="6">
        <v>7</v>
      </c>
      <c r="CC444" s="11">
        <v>7</v>
      </c>
      <c r="CD444" s="11">
        <v>18.7393</v>
      </c>
      <c r="CE444" s="11">
        <v>-12.1416</v>
      </c>
      <c r="CF444" s="11">
        <v>8.1503099999999993</v>
      </c>
      <c r="CG444" s="11">
        <v>-4</v>
      </c>
      <c r="CH444" s="20">
        <v>1.14375</v>
      </c>
      <c r="CI444" s="20">
        <v>1.2045300000000001</v>
      </c>
      <c r="CJ444" s="20">
        <v>1.37076</v>
      </c>
      <c r="CK444" s="20">
        <v>1.45313</v>
      </c>
      <c r="CL444" s="20">
        <v>1.5041</v>
      </c>
      <c r="CM444" s="20">
        <v>1.5006999999999999</v>
      </c>
      <c r="CN444" s="20">
        <v>1.4503600000000001</v>
      </c>
      <c r="CO444" s="20">
        <v>1.2610399999999999</v>
      </c>
      <c r="CP444" s="20">
        <v>1.26024</v>
      </c>
      <c r="CQ444" s="20">
        <v>1.30159</v>
      </c>
      <c r="CR444" s="20">
        <v>1.3018400000000001</v>
      </c>
      <c r="CS444" s="20">
        <v>1.2842100000000001</v>
      </c>
      <c r="CT444" s="20">
        <v>1.28399</v>
      </c>
      <c r="CU444" s="20">
        <v>1.2677499999999999</v>
      </c>
      <c r="CV444" s="20">
        <v>1.2365699999999999</v>
      </c>
      <c r="CW444" s="20">
        <v>1.23811</v>
      </c>
      <c r="CX444" s="20">
        <v>1.1838900000000001</v>
      </c>
      <c r="CY444" s="6" t="s">
        <v>456</v>
      </c>
      <c r="CZ444" s="6" t="s">
        <v>457</v>
      </c>
      <c r="DA444" s="6" t="s">
        <v>124</v>
      </c>
      <c r="DB444" s="6"/>
      <c r="DC444" s="6">
        <v>44180</v>
      </c>
      <c r="DD444" s="6">
        <v>520</v>
      </c>
      <c r="DE444" s="6" t="s">
        <v>460</v>
      </c>
      <c r="DF444" s="6" t="s">
        <v>375</v>
      </c>
      <c r="DG444" s="6" t="s">
        <v>364</v>
      </c>
      <c r="DH444" s="6" t="s">
        <v>419</v>
      </c>
      <c r="DI444" s="6" t="s">
        <v>461</v>
      </c>
      <c r="DJ444" s="6">
        <v>29</v>
      </c>
      <c r="DK444" s="6">
        <v>43</v>
      </c>
      <c r="DL444" s="6">
        <v>2</v>
      </c>
      <c r="DM444" s="6" t="s">
        <v>379</v>
      </c>
      <c r="DN444" s="6">
        <v>2</v>
      </c>
      <c r="DO444" s="6" t="s">
        <v>463</v>
      </c>
      <c r="DP444" s="6"/>
      <c r="DQ444" s="6"/>
    </row>
    <row r="445" spans="1:121" x14ac:dyDescent="0.2">
      <c r="A445" s="6" t="s">
        <v>312</v>
      </c>
      <c r="B445" s="6" t="s">
        <v>312</v>
      </c>
      <c r="C445" s="6" t="s">
        <v>175</v>
      </c>
      <c r="D445" s="6" t="s">
        <v>124</v>
      </c>
      <c r="E445" s="6" t="s">
        <v>265</v>
      </c>
      <c r="F445" s="11">
        <v>243</v>
      </c>
      <c r="G445" s="13">
        <v>0.11435294117600001</v>
      </c>
      <c r="H445" s="11">
        <v>956.49835468999981</v>
      </c>
      <c r="I445" s="13">
        <v>0.4500200501386456</v>
      </c>
      <c r="J445" s="11">
        <v>-955.20352486999991</v>
      </c>
      <c r="K445" s="13">
        <v>-0.30993423124482089</v>
      </c>
      <c r="L445" s="11">
        <v>241.43141730999969</v>
      </c>
      <c r="M445" s="13">
        <v>0.11352118826383656</v>
      </c>
      <c r="N445" s="11">
        <v>-713.77210756000022</v>
      </c>
      <c r="O445" s="13">
        <v>-0.23159714519553504</v>
      </c>
      <c r="P445" s="7">
        <v>2125.4571977300002</v>
      </c>
      <c r="Q445" s="7">
        <v>2065.4162012299998</v>
      </c>
      <c r="R445" s="7">
        <v>2203.8859180099998</v>
      </c>
      <c r="S445" s="7">
        <v>2495.8332028700002</v>
      </c>
      <c r="T445" s="7">
        <v>2806.3849292999998</v>
      </c>
      <c r="U445" s="7">
        <v>3098.7421379900002</v>
      </c>
      <c r="V445" s="7">
        <v>3081.95555242</v>
      </c>
      <c r="W445" s="7">
        <v>2849.56059688</v>
      </c>
      <c r="X445" s="7">
        <v>2349.0485668400001</v>
      </c>
      <c r="Y445" s="7">
        <v>2126.7520275500001</v>
      </c>
      <c r="Z445" s="7">
        <v>2073.6284962099999</v>
      </c>
      <c r="AA445" s="7">
        <v>2118.7507854199998</v>
      </c>
      <c r="AB445" s="7">
        <v>2045.0092313099999</v>
      </c>
      <c r="AC445" s="7">
        <v>2154.71456291</v>
      </c>
      <c r="AD445" s="7">
        <v>2389.0165606300002</v>
      </c>
      <c r="AE445" s="7">
        <v>2351.21774701</v>
      </c>
      <c r="AF445" s="7">
        <v>2368.1834448599998</v>
      </c>
      <c r="AG445" s="9">
        <v>9944.1453594000013</v>
      </c>
      <c r="AH445" s="13">
        <v>0.32699847240805852</v>
      </c>
      <c r="AI445" s="9">
        <v>1481.8611882999976</v>
      </c>
      <c r="AJ445" s="13">
        <v>4.8728807492424545E-2</v>
      </c>
      <c r="AK445" s="9">
        <v>2165.6804183000022</v>
      </c>
      <c r="AL445" s="13">
        <v>6.790620055365959E-2</v>
      </c>
      <c r="AM445" s="9">
        <v>6296.6037528000015</v>
      </c>
      <c r="AN445" s="13">
        <v>0.18487931261422175</v>
      </c>
      <c r="AO445" s="9">
        <v>8462.2841711000037</v>
      </c>
      <c r="AP445" s="13">
        <v>0.26533996484848543</v>
      </c>
      <c r="AQ445" s="9">
        <v>30410.372520000001</v>
      </c>
      <c r="AR445" s="9">
        <v>30487.699069800001</v>
      </c>
      <c r="AS445" s="9">
        <v>29793.616761500001</v>
      </c>
      <c r="AT445" s="9">
        <v>30735.741051100002</v>
      </c>
      <c r="AU445" s="9">
        <v>31222.698280100001</v>
      </c>
      <c r="AV445" s="9">
        <v>30311.5834392</v>
      </c>
      <c r="AW445" s="9">
        <v>31892.233708299998</v>
      </c>
      <c r="AX445" s="9">
        <v>34597.742847000001</v>
      </c>
      <c r="AY445" s="9">
        <v>33235.519789999998</v>
      </c>
      <c r="AZ445" s="9">
        <v>34057.914126600001</v>
      </c>
      <c r="BA445" s="9">
        <v>34663.924677000003</v>
      </c>
      <c r="BB445" s="9">
        <v>36298.918484599999</v>
      </c>
      <c r="BC445" s="9">
        <v>36474.281615499996</v>
      </c>
      <c r="BD445" s="9">
        <v>37958.805906000001</v>
      </c>
      <c r="BE445" s="9">
        <v>39595.982382499998</v>
      </c>
      <c r="BF445" s="9">
        <v>40354.517879400002</v>
      </c>
      <c r="BG445" s="11">
        <v>22</v>
      </c>
      <c r="BH445" s="13">
        <v>8.5271317829457363E-2</v>
      </c>
      <c r="BI445" s="6">
        <v>112</v>
      </c>
      <c r="BJ445" s="13">
        <v>0.43410852713178294</v>
      </c>
      <c r="BK445" s="6">
        <v>-70</v>
      </c>
      <c r="BL445" s="13">
        <v>-0.1891891891891892</v>
      </c>
      <c r="BM445" s="11">
        <v>-20</v>
      </c>
      <c r="BN445" s="13">
        <v>-6.6666666666666666E-2</v>
      </c>
      <c r="BO445" s="11">
        <v>-90</v>
      </c>
      <c r="BP445" s="13">
        <v>-0.24324324324324326</v>
      </c>
      <c r="BQ445" s="6">
        <v>258</v>
      </c>
      <c r="BR445" s="6">
        <v>307</v>
      </c>
      <c r="BS445" s="6">
        <v>341</v>
      </c>
      <c r="BT445" s="6">
        <v>370</v>
      </c>
      <c r="BU445" s="6">
        <v>359</v>
      </c>
      <c r="BV445" s="6">
        <v>324</v>
      </c>
      <c r="BW445" s="6">
        <v>300</v>
      </c>
      <c r="BX445" s="6">
        <v>272</v>
      </c>
      <c r="BY445" s="6">
        <v>259</v>
      </c>
      <c r="BZ445" s="6">
        <v>253</v>
      </c>
      <c r="CA445" s="6">
        <v>268</v>
      </c>
      <c r="CB445" s="6">
        <v>272</v>
      </c>
      <c r="CC445" s="11">
        <v>280</v>
      </c>
      <c r="CD445" s="11">
        <v>267.83499999999998</v>
      </c>
      <c r="CE445" s="11">
        <v>-257.447</v>
      </c>
      <c r="CF445" s="11">
        <v>232.33799999999999</v>
      </c>
      <c r="CG445" s="11">
        <v>-25</v>
      </c>
      <c r="CH445" s="20">
        <v>2.2479</v>
      </c>
      <c r="CI445" s="20">
        <v>2.1225999999999998</v>
      </c>
      <c r="CJ445" s="20">
        <v>2.2052299999999998</v>
      </c>
      <c r="CK445" s="20">
        <v>2.30579</v>
      </c>
      <c r="CL445" s="20">
        <v>2.37018</v>
      </c>
      <c r="CM445" s="20">
        <v>2.4575800000000001</v>
      </c>
      <c r="CN445" s="20">
        <v>2.3573200000000001</v>
      </c>
      <c r="CO445" s="20">
        <v>2.3151299999999999</v>
      </c>
      <c r="CP445" s="20">
        <v>2.2525300000000001</v>
      </c>
      <c r="CQ445" s="20">
        <v>2.25353</v>
      </c>
      <c r="CR445" s="20">
        <v>2.24011</v>
      </c>
      <c r="CS445" s="20">
        <v>2.2291099999999999</v>
      </c>
      <c r="CT445" s="20">
        <v>2.0834199999999998</v>
      </c>
      <c r="CU445" s="20">
        <v>2.0871499999999998</v>
      </c>
      <c r="CV445" s="20">
        <v>2.1825000000000001</v>
      </c>
      <c r="CW445" s="20">
        <v>2.1115499999999998</v>
      </c>
      <c r="CX445" s="20">
        <v>2.0730300000000002</v>
      </c>
      <c r="CY445" s="6" t="s">
        <v>456</v>
      </c>
      <c r="CZ445" s="6" t="s">
        <v>457</v>
      </c>
      <c r="DA445" s="6" t="s">
        <v>124</v>
      </c>
      <c r="DB445" s="6"/>
      <c r="DC445" s="6">
        <v>44180</v>
      </c>
      <c r="DD445" s="6">
        <v>520</v>
      </c>
      <c r="DE445" s="6" t="s">
        <v>460</v>
      </c>
      <c r="DF445" s="6" t="s">
        <v>375</v>
      </c>
      <c r="DG445" s="6" t="s">
        <v>364</v>
      </c>
      <c r="DH445" s="6" t="s">
        <v>419</v>
      </c>
      <c r="DI445" s="6" t="s">
        <v>461</v>
      </c>
      <c r="DJ445" s="6">
        <v>29</v>
      </c>
      <c r="DK445" s="6">
        <v>43</v>
      </c>
      <c r="DL445" s="6">
        <v>2</v>
      </c>
      <c r="DM445" s="6" t="s">
        <v>379</v>
      </c>
      <c r="DN445" s="6">
        <v>2</v>
      </c>
      <c r="DO445" s="6" t="s">
        <v>463</v>
      </c>
      <c r="DP445" s="6"/>
      <c r="DQ445" s="6"/>
    </row>
    <row r="446" spans="1:121" x14ac:dyDescent="0.2">
      <c r="A446" s="6" t="s">
        <v>792</v>
      </c>
      <c r="B446" s="6" t="s">
        <v>176</v>
      </c>
      <c r="C446" s="6" t="s">
        <v>177</v>
      </c>
      <c r="D446" s="6" t="s">
        <v>124</v>
      </c>
      <c r="E446" s="6" t="s">
        <v>265</v>
      </c>
      <c r="F446" s="11">
        <v>-784</v>
      </c>
      <c r="G446" s="13">
        <v>-0.32558139534899999</v>
      </c>
      <c r="H446" s="11">
        <v>-757.88725851999993</v>
      </c>
      <c r="I446" s="13">
        <v>-0.31478676358286189</v>
      </c>
      <c r="J446" s="11">
        <v>-322.80748020999999</v>
      </c>
      <c r="K446" s="13">
        <v>-0.19567245896617175</v>
      </c>
      <c r="L446" s="11">
        <v>296.90764442</v>
      </c>
      <c r="M446" s="13">
        <v>0.22375592939832201</v>
      </c>
      <c r="N446" s="11">
        <v>-25.899835789999997</v>
      </c>
      <c r="O446" s="13">
        <v>-1.5699402481480561E-2</v>
      </c>
      <c r="P446" s="7">
        <v>2407.62111435</v>
      </c>
      <c r="Q446" s="7">
        <v>2310.7708666399999</v>
      </c>
      <c r="R446" s="7">
        <v>2221.34582009</v>
      </c>
      <c r="S446" s="7">
        <v>2145.5698836800002</v>
      </c>
      <c r="T446" s="7">
        <v>1546.1554687800001</v>
      </c>
      <c r="U446" s="7">
        <v>1642.49573616</v>
      </c>
      <c r="V446" s="7">
        <v>1649.73385583</v>
      </c>
      <c r="W446" s="7">
        <v>1720.5978061000001</v>
      </c>
      <c r="X446" s="7">
        <v>1394.44988859</v>
      </c>
      <c r="Y446" s="7">
        <v>1326.92637562</v>
      </c>
      <c r="Z446" s="7">
        <v>1346.4396889899999</v>
      </c>
      <c r="AA446" s="7">
        <v>1431.4028753600001</v>
      </c>
      <c r="AB446" s="7">
        <v>1490.99551036</v>
      </c>
      <c r="AC446" s="7">
        <v>1567.7780075999999</v>
      </c>
      <c r="AD446" s="7">
        <v>1633.1956719699999</v>
      </c>
      <c r="AE446" s="7">
        <v>1571.00423108</v>
      </c>
      <c r="AF446" s="7">
        <v>1623.83402004</v>
      </c>
      <c r="AG446" s="9">
        <v>12282.347802300003</v>
      </c>
      <c r="AH446" s="13">
        <v>0.41759492025328354</v>
      </c>
      <c r="AI446" s="9">
        <v>4393.4117270000024</v>
      </c>
      <c r="AJ446" s="13">
        <v>0.14937424418423045</v>
      </c>
      <c r="AK446" s="9">
        <v>1704.987251999999</v>
      </c>
      <c r="AL446" s="13">
        <v>5.0435170237228856E-2</v>
      </c>
      <c r="AM446" s="9">
        <v>6183.9488233000011</v>
      </c>
      <c r="AN446" s="13">
        <v>0.17414418916884128</v>
      </c>
      <c r="AO446" s="9">
        <v>7888.9360753000001</v>
      </c>
      <c r="AP446" s="13">
        <v>0.23336235123262483</v>
      </c>
      <c r="AQ446" s="9">
        <v>29412.1101733</v>
      </c>
      <c r="AR446" s="9">
        <v>30651.970772000001</v>
      </c>
      <c r="AS446" s="9">
        <v>30501.6309392</v>
      </c>
      <c r="AT446" s="9">
        <v>30784.4964803</v>
      </c>
      <c r="AU446" s="9">
        <v>32558.410770499999</v>
      </c>
      <c r="AV446" s="9">
        <v>31473.3774691</v>
      </c>
      <c r="AW446" s="9">
        <v>33805.521900300002</v>
      </c>
      <c r="AX446" s="9">
        <v>34841.041199400002</v>
      </c>
      <c r="AY446" s="9">
        <v>35735.2072702</v>
      </c>
      <c r="AZ446" s="9">
        <v>35510.509152300001</v>
      </c>
      <c r="BA446" s="9">
        <v>35740.665833799998</v>
      </c>
      <c r="BB446" s="9">
        <v>37500.2844606</v>
      </c>
      <c r="BC446" s="9">
        <v>38693.453154000003</v>
      </c>
      <c r="BD446" s="9">
        <v>40906.772017199997</v>
      </c>
      <c r="BE446" s="9">
        <v>40312.977797</v>
      </c>
      <c r="BF446" s="9">
        <v>41694.457975600002</v>
      </c>
      <c r="BG446" s="11">
        <v>-10.75</v>
      </c>
      <c r="BH446" s="13">
        <v>-9.4298245614035089E-2</v>
      </c>
      <c r="BI446" s="6">
        <v>-6</v>
      </c>
      <c r="BJ446" s="13">
        <v>-5.2631578947368418E-2</v>
      </c>
      <c r="BK446" s="6">
        <v>-5</v>
      </c>
      <c r="BL446" s="13">
        <v>-4.6296296296296294E-2</v>
      </c>
      <c r="BM446" s="11">
        <v>0.25</v>
      </c>
      <c r="BN446" s="13">
        <v>2.4271844660194173E-3</v>
      </c>
      <c r="BO446" s="11">
        <v>-4.75</v>
      </c>
      <c r="BP446" s="13">
        <v>-4.3981481481481483E-2</v>
      </c>
      <c r="BQ446" s="6">
        <v>114</v>
      </c>
      <c r="BR446" s="6">
        <v>103</v>
      </c>
      <c r="BS446" s="6">
        <v>103</v>
      </c>
      <c r="BT446" s="6">
        <v>108</v>
      </c>
      <c r="BU446" s="6">
        <v>109</v>
      </c>
      <c r="BV446" s="6">
        <v>103</v>
      </c>
      <c r="BW446" s="6">
        <v>103</v>
      </c>
      <c r="BX446" s="6">
        <v>98</v>
      </c>
      <c r="BY446" s="6">
        <v>102</v>
      </c>
      <c r="BZ446" s="6">
        <v>102</v>
      </c>
      <c r="CA446" s="6">
        <v>103</v>
      </c>
      <c r="CB446" s="6">
        <v>108</v>
      </c>
      <c r="CC446" s="11">
        <v>103.25</v>
      </c>
      <c r="CD446" s="11">
        <v>-197.13300000000001</v>
      </c>
      <c r="CE446" s="11">
        <v>-849.83699999999999</v>
      </c>
      <c r="CF446" s="11">
        <v>263.18200000000002</v>
      </c>
      <c r="CG446" s="11">
        <v>-587</v>
      </c>
      <c r="CH446" s="20">
        <v>1.33005</v>
      </c>
      <c r="CI446" s="20">
        <v>1.32558</v>
      </c>
      <c r="CJ446" s="20">
        <v>1.32626</v>
      </c>
      <c r="CK446" s="20">
        <v>1.25274</v>
      </c>
      <c r="CL446" s="20">
        <v>0.86903600000000003</v>
      </c>
      <c r="CM446" s="20">
        <v>0.90866100000000005</v>
      </c>
      <c r="CN446" s="20">
        <v>0.891127</v>
      </c>
      <c r="CO446" s="20">
        <v>0.96588399999999996</v>
      </c>
      <c r="CP446" s="20">
        <v>0.91027000000000002</v>
      </c>
      <c r="CQ446" s="20">
        <v>0.90546700000000002</v>
      </c>
      <c r="CR446" s="20">
        <v>0.90881699999999999</v>
      </c>
      <c r="CS446" s="20">
        <v>0.93419300000000005</v>
      </c>
      <c r="CT446" s="20">
        <v>0.957117</v>
      </c>
      <c r="CU446" s="20">
        <v>0.98033199999999998</v>
      </c>
      <c r="CV446" s="20">
        <v>0.99014000000000002</v>
      </c>
      <c r="CW446" s="20">
        <v>0.95671300000000004</v>
      </c>
      <c r="CX446" s="20">
        <v>0.97008799999999995</v>
      </c>
      <c r="CY446" s="6" t="s">
        <v>456</v>
      </c>
      <c r="CZ446" s="6" t="s">
        <v>457</v>
      </c>
      <c r="DA446" s="6" t="s">
        <v>124</v>
      </c>
      <c r="DB446" s="6"/>
      <c r="DC446" s="6">
        <v>44180</v>
      </c>
      <c r="DD446" s="6">
        <v>520</v>
      </c>
      <c r="DE446" s="6" t="s">
        <v>460</v>
      </c>
      <c r="DF446" s="6" t="s">
        <v>375</v>
      </c>
      <c r="DG446" s="6" t="s">
        <v>364</v>
      </c>
      <c r="DH446" s="6" t="s">
        <v>419</v>
      </c>
      <c r="DI446" s="6" t="s">
        <v>461</v>
      </c>
      <c r="DJ446" s="6">
        <v>29</v>
      </c>
      <c r="DK446" s="6">
        <v>43</v>
      </c>
      <c r="DL446" s="6">
        <v>2</v>
      </c>
      <c r="DM446" s="6" t="s">
        <v>379</v>
      </c>
      <c r="DN446" s="6">
        <v>2</v>
      </c>
      <c r="DO446" s="6" t="s">
        <v>463</v>
      </c>
      <c r="DP446" s="6"/>
      <c r="DQ446" s="6"/>
    </row>
    <row r="447" spans="1:121" x14ac:dyDescent="0.2">
      <c r="A447" s="6" t="s">
        <v>313</v>
      </c>
      <c r="B447" s="6" t="s">
        <v>313</v>
      </c>
      <c r="C447" s="6" t="s">
        <v>178</v>
      </c>
      <c r="D447" s="6" t="s">
        <v>124</v>
      </c>
      <c r="E447" s="6" t="s">
        <v>265</v>
      </c>
      <c r="F447" s="11">
        <v>292</v>
      </c>
      <c r="G447" s="13">
        <v>0.65178571428599996</v>
      </c>
      <c r="H447" s="11">
        <v>226.70758331800005</v>
      </c>
      <c r="I447" s="13">
        <v>0.50598582701121197</v>
      </c>
      <c r="J447" s="11">
        <v>-61.155915421000032</v>
      </c>
      <c r="K447" s="13">
        <v>-9.0633737884379395E-2</v>
      </c>
      <c r="L447" s="11">
        <v>126.25808834099996</v>
      </c>
      <c r="M447" s="13">
        <v>0.20576513610697345</v>
      </c>
      <c r="N447" s="11">
        <v>65.10217291999993</v>
      </c>
      <c r="O447" s="13">
        <v>9.6482134810930945E-2</v>
      </c>
      <c r="P447" s="7">
        <v>448.051252062</v>
      </c>
      <c r="Q447" s="7">
        <v>441.257609613</v>
      </c>
      <c r="R447" s="7">
        <v>469.04407725499999</v>
      </c>
      <c r="S447" s="7">
        <v>563.19786951499998</v>
      </c>
      <c r="T447" s="7">
        <v>652.96808145900002</v>
      </c>
      <c r="U447" s="7">
        <v>685.61921776300005</v>
      </c>
      <c r="V447" s="7">
        <v>674.75883538000005</v>
      </c>
      <c r="W447" s="7">
        <v>678.17718550699999</v>
      </c>
      <c r="X447" s="7">
        <v>634.05813597099996</v>
      </c>
      <c r="Y447" s="7">
        <v>613.60291995900002</v>
      </c>
      <c r="Z447" s="7">
        <v>670.73698919000003</v>
      </c>
      <c r="AA447" s="7">
        <v>667.69512874999998</v>
      </c>
      <c r="AB447" s="7">
        <v>698.03278841899998</v>
      </c>
      <c r="AC447" s="7">
        <v>671.67569515900004</v>
      </c>
      <c r="AD447" s="7">
        <v>687.15439560899995</v>
      </c>
      <c r="AE447" s="7">
        <v>707.690449242</v>
      </c>
      <c r="AF447" s="7">
        <v>739.86100829999998</v>
      </c>
      <c r="AG447" s="9">
        <v>19242.426660699999</v>
      </c>
      <c r="AH447" s="13">
        <v>0.5942611755577496</v>
      </c>
      <c r="AI447" s="9">
        <v>9518.1931827999979</v>
      </c>
      <c r="AJ447" s="13">
        <v>0.29394903094777969</v>
      </c>
      <c r="AK447" s="9">
        <v>2478.7159133000023</v>
      </c>
      <c r="AL447" s="13">
        <v>5.9159855290041398E-2</v>
      </c>
      <c r="AM447" s="9">
        <v>7245.5175645999989</v>
      </c>
      <c r="AN447" s="13">
        <v>0.16327069824750931</v>
      </c>
      <c r="AO447" s="9">
        <v>9724.2334779000012</v>
      </c>
      <c r="AP447" s="13">
        <v>0.23208962441897735</v>
      </c>
      <c r="AQ447" s="9">
        <v>32380.420347399999</v>
      </c>
      <c r="AR447" s="9">
        <v>32535.1101748</v>
      </c>
      <c r="AS447" s="9">
        <v>35233.729380800003</v>
      </c>
      <c r="AT447" s="9">
        <v>36724.354071100002</v>
      </c>
      <c r="AU447" s="9">
        <v>39610.069152600001</v>
      </c>
      <c r="AV447" s="9">
        <v>41641.857840299999</v>
      </c>
      <c r="AW447" s="9">
        <v>41898.613530199997</v>
      </c>
      <c r="AX447" s="9">
        <v>42638.320634099997</v>
      </c>
      <c r="AY447" s="9">
        <v>41644.125906300003</v>
      </c>
      <c r="AZ447" s="9">
        <v>44377.329443499999</v>
      </c>
      <c r="BA447" s="9">
        <v>47272.674926</v>
      </c>
      <c r="BB447" s="9">
        <v>48803.276682000003</v>
      </c>
      <c r="BC447" s="9">
        <v>47501.830395999998</v>
      </c>
      <c r="BD447" s="9">
        <v>52524.854578999999</v>
      </c>
      <c r="BE447" s="9">
        <v>51406.193502800001</v>
      </c>
      <c r="BF447" s="9">
        <v>51622.847008099998</v>
      </c>
      <c r="BG447" s="11">
        <v>13.75</v>
      </c>
      <c r="BH447" s="13">
        <v>0.16975308641975309</v>
      </c>
      <c r="BI447" s="6">
        <v>5</v>
      </c>
      <c r="BJ447" s="13">
        <v>6.1728395061728392E-2</v>
      </c>
      <c r="BK447" s="6">
        <v>2</v>
      </c>
      <c r="BL447" s="13">
        <v>2.3255813953488372E-2</v>
      </c>
      <c r="BM447" s="11">
        <v>6.75</v>
      </c>
      <c r="BN447" s="13">
        <v>7.6704545454545456E-2</v>
      </c>
      <c r="BO447" s="11">
        <v>8.75</v>
      </c>
      <c r="BP447" s="13">
        <v>0.10174418604651163</v>
      </c>
      <c r="BQ447" s="6">
        <v>81</v>
      </c>
      <c r="BR447" s="6">
        <v>90</v>
      </c>
      <c r="BS447" s="6">
        <v>93</v>
      </c>
      <c r="BT447" s="6">
        <v>86</v>
      </c>
      <c r="BU447" s="6">
        <v>85</v>
      </c>
      <c r="BV447" s="6">
        <v>87</v>
      </c>
      <c r="BW447" s="6">
        <v>88</v>
      </c>
      <c r="BX447" s="6">
        <v>89</v>
      </c>
      <c r="BY447" s="6">
        <v>91</v>
      </c>
      <c r="BZ447" s="6">
        <v>97</v>
      </c>
      <c r="CA447" s="6">
        <v>90</v>
      </c>
      <c r="CB447" s="6">
        <v>94</v>
      </c>
      <c r="CC447" s="11">
        <v>94.75</v>
      </c>
      <c r="CD447" s="11">
        <v>279.46800000000002</v>
      </c>
      <c r="CE447" s="11">
        <v>-36.636000000000003</v>
      </c>
      <c r="CF447" s="11">
        <v>48.977400000000003</v>
      </c>
      <c r="CG447" s="11">
        <v>12</v>
      </c>
      <c r="CH447" s="20">
        <v>0.69512300000000005</v>
      </c>
      <c r="CI447" s="20">
        <v>0.67515999999999998</v>
      </c>
      <c r="CJ447" s="20">
        <v>0.71402399999999999</v>
      </c>
      <c r="CK447" s="20">
        <v>0.81858299999999995</v>
      </c>
      <c r="CL447" s="20">
        <v>0.89193999999999996</v>
      </c>
      <c r="CM447" s="20">
        <v>0.89688500000000004</v>
      </c>
      <c r="CN447" s="20">
        <v>0.83133500000000005</v>
      </c>
      <c r="CO447" s="20">
        <v>0.84609400000000001</v>
      </c>
      <c r="CP447" s="20">
        <v>0.86954200000000004</v>
      </c>
      <c r="CQ447" s="20">
        <v>0.87088299999999996</v>
      </c>
      <c r="CR447" s="20">
        <v>0.94577800000000001</v>
      </c>
      <c r="CS447" s="20">
        <v>0.90926899999999999</v>
      </c>
      <c r="CT447" s="20">
        <v>0.92968099999999998</v>
      </c>
      <c r="CU447" s="20">
        <v>0.87249200000000005</v>
      </c>
      <c r="CV447" s="20">
        <v>0.86597999999999997</v>
      </c>
      <c r="CW447" s="20">
        <v>0.89817899999999995</v>
      </c>
      <c r="CX447" s="20">
        <v>0.91366400000000003</v>
      </c>
      <c r="CY447" s="6" t="s">
        <v>456</v>
      </c>
      <c r="CZ447" s="6" t="s">
        <v>457</v>
      </c>
      <c r="DA447" s="6" t="s">
        <v>124</v>
      </c>
      <c r="DB447" s="6"/>
      <c r="DC447" s="6">
        <v>44180</v>
      </c>
      <c r="DD447" s="6">
        <v>520</v>
      </c>
      <c r="DE447" s="6" t="s">
        <v>460</v>
      </c>
      <c r="DF447" s="6" t="s">
        <v>375</v>
      </c>
      <c r="DG447" s="6" t="s">
        <v>364</v>
      </c>
      <c r="DH447" s="6" t="s">
        <v>419</v>
      </c>
      <c r="DI447" s="6" t="s">
        <v>461</v>
      </c>
      <c r="DJ447" s="6">
        <v>29</v>
      </c>
      <c r="DK447" s="6">
        <v>43</v>
      </c>
      <c r="DL447" s="6">
        <v>2</v>
      </c>
      <c r="DM447" s="6" t="s">
        <v>379</v>
      </c>
      <c r="DN447" s="6">
        <v>2</v>
      </c>
      <c r="DO447" s="6" t="s">
        <v>463</v>
      </c>
      <c r="DP447" s="6"/>
      <c r="DQ447" s="6"/>
    </row>
    <row r="448" spans="1:121" x14ac:dyDescent="0.2">
      <c r="A448" s="6" t="s">
        <v>793</v>
      </c>
      <c r="B448" s="6" t="s">
        <v>179</v>
      </c>
      <c r="C448" s="6" t="s">
        <v>180</v>
      </c>
      <c r="D448" s="6" t="s">
        <v>124</v>
      </c>
      <c r="E448" s="6" t="s">
        <v>265</v>
      </c>
      <c r="F448" s="11">
        <v>841</v>
      </c>
      <c r="G448" s="13">
        <v>0.37</v>
      </c>
      <c r="H448" s="11">
        <v>537</v>
      </c>
      <c r="I448" s="13">
        <v>0.23740053050397877</v>
      </c>
      <c r="J448" s="11">
        <v>-338</v>
      </c>
      <c r="K448" s="13">
        <v>-0.12075741336191496</v>
      </c>
      <c r="L448" s="11">
        <v>642</v>
      </c>
      <c r="M448" s="13">
        <v>0.2608695652173913</v>
      </c>
      <c r="N448" s="11">
        <v>304</v>
      </c>
      <c r="O448" s="13">
        <v>0.10861021793497676</v>
      </c>
      <c r="P448" s="7">
        <v>2262</v>
      </c>
      <c r="Q448" s="7">
        <v>2236</v>
      </c>
      <c r="R448" s="7">
        <v>2257</v>
      </c>
      <c r="S448" s="7">
        <v>2458</v>
      </c>
      <c r="T448" s="7">
        <v>2586</v>
      </c>
      <c r="U448" s="7">
        <v>2734</v>
      </c>
      <c r="V448" s="7">
        <v>2799</v>
      </c>
      <c r="W448" s="7">
        <v>2749</v>
      </c>
      <c r="X448" s="7">
        <v>2569</v>
      </c>
      <c r="Y448" s="7">
        <v>2461</v>
      </c>
      <c r="Z448" s="7">
        <v>2565</v>
      </c>
      <c r="AA448" s="7">
        <v>2672</v>
      </c>
      <c r="AB448" s="7">
        <v>2685</v>
      </c>
      <c r="AC448" s="7">
        <v>2778</v>
      </c>
      <c r="AD448" s="7">
        <v>2892</v>
      </c>
      <c r="AE448" s="7">
        <v>2972</v>
      </c>
      <c r="AF448" s="7">
        <v>3103</v>
      </c>
      <c r="AG448" s="9">
        <v>5762</v>
      </c>
      <c r="AH448" s="13">
        <v>0.25506861443116424</v>
      </c>
      <c r="AI448" s="9">
        <v>3911</v>
      </c>
      <c r="AJ448" s="13">
        <v>0.17312970340858788</v>
      </c>
      <c r="AK448" s="9">
        <v>586</v>
      </c>
      <c r="AL448" s="13">
        <v>2.2112373117995548E-2</v>
      </c>
      <c r="AM448" s="9">
        <v>1265</v>
      </c>
      <c r="AN448" s="13">
        <v>4.6701369660722858E-2</v>
      </c>
      <c r="AO448" s="9">
        <v>1851</v>
      </c>
      <c r="AP448" s="13">
        <v>6.9846420889777744E-2</v>
      </c>
      <c r="AQ448" s="9">
        <v>22590</v>
      </c>
      <c r="AR448" s="9">
        <v>23806</v>
      </c>
      <c r="AS448" s="9">
        <v>24413</v>
      </c>
      <c r="AT448" s="9">
        <v>23954</v>
      </c>
      <c r="AU448" s="9">
        <v>24755</v>
      </c>
      <c r="AV448" s="9">
        <v>25167</v>
      </c>
      <c r="AW448" s="9">
        <v>26501</v>
      </c>
      <c r="AX448" s="9">
        <v>26096</v>
      </c>
      <c r="AY448" s="9">
        <v>26968</v>
      </c>
      <c r="AZ448" s="9">
        <v>27087</v>
      </c>
      <c r="BA448" s="9">
        <v>26763</v>
      </c>
      <c r="BB448" s="9">
        <v>26220</v>
      </c>
      <c r="BC448" s="9">
        <v>26787</v>
      </c>
      <c r="BD448" s="9">
        <v>27680</v>
      </c>
      <c r="BE448" s="9">
        <v>27722</v>
      </c>
      <c r="BF448" s="9">
        <v>28352</v>
      </c>
      <c r="BG448" s="11">
        <v>48</v>
      </c>
      <c r="BH448" s="13">
        <v>0.28235294117647058</v>
      </c>
      <c r="BI448" s="6">
        <v>31</v>
      </c>
      <c r="BJ448" s="13">
        <v>0.18235294117647058</v>
      </c>
      <c r="BK448" s="6">
        <v>-18</v>
      </c>
      <c r="BL448" s="13">
        <v>-8.9552238805970144E-2</v>
      </c>
      <c r="BM448" s="11">
        <v>35</v>
      </c>
      <c r="BN448" s="13">
        <v>0.19125683060109289</v>
      </c>
      <c r="BO448" s="11">
        <v>17</v>
      </c>
      <c r="BP448" s="13">
        <v>8.45771144278607E-2</v>
      </c>
      <c r="BQ448" s="6">
        <v>170</v>
      </c>
      <c r="BR448" s="6">
        <v>182</v>
      </c>
      <c r="BS448" s="6">
        <v>195</v>
      </c>
      <c r="BT448" s="6">
        <v>201</v>
      </c>
      <c r="BU448" s="6">
        <v>200</v>
      </c>
      <c r="BV448" s="6">
        <v>195</v>
      </c>
      <c r="BW448" s="6">
        <v>183</v>
      </c>
      <c r="BX448" s="6">
        <v>183</v>
      </c>
      <c r="BY448" s="6">
        <v>194</v>
      </c>
      <c r="BZ448" s="6">
        <v>204</v>
      </c>
      <c r="CA448" s="6">
        <v>212</v>
      </c>
      <c r="CB448" s="6">
        <v>219</v>
      </c>
      <c r="CC448" s="11">
        <v>218</v>
      </c>
      <c r="CD448" s="11">
        <v>739</v>
      </c>
      <c r="CE448" s="11">
        <v>-145</v>
      </c>
      <c r="CF448" s="11">
        <v>247</v>
      </c>
      <c r="CG448" s="11">
        <v>102</v>
      </c>
      <c r="CH448" s="20">
        <v>1.31</v>
      </c>
      <c r="CI448" s="20">
        <v>1.25</v>
      </c>
      <c r="CJ448" s="20">
        <v>1.26</v>
      </c>
      <c r="CK448" s="20">
        <v>1.32</v>
      </c>
      <c r="CL448" s="20">
        <v>1.31</v>
      </c>
      <c r="CM448" s="20">
        <v>1.35</v>
      </c>
      <c r="CN448" s="20">
        <v>1.31</v>
      </c>
      <c r="CO448" s="20">
        <v>1.31</v>
      </c>
      <c r="CP448" s="20">
        <v>1.32</v>
      </c>
      <c r="CQ448" s="20">
        <v>1.3</v>
      </c>
      <c r="CR448" s="20">
        <v>1.35</v>
      </c>
      <c r="CS448" s="20">
        <v>1.36</v>
      </c>
      <c r="CT448" s="20">
        <v>1.34</v>
      </c>
      <c r="CU448" s="20">
        <v>1.35</v>
      </c>
      <c r="CV448" s="20">
        <v>1.35</v>
      </c>
      <c r="CW448" s="20">
        <v>1.38</v>
      </c>
      <c r="CX448" s="20">
        <v>1.4</v>
      </c>
      <c r="CY448" s="6" t="s">
        <v>456</v>
      </c>
      <c r="CZ448" s="6" t="s">
        <v>457</v>
      </c>
      <c r="DA448" s="6" t="s">
        <v>124</v>
      </c>
      <c r="DB448" s="6"/>
      <c r="DC448" s="6">
        <v>44180</v>
      </c>
      <c r="DD448" s="6">
        <v>520</v>
      </c>
      <c r="DE448" s="6" t="s">
        <v>460</v>
      </c>
      <c r="DF448" s="6" t="s">
        <v>375</v>
      </c>
      <c r="DG448" s="6" t="s">
        <v>364</v>
      </c>
      <c r="DH448" s="6" t="s">
        <v>419</v>
      </c>
      <c r="DI448" s="6" t="s">
        <v>461</v>
      </c>
      <c r="DJ448" s="6">
        <v>29</v>
      </c>
      <c r="DK448" s="6">
        <v>43</v>
      </c>
      <c r="DL448" s="6">
        <v>2</v>
      </c>
      <c r="DM448" s="6" t="s">
        <v>379</v>
      </c>
      <c r="DN448" s="6">
        <v>2</v>
      </c>
      <c r="DO448" s="6" t="s">
        <v>463</v>
      </c>
      <c r="DP448" s="6"/>
      <c r="DQ448" s="6"/>
    </row>
    <row r="449" spans="1:121" x14ac:dyDescent="0.2">
      <c r="A449" s="6" t="s">
        <v>794</v>
      </c>
      <c r="B449" s="6" t="s">
        <v>181</v>
      </c>
      <c r="C449" s="6" t="s">
        <v>182</v>
      </c>
      <c r="D449" s="6" t="s">
        <v>124</v>
      </c>
      <c r="E449" s="6" t="s">
        <v>265</v>
      </c>
      <c r="F449" s="11">
        <v>271</v>
      </c>
      <c r="G449" s="13">
        <v>0.62731481481499995</v>
      </c>
      <c r="H449" s="11">
        <v>232.04668022399994</v>
      </c>
      <c r="I449" s="13">
        <v>0.53748301276461397</v>
      </c>
      <c r="J449" s="11">
        <v>-53.984741592999967</v>
      </c>
      <c r="K449" s="13">
        <v>-8.1329871123783259E-2</v>
      </c>
      <c r="L449" s="11">
        <v>93.111222403000056</v>
      </c>
      <c r="M449" s="13">
        <v>0.15269383058588454</v>
      </c>
      <c r="N449" s="11">
        <v>39.126480810000089</v>
      </c>
      <c r="O449" s="13">
        <v>5.8945389899154502E-2</v>
      </c>
      <c r="P449" s="7">
        <v>431.72839831800002</v>
      </c>
      <c r="Q449" s="7">
        <v>444.36004752600002</v>
      </c>
      <c r="R449" s="7">
        <v>456.01822413600001</v>
      </c>
      <c r="S449" s="7">
        <v>502.36166282900001</v>
      </c>
      <c r="T449" s="7">
        <v>531.70561891299997</v>
      </c>
      <c r="U449" s="7">
        <v>558.37440574699997</v>
      </c>
      <c r="V449" s="7">
        <v>663.77507854199996</v>
      </c>
      <c r="W449" s="7">
        <v>610.69575776399995</v>
      </c>
      <c r="X449" s="7">
        <v>522.74062632899995</v>
      </c>
      <c r="Y449" s="7">
        <v>609.79033694899999</v>
      </c>
      <c r="Z449" s="7">
        <v>584.23435108700005</v>
      </c>
      <c r="AA449" s="7">
        <v>593.014306283</v>
      </c>
      <c r="AB449" s="7">
        <v>627.27308947699998</v>
      </c>
      <c r="AC449" s="7">
        <v>598.36135310400005</v>
      </c>
      <c r="AD449" s="7">
        <v>685.75667581699997</v>
      </c>
      <c r="AE449" s="7">
        <v>681.79560176400003</v>
      </c>
      <c r="AF449" s="7">
        <v>702.90155935200005</v>
      </c>
      <c r="AG449" s="9">
        <v>18508.869742700001</v>
      </c>
      <c r="AH449" s="13">
        <v>0.60281722394185056</v>
      </c>
      <c r="AI449" s="9">
        <v>7216.603489299996</v>
      </c>
      <c r="AJ449" s="13">
        <v>0.23503827852182463</v>
      </c>
      <c r="AK449" s="9">
        <v>2710.4778379999989</v>
      </c>
      <c r="AL449" s="13">
        <v>7.1477803133277243E-2</v>
      </c>
      <c r="AM449" s="9">
        <v>8581.7884154000058</v>
      </c>
      <c r="AN449" s="13">
        <v>0.21121266655657028</v>
      </c>
      <c r="AO449" s="9">
        <v>11292.266253400005</v>
      </c>
      <c r="AP449" s="13">
        <v>0.29778748708923258</v>
      </c>
      <c r="AQ449" s="9">
        <v>30703.949734000002</v>
      </c>
      <c r="AR449" s="9">
        <v>32097.176686300001</v>
      </c>
      <c r="AS449" s="9">
        <v>32593.013625299998</v>
      </c>
      <c r="AT449" s="9">
        <v>33272.219318299998</v>
      </c>
      <c r="AU449" s="9">
        <v>36346.218475100002</v>
      </c>
      <c r="AV449" s="9">
        <v>38212.6776493</v>
      </c>
      <c r="AW449" s="9">
        <v>37920.553223299998</v>
      </c>
      <c r="AX449" s="9">
        <v>38738.577326799998</v>
      </c>
      <c r="AY449" s="9">
        <v>37971.665509899998</v>
      </c>
      <c r="AZ449" s="9">
        <v>40631.031061299997</v>
      </c>
      <c r="BA449" s="9">
        <v>43877.160331899999</v>
      </c>
      <c r="BB449" s="9">
        <v>44131.951742700003</v>
      </c>
      <c r="BC449" s="9">
        <v>43916.1598018</v>
      </c>
      <c r="BD449" s="9">
        <v>48416.775286399999</v>
      </c>
      <c r="BE449" s="9">
        <v>48661.694593400003</v>
      </c>
      <c r="BF449" s="9">
        <v>49212.819476700002</v>
      </c>
      <c r="BG449" s="11">
        <v>2.25</v>
      </c>
      <c r="BH449" s="13">
        <v>4.2452830188679243E-2</v>
      </c>
      <c r="BI449" s="6">
        <v>-2</v>
      </c>
      <c r="BJ449" s="13">
        <v>-3.7735849056603772E-2</v>
      </c>
      <c r="BK449" s="6">
        <v>0</v>
      </c>
      <c r="BL449" s="13">
        <v>0</v>
      </c>
      <c r="BM449" s="11">
        <v>4.25</v>
      </c>
      <c r="BN449" s="13">
        <v>8.3333333333333329E-2</v>
      </c>
      <c r="BO449" s="11">
        <v>4.25</v>
      </c>
      <c r="BP449" s="13">
        <v>8.3333333333333329E-2</v>
      </c>
      <c r="BQ449" s="6">
        <v>53</v>
      </c>
      <c r="BR449" s="6">
        <v>55</v>
      </c>
      <c r="BS449" s="6">
        <v>49</v>
      </c>
      <c r="BT449" s="6">
        <v>51</v>
      </c>
      <c r="BU449" s="6">
        <v>49</v>
      </c>
      <c r="BV449" s="6">
        <v>47</v>
      </c>
      <c r="BW449" s="6">
        <v>51</v>
      </c>
      <c r="BX449" s="6">
        <v>47</v>
      </c>
      <c r="BY449" s="6">
        <v>49</v>
      </c>
      <c r="BZ449" s="6">
        <v>56</v>
      </c>
      <c r="CA449" s="6">
        <v>54</v>
      </c>
      <c r="CB449" s="6">
        <v>59</v>
      </c>
      <c r="CC449" s="11">
        <v>55.25</v>
      </c>
      <c r="CD449" s="11">
        <v>196.768</v>
      </c>
      <c r="CE449" s="11">
        <v>27.212</v>
      </c>
      <c r="CF449" s="11">
        <v>47.193100000000001</v>
      </c>
      <c r="CG449" s="11">
        <v>74</v>
      </c>
      <c r="CH449" s="20">
        <v>0.84612799999999999</v>
      </c>
      <c r="CI449" s="20">
        <v>0.86618499999999998</v>
      </c>
      <c r="CJ449" s="20">
        <v>0.88624700000000001</v>
      </c>
      <c r="CK449" s="20">
        <v>0.92318599999999995</v>
      </c>
      <c r="CL449" s="20">
        <v>0.912802</v>
      </c>
      <c r="CM449" s="20">
        <v>0.91535599999999995</v>
      </c>
      <c r="CN449" s="20">
        <v>1.02264</v>
      </c>
      <c r="CO449" s="20">
        <v>0.95284599999999997</v>
      </c>
      <c r="CP449" s="20">
        <v>0.89392700000000003</v>
      </c>
      <c r="CQ449" s="20">
        <v>1.0727</v>
      </c>
      <c r="CR449" s="20">
        <v>1.0078199999999999</v>
      </c>
      <c r="CS449" s="20">
        <v>0.98410399999999998</v>
      </c>
      <c r="CT449" s="20">
        <v>1.01196</v>
      </c>
      <c r="CU449" s="20">
        <v>0.92050399999999999</v>
      </c>
      <c r="CV449" s="20">
        <v>0.98844900000000002</v>
      </c>
      <c r="CW449" s="20">
        <v>0.96440099999999995</v>
      </c>
      <c r="CX449" s="20">
        <v>0.96109999999999995</v>
      </c>
      <c r="CY449" s="6" t="s">
        <v>456</v>
      </c>
      <c r="CZ449" s="6" t="s">
        <v>457</v>
      </c>
      <c r="DA449" s="6" t="s">
        <v>124</v>
      </c>
      <c r="DB449" s="6"/>
      <c r="DC449" s="6">
        <v>44180</v>
      </c>
      <c r="DD449" s="6">
        <v>520</v>
      </c>
      <c r="DE449" s="6" t="s">
        <v>460</v>
      </c>
      <c r="DF449" s="6" t="s">
        <v>375</v>
      </c>
      <c r="DG449" s="6" t="s">
        <v>364</v>
      </c>
      <c r="DH449" s="6" t="s">
        <v>419</v>
      </c>
      <c r="DI449" s="6" t="s">
        <v>461</v>
      </c>
      <c r="DJ449" s="6">
        <v>29</v>
      </c>
      <c r="DK449" s="6">
        <v>43</v>
      </c>
      <c r="DL449" s="6">
        <v>2</v>
      </c>
      <c r="DM449" s="6" t="s">
        <v>379</v>
      </c>
      <c r="DN449" s="6">
        <v>2</v>
      </c>
      <c r="DO449" s="6" t="s">
        <v>463</v>
      </c>
      <c r="DP449" s="6"/>
      <c r="DQ449" s="6"/>
    </row>
    <row r="450" spans="1:121" x14ac:dyDescent="0.2">
      <c r="A450" s="6" t="s">
        <v>314</v>
      </c>
      <c r="B450" s="6" t="s">
        <v>314</v>
      </c>
      <c r="C450" s="6" t="s">
        <v>183</v>
      </c>
      <c r="D450" s="6" t="s">
        <v>124</v>
      </c>
      <c r="E450" s="6" t="s">
        <v>265</v>
      </c>
      <c r="F450" s="11">
        <v>-24</v>
      </c>
      <c r="G450" s="13">
        <v>-6.3660477453599998E-2</v>
      </c>
      <c r="H450" s="11">
        <v>107.317618197</v>
      </c>
      <c r="I450" s="13">
        <v>0.28465583922363813</v>
      </c>
      <c r="J450" s="11">
        <v>-242.19074304300003</v>
      </c>
      <c r="K450" s="13">
        <v>-0.50005735110308369</v>
      </c>
      <c r="L450" s="11">
        <v>111.15807330300001</v>
      </c>
      <c r="M450" s="13">
        <v>0.45907442614766414</v>
      </c>
      <c r="N450" s="11">
        <v>-131.03266974000002</v>
      </c>
      <c r="O450" s="13">
        <v>-0.27054646645398867</v>
      </c>
      <c r="P450" s="7">
        <v>377.00831463600002</v>
      </c>
      <c r="Q450" s="7">
        <v>545.20637970099995</v>
      </c>
      <c r="R450" s="7">
        <v>452.74229494100001</v>
      </c>
      <c r="S450" s="7">
        <v>364.72533045099999</v>
      </c>
      <c r="T450" s="7">
        <v>468.97230914199997</v>
      </c>
      <c r="U450" s="7">
        <v>373.27963270200001</v>
      </c>
      <c r="V450" s="7">
        <v>484.32593283300002</v>
      </c>
      <c r="W450" s="7">
        <v>419.51926376500001</v>
      </c>
      <c r="X450" s="7">
        <v>233.11742359900001</v>
      </c>
      <c r="Y450" s="7">
        <v>242.13518979</v>
      </c>
      <c r="Z450" s="7">
        <v>265.60593141599998</v>
      </c>
      <c r="AA450" s="7">
        <v>310.99911730899998</v>
      </c>
      <c r="AB450" s="7">
        <v>329.697429161</v>
      </c>
      <c r="AC450" s="7">
        <v>358.51540160899998</v>
      </c>
      <c r="AD450" s="7">
        <v>360.90958380500001</v>
      </c>
      <c r="AE450" s="7">
        <v>339.02118975500002</v>
      </c>
      <c r="AF450" s="7">
        <v>353.29326309300001</v>
      </c>
      <c r="AG450" s="9">
        <v>36968.097406500005</v>
      </c>
      <c r="AH450" s="13">
        <v>1.6551870008293392</v>
      </c>
      <c r="AI450" s="9">
        <v>22390.030981200001</v>
      </c>
      <c r="AJ450" s="13">
        <v>1.0024775638502921</v>
      </c>
      <c r="AK450" s="9">
        <v>19917.663183099998</v>
      </c>
      <c r="AL450" s="13">
        <v>0.44533896164644166</v>
      </c>
      <c r="AM450" s="9">
        <v>-5339.5967577999982</v>
      </c>
      <c r="AN450" s="13">
        <v>-8.2602094355338676E-2</v>
      </c>
      <c r="AO450" s="9">
        <v>14578.0664253</v>
      </c>
      <c r="AP450" s="13">
        <v>0.32595093636107508</v>
      </c>
      <c r="AQ450" s="9">
        <v>22334.6953474</v>
      </c>
      <c r="AR450" s="9">
        <v>22459.8045447</v>
      </c>
      <c r="AS450" s="9">
        <v>28489.4201159</v>
      </c>
      <c r="AT450" s="9">
        <v>36167.957214100003</v>
      </c>
      <c r="AU450" s="9">
        <v>24976.539733400001</v>
      </c>
      <c r="AV450" s="9">
        <v>33147.592347099999</v>
      </c>
      <c r="AW450" s="9">
        <v>44724.726328600002</v>
      </c>
      <c r="AX450" s="9">
        <v>49500.990484499998</v>
      </c>
      <c r="AY450" s="9">
        <v>67018.968898100007</v>
      </c>
      <c r="AZ450" s="9">
        <v>64642.389511699999</v>
      </c>
      <c r="BA450" s="9">
        <v>71016.762677899998</v>
      </c>
      <c r="BB450" s="9">
        <v>75350.580755999996</v>
      </c>
      <c r="BC450" s="9">
        <v>60677.834513599999</v>
      </c>
      <c r="BD450" s="9">
        <v>60748.653813800003</v>
      </c>
      <c r="BE450" s="9">
        <v>58953.803091900001</v>
      </c>
      <c r="BF450" s="9">
        <v>59302.792753900001</v>
      </c>
      <c r="BG450" s="11">
        <v>4.75</v>
      </c>
      <c r="BH450" s="13">
        <v>0.19791666666666666</v>
      </c>
      <c r="BI450" s="6">
        <v>-2</v>
      </c>
      <c r="BJ450" s="13">
        <v>-8.3333333333333329E-2</v>
      </c>
      <c r="BK450" s="6">
        <v>-1</v>
      </c>
      <c r="BL450" s="13">
        <v>-4.5454545454545456E-2</v>
      </c>
      <c r="BM450" s="11">
        <v>7.75</v>
      </c>
      <c r="BN450" s="13">
        <v>0.36904761904761907</v>
      </c>
      <c r="BO450" s="11">
        <v>6.75</v>
      </c>
      <c r="BP450" s="13">
        <v>0.30681818181818182</v>
      </c>
      <c r="BQ450" s="6">
        <v>24</v>
      </c>
      <c r="BR450" s="6">
        <v>17</v>
      </c>
      <c r="BS450" s="6">
        <v>20</v>
      </c>
      <c r="BT450" s="6">
        <v>22</v>
      </c>
      <c r="BU450" s="6">
        <v>25</v>
      </c>
      <c r="BV450" s="6">
        <v>24</v>
      </c>
      <c r="BW450" s="6">
        <v>21</v>
      </c>
      <c r="BX450" s="6">
        <v>20</v>
      </c>
      <c r="BY450" s="6">
        <v>24</v>
      </c>
      <c r="BZ450" s="6">
        <v>23</v>
      </c>
      <c r="CA450" s="6">
        <v>25</v>
      </c>
      <c r="CB450" s="6">
        <v>31</v>
      </c>
      <c r="CC450" s="11">
        <v>28.75</v>
      </c>
      <c r="CD450" s="11">
        <v>50.547400000000003</v>
      </c>
      <c r="CE450" s="11">
        <v>-115.474</v>
      </c>
      <c r="CF450" s="11">
        <v>41.211500000000001</v>
      </c>
      <c r="CG450" s="11">
        <v>-74</v>
      </c>
      <c r="CH450" s="20">
        <v>0.93828800000000001</v>
      </c>
      <c r="CI450" s="20">
        <v>1.3876500000000001</v>
      </c>
      <c r="CJ450" s="20">
        <v>1.1996</v>
      </c>
      <c r="CK450" s="20">
        <v>0.95245299999999999</v>
      </c>
      <c r="CL450" s="20">
        <v>1.18746</v>
      </c>
      <c r="CM450" s="20">
        <v>0.92943399999999998</v>
      </c>
      <c r="CN450" s="20">
        <v>1.1592899999999999</v>
      </c>
      <c r="CO450" s="20">
        <v>1.0258</v>
      </c>
      <c r="CP450" s="20">
        <v>0.62178500000000003</v>
      </c>
      <c r="CQ450" s="20">
        <v>0.68145800000000001</v>
      </c>
      <c r="CR450" s="20">
        <v>0.76030799999999998</v>
      </c>
      <c r="CS450" s="20">
        <v>0.87372499999999997</v>
      </c>
      <c r="CT450" s="20">
        <v>0.90979900000000002</v>
      </c>
      <c r="CU450" s="20">
        <v>0.963646</v>
      </c>
      <c r="CV450" s="20">
        <v>0.94212300000000004</v>
      </c>
      <c r="CW450" s="20">
        <v>0.877938</v>
      </c>
      <c r="CX450" s="20">
        <v>0.89556400000000003</v>
      </c>
      <c r="CY450" s="6" t="s">
        <v>456</v>
      </c>
      <c r="CZ450" s="6" t="s">
        <v>457</v>
      </c>
      <c r="DA450" s="6" t="s">
        <v>124</v>
      </c>
      <c r="DB450" s="6"/>
      <c r="DC450" s="6">
        <v>44180</v>
      </c>
      <c r="DD450" s="6">
        <v>520</v>
      </c>
      <c r="DE450" s="6" t="s">
        <v>460</v>
      </c>
      <c r="DF450" s="6" t="s">
        <v>375</v>
      </c>
      <c r="DG450" s="6" t="s">
        <v>364</v>
      </c>
      <c r="DH450" s="6" t="s">
        <v>419</v>
      </c>
      <c r="DI450" s="6" t="s">
        <v>461</v>
      </c>
      <c r="DJ450" s="6">
        <v>29</v>
      </c>
      <c r="DK450" s="6">
        <v>43</v>
      </c>
      <c r="DL450" s="6">
        <v>2</v>
      </c>
      <c r="DM450" s="6" t="s">
        <v>379</v>
      </c>
      <c r="DN450" s="6">
        <v>2</v>
      </c>
      <c r="DO450" s="6" t="s">
        <v>463</v>
      </c>
      <c r="DP450" s="6"/>
      <c r="DQ450" s="6"/>
    </row>
    <row r="451" spans="1:121" x14ac:dyDescent="0.2">
      <c r="A451" s="6" t="s">
        <v>315</v>
      </c>
      <c r="B451" s="6" t="s">
        <v>315</v>
      </c>
      <c r="C451" s="6" t="s">
        <v>184</v>
      </c>
      <c r="D451" s="6" t="s">
        <v>124</v>
      </c>
      <c r="E451" s="6" t="s">
        <v>265</v>
      </c>
      <c r="F451" s="11">
        <v>146</v>
      </c>
      <c r="G451" s="13">
        <v>0.27</v>
      </c>
      <c r="H451" s="11">
        <v>250</v>
      </c>
      <c r="I451" s="13">
        <v>0.46040515653775321</v>
      </c>
      <c r="J451" s="11">
        <v>-85</v>
      </c>
      <c r="K451" s="13">
        <v>-0.10718789407313996</v>
      </c>
      <c r="L451" s="11">
        <v>-19</v>
      </c>
      <c r="M451" s="13">
        <v>-2.6836158192090395E-2</v>
      </c>
      <c r="N451" s="11">
        <v>-104</v>
      </c>
      <c r="O451" s="13">
        <v>-0.13114754098360656</v>
      </c>
      <c r="P451" s="7">
        <v>543</v>
      </c>
      <c r="Q451" s="7">
        <v>573</v>
      </c>
      <c r="R451" s="7">
        <v>631</v>
      </c>
      <c r="S451" s="7">
        <v>686</v>
      </c>
      <c r="T451" s="7">
        <v>757</v>
      </c>
      <c r="U451" s="7">
        <v>822</v>
      </c>
      <c r="V451" s="7">
        <v>793</v>
      </c>
      <c r="W451" s="7">
        <v>739</v>
      </c>
      <c r="X451" s="7">
        <v>760</v>
      </c>
      <c r="Y451" s="7">
        <v>708</v>
      </c>
      <c r="Z451" s="7">
        <v>708</v>
      </c>
      <c r="AA451" s="7">
        <v>710</v>
      </c>
      <c r="AB451" s="7">
        <v>690</v>
      </c>
      <c r="AC451" s="7">
        <v>701</v>
      </c>
      <c r="AD451" s="7">
        <v>667</v>
      </c>
      <c r="AE451" s="7">
        <v>680</v>
      </c>
      <c r="AF451" s="7">
        <v>689</v>
      </c>
      <c r="AG451" s="9">
        <v>14879</v>
      </c>
      <c r="AH451" s="13">
        <v>0.46025117545162086</v>
      </c>
      <c r="AI451" s="9">
        <v>12375</v>
      </c>
      <c r="AJ451" s="13">
        <v>0.38279510022271712</v>
      </c>
      <c r="AK451" s="9">
        <v>-5475</v>
      </c>
      <c r="AL451" s="13">
        <v>-0.12247500167773975</v>
      </c>
      <c r="AM451" s="9">
        <v>7979</v>
      </c>
      <c r="AN451" s="13">
        <v>0.20340063220148871</v>
      </c>
      <c r="AO451" s="9">
        <v>2504</v>
      </c>
      <c r="AP451" s="13">
        <v>5.6014137753618326E-2</v>
      </c>
      <c r="AQ451" s="9">
        <v>32328</v>
      </c>
      <c r="AR451" s="9">
        <v>34193</v>
      </c>
      <c r="AS451" s="9">
        <v>36204</v>
      </c>
      <c r="AT451" s="9">
        <v>39555</v>
      </c>
      <c r="AU451" s="9">
        <v>43263</v>
      </c>
      <c r="AV451" s="9">
        <v>45895</v>
      </c>
      <c r="AW451" s="9">
        <v>44703</v>
      </c>
      <c r="AX451" s="9">
        <v>42055</v>
      </c>
      <c r="AY451" s="9">
        <v>39307</v>
      </c>
      <c r="AZ451" s="9">
        <v>39228</v>
      </c>
      <c r="BA451" s="9">
        <v>40211</v>
      </c>
      <c r="BB451" s="9">
        <v>42409</v>
      </c>
      <c r="BC451" s="9">
        <v>44103</v>
      </c>
      <c r="BD451" s="9">
        <v>44724</v>
      </c>
      <c r="BE451" s="9">
        <v>46261</v>
      </c>
      <c r="BF451" s="9">
        <v>47207</v>
      </c>
      <c r="BG451" s="11">
        <v>39</v>
      </c>
      <c r="BH451" s="13">
        <v>0.43333333333333335</v>
      </c>
      <c r="BI451" s="6">
        <v>12</v>
      </c>
      <c r="BJ451" s="13">
        <v>0.13333333333333333</v>
      </c>
      <c r="BK451" s="6">
        <v>13</v>
      </c>
      <c r="BL451" s="13">
        <v>0.12745098039215685</v>
      </c>
      <c r="BM451" s="11">
        <v>14</v>
      </c>
      <c r="BN451" s="13">
        <v>0.12173913043478261</v>
      </c>
      <c r="BO451" s="11">
        <v>27</v>
      </c>
      <c r="BP451" s="13">
        <v>0.26470588235294118</v>
      </c>
      <c r="BQ451" s="6">
        <v>90</v>
      </c>
      <c r="BR451" s="6">
        <v>96</v>
      </c>
      <c r="BS451" s="6">
        <v>104</v>
      </c>
      <c r="BT451" s="6">
        <v>102</v>
      </c>
      <c r="BU451" s="6">
        <v>109</v>
      </c>
      <c r="BV451" s="6">
        <v>121</v>
      </c>
      <c r="BW451" s="6">
        <v>115</v>
      </c>
      <c r="BX451" s="6">
        <v>121</v>
      </c>
      <c r="BY451" s="6">
        <v>121</v>
      </c>
      <c r="BZ451" s="6">
        <v>122</v>
      </c>
      <c r="CA451" s="6">
        <v>127</v>
      </c>
      <c r="CB451" s="6">
        <v>126</v>
      </c>
      <c r="CC451" s="11">
        <v>129</v>
      </c>
      <c r="CD451" s="11">
        <v>129</v>
      </c>
      <c r="CE451" s="11">
        <v>-43</v>
      </c>
      <c r="CF451" s="11">
        <v>59</v>
      </c>
      <c r="CG451" s="11">
        <v>16</v>
      </c>
      <c r="CH451" s="20">
        <v>0.83</v>
      </c>
      <c r="CI451" s="20">
        <v>0.85</v>
      </c>
      <c r="CJ451" s="20">
        <v>0.91</v>
      </c>
      <c r="CK451" s="20">
        <v>0.94</v>
      </c>
      <c r="CL451" s="20">
        <v>0.98</v>
      </c>
      <c r="CM451" s="20">
        <v>1.02</v>
      </c>
      <c r="CN451" s="20">
        <v>0.95</v>
      </c>
      <c r="CO451" s="20">
        <v>0.91</v>
      </c>
      <c r="CP451" s="20">
        <v>1</v>
      </c>
      <c r="CQ451" s="20">
        <v>0.97</v>
      </c>
      <c r="CR451" s="20">
        <v>0.97</v>
      </c>
      <c r="CS451" s="20">
        <v>0.95</v>
      </c>
      <c r="CT451" s="20">
        <v>0.91</v>
      </c>
      <c r="CU451" s="20">
        <v>0.91</v>
      </c>
      <c r="CV451" s="20">
        <v>0.83</v>
      </c>
      <c r="CW451" s="20">
        <v>0.85</v>
      </c>
      <c r="CX451" s="20">
        <v>0.83</v>
      </c>
      <c r="CY451" s="6" t="s">
        <v>456</v>
      </c>
      <c r="CZ451" s="6" t="s">
        <v>457</v>
      </c>
      <c r="DA451" s="6" t="s">
        <v>124</v>
      </c>
      <c r="DB451" s="6"/>
      <c r="DC451" s="6">
        <v>44180</v>
      </c>
      <c r="DD451" s="6">
        <v>520</v>
      </c>
      <c r="DE451" s="6" t="s">
        <v>460</v>
      </c>
      <c r="DF451" s="6" t="s">
        <v>375</v>
      </c>
      <c r="DG451" s="6" t="s">
        <v>364</v>
      </c>
      <c r="DH451" s="6" t="s">
        <v>419</v>
      </c>
      <c r="DI451" s="6" t="s">
        <v>461</v>
      </c>
      <c r="DJ451" s="6">
        <v>29</v>
      </c>
      <c r="DK451" s="6">
        <v>43</v>
      </c>
      <c r="DL451" s="6">
        <v>2</v>
      </c>
      <c r="DM451" s="6" t="s">
        <v>379</v>
      </c>
      <c r="DN451" s="6">
        <v>2</v>
      </c>
      <c r="DO451" s="6" t="s">
        <v>463</v>
      </c>
      <c r="DP451" s="6"/>
      <c r="DQ451" s="6"/>
    </row>
    <row r="452" spans="1:121" x14ac:dyDescent="0.2">
      <c r="A452" s="6" t="s">
        <v>316</v>
      </c>
      <c r="B452" s="6" t="s">
        <v>316</v>
      </c>
      <c r="C452" s="6" t="s">
        <v>185</v>
      </c>
      <c r="D452" s="6" t="s">
        <v>124</v>
      </c>
      <c r="E452" s="6" t="s">
        <v>265</v>
      </c>
      <c r="F452" s="11">
        <v>55</v>
      </c>
      <c r="G452" s="13">
        <v>0.21</v>
      </c>
      <c r="H452" s="11">
        <v>71</v>
      </c>
      <c r="I452" s="13">
        <v>0.27203065134099619</v>
      </c>
      <c r="J452" s="11">
        <v>-38</v>
      </c>
      <c r="K452" s="13">
        <v>-0.1144578313253012</v>
      </c>
      <c r="L452" s="11">
        <v>22</v>
      </c>
      <c r="M452" s="13">
        <v>7.4829931972789115E-2</v>
      </c>
      <c r="N452" s="11">
        <v>-16</v>
      </c>
      <c r="O452" s="13">
        <v>-4.8192771084337352E-2</v>
      </c>
      <c r="P452" s="7">
        <v>261</v>
      </c>
      <c r="Q452" s="7">
        <v>197</v>
      </c>
      <c r="R452" s="7">
        <v>204</v>
      </c>
      <c r="S452" s="7">
        <v>251</v>
      </c>
      <c r="T452" s="7">
        <v>288</v>
      </c>
      <c r="U452" s="7">
        <v>313</v>
      </c>
      <c r="V452" s="7">
        <v>332</v>
      </c>
      <c r="W452" s="7">
        <v>309</v>
      </c>
      <c r="X452" s="7">
        <v>278</v>
      </c>
      <c r="Y452" s="7">
        <v>294</v>
      </c>
      <c r="Z452" s="7">
        <v>265</v>
      </c>
      <c r="AA452" s="7">
        <v>295</v>
      </c>
      <c r="AB452" s="7">
        <v>296</v>
      </c>
      <c r="AC452" s="7">
        <v>303</v>
      </c>
      <c r="AD452" s="7">
        <v>335</v>
      </c>
      <c r="AE452" s="7">
        <v>307</v>
      </c>
      <c r="AF452" s="7">
        <v>316</v>
      </c>
      <c r="AG452" s="9">
        <v>8216</v>
      </c>
      <c r="AH452" s="13">
        <v>0.34036206967977134</v>
      </c>
      <c r="AI452" s="9">
        <v>3277</v>
      </c>
      <c r="AJ452" s="13">
        <v>0.1357554165458387</v>
      </c>
      <c r="AK452" s="9">
        <v>-1638</v>
      </c>
      <c r="AL452" s="13">
        <v>-5.9746133644587106E-2</v>
      </c>
      <c r="AM452" s="9">
        <v>6577</v>
      </c>
      <c r="AN452" s="13">
        <v>0.25514004189619055</v>
      </c>
      <c r="AO452" s="9">
        <v>4939</v>
      </c>
      <c r="AP452" s="13">
        <v>0.18015027721038809</v>
      </c>
      <c r="AQ452" s="9">
        <v>24139</v>
      </c>
      <c r="AR452" s="9">
        <v>24339</v>
      </c>
      <c r="AS452" s="9">
        <v>24220</v>
      </c>
      <c r="AT452" s="9">
        <v>22790</v>
      </c>
      <c r="AU452" s="9">
        <v>24131</v>
      </c>
      <c r="AV452" s="9">
        <v>25054</v>
      </c>
      <c r="AW452" s="9">
        <v>27416</v>
      </c>
      <c r="AX452" s="9">
        <v>27283</v>
      </c>
      <c r="AY452" s="9">
        <v>26763</v>
      </c>
      <c r="AZ452" s="9">
        <v>25778</v>
      </c>
      <c r="BA452" s="9">
        <v>23239</v>
      </c>
      <c r="BB452" s="9">
        <v>32303</v>
      </c>
      <c r="BC452" s="9">
        <v>27277</v>
      </c>
      <c r="BD452" s="9">
        <v>29314</v>
      </c>
      <c r="BE452" s="9">
        <v>31072</v>
      </c>
      <c r="BF452" s="9">
        <v>32355</v>
      </c>
      <c r="BG452" s="11">
        <v>26</v>
      </c>
      <c r="BH452" s="13">
        <v>0.52</v>
      </c>
      <c r="BI452" s="6">
        <v>28</v>
      </c>
      <c r="BJ452" s="13">
        <v>0.56000000000000005</v>
      </c>
      <c r="BK452" s="6">
        <v>-16</v>
      </c>
      <c r="BL452" s="13">
        <v>-0.20512820512820512</v>
      </c>
      <c r="BM452" s="11">
        <v>14</v>
      </c>
      <c r="BN452" s="13">
        <v>0.22580645161290322</v>
      </c>
      <c r="BO452" s="11">
        <v>-2</v>
      </c>
      <c r="BP452" s="13">
        <v>-2.564102564102564E-2</v>
      </c>
      <c r="BQ452" s="6">
        <v>50</v>
      </c>
      <c r="BR452" s="6">
        <v>64</v>
      </c>
      <c r="BS452" s="6">
        <v>74</v>
      </c>
      <c r="BT452" s="6">
        <v>78</v>
      </c>
      <c r="BU452" s="6">
        <v>76</v>
      </c>
      <c r="BV452" s="6">
        <v>68</v>
      </c>
      <c r="BW452" s="6">
        <v>62</v>
      </c>
      <c r="BX452" s="6">
        <v>66</v>
      </c>
      <c r="BY452" s="6">
        <v>63</v>
      </c>
      <c r="BZ452" s="6">
        <v>70</v>
      </c>
      <c r="CA452" s="6">
        <v>75</v>
      </c>
      <c r="CB452" s="6">
        <v>79</v>
      </c>
      <c r="CC452" s="11">
        <v>76</v>
      </c>
      <c r="CD452" s="11">
        <v>39</v>
      </c>
      <c r="CE452" s="11">
        <v>-13</v>
      </c>
      <c r="CF452" s="11">
        <v>29</v>
      </c>
      <c r="CG452" s="11">
        <v>16</v>
      </c>
      <c r="CH452" s="20">
        <v>0.97</v>
      </c>
      <c r="CI452" s="20">
        <v>0.7</v>
      </c>
      <c r="CJ452" s="20">
        <v>0.71</v>
      </c>
      <c r="CK452" s="20">
        <v>0.81</v>
      </c>
      <c r="CL452" s="20">
        <v>0.86</v>
      </c>
      <c r="CM452" s="20">
        <v>0.9</v>
      </c>
      <c r="CN452" s="20">
        <v>0.92</v>
      </c>
      <c r="CO452" s="20">
        <v>0.89</v>
      </c>
      <c r="CP452" s="20">
        <v>0.87</v>
      </c>
      <c r="CQ452" s="20">
        <v>0.98</v>
      </c>
      <c r="CR452" s="20">
        <v>0.89</v>
      </c>
      <c r="CS452" s="20">
        <v>0.97</v>
      </c>
      <c r="CT452" s="20">
        <v>0.95</v>
      </c>
      <c r="CU452" s="20">
        <v>0.93</v>
      </c>
      <c r="CV452" s="20">
        <v>0.99</v>
      </c>
      <c r="CW452" s="20">
        <v>0.9</v>
      </c>
      <c r="CX452" s="20">
        <v>0.9</v>
      </c>
      <c r="CY452" s="6" t="s">
        <v>456</v>
      </c>
      <c r="CZ452" s="6" t="s">
        <v>457</v>
      </c>
      <c r="DA452" s="6" t="s">
        <v>124</v>
      </c>
      <c r="DB452" s="6"/>
      <c r="DC452" s="6">
        <v>44180</v>
      </c>
      <c r="DD452" s="6">
        <v>520</v>
      </c>
      <c r="DE452" s="6" t="s">
        <v>460</v>
      </c>
      <c r="DF452" s="6" t="s">
        <v>375</v>
      </c>
      <c r="DG452" s="6" t="s">
        <v>364</v>
      </c>
      <c r="DH452" s="6" t="s">
        <v>419</v>
      </c>
      <c r="DI452" s="6" t="s">
        <v>461</v>
      </c>
      <c r="DJ452" s="6">
        <v>29</v>
      </c>
      <c r="DK452" s="6">
        <v>43</v>
      </c>
      <c r="DL452" s="6">
        <v>2</v>
      </c>
      <c r="DM452" s="6" t="s">
        <v>379</v>
      </c>
      <c r="DN452" s="6">
        <v>2</v>
      </c>
      <c r="DO452" s="6" t="s">
        <v>463</v>
      </c>
      <c r="DP452" s="6"/>
      <c r="DQ452" s="6"/>
    </row>
    <row r="453" spans="1:121" x14ac:dyDescent="0.2">
      <c r="A453" s="6" t="s">
        <v>317</v>
      </c>
      <c r="B453" s="6" t="s">
        <v>317</v>
      </c>
      <c r="C453" s="6" t="s">
        <v>186</v>
      </c>
      <c r="D453" s="6" t="s">
        <v>124</v>
      </c>
      <c r="E453" s="6" t="s">
        <v>265</v>
      </c>
      <c r="F453" s="11">
        <v>782</v>
      </c>
      <c r="G453" s="13">
        <v>2.33</v>
      </c>
      <c r="H453" s="11">
        <v>324</v>
      </c>
      <c r="I453" s="13">
        <v>0.96428571428571441</v>
      </c>
      <c r="J453" s="11">
        <v>48</v>
      </c>
      <c r="K453" s="13">
        <v>7.2727272727272724E-2</v>
      </c>
      <c r="L453" s="11">
        <v>410</v>
      </c>
      <c r="M453" s="13">
        <v>0.57909604519774016</v>
      </c>
      <c r="N453" s="11">
        <v>458</v>
      </c>
      <c r="O453" s="13">
        <v>0.69393939393939397</v>
      </c>
      <c r="P453" s="7">
        <v>336</v>
      </c>
      <c r="Q453" s="7">
        <v>403</v>
      </c>
      <c r="R453" s="7">
        <v>458</v>
      </c>
      <c r="S453" s="7">
        <v>483</v>
      </c>
      <c r="T453" s="7">
        <v>703</v>
      </c>
      <c r="U453" s="7">
        <v>695</v>
      </c>
      <c r="V453" s="7">
        <v>660</v>
      </c>
      <c r="W453" s="7">
        <v>642</v>
      </c>
      <c r="X453" s="7">
        <v>673</v>
      </c>
      <c r="Y453" s="7">
        <v>708</v>
      </c>
      <c r="Z453" s="7">
        <v>716</v>
      </c>
      <c r="AA453" s="7">
        <v>721</v>
      </c>
      <c r="AB453" s="7">
        <v>836</v>
      </c>
      <c r="AC453" s="7">
        <v>964</v>
      </c>
      <c r="AD453" s="7">
        <v>1062</v>
      </c>
      <c r="AE453" s="7">
        <v>1040</v>
      </c>
      <c r="AF453" s="7">
        <v>1118</v>
      </c>
      <c r="AG453" s="9">
        <v>5992</v>
      </c>
      <c r="AH453" s="13">
        <v>0.18178508585644071</v>
      </c>
      <c r="AI453" s="9">
        <v>1633</v>
      </c>
      <c r="AJ453" s="13">
        <v>4.9541896729567381E-2</v>
      </c>
      <c r="AK453" s="9">
        <v>3384</v>
      </c>
      <c r="AL453" s="13">
        <v>9.7817603699956637E-2</v>
      </c>
      <c r="AM453" s="9">
        <v>975</v>
      </c>
      <c r="AN453" s="13">
        <v>2.5672081940019485E-2</v>
      </c>
      <c r="AO453" s="9">
        <v>4359</v>
      </c>
      <c r="AP453" s="13">
        <v>0.12600086717733777</v>
      </c>
      <c r="AQ453" s="9">
        <v>32962</v>
      </c>
      <c r="AR453" s="9">
        <v>32943</v>
      </c>
      <c r="AS453" s="9">
        <v>32550</v>
      </c>
      <c r="AT453" s="9">
        <v>32650</v>
      </c>
      <c r="AU453" s="9">
        <v>31483</v>
      </c>
      <c r="AV453" s="9">
        <v>34057</v>
      </c>
      <c r="AW453" s="9">
        <v>34595</v>
      </c>
      <c r="AX453" s="9">
        <v>36449</v>
      </c>
      <c r="AY453" s="9">
        <v>36621</v>
      </c>
      <c r="AZ453" s="9">
        <v>37979</v>
      </c>
      <c r="BA453" s="9">
        <v>37989</v>
      </c>
      <c r="BB453" s="9">
        <v>41618</v>
      </c>
      <c r="BC453" s="9">
        <v>40084</v>
      </c>
      <c r="BD453" s="9">
        <v>39011</v>
      </c>
      <c r="BE453" s="9">
        <v>39138</v>
      </c>
      <c r="BF453" s="9">
        <v>38954</v>
      </c>
      <c r="BG453" s="11">
        <v>76</v>
      </c>
      <c r="BH453" s="13">
        <v>0.84444444444444444</v>
      </c>
      <c r="BI453" s="6">
        <v>26</v>
      </c>
      <c r="BJ453" s="13">
        <v>0.28888888888888886</v>
      </c>
      <c r="BK453" s="6">
        <v>32</v>
      </c>
      <c r="BL453" s="13">
        <v>0.27586206896551724</v>
      </c>
      <c r="BM453" s="11">
        <v>18</v>
      </c>
      <c r="BN453" s="13">
        <v>0.12162162162162163</v>
      </c>
      <c r="BO453" s="11">
        <v>50</v>
      </c>
      <c r="BP453" s="13">
        <v>0.43103448275862066</v>
      </c>
      <c r="BQ453" s="6">
        <v>90</v>
      </c>
      <c r="BR453" s="6">
        <v>102</v>
      </c>
      <c r="BS453" s="6">
        <v>103</v>
      </c>
      <c r="BT453" s="6">
        <v>116</v>
      </c>
      <c r="BU453" s="6">
        <v>128</v>
      </c>
      <c r="BV453" s="6">
        <v>142</v>
      </c>
      <c r="BW453" s="6">
        <v>148</v>
      </c>
      <c r="BX453" s="6">
        <v>139</v>
      </c>
      <c r="BY453" s="6">
        <v>132</v>
      </c>
      <c r="BZ453" s="6">
        <v>142</v>
      </c>
      <c r="CA453" s="6">
        <v>148</v>
      </c>
      <c r="CB453" s="6">
        <v>162</v>
      </c>
      <c r="CC453" s="11">
        <v>166</v>
      </c>
      <c r="CD453" s="11">
        <v>678</v>
      </c>
      <c r="CE453" s="11">
        <v>67</v>
      </c>
      <c r="CF453" s="11">
        <v>37</v>
      </c>
      <c r="CG453" s="11">
        <v>104</v>
      </c>
      <c r="CH453" s="20">
        <v>0.39</v>
      </c>
      <c r="CI453" s="20">
        <v>0.46</v>
      </c>
      <c r="CJ453" s="20">
        <v>0.52</v>
      </c>
      <c r="CK453" s="20">
        <v>0.52</v>
      </c>
      <c r="CL453" s="20">
        <v>0.69</v>
      </c>
      <c r="CM453" s="20">
        <v>0.64</v>
      </c>
      <c r="CN453" s="20">
        <v>0.56999999999999995</v>
      </c>
      <c r="CO453" s="20">
        <v>0.54</v>
      </c>
      <c r="CP453" s="20">
        <v>0.61</v>
      </c>
      <c r="CQ453" s="20">
        <v>0.65</v>
      </c>
      <c r="CR453" s="20">
        <v>0.65</v>
      </c>
      <c r="CS453" s="20">
        <v>0.63</v>
      </c>
      <c r="CT453" s="20">
        <v>0.7</v>
      </c>
      <c r="CU453" s="20">
        <v>0.78</v>
      </c>
      <c r="CV453" s="20">
        <v>0.81</v>
      </c>
      <c r="CW453" s="20">
        <v>0.79</v>
      </c>
      <c r="CX453" s="20">
        <v>0.81</v>
      </c>
      <c r="CY453" s="6" t="s">
        <v>456</v>
      </c>
      <c r="CZ453" s="6" t="s">
        <v>457</v>
      </c>
      <c r="DA453" s="6" t="s">
        <v>124</v>
      </c>
      <c r="DB453" s="6"/>
      <c r="DC453" s="6">
        <v>44180</v>
      </c>
      <c r="DD453" s="6">
        <v>520</v>
      </c>
      <c r="DE453" s="6" t="s">
        <v>460</v>
      </c>
      <c r="DF453" s="6" t="s">
        <v>375</v>
      </c>
      <c r="DG453" s="6" t="s">
        <v>364</v>
      </c>
      <c r="DH453" s="6" t="s">
        <v>419</v>
      </c>
      <c r="DI453" s="6" t="s">
        <v>461</v>
      </c>
      <c r="DJ453" s="6">
        <v>29</v>
      </c>
      <c r="DK453" s="6">
        <v>43</v>
      </c>
      <c r="DL453" s="6">
        <v>2</v>
      </c>
      <c r="DM453" s="6" t="s">
        <v>379</v>
      </c>
      <c r="DN453" s="6">
        <v>2</v>
      </c>
      <c r="DO453" s="6" t="s">
        <v>463</v>
      </c>
      <c r="DP453" s="6"/>
      <c r="DQ453" s="6"/>
    </row>
    <row r="454" spans="1:121" x14ac:dyDescent="0.2">
      <c r="A454" s="6" t="s">
        <v>318</v>
      </c>
      <c r="B454" s="6" t="s">
        <v>318</v>
      </c>
      <c r="C454" s="6" t="s">
        <v>187</v>
      </c>
      <c r="D454" s="6" t="s">
        <v>124</v>
      </c>
      <c r="E454" s="6" t="s">
        <v>265</v>
      </c>
      <c r="F454" s="11">
        <v>-43</v>
      </c>
      <c r="G454" s="13">
        <v>-0.330769230769</v>
      </c>
      <c r="H454" s="11">
        <v>-112.54284699999999</v>
      </c>
      <c r="I454" s="13">
        <v>-0.86823925448602146</v>
      </c>
      <c r="J454" s="11">
        <v>6.0532959999999996</v>
      </c>
      <c r="K454" s="13">
        <v>0.3544274803528667</v>
      </c>
      <c r="L454" s="11">
        <v>63.790764558699991</v>
      </c>
      <c r="M454" s="13">
        <v>2.7576397272558832</v>
      </c>
      <c r="N454" s="11">
        <v>69.844060558699994</v>
      </c>
      <c r="O454" s="13">
        <v>4.0894505078610193</v>
      </c>
      <c r="P454" s="7">
        <v>129.62192899999999</v>
      </c>
      <c r="Q454" s="7">
        <v>93.571776999999997</v>
      </c>
      <c r="R454" s="7">
        <v>56.863292000000001</v>
      </c>
      <c r="S454" s="7">
        <v>55.894705000000002</v>
      </c>
      <c r="T454" s="7">
        <v>54.057653000000002</v>
      </c>
      <c r="U454" s="7">
        <v>60.947386000000002</v>
      </c>
      <c r="V454" s="7">
        <v>17.079082</v>
      </c>
      <c r="W454" s="7">
        <v>12.875786</v>
      </c>
      <c r="X454" s="7">
        <v>19.962645999999999</v>
      </c>
      <c r="Y454" s="7">
        <v>23.132377999999999</v>
      </c>
      <c r="Z454" s="7">
        <v>26.02177</v>
      </c>
      <c r="AA454" s="7">
        <v>45.272866</v>
      </c>
      <c r="AB454" s="7">
        <v>67.164832000000004</v>
      </c>
      <c r="AC454" s="7">
        <v>72.930409999999995</v>
      </c>
      <c r="AD454" s="7">
        <v>74.410560000000004</v>
      </c>
      <c r="AE454" s="7">
        <v>81.369279500000005</v>
      </c>
      <c r="AF454" s="7">
        <v>86.923142558699993</v>
      </c>
      <c r="AG454" s="9">
        <v>-13460.601395100006</v>
      </c>
      <c r="AH454" s="13">
        <v>-0.19093434655616737</v>
      </c>
      <c r="AI454" s="9">
        <v>-18067.140778600005</v>
      </c>
      <c r="AJ454" s="13">
        <v>-0.25627664154411633</v>
      </c>
      <c r="AK454" s="9">
        <v>-2648.8250394999995</v>
      </c>
      <c r="AL454" s="13">
        <v>-5.051977955437268E-2</v>
      </c>
      <c r="AM454" s="9">
        <v>7255.3644229999991</v>
      </c>
      <c r="AN454" s="13">
        <v>0.14574091197272893</v>
      </c>
      <c r="AO454" s="9">
        <v>4606.5393834999995</v>
      </c>
      <c r="AP454" s="13">
        <v>8.7858333673440731E-2</v>
      </c>
      <c r="AQ454" s="9">
        <v>70498.585707000006</v>
      </c>
      <c r="AR454" s="9">
        <v>77774.294231499996</v>
      </c>
      <c r="AS454" s="9">
        <v>104672.373185</v>
      </c>
      <c r="AT454" s="9">
        <v>98552.573636700006</v>
      </c>
      <c r="AU454" s="9">
        <v>103784.438903</v>
      </c>
      <c r="AV454" s="9">
        <v>108377.665574</v>
      </c>
      <c r="AW454" s="9">
        <v>52431.4449284</v>
      </c>
      <c r="AX454" s="9">
        <v>57553.504174200003</v>
      </c>
      <c r="AY454" s="9">
        <v>105209.48181300001</v>
      </c>
      <c r="AZ454" s="9">
        <v>49782.619888900001</v>
      </c>
      <c r="BA454" s="9">
        <v>51148.261073599999</v>
      </c>
      <c r="BB454" s="9">
        <v>44353.576972100003</v>
      </c>
      <c r="BC454" s="9">
        <v>42473.508882200003</v>
      </c>
      <c r="BD454" s="9">
        <v>43286.565729800001</v>
      </c>
      <c r="BE454" s="9">
        <v>49787.636196699998</v>
      </c>
      <c r="BF454" s="9">
        <v>57037.9843119</v>
      </c>
      <c r="BG454" s="11">
        <v>8.75</v>
      </c>
      <c r="BH454" s="13">
        <v>1.75</v>
      </c>
      <c r="BI454" s="6">
        <v>1</v>
      </c>
      <c r="BJ454" s="13">
        <v>0.2</v>
      </c>
      <c r="BK454" s="6">
        <v>0</v>
      </c>
      <c r="BL454" s="13">
        <v>0</v>
      </c>
      <c r="BM454" s="11">
        <v>7.75</v>
      </c>
      <c r="BN454" s="13">
        <v>1.2916666666666667</v>
      </c>
      <c r="BO454" s="11">
        <v>7.75</v>
      </c>
      <c r="BP454" s="13">
        <v>1.2916666666666667</v>
      </c>
      <c r="BQ454" s="6">
        <v>5</v>
      </c>
      <c r="BR454" s="6">
        <v>6</v>
      </c>
      <c r="BS454" s="6">
        <v>7</v>
      </c>
      <c r="BT454" s="6">
        <v>6</v>
      </c>
      <c r="BU454" s="6">
        <v>5</v>
      </c>
      <c r="BV454" s="6">
        <v>5</v>
      </c>
      <c r="BW454" s="6">
        <v>6</v>
      </c>
      <c r="BX454" s="6">
        <v>9</v>
      </c>
      <c r="BY454" s="6">
        <v>11</v>
      </c>
      <c r="BZ454" s="6">
        <v>13</v>
      </c>
      <c r="CA454" s="6">
        <v>12</v>
      </c>
      <c r="CB454" s="6">
        <v>13</v>
      </c>
      <c r="CC454" s="11">
        <v>13.75</v>
      </c>
      <c r="CD454" s="11">
        <v>-84.621099999999998</v>
      </c>
      <c r="CE454" s="11">
        <v>27.7531</v>
      </c>
      <c r="CF454" s="11">
        <v>14.1692</v>
      </c>
      <c r="CG454" s="11">
        <v>42</v>
      </c>
      <c r="CH454" s="20">
        <v>0.69507300000000005</v>
      </c>
      <c r="CI454" s="20">
        <v>0.49049799999999999</v>
      </c>
      <c r="CJ454" s="20">
        <v>0.301653</v>
      </c>
      <c r="CK454" s="20">
        <v>0.27979700000000002</v>
      </c>
      <c r="CL454" s="20">
        <v>0.25212800000000002</v>
      </c>
      <c r="CM454" s="20">
        <v>0.27166000000000001</v>
      </c>
      <c r="CN454" s="20">
        <v>7.06904E-2</v>
      </c>
      <c r="CO454" s="20">
        <v>5.19798E-2</v>
      </c>
      <c r="CP454" s="20">
        <v>8.4663299999999997E-2</v>
      </c>
      <c r="CQ454" s="20">
        <v>9.9682099999999996E-2</v>
      </c>
      <c r="CR454" s="20">
        <v>0.109365</v>
      </c>
      <c r="CS454" s="20">
        <v>0.17885599999999999</v>
      </c>
      <c r="CT454" s="20">
        <v>0.25230399999999997</v>
      </c>
      <c r="CU454" s="20">
        <v>0.26208399999999998</v>
      </c>
      <c r="CV454" s="20">
        <v>0.25683499999999998</v>
      </c>
      <c r="CW454" s="20">
        <v>0.27930100000000002</v>
      </c>
      <c r="CX454" s="20">
        <v>0.28806700000000002</v>
      </c>
      <c r="CY454" s="6" t="s">
        <v>456</v>
      </c>
      <c r="CZ454" s="6" t="s">
        <v>457</v>
      </c>
      <c r="DA454" s="6" t="s">
        <v>124</v>
      </c>
      <c r="DB454" s="6"/>
      <c r="DC454" s="6">
        <v>44180</v>
      </c>
      <c r="DD454" s="6">
        <v>520</v>
      </c>
      <c r="DE454" s="6" t="s">
        <v>460</v>
      </c>
      <c r="DF454" s="6" t="s">
        <v>375</v>
      </c>
      <c r="DG454" s="6" t="s">
        <v>364</v>
      </c>
      <c r="DH454" s="6" t="s">
        <v>419</v>
      </c>
      <c r="DI454" s="6" t="s">
        <v>461</v>
      </c>
      <c r="DJ454" s="6">
        <v>29</v>
      </c>
      <c r="DK454" s="6">
        <v>43</v>
      </c>
      <c r="DL454" s="6">
        <v>2</v>
      </c>
      <c r="DM454" s="6" t="s">
        <v>379</v>
      </c>
      <c r="DN454" s="6">
        <v>2</v>
      </c>
      <c r="DO454" s="6" t="s">
        <v>463</v>
      </c>
      <c r="DP454" s="6"/>
      <c r="DQ454" s="6"/>
    </row>
    <row r="455" spans="1:121" x14ac:dyDescent="0.2">
      <c r="A455" s="6" t="s">
        <v>319</v>
      </c>
      <c r="B455" s="6" t="s">
        <v>319</v>
      </c>
      <c r="C455" s="6" t="s">
        <v>188</v>
      </c>
      <c r="D455" s="6" t="s">
        <v>124</v>
      </c>
      <c r="E455" s="6" t="s">
        <v>265</v>
      </c>
      <c r="F455" s="11">
        <v>270</v>
      </c>
      <c r="G455" s="13">
        <v>0.56133056133100001</v>
      </c>
      <c r="H455" s="11">
        <v>258.45928638199996</v>
      </c>
      <c r="I455" s="13">
        <v>0.53682068440423591</v>
      </c>
      <c r="J455" s="11">
        <v>-57.783930968999925</v>
      </c>
      <c r="K455" s="13">
        <v>-7.809459669300696E-2</v>
      </c>
      <c r="L455" s="11">
        <v>68.824097613999925</v>
      </c>
      <c r="M455" s="13">
        <v>0.10089463390592944</v>
      </c>
      <c r="N455" s="11">
        <v>11.040166644999999</v>
      </c>
      <c r="O455" s="13">
        <v>1.4920711469550348E-2</v>
      </c>
      <c r="P455" s="7">
        <v>481.462979894</v>
      </c>
      <c r="Q455" s="7">
        <v>607.28764916700004</v>
      </c>
      <c r="R455" s="7">
        <v>629.07655080400002</v>
      </c>
      <c r="S455" s="7">
        <v>630.66854503299999</v>
      </c>
      <c r="T455" s="7">
        <v>626.17961376100004</v>
      </c>
      <c r="U455" s="7">
        <v>662.51220786500005</v>
      </c>
      <c r="V455" s="7">
        <v>739.92226627599996</v>
      </c>
      <c r="W455" s="7">
        <v>786.05762559300001</v>
      </c>
      <c r="X455" s="7">
        <v>770.80445464699994</v>
      </c>
      <c r="Y455" s="7">
        <v>682.13833530700003</v>
      </c>
      <c r="Z455" s="7">
        <v>704.99985204699999</v>
      </c>
      <c r="AA455" s="7">
        <v>675.83654243599995</v>
      </c>
      <c r="AB455" s="7">
        <v>633.04825696700004</v>
      </c>
      <c r="AC455" s="7">
        <v>643.91754709400004</v>
      </c>
      <c r="AD455" s="7">
        <v>654.00235626699998</v>
      </c>
      <c r="AE455" s="7">
        <v>734.15770210899996</v>
      </c>
      <c r="AF455" s="7">
        <v>750.96243292099996</v>
      </c>
      <c r="AG455" s="9">
        <v>10719.814450300002</v>
      </c>
      <c r="AH455" s="13">
        <v>0.66405129376884486</v>
      </c>
      <c r="AI455" s="9">
        <v>5867.8890770000016</v>
      </c>
      <c r="AJ455" s="13">
        <v>0.36349316971292123</v>
      </c>
      <c r="AK455" s="9">
        <v>2901.9280121999982</v>
      </c>
      <c r="AL455" s="13">
        <v>0.13184025276406269</v>
      </c>
      <c r="AM455" s="9">
        <v>1949.9973611000023</v>
      </c>
      <c r="AN455" s="13">
        <v>7.8272693833583817E-2</v>
      </c>
      <c r="AO455" s="9">
        <v>4851.9253733000005</v>
      </c>
      <c r="AP455" s="13">
        <v>0.22043243833719028</v>
      </c>
      <c r="AQ455" s="9">
        <v>16143.051825799999</v>
      </c>
      <c r="AR455" s="9">
        <v>18295.636418599999</v>
      </c>
      <c r="AS455" s="9">
        <v>18543.3618647</v>
      </c>
      <c r="AT455" s="9">
        <v>19492.547151499999</v>
      </c>
      <c r="AU455" s="9">
        <v>20377.231087299999</v>
      </c>
      <c r="AV455" s="9">
        <v>20142.541322500001</v>
      </c>
      <c r="AW455" s="9">
        <v>22010.940902800001</v>
      </c>
      <c r="AX455" s="9">
        <v>22681.4719143</v>
      </c>
      <c r="AY455" s="9">
        <v>23566.831568599999</v>
      </c>
      <c r="AZ455" s="9">
        <v>24912.868914999999</v>
      </c>
      <c r="BA455" s="9">
        <v>25020.441378</v>
      </c>
      <c r="BB455" s="9">
        <v>23290.0603209</v>
      </c>
      <c r="BC455" s="9">
        <v>22856.549162800002</v>
      </c>
      <c r="BD455" s="9">
        <v>22879.405143700002</v>
      </c>
      <c r="BE455" s="9">
        <v>24304.401021199999</v>
      </c>
      <c r="BF455" s="9">
        <v>26862.866276100001</v>
      </c>
      <c r="BG455" s="11">
        <v>31</v>
      </c>
      <c r="BH455" s="13">
        <v>0.39240506329113922</v>
      </c>
      <c r="BI455" s="6">
        <v>21</v>
      </c>
      <c r="BJ455" s="13">
        <v>0.26582278481012656</v>
      </c>
      <c r="BK455" s="6">
        <v>10</v>
      </c>
      <c r="BL455" s="13">
        <v>0.1</v>
      </c>
      <c r="BM455" s="11">
        <v>0</v>
      </c>
      <c r="BN455" s="13">
        <v>0</v>
      </c>
      <c r="BO455" s="11">
        <v>10</v>
      </c>
      <c r="BP455" s="13">
        <v>0.1</v>
      </c>
      <c r="BQ455" s="6">
        <v>79</v>
      </c>
      <c r="BR455" s="6">
        <v>89</v>
      </c>
      <c r="BS455" s="6">
        <v>94</v>
      </c>
      <c r="BT455" s="6">
        <v>100</v>
      </c>
      <c r="BU455" s="6">
        <v>107</v>
      </c>
      <c r="BV455" s="6">
        <v>108</v>
      </c>
      <c r="BW455" s="6">
        <v>110</v>
      </c>
      <c r="BX455" s="6">
        <v>112</v>
      </c>
      <c r="BY455" s="6">
        <v>104</v>
      </c>
      <c r="BZ455" s="6">
        <v>113</v>
      </c>
      <c r="CA455" s="6">
        <v>108</v>
      </c>
      <c r="CB455" s="6">
        <v>114</v>
      </c>
      <c r="CC455" s="11">
        <v>110</v>
      </c>
      <c r="CD455" s="11">
        <v>173.55099999999999</v>
      </c>
      <c r="CE455" s="11">
        <v>43.3185</v>
      </c>
      <c r="CF455" s="11">
        <v>52.6297</v>
      </c>
      <c r="CG455" s="11">
        <v>96</v>
      </c>
      <c r="CH455" s="20">
        <v>0.52632599999999996</v>
      </c>
      <c r="CI455" s="20">
        <v>0.64264299999999996</v>
      </c>
      <c r="CJ455" s="20">
        <v>0.66172399999999998</v>
      </c>
      <c r="CK455" s="20">
        <v>0.61867700000000003</v>
      </c>
      <c r="CL455" s="20">
        <v>0.56830000000000003</v>
      </c>
      <c r="CM455" s="20">
        <v>0.57199999999999995</v>
      </c>
      <c r="CN455" s="20">
        <v>0.60567300000000002</v>
      </c>
      <c r="CO455" s="20">
        <v>0.67625199999999996</v>
      </c>
      <c r="CP455" s="20">
        <v>0.74995900000000004</v>
      </c>
      <c r="CQ455" s="20">
        <v>0.65548300000000004</v>
      </c>
      <c r="CR455" s="20">
        <v>0.65711900000000001</v>
      </c>
      <c r="CS455" s="20">
        <v>0.599742</v>
      </c>
      <c r="CT455" s="20">
        <v>0.54025599999999996</v>
      </c>
      <c r="CU455" s="20">
        <v>0.52503999999999995</v>
      </c>
      <c r="CV455" s="20">
        <v>0.51079300000000005</v>
      </c>
      <c r="CW455" s="20">
        <v>0.567658</v>
      </c>
      <c r="CX455" s="20">
        <v>0.55987500000000001</v>
      </c>
      <c r="CY455" s="6" t="s">
        <v>456</v>
      </c>
      <c r="CZ455" s="6" t="s">
        <v>457</v>
      </c>
      <c r="DA455" s="6" t="s">
        <v>124</v>
      </c>
      <c r="DB455" s="6"/>
      <c r="DC455" s="6">
        <v>44180</v>
      </c>
      <c r="DD455" s="6">
        <v>520</v>
      </c>
      <c r="DE455" s="6" t="s">
        <v>460</v>
      </c>
      <c r="DF455" s="6" t="s">
        <v>375</v>
      </c>
      <c r="DG455" s="6" t="s">
        <v>364</v>
      </c>
      <c r="DH455" s="6" t="s">
        <v>419</v>
      </c>
      <c r="DI455" s="6" t="s">
        <v>461</v>
      </c>
      <c r="DJ455" s="6">
        <v>29</v>
      </c>
      <c r="DK455" s="6">
        <v>43</v>
      </c>
      <c r="DL455" s="6">
        <v>2</v>
      </c>
      <c r="DM455" s="6" t="s">
        <v>379</v>
      </c>
      <c r="DN455" s="6">
        <v>2</v>
      </c>
      <c r="DO455" s="6" t="s">
        <v>463</v>
      </c>
      <c r="DP455" s="6"/>
      <c r="DQ455" s="6"/>
    </row>
    <row r="456" spans="1:121" x14ac:dyDescent="0.2">
      <c r="A456" s="6" t="s">
        <v>320</v>
      </c>
      <c r="B456" s="6" t="s">
        <v>320</v>
      </c>
      <c r="C456" s="6" t="s">
        <v>189</v>
      </c>
      <c r="D456" s="6" t="s">
        <v>124</v>
      </c>
      <c r="E456" s="6" t="s">
        <v>265</v>
      </c>
      <c r="F456" s="11">
        <v>138</v>
      </c>
      <c r="G456" s="13">
        <v>3.8333333333300001</v>
      </c>
      <c r="H456" s="11">
        <v>60.346725682000006</v>
      </c>
      <c r="I456" s="13">
        <v>1.6752629454128227</v>
      </c>
      <c r="J456" s="11">
        <v>-0.29898341640000581</v>
      </c>
      <c r="K456" s="13">
        <v>-3.1024864794598501E-3</v>
      </c>
      <c r="L456" s="11">
        <v>77.539572474400003</v>
      </c>
      <c r="M456" s="13">
        <v>0.80711549829569118</v>
      </c>
      <c r="N456" s="11">
        <v>77.240589057999998</v>
      </c>
      <c r="O456" s="13">
        <v>0.80150894689540642</v>
      </c>
      <c r="P456" s="7">
        <v>36.022241074</v>
      </c>
      <c r="Q456" s="7">
        <v>47.617290379300002</v>
      </c>
      <c r="R456" s="7">
        <v>40.231600967600002</v>
      </c>
      <c r="S456" s="7">
        <v>55.854902484699998</v>
      </c>
      <c r="T456" s="7">
        <v>89.639478989099999</v>
      </c>
      <c r="U456" s="7">
        <v>102.275490887</v>
      </c>
      <c r="V456" s="7">
        <v>96.368966756000006</v>
      </c>
      <c r="W456" s="7">
        <v>81.015683496500003</v>
      </c>
      <c r="X456" s="7">
        <v>90.241525944399996</v>
      </c>
      <c r="Y456" s="7">
        <v>96.0699833396</v>
      </c>
      <c r="Z456" s="7">
        <v>89.989418416800007</v>
      </c>
      <c r="AA456" s="7">
        <v>97.569707692199998</v>
      </c>
      <c r="AB456" s="7">
        <v>128.019250067</v>
      </c>
      <c r="AC456" s="7">
        <v>155.87747250999999</v>
      </c>
      <c r="AD456" s="7">
        <v>170.78075408500001</v>
      </c>
      <c r="AE456" s="7">
        <v>158.197778556</v>
      </c>
      <c r="AF456" s="7">
        <v>173.609555814</v>
      </c>
      <c r="AG456" s="9">
        <v>536.97451010000077</v>
      </c>
      <c r="AH456" s="13">
        <v>3.8321849024931229E-2</v>
      </c>
      <c r="AI456" s="9">
        <v>7482.5934021999983</v>
      </c>
      <c r="AJ456" s="13">
        <v>0.53400451842798646</v>
      </c>
      <c r="AK456" s="9">
        <v>-3465.2890679999982</v>
      </c>
      <c r="AL456" s="13">
        <v>-0.16121506205762756</v>
      </c>
      <c r="AM456" s="9">
        <v>-3480.3298240999993</v>
      </c>
      <c r="AN456" s="13">
        <v>-0.19303494055101789</v>
      </c>
      <c r="AO456" s="9">
        <v>-6945.6188920999975</v>
      </c>
      <c r="AP456" s="13">
        <v>-0.32312986268842264</v>
      </c>
      <c r="AQ456" s="9">
        <v>14012.228631</v>
      </c>
      <c r="AR456" s="9">
        <v>13547.3457251</v>
      </c>
      <c r="AS456" s="9">
        <v>31457.1646612</v>
      </c>
      <c r="AT456" s="9">
        <v>11436.5821989</v>
      </c>
      <c r="AU456" s="9">
        <v>12079.001732500001</v>
      </c>
      <c r="AV456" s="9">
        <v>13385.061330299999</v>
      </c>
      <c r="AW456" s="9">
        <v>21494.822033199998</v>
      </c>
      <c r="AX456" s="9">
        <v>18781.905066300002</v>
      </c>
      <c r="AY456" s="9">
        <v>17980.366128599999</v>
      </c>
      <c r="AZ456" s="9">
        <v>18029.5329652</v>
      </c>
      <c r="BA456" s="9">
        <v>19662.088756699999</v>
      </c>
      <c r="BB456" s="9">
        <v>19730.815354400002</v>
      </c>
      <c r="BC456" s="9">
        <v>17717.057595099999</v>
      </c>
      <c r="BD456" s="9">
        <v>12914.920741399999</v>
      </c>
      <c r="BE456" s="9">
        <v>12245.990822199999</v>
      </c>
      <c r="BF456" s="9">
        <v>14549.203141100001</v>
      </c>
      <c r="BG456" s="11">
        <v>10</v>
      </c>
      <c r="BH456" s="13">
        <v>2.5</v>
      </c>
      <c r="BI456" s="6">
        <v>3</v>
      </c>
      <c r="BJ456" s="13">
        <v>0.75</v>
      </c>
      <c r="BK456" s="6">
        <v>3</v>
      </c>
      <c r="BL456" s="13">
        <v>0.42857142857142855</v>
      </c>
      <c r="BM456" s="11">
        <v>4</v>
      </c>
      <c r="BN456" s="13">
        <v>0.4</v>
      </c>
      <c r="BO456" s="11">
        <v>7</v>
      </c>
      <c r="BP456" s="13">
        <v>1</v>
      </c>
      <c r="BQ456" s="6">
        <v>4</v>
      </c>
      <c r="BR456" s="6">
        <v>6</v>
      </c>
      <c r="BS456" s="6">
        <v>6</v>
      </c>
      <c r="BT456" s="6">
        <v>7</v>
      </c>
      <c r="BU456" s="6">
        <v>7</v>
      </c>
      <c r="BV456" s="6">
        <v>9</v>
      </c>
      <c r="BW456" s="6">
        <v>10</v>
      </c>
      <c r="BX456" s="6">
        <v>10</v>
      </c>
      <c r="BY456" s="6">
        <v>10</v>
      </c>
      <c r="BZ456" s="6">
        <v>12</v>
      </c>
      <c r="CA456" s="6">
        <v>11</v>
      </c>
      <c r="CB456" s="6">
        <v>14</v>
      </c>
      <c r="CC456" s="11">
        <v>14</v>
      </c>
      <c r="CD456" s="11">
        <v>120.60599999999999</v>
      </c>
      <c r="CE456" s="11">
        <v>13.043799999999999</v>
      </c>
      <c r="CF456" s="11">
        <v>3.9376600000000002</v>
      </c>
      <c r="CG456" s="11">
        <v>17</v>
      </c>
      <c r="CH456" s="20">
        <v>0.118032</v>
      </c>
      <c r="CI456" s="20">
        <v>0.14433199999999999</v>
      </c>
      <c r="CJ456" s="20">
        <v>0.117719</v>
      </c>
      <c r="CK456" s="20">
        <v>0.151833</v>
      </c>
      <c r="CL456" s="20">
        <v>0.23048299999999999</v>
      </c>
      <c r="CM456" s="20">
        <v>0.25139600000000001</v>
      </c>
      <c r="CN456" s="20">
        <v>0.221078</v>
      </c>
      <c r="CO456" s="20">
        <v>0.18154899999999999</v>
      </c>
      <c r="CP456" s="20">
        <v>0.20247100000000001</v>
      </c>
      <c r="CQ456" s="20">
        <v>0.21448</v>
      </c>
      <c r="CR456" s="20">
        <v>0.196302</v>
      </c>
      <c r="CS456" s="20">
        <v>0.20458999999999999</v>
      </c>
      <c r="CT456" s="20">
        <v>0.26153100000000001</v>
      </c>
      <c r="CU456" s="20">
        <v>0.307896</v>
      </c>
      <c r="CV456" s="20">
        <v>0.32661299999999999</v>
      </c>
      <c r="CW456" s="20">
        <v>0.29991099999999998</v>
      </c>
      <c r="CX456" s="20">
        <v>0.31620599999999999</v>
      </c>
      <c r="CY456" s="6" t="s">
        <v>456</v>
      </c>
      <c r="CZ456" s="6" t="s">
        <v>457</v>
      </c>
      <c r="DA456" s="6" t="s">
        <v>124</v>
      </c>
      <c r="DB456" s="6"/>
      <c r="DC456" s="6">
        <v>44180</v>
      </c>
      <c r="DD456" s="6">
        <v>520</v>
      </c>
      <c r="DE456" s="6" t="s">
        <v>460</v>
      </c>
      <c r="DF456" s="6" t="s">
        <v>375</v>
      </c>
      <c r="DG456" s="6" t="s">
        <v>364</v>
      </c>
      <c r="DH456" s="6" t="s">
        <v>419</v>
      </c>
      <c r="DI456" s="6" t="s">
        <v>461</v>
      </c>
      <c r="DJ456" s="6">
        <v>29</v>
      </c>
      <c r="DK456" s="6">
        <v>43</v>
      </c>
      <c r="DL456" s="6">
        <v>2</v>
      </c>
      <c r="DM456" s="6" t="s">
        <v>379</v>
      </c>
      <c r="DN456" s="6">
        <v>2</v>
      </c>
      <c r="DO456" s="6" t="s">
        <v>463</v>
      </c>
      <c r="DP456" s="6"/>
      <c r="DQ456" s="6"/>
    </row>
    <row r="457" spans="1:121" x14ac:dyDescent="0.2">
      <c r="A457" s="6" t="s">
        <v>321</v>
      </c>
      <c r="B457" s="6" t="s">
        <v>321</v>
      </c>
      <c r="C457" s="6" t="s">
        <v>190</v>
      </c>
      <c r="D457" s="6" t="s">
        <v>124</v>
      </c>
      <c r="E457" s="6" t="s">
        <v>265</v>
      </c>
      <c r="F457" s="11">
        <v>519</v>
      </c>
      <c r="G457" s="13">
        <v>0.44057724957599997</v>
      </c>
      <c r="H457" s="11">
        <v>166.64816917999997</v>
      </c>
      <c r="I457" s="13">
        <v>0.14141132649045141</v>
      </c>
      <c r="J457" s="11">
        <v>100.77160477999996</v>
      </c>
      <c r="K457" s="13">
        <v>7.4916873760104682E-2</v>
      </c>
      <c r="L457" s="11">
        <v>250.75193762000004</v>
      </c>
      <c r="M457" s="13">
        <v>0.17342467476589457</v>
      </c>
      <c r="N457" s="11">
        <v>351.5235424</v>
      </c>
      <c r="O457" s="13">
        <v>0.26133398299232302</v>
      </c>
      <c r="P457" s="7">
        <v>1178.4640828700001</v>
      </c>
      <c r="Q457" s="7">
        <v>1192.3341505599999</v>
      </c>
      <c r="R457" s="7">
        <v>1172.95903447</v>
      </c>
      <c r="S457" s="7">
        <v>1209.8322375400001</v>
      </c>
      <c r="T457" s="7">
        <v>1294.1703880800001</v>
      </c>
      <c r="U457" s="7">
        <v>1229.32569478</v>
      </c>
      <c r="V457" s="7">
        <v>1345.1122520500001</v>
      </c>
      <c r="W457" s="7">
        <v>1451.60577287</v>
      </c>
      <c r="X457" s="7">
        <v>1447.61676109</v>
      </c>
      <c r="Y457" s="7">
        <v>1445.88385683</v>
      </c>
      <c r="Z457" s="7">
        <v>1474.59902687</v>
      </c>
      <c r="AA457" s="7">
        <v>1670.3192764</v>
      </c>
      <c r="AB457" s="7">
        <v>1657.7432155500001</v>
      </c>
      <c r="AC457" s="7">
        <v>1654.33631455</v>
      </c>
      <c r="AD457" s="7">
        <v>1685.15251855</v>
      </c>
      <c r="AE457" s="7">
        <v>1651.2912466299999</v>
      </c>
      <c r="AF457" s="7">
        <v>1696.63579445</v>
      </c>
      <c r="AG457" s="9">
        <v>13800.977293000004</v>
      </c>
      <c r="AH457" s="13">
        <v>0.6983977062597676</v>
      </c>
      <c r="AI457" s="9">
        <v>6135.692229100001</v>
      </c>
      <c r="AJ457" s="13">
        <v>0.31049637197017887</v>
      </c>
      <c r="AK457" s="9">
        <v>5408.8620650999983</v>
      </c>
      <c r="AL457" s="13">
        <v>0.2088637380887981</v>
      </c>
      <c r="AM457" s="9">
        <v>2256.4229988000043</v>
      </c>
      <c r="AN457" s="13">
        <v>7.2077598345166541E-2</v>
      </c>
      <c r="AO457" s="9">
        <v>7665.2850639000026</v>
      </c>
      <c r="AP457" s="13">
        <v>0.2959957330567991</v>
      </c>
      <c r="AQ457" s="9">
        <v>19760.914403499999</v>
      </c>
      <c r="AR457" s="9">
        <v>20713.818910000002</v>
      </c>
      <c r="AS457" s="9">
        <v>21476.3305722</v>
      </c>
      <c r="AT457" s="9">
        <v>23269.8653619</v>
      </c>
      <c r="AU457" s="9">
        <v>23408.623973400001</v>
      </c>
      <c r="AV457" s="9">
        <v>25478.667459299999</v>
      </c>
      <c r="AW457" s="9">
        <v>25896.6066326</v>
      </c>
      <c r="AX457" s="9">
        <v>27875.8876074</v>
      </c>
      <c r="AY457" s="9">
        <v>29072.297662000001</v>
      </c>
      <c r="AZ457" s="9">
        <v>31305.468697699998</v>
      </c>
      <c r="BA457" s="9">
        <v>32046.515416999999</v>
      </c>
      <c r="BB457" s="9">
        <v>30229.362974700001</v>
      </c>
      <c r="BC457" s="9">
        <v>31308.2064173</v>
      </c>
      <c r="BD457" s="9">
        <v>31142.470151900001</v>
      </c>
      <c r="BE457" s="9">
        <v>32030.7561757</v>
      </c>
      <c r="BF457" s="9">
        <v>33561.891696500003</v>
      </c>
      <c r="BG457" s="11">
        <v>118</v>
      </c>
      <c r="BH457" s="13">
        <v>1.5526315789473684</v>
      </c>
      <c r="BI457" s="6">
        <v>15</v>
      </c>
      <c r="BJ457" s="13">
        <v>0.19736842105263158</v>
      </c>
      <c r="BK457" s="6">
        <v>6</v>
      </c>
      <c r="BL457" s="13">
        <v>6.5934065934065936E-2</v>
      </c>
      <c r="BM457" s="11">
        <v>97</v>
      </c>
      <c r="BN457" s="13">
        <v>1</v>
      </c>
      <c r="BO457" s="11">
        <v>103</v>
      </c>
      <c r="BP457" s="13">
        <v>1.1318681318681318</v>
      </c>
      <c r="BQ457" s="6">
        <v>76</v>
      </c>
      <c r="BR457" s="6">
        <v>86</v>
      </c>
      <c r="BS457" s="6">
        <v>84</v>
      </c>
      <c r="BT457" s="6">
        <v>91</v>
      </c>
      <c r="BU457" s="6">
        <v>97</v>
      </c>
      <c r="BV457" s="6">
        <v>97</v>
      </c>
      <c r="BW457" s="6">
        <v>97</v>
      </c>
      <c r="BX457" s="6">
        <v>92</v>
      </c>
      <c r="BY457" s="6">
        <v>99</v>
      </c>
      <c r="BZ457" s="6">
        <v>155</v>
      </c>
      <c r="CA457" s="6">
        <v>169</v>
      </c>
      <c r="CB457" s="6">
        <v>182</v>
      </c>
      <c r="CC457" s="11">
        <v>194</v>
      </c>
      <c r="CD457" s="11">
        <v>-39.805799999999998</v>
      </c>
      <c r="CE457" s="11">
        <v>429.15699999999998</v>
      </c>
      <c r="CF457" s="11">
        <v>128.82</v>
      </c>
      <c r="CG457" s="11">
        <v>558</v>
      </c>
      <c r="CH457" s="20">
        <v>0.78186500000000003</v>
      </c>
      <c r="CI457" s="20">
        <v>0.73710399999999998</v>
      </c>
      <c r="CJ457" s="20">
        <v>0.69877699999999998</v>
      </c>
      <c r="CK457" s="20">
        <v>0.68046300000000004</v>
      </c>
      <c r="CL457" s="20">
        <v>0.68105099999999996</v>
      </c>
      <c r="CM457" s="20">
        <v>0.61648800000000004</v>
      </c>
      <c r="CN457" s="20">
        <v>0.62817100000000003</v>
      </c>
      <c r="CO457" s="20">
        <v>0.66442100000000004</v>
      </c>
      <c r="CP457" s="20">
        <v>0.66850500000000002</v>
      </c>
      <c r="CQ457" s="20">
        <v>0.66857500000000003</v>
      </c>
      <c r="CR457" s="20">
        <v>0.678122</v>
      </c>
      <c r="CS457" s="20">
        <v>0.72620799999999996</v>
      </c>
      <c r="CT457" s="20">
        <v>0.69849899999999998</v>
      </c>
      <c r="CU457" s="20">
        <v>0.67535900000000004</v>
      </c>
      <c r="CV457" s="20">
        <v>0.65943499999999999</v>
      </c>
      <c r="CW457" s="20">
        <v>0.63670000000000004</v>
      </c>
      <c r="CX457" s="20">
        <v>0.62483200000000005</v>
      </c>
      <c r="CY457" s="6" t="s">
        <v>456</v>
      </c>
      <c r="CZ457" s="6" t="s">
        <v>457</v>
      </c>
      <c r="DA457" s="6" t="s">
        <v>124</v>
      </c>
      <c r="DB457" s="6"/>
      <c r="DC457" s="6">
        <v>44180</v>
      </c>
      <c r="DD457" s="6">
        <v>520</v>
      </c>
      <c r="DE457" s="6" t="s">
        <v>460</v>
      </c>
      <c r="DF457" s="6" t="s">
        <v>375</v>
      </c>
      <c r="DG457" s="6" t="s">
        <v>364</v>
      </c>
      <c r="DH457" s="6" t="s">
        <v>419</v>
      </c>
      <c r="DI457" s="6" t="s">
        <v>461</v>
      </c>
      <c r="DJ457" s="6">
        <v>29</v>
      </c>
      <c r="DK457" s="6">
        <v>43</v>
      </c>
      <c r="DL457" s="6">
        <v>2</v>
      </c>
      <c r="DM457" s="6" t="s">
        <v>379</v>
      </c>
      <c r="DN457" s="6">
        <v>2</v>
      </c>
      <c r="DO457" s="6" t="s">
        <v>463</v>
      </c>
      <c r="DP457" s="6"/>
      <c r="DQ457" s="6"/>
    </row>
    <row r="458" spans="1:121" x14ac:dyDescent="0.2">
      <c r="A458" s="6" t="s">
        <v>322</v>
      </c>
      <c r="B458" s="6" t="s">
        <v>322</v>
      </c>
      <c r="C458" s="6" t="s">
        <v>191</v>
      </c>
      <c r="D458" s="6" t="s">
        <v>124</v>
      </c>
      <c r="E458" s="6" t="s">
        <v>265</v>
      </c>
      <c r="F458" s="11">
        <v>160</v>
      </c>
      <c r="G458" s="13">
        <v>1.03</v>
      </c>
      <c r="H458" s="11">
        <v>54</v>
      </c>
      <c r="I458" s="13">
        <v>0.34615384615384615</v>
      </c>
      <c r="J458" s="11">
        <v>-24</v>
      </c>
      <c r="K458" s="13">
        <v>-0.11428571428571428</v>
      </c>
      <c r="L458" s="11">
        <v>130</v>
      </c>
      <c r="M458" s="13">
        <v>0.69892473118279574</v>
      </c>
      <c r="N458" s="11">
        <v>106</v>
      </c>
      <c r="O458" s="13">
        <v>0.50476190476190474</v>
      </c>
      <c r="P458" s="7">
        <v>156</v>
      </c>
      <c r="Q458" s="7">
        <v>154</v>
      </c>
      <c r="R458" s="7">
        <v>197</v>
      </c>
      <c r="S458" s="7">
        <v>168</v>
      </c>
      <c r="T458" s="7">
        <v>207</v>
      </c>
      <c r="U458" s="7">
        <v>212</v>
      </c>
      <c r="V458" s="7">
        <v>210</v>
      </c>
      <c r="W458" s="7">
        <v>212</v>
      </c>
      <c r="X458" s="7">
        <v>182</v>
      </c>
      <c r="Y458" s="7">
        <v>186</v>
      </c>
      <c r="Z458" s="7">
        <v>189</v>
      </c>
      <c r="AA458" s="7">
        <v>199</v>
      </c>
      <c r="AB458" s="7">
        <v>197</v>
      </c>
      <c r="AC458" s="7">
        <v>208</v>
      </c>
      <c r="AD458" s="7">
        <v>207</v>
      </c>
      <c r="AE458" s="7">
        <v>302</v>
      </c>
      <c r="AF458" s="7">
        <v>316</v>
      </c>
      <c r="AG458" s="9">
        <v>1241</v>
      </c>
      <c r="AH458" s="13">
        <v>8.4341443523175214E-2</v>
      </c>
      <c r="AI458" s="9">
        <v>1619</v>
      </c>
      <c r="AJ458" s="13">
        <v>0.11003126274296587</v>
      </c>
      <c r="AK458" s="9">
        <v>2248</v>
      </c>
      <c r="AL458" s="13">
        <v>0.13763546194820303</v>
      </c>
      <c r="AM458" s="9">
        <v>-2626</v>
      </c>
      <c r="AN458" s="13">
        <v>-0.14132716215488941</v>
      </c>
      <c r="AO458" s="9">
        <v>-378</v>
      </c>
      <c r="AP458" s="13">
        <v>-2.3143329455703177E-2</v>
      </c>
      <c r="AQ458" s="9">
        <v>14714</v>
      </c>
      <c r="AR458" s="9">
        <v>15069</v>
      </c>
      <c r="AS458" s="9">
        <v>13475</v>
      </c>
      <c r="AT458" s="9">
        <v>16712</v>
      </c>
      <c r="AU458" s="9">
        <v>15342</v>
      </c>
      <c r="AV458" s="9">
        <v>15623</v>
      </c>
      <c r="AW458" s="9">
        <v>16333</v>
      </c>
      <c r="AX458" s="9">
        <v>17642</v>
      </c>
      <c r="AY458" s="9">
        <v>18249</v>
      </c>
      <c r="AZ458" s="9">
        <v>18581</v>
      </c>
      <c r="BA458" s="9">
        <v>18076</v>
      </c>
      <c r="BB458" s="9">
        <v>17857</v>
      </c>
      <c r="BC458" s="9">
        <v>18218</v>
      </c>
      <c r="BD458" s="9">
        <v>20002</v>
      </c>
      <c r="BE458" s="9">
        <v>20003</v>
      </c>
      <c r="BF458" s="9">
        <v>15955</v>
      </c>
      <c r="BG458" s="11">
        <v>14</v>
      </c>
      <c r="BH458" s="13">
        <v>0.875</v>
      </c>
      <c r="BI458" s="6">
        <v>2</v>
      </c>
      <c r="BJ458" s="13">
        <v>0.125</v>
      </c>
      <c r="BK458" s="6">
        <v>3</v>
      </c>
      <c r="BL458" s="13">
        <v>0.16666666666666666</v>
      </c>
      <c r="BM458" s="11">
        <v>9</v>
      </c>
      <c r="BN458" s="13">
        <v>0.42857142857142855</v>
      </c>
      <c r="BO458" s="11">
        <v>12</v>
      </c>
      <c r="BP458" s="13">
        <v>0.66666666666666663</v>
      </c>
      <c r="BQ458" s="6">
        <v>16</v>
      </c>
      <c r="BR458" s="6">
        <v>18</v>
      </c>
      <c r="BS458" s="6">
        <v>18</v>
      </c>
      <c r="BT458" s="6">
        <v>18</v>
      </c>
      <c r="BU458" s="6">
        <v>19</v>
      </c>
      <c r="BV458" s="6">
        <v>18</v>
      </c>
      <c r="BW458" s="6">
        <v>21</v>
      </c>
      <c r="BX458" s="6">
        <v>21</v>
      </c>
      <c r="BY458" s="6">
        <v>18</v>
      </c>
      <c r="BZ458" s="6">
        <v>19</v>
      </c>
      <c r="CA458" s="6">
        <v>26</v>
      </c>
      <c r="CB458" s="6">
        <v>28</v>
      </c>
      <c r="CC458" s="11">
        <v>30</v>
      </c>
      <c r="CD458" s="11">
        <v>115</v>
      </c>
      <c r="CE458" s="11">
        <v>28</v>
      </c>
      <c r="CF458" s="11">
        <v>17</v>
      </c>
      <c r="CG458" s="11">
        <v>45</v>
      </c>
      <c r="CH458" s="20">
        <v>0.67</v>
      </c>
      <c r="CI458" s="20">
        <v>0.63</v>
      </c>
      <c r="CJ458" s="20">
        <v>0.79</v>
      </c>
      <c r="CK458" s="20">
        <v>0.64</v>
      </c>
      <c r="CL458" s="20">
        <v>0.74</v>
      </c>
      <c r="CM458" s="20">
        <v>0.73</v>
      </c>
      <c r="CN458" s="20">
        <v>0.67</v>
      </c>
      <c r="CO458" s="20">
        <v>0.68</v>
      </c>
      <c r="CP458" s="20">
        <v>0.61</v>
      </c>
      <c r="CQ458" s="20">
        <v>0.64</v>
      </c>
      <c r="CR458" s="20">
        <v>0.65</v>
      </c>
      <c r="CS458" s="20">
        <v>0.66</v>
      </c>
      <c r="CT458" s="20">
        <v>0.63</v>
      </c>
      <c r="CU458" s="20">
        <v>0.63</v>
      </c>
      <c r="CV458" s="20">
        <v>0.6</v>
      </c>
      <c r="CW458" s="20">
        <v>0.86</v>
      </c>
      <c r="CX458" s="20">
        <v>0.87</v>
      </c>
      <c r="CY458" s="6" t="s">
        <v>456</v>
      </c>
      <c r="CZ458" s="6" t="s">
        <v>457</v>
      </c>
      <c r="DA458" s="6" t="s">
        <v>124</v>
      </c>
      <c r="DB458" s="6"/>
      <c r="DC458" s="6">
        <v>44180</v>
      </c>
      <c r="DD458" s="6">
        <v>520</v>
      </c>
      <c r="DE458" s="6" t="s">
        <v>460</v>
      </c>
      <c r="DF458" s="6" t="s">
        <v>375</v>
      </c>
      <c r="DG458" s="6" t="s">
        <v>364</v>
      </c>
      <c r="DH458" s="6" t="s">
        <v>419</v>
      </c>
      <c r="DI458" s="6" t="s">
        <v>461</v>
      </c>
      <c r="DJ458" s="6">
        <v>29</v>
      </c>
      <c r="DK458" s="6">
        <v>43</v>
      </c>
      <c r="DL458" s="6">
        <v>2</v>
      </c>
      <c r="DM458" s="6" t="s">
        <v>379</v>
      </c>
      <c r="DN458" s="6">
        <v>2</v>
      </c>
      <c r="DO458" s="6" t="s">
        <v>463</v>
      </c>
      <c r="DP458" s="6"/>
      <c r="DQ458" s="6"/>
    </row>
    <row r="459" spans="1:121" x14ac:dyDescent="0.2">
      <c r="A459" s="6" t="s">
        <v>323</v>
      </c>
      <c r="B459" s="6" t="s">
        <v>323</v>
      </c>
      <c r="C459" s="6" t="s">
        <v>192</v>
      </c>
      <c r="D459" s="6" t="s">
        <v>124</v>
      </c>
      <c r="E459" s="6" t="s">
        <v>265</v>
      </c>
      <c r="F459" s="11">
        <v>762</v>
      </c>
      <c r="G459" s="13">
        <v>0.62204081632700003</v>
      </c>
      <c r="H459" s="11">
        <v>816.97937345000014</v>
      </c>
      <c r="I459" s="13">
        <v>0.66684328413960825</v>
      </c>
      <c r="J459" s="11">
        <v>-286.90244670000016</v>
      </c>
      <c r="K459" s="13">
        <v>-0.14049218669627411</v>
      </c>
      <c r="L459" s="11">
        <v>231.76504106000016</v>
      </c>
      <c r="M459" s="13">
        <v>0.13204319364275854</v>
      </c>
      <c r="N459" s="11">
        <v>-55.137405639999997</v>
      </c>
      <c r="O459" s="13">
        <v>-2.700003006674628E-2</v>
      </c>
      <c r="P459" s="7">
        <v>1225.1444872899999</v>
      </c>
      <c r="Q459" s="7">
        <v>1338.2188415999999</v>
      </c>
      <c r="R459" s="7">
        <v>1373.9586655600001</v>
      </c>
      <c r="S459" s="7">
        <v>1473.6091638400001</v>
      </c>
      <c r="T459" s="7">
        <v>1845.52812212</v>
      </c>
      <c r="U459" s="7">
        <v>1850.49266717</v>
      </c>
      <c r="V459" s="7">
        <v>2042.1238607400001</v>
      </c>
      <c r="W459" s="7">
        <v>1943.4581232099999</v>
      </c>
      <c r="X459" s="7">
        <v>1855.32847679</v>
      </c>
      <c r="Y459" s="7">
        <v>1755.2214140399999</v>
      </c>
      <c r="Z459" s="7">
        <v>1738.5324880200001</v>
      </c>
      <c r="AA459" s="7">
        <v>1799.1513446700001</v>
      </c>
      <c r="AB459" s="7">
        <v>1909.8493285300001</v>
      </c>
      <c r="AC459" s="7">
        <v>1959.5214563500001</v>
      </c>
      <c r="AD459" s="7">
        <v>1936.46119312</v>
      </c>
      <c r="AE459" s="7">
        <v>1961.4999659600001</v>
      </c>
      <c r="AF459" s="7">
        <v>1986.9864551000001</v>
      </c>
      <c r="AG459" s="9">
        <v>5905.0617596000011</v>
      </c>
      <c r="AH459" s="13">
        <v>0.51272019119022305</v>
      </c>
      <c r="AI459" s="9">
        <v>2018.7047461000002</v>
      </c>
      <c r="AJ459" s="13">
        <v>0.17527855347055912</v>
      </c>
      <c r="AK459" s="9">
        <v>1734.0162122000002</v>
      </c>
      <c r="AL459" s="13">
        <v>0.12810566014085531</v>
      </c>
      <c r="AM459" s="9">
        <v>2152.3408013000007</v>
      </c>
      <c r="AN459" s="13">
        <v>0.14095368214652565</v>
      </c>
      <c r="AO459" s="9">
        <v>3886.3570135000009</v>
      </c>
      <c r="AP459" s="13">
        <v>0.28711630678804595</v>
      </c>
      <c r="AQ459" s="9">
        <v>11517.1234936</v>
      </c>
      <c r="AR459" s="9">
        <v>11732.6340048</v>
      </c>
      <c r="AS459" s="9">
        <v>12144.8924241</v>
      </c>
      <c r="AT459" s="9">
        <v>12335.279341900001</v>
      </c>
      <c r="AU459" s="9">
        <v>12368.724007999999</v>
      </c>
      <c r="AV459" s="9">
        <v>12722.680440599999</v>
      </c>
      <c r="AW459" s="9">
        <v>13535.8282397</v>
      </c>
      <c r="AX459" s="9">
        <v>13457.1419102</v>
      </c>
      <c r="AY459" s="9">
        <v>14269.9577037</v>
      </c>
      <c r="AZ459" s="9">
        <v>15269.8444519</v>
      </c>
      <c r="BA459" s="9">
        <v>15077.261584899999</v>
      </c>
      <c r="BB459" s="9">
        <v>15552.5200836</v>
      </c>
      <c r="BC459" s="9">
        <v>15451.6035985</v>
      </c>
      <c r="BD459" s="9">
        <v>16181.524520999999</v>
      </c>
      <c r="BE459" s="9">
        <v>17237.5393879</v>
      </c>
      <c r="BF459" s="9">
        <v>17422.185253200001</v>
      </c>
      <c r="BG459" s="11">
        <v>36.5</v>
      </c>
      <c r="BH459" s="13">
        <v>0.49324324324324326</v>
      </c>
      <c r="BI459" s="6">
        <v>27</v>
      </c>
      <c r="BJ459" s="13">
        <v>0.36486486486486486</v>
      </c>
      <c r="BK459" s="6">
        <v>-2</v>
      </c>
      <c r="BL459" s="13">
        <v>-1.9801980198019802E-2</v>
      </c>
      <c r="BM459" s="11">
        <v>11.5</v>
      </c>
      <c r="BN459" s="13">
        <v>0.11616161616161616</v>
      </c>
      <c r="BO459" s="11">
        <v>9.5</v>
      </c>
      <c r="BP459" s="13">
        <v>9.405940594059406E-2</v>
      </c>
      <c r="BQ459" s="6">
        <v>74</v>
      </c>
      <c r="BR459" s="6">
        <v>87</v>
      </c>
      <c r="BS459" s="6">
        <v>88</v>
      </c>
      <c r="BT459" s="6">
        <v>101</v>
      </c>
      <c r="BU459" s="6">
        <v>99</v>
      </c>
      <c r="BV459" s="6">
        <v>99</v>
      </c>
      <c r="BW459" s="6">
        <v>99</v>
      </c>
      <c r="BX459" s="6">
        <v>100</v>
      </c>
      <c r="BY459" s="6">
        <v>106</v>
      </c>
      <c r="BZ459" s="6">
        <v>110</v>
      </c>
      <c r="CA459" s="6">
        <v>110</v>
      </c>
      <c r="CB459" s="6">
        <v>110</v>
      </c>
      <c r="CC459" s="11">
        <v>110.5</v>
      </c>
      <c r="CD459" s="11">
        <v>349.31400000000002</v>
      </c>
      <c r="CE459" s="11">
        <v>278.60500000000002</v>
      </c>
      <c r="CF459" s="11">
        <v>133.923</v>
      </c>
      <c r="CG459" s="11">
        <v>413</v>
      </c>
      <c r="CH459" s="20">
        <v>1.09528</v>
      </c>
      <c r="CI459" s="20">
        <v>1.1431100000000001</v>
      </c>
      <c r="CJ459" s="20">
        <v>1.1448400000000001</v>
      </c>
      <c r="CK459" s="20">
        <v>1.1531899999999999</v>
      </c>
      <c r="CL459" s="20">
        <v>1.3502799999999999</v>
      </c>
      <c r="CM459" s="20">
        <v>1.29531</v>
      </c>
      <c r="CN459" s="20">
        <v>1.3386199999999999</v>
      </c>
      <c r="CO459" s="20">
        <v>1.2771999999999999</v>
      </c>
      <c r="CP459" s="20">
        <v>1.29114</v>
      </c>
      <c r="CQ459" s="20">
        <v>1.2390699999999999</v>
      </c>
      <c r="CR459" s="20">
        <v>1.2072099999999999</v>
      </c>
      <c r="CS459" s="20">
        <v>1.18845</v>
      </c>
      <c r="CT459" s="20">
        <v>1.2095899999999999</v>
      </c>
      <c r="CU459" s="20">
        <v>1.1897500000000001</v>
      </c>
      <c r="CV459" s="20">
        <v>1.1162300000000001</v>
      </c>
      <c r="CW459" s="20">
        <v>1.11145</v>
      </c>
      <c r="CX459" s="20">
        <v>1.0869200000000001</v>
      </c>
      <c r="CY459" s="6" t="s">
        <v>456</v>
      </c>
      <c r="CZ459" s="6" t="s">
        <v>457</v>
      </c>
      <c r="DA459" s="6" t="s">
        <v>124</v>
      </c>
      <c r="DB459" s="6"/>
      <c r="DC459" s="6">
        <v>44180</v>
      </c>
      <c r="DD459" s="6">
        <v>520</v>
      </c>
      <c r="DE459" s="6" t="s">
        <v>460</v>
      </c>
      <c r="DF459" s="6" t="s">
        <v>375</v>
      </c>
      <c r="DG459" s="6" t="s">
        <v>364</v>
      </c>
      <c r="DH459" s="6" t="s">
        <v>419</v>
      </c>
      <c r="DI459" s="6" t="s">
        <v>461</v>
      </c>
      <c r="DJ459" s="6">
        <v>29</v>
      </c>
      <c r="DK459" s="6">
        <v>43</v>
      </c>
      <c r="DL459" s="6">
        <v>2</v>
      </c>
      <c r="DM459" s="6" t="s">
        <v>379</v>
      </c>
      <c r="DN459" s="6">
        <v>2</v>
      </c>
      <c r="DO459" s="6" t="s">
        <v>463</v>
      </c>
      <c r="DP459" s="6"/>
      <c r="DQ459" s="6"/>
    </row>
    <row r="460" spans="1:121" x14ac:dyDescent="0.2">
      <c r="A460" s="6" t="s">
        <v>325</v>
      </c>
      <c r="B460" s="6" t="s">
        <v>325</v>
      </c>
      <c r="C460" s="6" t="s">
        <v>193</v>
      </c>
      <c r="D460" s="6" t="s">
        <v>124</v>
      </c>
      <c r="E460" s="6" t="s">
        <v>265</v>
      </c>
      <c r="F460" s="11">
        <v>637</v>
      </c>
      <c r="G460" s="13">
        <v>0.750294464075</v>
      </c>
      <c r="H460" s="11">
        <v>475.909985259</v>
      </c>
      <c r="I460" s="13">
        <v>0.560440775071261</v>
      </c>
      <c r="J460" s="11">
        <v>58.903854659999979</v>
      </c>
      <c r="K460" s="13">
        <v>4.4453026434403325E-2</v>
      </c>
      <c r="L460" s="11">
        <v>101.64379273000009</v>
      </c>
      <c r="M460" s="13">
        <v>7.344285770249262E-2</v>
      </c>
      <c r="N460" s="11">
        <v>160.54764739000007</v>
      </c>
      <c r="O460" s="13">
        <v>0.121160641431763</v>
      </c>
      <c r="P460" s="7">
        <v>849.17087840099998</v>
      </c>
      <c r="Q460" s="7">
        <v>946.674441258</v>
      </c>
      <c r="R460" s="7">
        <v>922.33301276400005</v>
      </c>
      <c r="S460" s="7">
        <v>960.50648894999995</v>
      </c>
      <c r="T460" s="7">
        <v>1006.1979185500001</v>
      </c>
      <c r="U460" s="7">
        <v>1047.6377490899999</v>
      </c>
      <c r="V460" s="7">
        <v>1325.08086366</v>
      </c>
      <c r="W460" s="7">
        <v>1339.8432687300001</v>
      </c>
      <c r="X460" s="7">
        <v>1311.5729450700001</v>
      </c>
      <c r="Y460" s="7">
        <v>1383.98471832</v>
      </c>
      <c r="Z460" s="7">
        <v>1343.66335192</v>
      </c>
      <c r="AA460" s="7">
        <v>1407.5188769599999</v>
      </c>
      <c r="AB460" s="7">
        <v>1390.81521877</v>
      </c>
      <c r="AC460" s="7">
        <v>1425.0795929599999</v>
      </c>
      <c r="AD460" s="7">
        <v>1437.51766877</v>
      </c>
      <c r="AE460" s="7">
        <v>1441.56317167</v>
      </c>
      <c r="AF460" s="7">
        <v>1485.62851105</v>
      </c>
      <c r="AG460" s="9">
        <v>5518.987777600003</v>
      </c>
      <c r="AH460" s="13">
        <v>0.32353908798046738</v>
      </c>
      <c r="AI460" s="9">
        <v>3239.2417862000002</v>
      </c>
      <c r="AJ460" s="13">
        <v>0.18989375869049535</v>
      </c>
      <c r="AK460" s="9">
        <v>-122.65487519999806</v>
      </c>
      <c r="AL460" s="13">
        <v>-6.0428797628691751E-3</v>
      </c>
      <c r="AM460" s="9">
        <v>2402.4008666000009</v>
      </c>
      <c r="AN460" s="13">
        <v>0.11907948969035773</v>
      </c>
      <c r="AO460" s="9">
        <v>2279.7459914000028</v>
      </c>
      <c r="AP460" s="13">
        <v>0.11231702688906588</v>
      </c>
      <c r="AQ460" s="9">
        <v>17058.179313199998</v>
      </c>
      <c r="AR460" s="9">
        <v>17228.4256351</v>
      </c>
      <c r="AS460" s="9">
        <v>18461.152007699999</v>
      </c>
      <c r="AT460" s="9">
        <v>18707.2491844</v>
      </c>
      <c r="AU460" s="9">
        <v>19293.816085499999</v>
      </c>
      <c r="AV460" s="9">
        <v>19626.6215945</v>
      </c>
      <c r="AW460" s="9">
        <v>20297.421099399999</v>
      </c>
      <c r="AX460" s="9">
        <v>21001.484142199999</v>
      </c>
      <c r="AY460" s="9">
        <v>20023.129298700002</v>
      </c>
      <c r="AZ460" s="9">
        <v>20174.766224200001</v>
      </c>
      <c r="BA460" s="9">
        <v>20560.144194100001</v>
      </c>
      <c r="BB460" s="9">
        <v>20843.591454099998</v>
      </c>
      <c r="BC460" s="9">
        <v>21686.694237</v>
      </c>
      <c r="BD460" s="9">
        <v>21516.972935099999</v>
      </c>
      <c r="BE460" s="9">
        <v>21738.033804300001</v>
      </c>
      <c r="BF460" s="9">
        <v>22577.167090800001</v>
      </c>
      <c r="BG460" s="11">
        <v>11</v>
      </c>
      <c r="BH460" s="13">
        <v>9.6491228070175433E-2</v>
      </c>
      <c r="BI460" s="6">
        <v>27</v>
      </c>
      <c r="BJ460" s="13">
        <v>0.23684210526315788</v>
      </c>
      <c r="BK460" s="6">
        <v>19</v>
      </c>
      <c r="BL460" s="13">
        <v>0.13475177304964539</v>
      </c>
      <c r="BM460" s="11">
        <v>-35</v>
      </c>
      <c r="BN460" s="13">
        <v>-0.21875</v>
      </c>
      <c r="BO460" s="11">
        <v>-16</v>
      </c>
      <c r="BP460" s="13">
        <v>-0.11347517730496454</v>
      </c>
      <c r="BQ460" s="6">
        <v>114</v>
      </c>
      <c r="BR460" s="6">
        <v>125</v>
      </c>
      <c r="BS460" s="6">
        <v>131</v>
      </c>
      <c r="BT460" s="6">
        <v>141</v>
      </c>
      <c r="BU460" s="6">
        <v>147</v>
      </c>
      <c r="BV460" s="6">
        <v>154</v>
      </c>
      <c r="BW460" s="6">
        <v>160</v>
      </c>
      <c r="BX460" s="6">
        <v>157</v>
      </c>
      <c r="BY460" s="6">
        <v>167</v>
      </c>
      <c r="BZ460" s="6">
        <v>123</v>
      </c>
      <c r="CA460" s="6">
        <v>119</v>
      </c>
      <c r="CB460" s="6">
        <v>122</v>
      </c>
      <c r="CC460" s="11">
        <v>125</v>
      </c>
      <c r="CD460" s="11">
        <v>551.45299999999997</v>
      </c>
      <c r="CE460" s="11">
        <v>-7.8200599999999998</v>
      </c>
      <c r="CF460" s="11">
        <v>92.824600000000004</v>
      </c>
      <c r="CG460" s="11">
        <v>85</v>
      </c>
      <c r="CH460" s="20">
        <v>1.11764</v>
      </c>
      <c r="CI460" s="20">
        <v>1.1855599999999999</v>
      </c>
      <c r="CJ460" s="20">
        <v>1.1332</v>
      </c>
      <c r="CK460" s="20">
        <v>1.1284000000000001</v>
      </c>
      <c r="CL460" s="20">
        <v>1.1234900000000001</v>
      </c>
      <c r="CM460" s="20">
        <v>1.1295999999999999</v>
      </c>
      <c r="CN460" s="20">
        <v>1.34459</v>
      </c>
      <c r="CO460" s="20">
        <v>1.36174</v>
      </c>
      <c r="CP460" s="20">
        <v>1.38279</v>
      </c>
      <c r="CQ460" s="20">
        <v>1.49112</v>
      </c>
      <c r="CR460" s="20">
        <v>1.44478</v>
      </c>
      <c r="CS460" s="20">
        <v>1.45085</v>
      </c>
      <c r="CT460" s="20">
        <v>1.49943</v>
      </c>
      <c r="CU460" s="20">
        <v>1.48854</v>
      </c>
      <c r="CV460" s="20">
        <v>1.45374</v>
      </c>
      <c r="CW460" s="20">
        <v>1.44828</v>
      </c>
      <c r="CX460" s="20">
        <v>1.45374</v>
      </c>
      <c r="CY460" s="6" t="s">
        <v>456</v>
      </c>
      <c r="CZ460" s="6" t="s">
        <v>457</v>
      </c>
      <c r="DA460" s="6" t="s">
        <v>124</v>
      </c>
      <c r="DB460" s="6"/>
      <c r="DC460" s="6">
        <v>44180</v>
      </c>
      <c r="DD460" s="6">
        <v>520</v>
      </c>
      <c r="DE460" s="6" t="s">
        <v>460</v>
      </c>
      <c r="DF460" s="6" t="s">
        <v>375</v>
      </c>
      <c r="DG460" s="6" t="s">
        <v>364</v>
      </c>
      <c r="DH460" s="6" t="s">
        <v>419</v>
      </c>
      <c r="DI460" s="6" t="s">
        <v>461</v>
      </c>
      <c r="DJ460" s="6">
        <v>29</v>
      </c>
      <c r="DK460" s="6">
        <v>43</v>
      </c>
      <c r="DL460" s="6">
        <v>2</v>
      </c>
      <c r="DM460" s="6" t="s">
        <v>379</v>
      </c>
      <c r="DN460" s="6">
        <v>2</v>
      </c>
      <c r="DO460" s="6" t="s">
        <v>463</v>
      </c>
      <c r="DP460" s="6"/>
      <c r="DQ460" s="6"/>
    </row>
    <row r="461" spans="1:121" x14ac:dyDescent="0.2">
      <c r="A461" s="6" t="s">
        <v>327</v>
      </c>
      <c r="B461" s="6" t="s">
        <v>327</v>
      </c>
      <c r="C461" s="6" t="s">
        <v>194</v>
      </c>
      <c r="D461" s="6" t="s">
        <v>124</v>
      </c>
      <c r="E461" s="6" t="s">
        <v>265</v>
      </c>
      <c r="F461" s="11">
        <v>1263</v>
      </c>
      <c r="G461" s="13">
        <v>0.56510067114100004</v>
      </c>
      <c r="H461" s="11">
        <v>655.6032180000002</v>
      </c>
      <c r="I461" s="13">
        <v>0.29328581371341178</v>
      </c>
      <c r="J461" s="11">
        <v>190.25448999999981</v>
      </c>
      <c r="K461" s="13">
        <v>6.580977123439008E-2</v>
      </c>
      <c r="L461" s="11">
        <v>416.98249453000017</v>
      </c>
      <c r="M461" s="13">
        <v>0.13532984731881204</v>
      </c>
      <c r="N461" s="11">
        <v>607.23698452999997</v>
      </c>
      <c r="O461" s="13">
        <v>0.21004564484643809</v>
      </c>
      <c r="P461" s="7">
        <v>2235.373098</v>
      </c>
      <c r="Q461" s="7">
        <v>2338.5182199999999</v>
      </c>
      <c r="R461" s="7">
        <v>2373.8791460000002</v>
      </c>
      <c r="S461" s="7">
        <v>2455.4469309999999</v>
      </c>
      <c r="T461" s="7">
        <v>2566.4369510000001</v>
      </c>
      <c r="U461" s="7">
        <v>2682.359058</v>
      </c>
      <c r="V461" s="7">
        <v>2890.9763160000002</v>
      </c>
      <c r="W461" s="7">
        <v>3070.0378569999998</v>
      </c>
      <c r="X461" s="7">
        <v>3171.8864610000001</v>
      </c>
      <c r="Y461" s="7">
        <v>3081.230806</v>
      </c>
      <c r="Z461" s="7">
        <v>3056.4777170000002</v>
      </c>
      <c r="AA461" s="7">
        <v>3087.293173</v>
      </c>
      <c r="AB461" s="7">
        <v>3201.8887030000001</v>
      </c>
      <c r="AC461" s="7">
        <v>3270.5611909999998</v>
      </c>
      <c r="AD461" s="7">
        <v>3367.8211489999999</v>
      </c>
      <c r="AE461" s="7">
        <v>3403.1545907499999</v>
      </c>
      <c r="AF461" s="7">
        <v>3498.2133005300002</v>
      </c>
      <c r="AG461" s="9">
        <v>15807.801351799997</v>
      </c>
      <c r="AH461" s="13">
        <v>0.49664007686140832</v>
      </c>
      <c r="AI461" s="9">
        <v>11370.318248300002</v>
      </c>
      <c r="AJ461" s="13">
        <v>0.35722587873558903</v>
      </c>
      <c r="AK461" s="9">
        <v>3261.0949933999946</v>
      </c>
      <c r="AL461" s="13">
        <v>7.5488641614168656E-2</v>
      </c>
      <c r="AM461" s="9">
        <v>1176.3881101000006</v>
      </c>
      <c r="AN461" s="13">
        <v>2.5319956726169216E-2</v>
      </c>
      <c r="AO461" s="9">
        <v>4437.4831034999952</v>
      </c>
      <c r="AP461" s="13">
        <v>0.10271996747932592</v>
      </c>
      <c r="AQ461" s="9">
        <v>31829.4919969</v>
      </c>
      <c r="AR461" s="9">
        <v>33819.883284099997</v>
      </c>
      <c r="AS461" s="9">
        <v>35783.352703099998</v>
      </c>
      <c r="AT461" s="9">
        <v>37681.298823099998</v>
      </c>
      <c r="AU461" s="9">
        <v>39807.6820744</v>
      </c>
      <c r="AV461" s="9">
        <v>42194.156629500001</v>
      </c>
      <c r="AW461" s="9">
        <v>43199.810245200002</v>
      </c>
      <c r="AX461" s="9">
        <v>44339.352065899999</v>
      </c>
      <c r="AY461" s="9">
        <v>45387.339055700002</v>
      </c>
      <c r="AZ461" s="9">
        <v>46460.905238599997</v>
      </c>
      <c r="BA461" s="9">
        <v>45571.3950989</v>
      </c>
      <c r="BB461" s="9">
        <v>46410.279814599999</v>
      </c>
      <c r="BC461" s="9">
        <v>46987.887008799997</v>
      </c>
      <c r="BD461" s="9">
        <v>46664.313505300001</v>
      </c>
      <c r="BE461" s="9">
        <v>46603.779121200001</v>
      </c>
      <c r="BF461" s="9">
        <v>47637.293348699997</v>
      </c>
      <c r="BG461" s="11">
        <v>8</v>
      </c>
      <c r="BH461" s="13">
        <v>0.11940298507462686</v>
      </c>
      <c r="BI461" s="6">
        <v>3</v>
      </c>
      <c r="BJ461" s="13">
        <v>4.4776119402985072E-2</v>
      </c>
      <c r="BK461" s="6">
        <v>0</v>
      </c>
      <c r="BL461" s="13">
        <v>0</v>
      </c>
      <c r="BM461" s="11">
        <v>5</v>
      </c>
      <c r="BN461" s="13">
        <v>7.1428571428571425E-2</v>
      </c>
      <c r="BO461" s="11">
        <v>5</v>
      </c>
      <c r="BP461" s="13">
        <v>7.1428571428571425E-2</v>
      </c>
      <c r="BQ461" s="6">
        <v>67</v>
      </c>
      <c r="BR461" s="6">
        <v>66</v>
      </c>
      <c r="BS461" s="6">
        <v>68</v>
      </c>
      <c r="BT461" s="6">
        <v>70</v>
      </c>
      <c r="BU461" s="6">
        <v>70</v>
      </c>
      <c r="BV461" s="6">
        <v>69</v>
      </c>
      <c r="BW461" s="6">
        <v>70</v>
      </c>
      <c r="BX461" s="6">
        <v>73</v>
      </c>
      <c r="BY461" s="6">
        <v>72</v>
      </c>
      <c r="BZ461" s="6">
        <v>73</v>
      </c>
      <c r="CA461" s="6">
        <v>75</v>
      </c>
      <c r="CB461" s="6">
        <v>75</v>
      </c>
      <c r="CC461" s="11">
        <v>75</v>
      </c>
      <c r="CD461" s="11">
        <v>1149.53</v>
      </c>
      <c r="CE461" s="11">
        <v>-131.048</v>
      </c>
      <c r="CF461" s="11">
        <v>244.35300000000001</v>
      </c>
      <c r="CG461" s="11">
        <v>113</v>
      </c>
      <c r="CH461" s="20">
        <v>0.88569500000000001</v>
      </c>
      <c r="CI461" s="20">
        <v>0.87990100000000004</v>
      </c>
      <c r="CJ461" s="20">
        <v>0.88275400000000004</v>
      </c>
      <c r="CK461" s="20">
        <v>0.87940399999999996</v>
      </c>
      <c r="CL461" s="20">
        <v>0.875614</v>
      </c>
      <c r="CM461" s="20">
        <v>0.88957600000000003</v>
      </c>
      <c r="CN461" s="20">
        <v>0.90875899999999998</v>
      </c>
      <c r="CO461" s="20">
        <v>0.95691700000000002</v>
      </c>
      <c r="CP461" s="20">
        <v>1.0141199999999999</v>
      </c>
      <c r="CQ461" s="20">
        <v>1.0009600000000001</v>
      </c>
      <c r="CR461" s="20">
        <v>1.0142</v>
      </c>
      <c r="CS461" s="20">
        <v>1.01536</v>
      </c>
      <c r="CT461" s="20">
        <v>1.04613</v>
      </c>
      <c r="CU461" s="20">
        <v>1.05487</v>
      </c>
      <c r="CV461" s="20">
        <v>1.06071</v>
      </c>
      <c r="CW461" s="20">
        <v>1.07019</v>
      </c>
      <c r="CX461" s="20">
        <v>1.07897</v>
      </c>
      <c r="CY461" s="6" t="s">
        <v>456</v>
      </c>
      <c r="CZ461" s="6" t="s">
        <v>457</v>
      </c>
      <c r="DA461" s="6" t="s">
        <v>124</v>
      </c>
      <c r="DB461" s="6"/>
      <c r="DC461" s="6">
        <v>44180</v>
      </c>
      <c r="DD461" s="6">
        <v>520</v>
      </c>
      <c r="DE461" s="6" t="s">
        <v>460</v>
      </c>
      <c r="DF461" s="6" t="s">
        <v>375</v>
      </c>
      <c r="DG461" s="6" t="s">
        <v>364</v>
      </c>
      <c r="DH461" s="6" t="s">
        <v>419</v>
      </c>
      <c r="DI461" s="6" t="s">
        <v>461</v>
      </c>
      <c r="DJ461" s="6">
        <v>29</v>
      </c>
      <c r="DK461" s="6">
        <v>43</v>
      </c>
      <c r="DL461" s="6">
        <v>2</v>
      </c>
      <c r="DM461" s="6" t="s">
        <v>379</v>
      </c>
      <c r="DN461" s="6">
        <v>2</v>
      </c>
      <c r="DO461" s="6" t="s">
        <v>463</v>
      </c>
      <c r="DP461" s="6"/>
      <c r="DQ461" s="6"/>
    </row>
    <row r="462" spans="1:121" x14ac:dyDescent="0.2">
      <c r="A462" s="6" t="s">
        <v>1</v>
      </c>
      <c r="B462" s="6" t="s">
        <v>1</v>
      </c>
      <c r="C462" s="6" t="s">
        <v>2</v>
      </c>
      <c r="D462" s="6" t="s">
        <v>88</v>
      </c>
      <c r="E462" s="6" t="s">
        <v>229</v>
      </c>
      <c r="F462" s="11">
        <v>53</v>
      </c>
      <c r="G462" s="13">
        <v>0.77941176470600004</v>
      </c>
      <c r="H462" s="11">
        <v>18.584338592899996</v>
      </c>
      <c r="I462" s="13">
        <v>0.27387054006941919</v>
      </c>
      <c r="J462" s="11">
        <v>48.996882230499992</v>
      </c>
      <c r="K462" s="13">
        <v>0.56681503376164311</v>
      </c>
      <c r="L462" s="11">
        <v>-14.501794656999991</v>
      </c>
      <c r="M462" s="13">
        <v>-0.10707225174164656</v>
      </c>
      <c r="N462" s="11">
        <v>34.495087573500001</v>
      </c>
      <c r="O462" s="13">
        <v>0.3990526200341199</v>
      </c>
      <c r="P462" s="7">
        <v>67.858114962599998</v>
      </c>
      <c r="Q462" s="7">
        <v>57.216355281600002</v>
      </c>
      <c r="R462" s="7">
        <v>67.866137423300003</v>
      </c>
      <c r="S462" s="7">
        <v>66.135334845800003</v>
      </c>
      <c r="T462" s="7">
        <v>54.823097775699999</v>
      </c>
      <c r="U462" s="7">
        <v>54.858915008099999</v>
      </c>
      <c r="V462" s="7">
        <v>86.442453555499995</v>
      </c>
      <c r="W462" s="7">
        <v>89.700866619799996</v>
      </c>
      <c r="X462" s="7">
        <v>129.34135219000001</v>
      </c>
      <c r="Y462" s="7">
        <v>135.43933578599999</v>
      </c>
      <c r="Z462" s="7">
        <v>126.92312178100001</v>
      </c>
      <c r="AA462" s="7">
        <v>91.355189215899998</v>
      </c>
      <c r="AB462" s="7">
        <v>96.620391507600004</v>
      </c>
      <c r="AC462" s="7">
        <v>112.52437273699999</v>
      </c>
      <c r="AD462" s="7">
        <v>113.94779694</v>
      </c>
      <c r="AE462" s="7">
        <v>117.615241879</v>
      </c>
      <c r="AF462" s="7">
        <v>120.937541129</v>
      </c>
      <c r="AG462" s="9">
        <v>2605.9371124999998</v>
      </c>
      <c r="AH462" s="13">
        <v>0.1198267427507968</v>
      </c>
      <c r="AI462" s="9">
        <v>-1653.2809143000013</v>
      </c>
      <c r="AJ462" s="13">
        <v>-7.6021507143192196E-2</v>
      </c>
      <c r="AK462" s="9">
        <v>31.513531500000681</v>
      </c>
      <c r="AL462" s="13">
        <v>1.5682851672360258E-3</v>
      </c>
      <c r="AM462" s="9">
        <v>4227.7044953000004</v>
      </c>
      <c r="AN462" s="13">
        <v>0.21006418833962728</v>
      </c>
      <c r="AO462" s="9">
        <v>4259.2180268000011</v>
      </c>
      <c r="AP462" s="13">
        <v>0.21196191405760381</v>
      </c>
      <c r="AQ462" s="9">
        <v>21747.541931600001</v>
      </c>
      <c r="AR462" s="9">
        <v>21197.104167099998</v>
      </c>
      <c r="AS462" s="9">
        <v>20622.153084900001</v>
      </c>
      <c r="AT462" s="9">
        <v>21867.567558899998</v>
      </c>
      <c r="AU462" s="9">
        <v>18844.697286300001</v>
      </c>
      <c r="AV462" s="9">
        <v>19969.857392099999</v>
      </c>
      <c r="AW462" s="9">
        <v>20094.261017299999</v>
      </c>
      <c r="AX462" s="9">
        <v>17574.146620200001</v>
      </c>
      <c r="AY462" s="9">
        <v>19779.314051900001</v>
      </c>
      <c r="AZ462" s="9">
        <v>20125.7745488</v>
      </c>
      <c r="BA462" s="9">
        <v>20794.322749800001</v>
      </c>
      <c r="BB462" s="9">
        <v>19768.339207000001</v>
      </c>
      <c r="BC462" s="9">
        <v>21528.107594500001</v>
      </c>
      <c r="BD462" s="9">
        <v>22205.8848335</v>
      </c>
      <c r="BE462" s="9">
        <v>23686.720837000001</v>
      </c>
      <c r="BF462" s="9">
        <v>24353.4790441</v>
      </c>
      <c r="BG462" s="11">
        <v>1</v>
      </c>
      <c r="BH462" s="13">
        <v>0.2</v>
      </c>
      <c r="BI462" s="6">
        <v>-1</v>
      </c>
      <c r="BJ462" s="13">
        <v>-0.2</v>
      </c>
      <c r="BK462" s="6">
        <v>-1</v>
      </c>
      <c r="BL462" s="13">
        <v>-0.25</v>
      </c>
      <c r="BM462" s="11">
        <v>3</v>
      </c>
      <c r="BN462" s="13">
        <v>1</v>
      </c>
      <c r="BO462" s="11">
        <v>2</v>
      </c>
      <c r="BP462" s="13">
        <v>0.5</v>
      </c>
      <c r="BQ462" s="6">
        <v>5</v>
      </c>
      <c r="BR462" s="6">
        <v>5</v>
      </c>
      <c r="BS462" s="6">
        <v>5</v>
      </c>
      <c r="BT462" s="6">
        <v>4</v>
      </c>
      <c r="BU462" s="6">
        <v>5</v>
      </c>
      <c r="BV462" s="6">
        <v>3</v>
      </c>
      <c r="BW462" s="6">
        <v>3</v>
      </c>
      <c r="BX462" s="6">
        <v>3</v>
      </c>
      <c r="BY462" s="6">
        <v>3</v>
      </c>
      <c r="BZ462" s="6">
        <v>4</v>
      </c>
      <c r="CA462" s="6">
        <v>4</v>
      </c>
      <c r="CB462" s="6">
        <v>6</v>
      </c>
      <c r="CC462" s="11">
        <v>6</v>
      </c>
      <c r="CD462" s="11">
        <v>51.848599999999998</v>
      </c>
      <c r="CE462" s="11">
        <v>-6.1868800000000004</v>
      </c>
      <c r="CF462" s="11">
        <v>7.4177099999999996</v>
      </c>
      <c r="CG462" s="11">
        <v>1</v>
      </c>
      <c r="CH462" s="20">
        <v>2.72824</v>
      </c>
      <c r="CI462" s="20">
        <v>2.3875099999999998</v>
      </c>
      <c r="CJ462" s="20">
        <v>2.8045399999999998</v>
      </c>
      <c r="CK462" s="20">
        <v>2.7097600000000002</v>
      </c>
      <c r="CL462" s="20">
        <v>2.3671500000000001</v>
      </c>
      <c r="CM462" s="20">
        <v>2.2858299999999998</v>
      </c>
      <c r="CN462" s="20">
        <v>3.5619200000000002</v>
      </c>
      <c r="CO462" s="20">
        <v>3.8184499999999999</v>
      </c>
      <c r="CP462" s="20">
        <v>5.4698799999999999</v>
      </c>
      <c r="CQ462" s="20">
        <v>5.8078900000000004</v>
      </c>
      <c r="CR462" s="20">
        <v>5.5128000000000004</v>
      </c>
      <c r="CS462" s="20">
        <v>4.1064999999999996</v>
      </c>
      <c r="CT462" s="20">
        <v>4.2196499999999997</v>
      </c>
      <c r="CU462" s="20">
        <v>4.8685999999999998</v>
      </c>
      <c r="CV462" s="20">
        <v>5.1384800000000004</v>
      </c>
      <c r="CW462" s="20">
        <v>5.3954199999999997</v>
      </c>
      <c r="CX462" s="20">
        <v>5.55525</v>
      </c>
      <c r="CY462" s="6" t="s">
        <v>464</v>
      </c>
      <c r="CZ462" s="6" t="s">
        <v>465</v>
      </c>
      <c r="DA462" s="6" t="s">
        <v>88</v>
      </c>
      <c r="DB462" s="6"/>
      <c r="DC462" s="6">
        <v>22800</v>
      </c>
      <c r="DD462" s="6"/>
      <c r="DE462" s="6" t="s">
        <v>467</v>
      </c>
      <c r="DF462" s="6" t="s">
        <v>363</v>
      </c>
      <c r="DG462" s="6" t="s">
        <v>376</v>
      </c>
      <c r="DH462" s="6" t="s">
        <v>468</v>
      </c>
      <c r="DI462" s="6"/>
      <c r="DJ462" s="6">
        <v>29</v>
      </c>
      <c r="DK462" s="6">
        <v>45</v>
      </c>
      <c r="DL462" s="6">
        <v>8</v>
      </c>
      <c r="DM462" s="6" t="s">
        <v>368</v>
      </c>
      <c r="DN462" s="6">
        <v>9</v>
      </c>
      <c r="DO462" s="6" t="s">
        <v>384</v>
      </c>
      <c r="DP462" s="6"/>
      <c r="DQ462" s="6"/>
    </row>
    <row r="463" spans="1:121" x14ac:dyDescent="0.2">
      <c r="A463" s="6" t="s">
        <v>310</v>
      </c>
      <c r="B463" s="6" t="s">
        <v>310</v>
      </c>
      <c r="C463" s="6" t="s">
        <v>173</v>
      </c>
      <c r="D463" s="6" t="s">
        <v>88</v>
      </c>
      <c r="E463" s="6" t="s">
        <v>229</v>
      </c>
      <c r="F463" s="11">
        <v>1</v>
      </c>
      <c r="G463" s="13">
        <v>1</v>
      </c>
      <c r="H463" s="11">
        <v>5</v>
      </c>
      <c r="I463" s="13"/>
      <c r="J463" s="11">
        <v>0</v>
      </c>
      <c r="K463" s="13">
        <v>0</v>
      </c>
      <c r="L463" s="11">
        <v>0</v>
      </c>
      <c r="M463" s="13">
        <v>0</v>
      </c>
      <c r="N463" s="11">
        <v>0</v>
      </c>
      <c r="O463" s="13">
        <v>0</v>
      </c>
      <c r="P463" s="7">
        <v>0</v>
      </c>
      <c r="Q463" s="7">
        <v>0</v>
      </c>
      <c r="R463" s="7">
        <v>0</v>
      </c>
      <c r="S463" s="7">
        <v>0</v>
      </c>
      <c r="T463" s="7">
        <v>0</v>
      </c>
      <c r="U463" s="7">
        <v>5</v>
      </c>
      <c r="V463" s="7">
        <v>5</v>
      </c>
      <c r="W463" s="7">
        <v>11.718164</v>
      </c>
      <c r="X463" s="7">
        <v>5</v>
      </c>
      <c r="Y463" s="7">
        <v>5</v>
      </c>
      <c r="Z463" s="7">
        <v>5</v>
      </c>
      <c r="AA463" s="7">
        <v>5</v>
      </c>
      <c r="AB463" s="7">
        <v>5</v>
      </c>
      <c r="AC463" s="7">
        <v>5</v>
      </c>
      <c r="AD463" s="7">
        <v>5</v>
      </c>
      <c r="AE463" s="7">
        <v>5</v>
      </c>
      <c r="AF463" s="7">
        <v>5</v>
      </c>
      <c r="AG463" s="9">
        <v>1</v>
      </c>
      <c r="AH463" s="13"/>
      <c r="AI463" s="9">
        <v>1</v>
      </c>
      <c r="AJ463" s="13"/>
      <c r="AK463" s="9">
        <v>0</v>
      </c>
      <c r="AL463" s="13">
        <v>0</v>
      </c>
      <c r="AM463" s="9">
        <v>0</v>
      </c>
      <c r="AN463" s="13">
        <v>0</v>
      </c>
      <c r="AO463" s="9">
        <v>0</v>
      </c>
      <c r="AP463" s="13">
        <v>0</v>
      </c>
      <c r="AQ463" s="9">
        <v>0</v>
      </c>
      <c r="AR463" s="9">
        <v>0</v>
      </c>
      <c r="AS463" s="9">
        <v>0</v>
      </c>
      <c r="AT463" s="9">
        <v>0</v>
      </c>
      <c r="AU463" s="9">
        <v>0</v>
      </c>
      <c r="AV463" s="9">
        <v>1</v>
      </c>
      <c r="AW463" s="9">
        <v>1</v>
      </c>
      <c r="AX463" s="9">
        <v>52793.411064799999</v>
      </c>
      <c r="AY463" s="9">
        <v>1</v>
      </c>
      <c r="AZ463" s="9">
        <v>1</v>
      </c>
      <c r="BA463" s="9">
        <v>1</v>
      </c>
      <c r="BB463" s="9">
        <v>1</v>
      </c>
      <c r="BC463" s="9">
        <v>1</v>
      </c>
      <c r="BD463" s="9">
        <v>1</v>
      </c>
      <c r="BE463" s="9">
        <v>1</v>
      </c>
      <c r="BF463" s="9">
        <v>1</v>
      </c>
      <c r="BG463" s="11">
        <v>2</v>
      </c>
      <c r="BH463" s="13" t="e">
        <v>#DIV/0!</v>
      </c>
      <c r="BI463" s="6">
        <v>1</v>
      </c>
      <c r="BJ463" s="13" t="e">
        <v>#DIV/0!</v>
      </c>
      <c r="BK463" s="6">
        <v>0</v>
      </c>
      <c r="BL463" s="13">
        <v>0</v>
      </c>
      <c r="BM463" s="11">
        <v>1</v>
      </c>
      <c r="BN463" s="13">
        <v>1</v>
      </c>
      <c r="BO463" s="11">
        <v>1</v>
      </c>
      <c r="BP463" s="13">
        <v>1</v>
      </c>
      <c r="BQ463" s="6">
        <v>0</v>
      </c>
      <c r="BR463" s="6">
        <v>0</v>
      </c>
      <c r="BS463" s="6">
        <v>1</v>
      </c>
      <c r="BT463" s="6">
        <v>1</v>
      </c>
      <c r="BU463" s="6">
        <v>1</v>
      </c>
      <c r="BV463" s="6">
        <v>1</v>
      </c>
      <c r="BW463" s="6">
        <v>1</v>
      </c>
      <c r="BX463" s="6">
        <v>1</v>
      </c>
      <c r="BY463" s="6">
        <v>1</v>
      </c>
      <c r="BZ463" s="6">
        <v>1</v>
      </c>
      <c r="CA463" s="6">
        <v>2</v>
      </c>
      <c r="CB463" s="6">
        <v>2</v>
      </c>
      <c r="CC463" s="11">
        <v>2</v>
      </c>
      <c r="CD463" s="11">
        <v>8.0237499999999997</v>
      </c>
      <c r="CE463" s="11">
        <v>0.10374800000000001</v>
      </c>
      <c r="CF463" s="11">
        <v>0.10931200000000001</v>
      </c>
      <c r="CG463" s="11">
        <v>0</v>
      </c>
      <c r="CH463" s="20">
        <v>0</v>
      </c>
      <c r="CI463" s="20">
        <v>0</v>
      </c>
      <c r="CJ463" s="20">
        <v>0</v>
      </c>
      <c r="CK463" s="20">
        <v>0</v>
      </c>
      <c r="CL463" s="20">
        <v>0</v>
      </c>
      <c r="CM463" s="20">
        <v>0.73136900000000005</v>
      </c>
      <c r="CN463" s="20">
        <v>0.495199</v>
      </c>
      <c r="CO463" s="20">
        <v>1.2779400000000001</v>
      </c>
      <c r="CP463" s="20">
        <v>6.1113399999999998E-2</v>
      </c>
      <c r="CQ463" s="20">
        <v>0.107406</v>
      </c>
      <c r="CR463" s="20">
        <v>9.9077399999999996E-2</v>
      </c>
      <c r="CS463" s="20">
        <v>0.49868200000000001</v>
      </c>
      <c r="CT463" s="20">
        <v>0.68935599999999997</v>
      </c>
      <c r="CU463" s="20">
        <v>0.25792799999999999</v>
      </c>
      <c r="CV463" s="20">
        <v>0.77377600000000002</v>
      </c>
      <c r="CW463" s="20">
        <v>1.0760400000000001</v>
      </c>
      <c r="CX463" s="20">
        <v>1.11927</v>
      </c>
      <c r="CY463" s="6" t="s">
        <v>464</v>
      </c>
      <c r="CZ463" s="6" t="s">
        <v>465</v>
      </c>
      <c r="DA463" s="6" t="s">
        <v>88</v>
      </c>
      <c r="DB463" s="6"/>
      <c r="DC463" s="6">
        <v>22800</v>
      </c>
      <c r="DD463" s="6"/>
      <c r="DE463" s="6" t="s">
        <v>467</v>
      </c>
      <c r="DF463" s="6" t="s">
        <v>363</v>
      </c>
      <c r="DG463" s="6" t="s">
        <v>376</v>
      </c>
      <c r="DH463" s="6" t="s">
        <v>468</v>
      </c>
      <c r="DI463" s="6"/>
      <c r="DJ463" s="6">
        <v>29</v>
      </c>
      <c r="DK463" s="6">
        <v>45</v>
      </c>
      <c r="DL463" s="6">
        <v>8</v>
      </c>
      <c r="DM463" s="6" t="s">
        <v>368</v>
      </c>
      <c r="DN463" s="6">
        <v>9</v>
      </c>
      <c r="DO463" s="6" t="s">
        <v>384</v>
      </c>
      <c r="DP463" s="6"/>
      <c r="DQ463" s="6"/>
    </row>
    <row r="464" spans="1:121" x14ac:dyDescent="0.2">
      <c r="A464" s="6" t="s">
        <v>311</v>
      </c>
      <c r="B464" s="6" t="s">
        <v>311</v>
      </c>
      <c r="C464" s="6" t="s">
        <v>174</v>
      </c>
      <c r="D464" s="6" t="s">
        <v>88</v>
      </c>
      <c r="E464" s="6" t="s">
        <v>229</v>
      </c>
      <c r="F464" s="11">
        <v>1</v>
      </c>
      <c r="G464" s="13">
        <v>1</v>
      </c>
      <c r="H464" s="11">
        <v>-5</v>
      </c>
      <c r="I464" s="13">
        <v>-1</v>
      </c>
      <c r="J464" s="11">
        <v>0</v>
      </c>
      <c r="K464" s="13"/>
      <c r="L464" s="11">
        <v>0</v>
      </c>
      <c r="M464" s="13"/>
      <c r="N464" s="11">
        <v>0</v>
      </c>
      <c r="O464" s="13"/>
      <c r="P464" s="7">
        <v>5</v>
      </c>
      <c r="Q464" s="7">
        <v>5</v>
      </c>
      <c r="R464" s="7">
        <v>5</v>
      </c>
      <c r="S464" s="7">
        <v>5</v>
      </c>
      <c r="T464" s="7">
        <v>16.482928000000001</v>
      </c>
      <c r="U464" s="7">
        <v>5</v>
      </c>
      <c r="V464" s="7">
        <v>0</v>
      </c>
      <c r="W464" s="7">
        <v>0</v>
      </c>
      <c r="X464" s="7">
        <v>0</v>
      </c>
      <c r="Y464" s="7">
        <v>0</v>
      </c>
      <c r="Z464" s="7">
        <v>0</v>
      </c>
      <c r="AA464" s="7">
        <v>0</v>
      </c>
      <c r="AB464" s="7">
        <v>0</v>
      </c>
      <c r="AC464" s="7">
        <v>0</v>
      </c>
      <c r="AD464" s="7">
        <v>0</v>
      </c>
      <c r="AE464" s="7">
        <v>0</v>
      </c>
      <c r="AF464" s="7">
        <v>0</v>
      </c>
      <c r="AG464" s="9">
        <v>-1</v>
      </c>
      <c r="AH464" s="13">
        <v>-1</v>
      </c>
      <c r="AI464" s="9">
        <v>-1</v>
      </c>
      <c r="AJ464" s="13">
        <v>-1</v>
      </c>
      <c r="AK464" s="9">
        <v>0</v>
      </c>
      <c r="AL464" s="13"/>
      <c r="AM464" s="9">
        <v>0</v>
      </c>
      <c r="AN464" s="13"/>
      <c r="AO464" s="9">
        <v>0</v>
      </c>
      <c r="AP464" s="13"/>
      <c r="AQ464" s="9">
        <v>1</v>
      </c>
      <c r="AR464" s="9">
        <v>1</v>
      </c>
      <c r="AS464" s="9">
        <v>1</v>
      </c>
      <c r="AT464" s="9">
        <v>1</v>
      </c>
      <c r="AU464" s="9">
        <v>32866.5057304</v>
      </c>
      <c r="AV464" s="9">
        <v>1</v>
      </c>
      <c r="AW464" s="9">
        <v>0</v>
      </c>
      <c r="AX464" s="9">
        <v>0</v>
      </c>
      <c r="AY464" s="9">
        <v>0</v>
      </c>
      <c r="AZ464" s="9">
        <v>0</v>
      </c>
      <c r="BA464" s="9">
        <v>0</v>
      </c>
      <c r="BB464" s="9">
        <v>0</v>
      </c>
      <c r="BC464" s="9">
        <v>0</v>
      </c>
      <c r="BD464" s="9">
        <v>0</v>
      </c>
      <c r="BE464" s="9">
        <v>0</v>
      </c>
      <c r="BF464" s="9">
        <v>0</v>
      </c>
      <c r="BG464" s="11">
        <v>-1</v>
      </c>
      <c r="BH464" s="13">
        <v>-1</v>
      </c>
      <c r="BI464" s="6">
        <v>-1</v>
      </c>
      <c r="BJ464" s="13">
        <v>-1</v>
      </c>
      <c r="BK464" s="6">
        <v>0</v>
      </c>
      <c r="BL464" s="13" t="e">
        <v>#DIV/0!</v>
      </c>
      <c r="BM464" s="11">
        <v>0</v>
      </c>
      <c r="BN464" s="13" t="e">
        <v>#DIV/0!</v>
      </c>
      <c r="BO464" s="11">
        <v>0</v>
      </c>
      <c r="BP464" s="13" t="e">
        <v>#DIV/0!</v>
      </c>
      <c r="BQ464" s="6">
        <v>1</v>
      </c>
      <c r="BR464" s="6">
        <v>1</v>
      </c>
      <c r="BS464" s="6">
        <v>1</v>
      </c>
      <c r="BT464" s="6">
        <v>0</v>
      </c>
      <c r="BU464" s="6">
        <v>0</v>
      </c>
      <c r="BV464" s="6">
        <v>0</v>
      </c>
      <c r="BW464" s="6">
        <v>0</v>
      </c>
      <c r="BX464" s="6">
        <v>0</v>
      </c>
      <c r="BY464" s="6">
        <v>0</v>
      </c>
      <c r="BZ464" s="6">
        <v>0</v>
      </c>
      <c r="CA464" s="6">
        <v>0</v>
      </c>
      <c r="CB464" s="6">
        <v>0</v>
      </c>
      <c r="CC464" s="11">
        <v>0</v>
      </c>
      <c r="CD464" s="11">
        <v>-8.4517100000000003</v>
      </c>
      <c r="CE464" s="11">
        <v>-1.4541500000000001</v>
      </c>
      <c r="CF464" s="11">
        <v>0.976128</v>
      </c>
      <c r="CG464" s="11">
        <v>0</v>
      </c>
      <c r="CH464" s="20">
        <v>1.15493</v>
      </c>
      <c r="CI464" s="20">
        <v>1.2310300000000001</v>
      </c>
      <c r="CJ464" s="20">
        <v>1.1205000000000001</v>
      </c>
      <c r="CK464" s="20">
        <v>0.397758</v>
      </c>
      <c r="CL464" s="20">
        <v>2.5112199999999998</v>
      </c>
      <c r="CM464" s="20">
        <v>0.75711799999999996</v>
      </c>
      <c r="CN464" s="20">
        <v>0</v>
      </c>
      <c r="CO464" s="20">
        <v>0</v>
      </c>
      <c r="CP464" s="20">
        <v>0</v>
      </c>
      <c r="CQ464" s="20">
        <v>0</v>
      </c>
      <c r="CR464" s="20">
        <v>0</v>
      </c>
      <c r="CS464" s="20">
        <v>0</v>
      </c>
      <c r="CT464" s="20">
        <v>0</v>
      </c>
      <c r="CU464" s="20">
        <v>0</v>
      </c>
      <c r="CV464" s="20">
        <v>0</v>
      </c>
      <c r="CW464" s="20">
        <v>0</v>
      </c>
      <c r="CX464" s="20">
        <v>0</v>
      </c>
      <c r="CY464" s="6" t="s">
        <v>464</v>
      </c>
      <c r="CZ464" s="6" t="s">
        <v>465</v>
      </c>
      <c r="DA464" s="6" t="s">
        <v>88</v>
      </c>
      <c r="DB464" s="6"/>
      <c r="DC464" s="6">
        <v>22800</v>
      </c>
      <c r="DD464" s="6"/>
      <c r="DE464" s="6" t="s">
        <v>467</v>
      </c>
      <c r="DF464" s="6" t="s">
        <v>363</v>
      </c>
      <c r="DG464" s="6" t="s">
        <v>376</v>
      </c>
      <c r="DH464" s="6" t="s">
        <v>468</v>
      </c>
      <c r="DI464" s="6"/>
      <c r="DJ464" s="6">
        <v>29</v>
      </c>
      <c r="DK464" s="6">
        <v>45</v>
      </c>
      <c r="DL464" s="6">
        <v>8</v>
      </c>
      <c r="DM464" s="6" t="s">
        <v>368</v>
      </c>
      <c r="DN464" s="6">
        <v>9</v>
      </c>
      <c r="DO464" s="6" t="s">
        <v>384</v>
      </c>
      <c r="DP464" s="6"/>
      <c r="DQ464" s="6"/>
    </row>
    <row r="465" spans="1:121" x14ac:dyDescent="0.2">
      <c r="A465" s="6" t="s">
        <v>312</v>
      </c>
      <c r="B465" s="6" t="s">
        <v>312</v>
      </c>
      <c r="C465" s="6" t="s">
        <v>175</v>
      </c>
      <c r="D465" s="6" t="s">
        <v>88</v>
      </c>
      <c r="E465" s="6" t="s">
        <v>229</v>
      </c>
      <c r="F465" s="11">
        <v>-10</v>
      </c>
      <c r="G465" s="13">
        <v>-0.10101010101000001</v>
      </c>
      <c r="H465" s="11">
        <v>-17.497988150099999</v>
      </c>
      <c r="I465" s="13">
        <v>-0.17636187150815943</v>
      </c>
      <c r="J465" s="11">
        <v>11.384069908699999</v>
      </c>
      <c r="K465" s="13">
        <v>0.13930852427246171</v>
      </c>
      <c r="L465" s="11">
        <v>-3.941482911600005</v>
      </c>
      <c r="M465" s="13">
        <v>-4.2334890310142058E-2</v>
      </c>
      <c r="N465" s="11">
        <v>7.4425869970999941</v>
      </c>
      <c r="O465" s="13">
        <v>9.1076022867977197E-2</v>
      </c>
      <c r="P465" s="7">
        <v>99.216389577100003</v>
      </c>
      <c r="Q465" s="7">
        <v>105.44078177900001</v>
      </c>
      <c r="R465" s="7">
        <v>96.457526621900001</v>
      </c>
      <c r="S465" s="7">
        <v>90.343624431500004</v>
      </c>
      <c r="T465" s="7">
        <v>82.814312166500002</v>
      </c>
      <c r="U465" s="7">
        <v>83.453320042000001</v>
      </c>
      <c r="V465" s="7">
        <v>81.718401427000003</v>
      </c>
      <c r="W465" s="7">
        <v>105.992527696</v>
      </c>
      <c r="X465" s="7">
        <v>90.583519947799999</v>
      </c>
      <c r="Y465" s="7">
        <v>93.102471335700002</v>
      </c>
      <c r="Z465" s="7">
        <v>88.983177029999993</v>
      </c>
      <c r="AA465" s="7">
        <v>93.403752504699995</v>
      </c>
      <c r="AB465" s="7">
        <v>96.860988117000005</v>
      </c>
      <c r="AC465" s="7">
        <v>85.200465465600004</v>
      </c>
      <c r="AD465" s="7">
        <v>86.1074225582</v>
      </c>
      <c r="AE465" s="7">
        <v>87.945016190800004</v>
      </c>
      <c r="AF465" s="7">
        <v>89.160988424099997</v>
      </c>
      <c r="AG465" s="9">
        <v>629.58252279999942</v>
      </c>
      <c r="AH465" s="13">
        <v>2.8501115647103972E-2</v>
      </c>
      <c r="AI465" s="9">
        <v>1584.241158599998</v>
      </c>
      <c r="AJ465" s="13">
        <v>7.1718382958518442E-2</v>
      </c>
      <c r="AK465" s="9">
        <v>-1287.4662295999988</v>
      </c>
      <c r="AL465" s="13">
        <v>-5.438315045493012E-2</v>
      </c>
      <c r="AM465" s="9">
        <v>332.80759380000018</v>
      </c>
      <c r="AN465" s="13">
        <v>1.4866424916958399E-2</v>
      </c>
      <c r="AO465" s="9">
        <v>-954.65863579999859</v>
      </c>
      <c r="AP465" s="13">
        <v>-4.0325208560957587E-2</v>
      </c>
      <c r="AQ465" s="9">
        <v>22089.750120500001</v>
      </c>
      <c r="AR465" s="9">
        <v>23272.627005999999</v>
      </c>
      <c r="AS465" s="9">
        <v>23824.9910103</v>
      </c>
      <c r="AT465" s="9">
        <v>24431.1974501</v>
      </c>
      <c r="AU465" s="9">
        <v>24472.293347800001</v>
      </c>
      <c r="AV465" s="9">
        <v>24849.627020600001</v>
      </c>
      <c r="AW465" s="9">
        <v>23673.991279099999</v>
      </c>
      <c r="AX465" s="9">
        <v>23368.880572400001</v>
      </c>
      <c r="AY465" s="9">
        <v>22369.598145</v>
      </c>
      <c r="AZ465" s="9">
        <v>22386.5250495</v>
      </c>
      <c r="BA465" s="9">
        <v>22513.665119000001</v>
      </c>
      <c r="BB465" s="9">
        <v>21573.418736299998</v>
      </c>
      <c r="BC465" s="9">
        <v>22611.1437081</v>
      </c>
      <c r="BD465" s="9">
        <v>23825.1496448</v>
      </c>
      <c r="BE465" s="9">
        <v>23424.334542199998</v>
      </c>
      <c r="BF465" s="9">
        <v>22719.3326433</v>
      </c>
      <c r="BG465" s="11">
        <v>-6</v>
      </c>
      <c r="BH465" s="13">
        <v>-0.75</v>
      </c>
      <c r="BI465" s="6">
        <v>-2</v>
      </c>
      <c r="BJ465" s="13">
        <v>-0.25</v>
      </c>
      <c r="BK465" s="6">
        <v>-3</v>
      </c>
      <c r="BL465" s="13">
        <v>-0.5</v>
      </c>
      <c r="BM465" s="11">
        <v>-1</v>
      </c>
      <c r="BN465" s="13">
        <v>-0.33333333333333331</v>
      </c>
      <c r="BO465" s="11">
        <v>-4</v>
      </c>
      <c r="BP465" s="13">
        <v>-0.66666666666666663</v>
      </c>
      <c r="BQ465" s="6">
        <v>8</v>
      </c>
      <c r="BR465" s="6">
        <v>7</v>
      </c>
      <c r="BS465" s="6">
        <v>7</v>
      </c>
      <c r="BT465" s="6">
        <v>6</v>
      </c>
      <c r="BU465" s="6">
        <v>4</v>
      </c>
      <c r="BV465" s="6">
        <v>3</v>
      </c>
      <c r="BW465" s="6">
        <v>3</v>
      </c>
      <c r="BX465" s="6">
        <v>3</v>
      </c>
      <c r="BY465" s="6">
        <v>2</v>
      </c>
      <c r="BZ465" s="6">
        <v>3</v>
      </c>
      <c r="CA465" s="6">
        <v>2</v>
      </c>
      <c r="CB465" s="6">
        <v>2</v>
      </c>
      <c r="CC465" s="11">
        <v>2</v>
      </c>
      <c r="CD465" s="11">
        <v>-8.8833199999999994</v>
      </c>
      <c r="CE465" s="11">
        <v>-12.0176</v>
      </c>
      <c r="CF465" s="11">
        <v>10.845499999999999</v>
      </c>
      <c r="CG465" s="11">
        <v>-1</v>
      </c>
      <c r="CH465" s="20">
        <v>0.88471200000000005</v>
      </c>
      <c r="CI465" s="20">
        <v>0.97231000000000001</v>
      </c>
      <c r="CJ465" s="20">
        <v>0.86921899999999996</v>
      </c>
      <c r="CK465" s="20">
        <v>0.777424</v>
      </c>
      <c r="CL465" s="20">
        <v>0.72161699999999995</v>
      </c>
      <c r="CM465" s="20">
        <v>0.67182600000000003</v>
      </c>
      <c r="CN465" s="20">
        <v>0.65044000000000002</v>
      </c>
      <c r="CO465" s="20">
        <v>0.89578999999999998</v>
      </c>
      <c r="CP465" s="20">
        <v>0.86523499999999998</v>
      </c>
      <c r="CQ465" s="20">
        <v>0.97484700000000002</v>
      </c>
      <c r="CR465" s="20">
        <v>0.96182800000000002</v>
      </c>
      <c r="CS465" s="20">
        <v>1.04863</v>
      </c>
      <c r="CT465" s="20">
        <v>1.0437000000000001</v>
      </c>
      <c r="CU465" s="20">
        <v>0.88853099999999996</v>
      </c>
      <c r="CV465" s="20">
        <v>0.91134899999999996</v>
      </c>
      <c r="CW465" s="20">
        <v>0.926153</v>
      </c>
      <c r="CX465" s="20">
        <v>0.93588800000000005</v>
      </c>
      <c r="CY465" s="6" t="s">
        <v>464</v>
      </c>
      <c r="CZ465" s="6" t="s">
        <v>465</v>
      </c>
      <c r="DA465" s="6" t="s">
        <v>88</v>
      </c>
      <c r="DB465" s="6"/>
      <c r="DC465" s="6">
        <v>22800</v>
      </c>
      <c r="DD465" s="6"/>
      <c r="DE465" s="6" t="s">
        <v>467</v>
      </c>
      <c r="DF465" s="6" t="s">
        <v>363</v>
      </c>
      <c r="DG465" s="6" t="s">
        <v>376</v>
      </c>
      <c r="DH465" s="6" t="s">
        <v>468</v>
      </c>
      <c r="DI465" s="6"/>
      <c r="DJ465" s="6">
        <v>29</v>
      </c>
      <c r="DK465" s="6">
        <v>45</v>
      </c>
      <c r="DL465" s="6">
        <v>8</v>
      </c>
      <c r="DM465" s="6" t="s">
        <v>368</v>
      </c>
      <c r="DN465" s="6">
        <v>9</v>
      </c>
      <c r="DO465" s="6" t="s">
        <v>384</v>
      </c>
      <c r="DP465" s="6"/>
      <c r="DQ465" s="6"/>
    </row>
    <row r="466" spans="1:121" x14ac:dyDescent="0.2">
      <c r="A466" s="6" t="s">
        <v>792</v>
      </c>
      <c r="B466" s="6" t="s">
        <v>176</v>
      </c>
      <c r="C466" s="6" t="s">
        <v>177</v>
      </c>
      <c r="D466" s="6" t="s">
        <v>88</v>
      </c>
      <c r="E466" s="6" t="s">
        <v>229</v>
      </c>
      <c r="F466" s="11">
        <v>-31</v>
      </c>
      <c r="G466" s="13">
        <v>-0.197452229299</v>
      </c>
      <c r="H466" s="11">
        <v>23.847717748000008</v>
      </c>
      <c r="I466" s="13">
        <v>0.15231658899448031</v>
      </c>
      <c r="J466" s="11">
        <v>-49.541325287999996</v>
      </c>
      <c r="K466" s="13">
        <v>-0.27459725323280798</v>
      </c>
      <c r="L466" s="11">
        <v>-5.0548072630000149</v>
      </c>
      <c r="M466" s="13">
        <v>-3.8623708750372222E-2</v>
      </c>
      <c r="N466" s="11">
        <v>-54.596132551000011</v>
      </c>
      <c r="O466" s="13">
        <v>-0.30261499765066402</v>
      </c>
      <c r="P466" s="7">
        <v>156.566779137</v>
      </c>
      <c r="Q466" s="7">
        <v>132.944621385</v>
      </c>
      <c r="R466" s="7">
        <v>130.77151624699999</v>
      </c>
      <c r="S466" s="7">
        <v>140.525796818</v>
      </c>
      <c r="T466" s="7">
        <v>148.020409543</v>
      </c>
      <c r="U466" s="7">
        <v>183.10489381900001</v>
      </c>
      <c r="V466" s="7">
        <v>180.41449688500001</v>
      </c>
      <c r="W466" s="7">
        <v>170.87469794500001</v>
      </c>
      <c r="X466" s="7">
        <v>130.58389969999999</v>
      </c>
      <c r="Y466" s="7">
        <v>130.87317159700001</v>
      </c>
      <c r="Z466" s="7">
        <v>130.407224023</v>
      </c>
      <c r="AA466" s="7">
        <v>142.723159366</v>
      </c>
      <c r="AB466" s="7">
        <v>152.901975443</v>
      </c>
      <c r="AC466" s="7">
        <v>189.73214350500001</v>
      </c>
      <c r="AD466" s="7">
        <v>144.01553087600001</v>
      </c>
      <c r="AE466" s="7">
        <v>124.809101781</v>
      </c>
      <c r="AF466" s="7">
        <v>125.81836433399999</v>
      </c>
      <c r="AG466" s="9">
        <v>13529.854357799999</v>
      </c>
      <c r="AH466" s="13">
        <v>0.52511906156749744</v>
      </c>
      <c r="AI466" s="9">
        <v>7344.7810298000004</v>
      </c>
      <c r="AJ466" s="13">
        <v>0.28506474791163067</v>
      </c>
      <c r="AK466" s="9">
        <v>298.90631779999967</v>
      </c>
      <c r="AL466" s="13">
        <v>9.0276506817509299E-3</v>
      </c>
      <c r="AM466" s="9">
        <v>5886.1670101999989</v>
      </c>
      <c r="AN466" s="13">
        <v>0.17618509473304766</v>
      </c>
      <c r="AO466" s="9">
        <v>6185.0733279999986</v>
      </c>
      <c r="AP466" s="13">
        <v>0.18680328290537976</v>
      </c>
      <c r="AQ466" s="9">
        <v>25765.307999699999</v>
      </c>
      <c r="AR466" s="9">
        <v>25696.716395899999</v>
      </c>
      <c r="AS466" s="9">
        <v>27714.972415799999</v>
      </c>
      <c r="AT466" s="9">
        <v>29742.843558500001</v>
      </c>
      <c r="AU466" s="9">
        <v>28345.4291476</v>
      </c>
      <c r="AV466" s="9">
        <v>30404.372328199999</v>
      </c>
      <c r="AW466" s="9">
        <v>33110.089029499999</v>
      </c>
      <c r="AX466" s="9">
        <v>36035.305712000001</v>
      </c>
      <c r="AY466" s="9">
        <v>31215.125756199999</v>
      </c>
      <c r="AZ466" s="9">
        <v>33408.995347299999</v>
      </c>
      <c r="BA466" s="9">
        <v>39012.929819999998</v>
      </c>
      <c r="BB466" s="9">
        <v>38282.264354699997</v>
      </c>
      <c r="BC466" s="9">
        <v>36748.733812600003</v>
      </c>
      <c r="BD466" s="9">
        <v>35495.928235500003</v>
      </c>
      <c r="BE466" s="9">
        <v>36228.475626300002</v>
      </c>
      <c r="BF466" s="9">
        <v>39295.162357499998</v>
      </c>
      <c r="BG466" s="11">
        <v>2.5</v>
      </c>
      <c r="BH466" s="13">
        <v>0.3125</v>
      </c>
      <c r="BI466" s="6">
        <v>5</v>
      </c>
      <c r="BJ466" s="13">
        <v>0.625</v>
      </c>
      <c r="BK466" s="6">
        <v>-2</v>
      </c>
      <c r="BL466" s="13">
        <v>-0.15384615384615385</v>
      </c>
      <c r="BM466" s="11">
        <v>-0.5</v>
      </c>
      <c r="BN466" s="13">
        <v>-4.5454545454545456E-2</v>
      </c>
      <c r="BO466" s="11">
        <v>-2.5</v>
      </c>
      <c r="BP466" s="13">
        <v>-0.19230769230769232</v>
      </c>
      <c r="BQ466" s="6">
        <v>8</v>
      </c>
      <c r="BR466" s="6">
        <v>12</v>
      </c>
      <c r="BS466" s="6">
        <v>13</v>
      </c>
      <c r="BT466" s="6">
        <v>13</v>
      </c>
      <c r="BU466" s="6">
        <v>12</v>
      </c>
      <c r="BV466" s="6">
        <v>11</v>
      </c>
      <c r="BW466" s="6">
        <v>11</v>
      </c>
      <c r="BX466" s="6">
        <v>10</v>
      </c>
      <c r="BY466" s="6">
        <v>10</v>
      </c>
      <c r="BZ466" s="6">
        <v>10</v>
      </c>
      <c r="CA466" s="6">
        <v>11</v>
      </c>
      <c r="CB466" s="6">
        <v>11</v>
      </c>
      <c r="CC466" s="11">
        <v>10.5</v>
      </c>
      <c r="CD466" s="11">
        <v>7.4015300000000002</v>
      </c>
      <c r="CE466" s="11">
        <v>-55.264600000000002</v>
      </c>
      <c r="CF466" s="11">
        <v>17.114599999999999</v>
      </c>
      <c r="CG466" s="11">
        <v>-38</v>
      </c>
      <c r="CH466" s="20">
        <v>0.72924500000000003</v>
      </c>
      <c r="CI466" s="20">
        <v>0.68431399999999998</v>
      </c>
      <c r="CJ466" s="20">
        <v>0.70316100000000004</v>
      </c>
      <c r="CK466" s="20">
        <v>0.76424099999999995</v>
      </c>
      <c r="CL466" s="20">
        <v>0.85836699999999999</v>
      </c>
      <c r="CM466" s="20">
        <v>1.02823</v>
      </c>
      <c r="CN466" s="20">
        <v>1.01413</v>
      </c>
      <c r="CO466" s="20">
        <v>0.99782800000000005</v>
      </c>
      <c r="CP466" s="20">
        <v>0.849109</v>
      </c>
      <c r="CQ466" s="20">
        <v>0.88248300000000002</v>
      </c>
      <c r="CR466" s="20">
        <v>0.88072700000000004</v>
      </c>
      <c r="CS466" s="20">
        <v>0.99397500000000005</v>
      </c>
      <c r="CT466" s="20">
        <v>1.0381199999999999</v>
      </c>
      <c r="CU466" s="20">
        <v>1.2773099999999999</v>
      </c>
      <c r="CV466" s="20">
        <v>1.01152</v>
      </c>
      <c r="CW466" s="20">
        <v>0.89127599999999996</v>
      </c>
      <c r="CX466" s="20">
        <v>0.901308</v>
      </c>
      <c r="CY466" s="6" t="s">
        <v>464</v>
      </c>
      <c r="CZ466" s="6" t="s">
        <v>465</v>
      </c>
      <c r="DA466" s="6" t="s">
        <v>88</v>
      </c>
      <c r="DB466" s="6"/>
      <c r="DC466" s="6">
        <v>22800</v>
      </c>
      <c r="DD466" s="6"/>
      <c r="DE466" s="6" t="s">
        <v>467</v>
      </c>
      <c r="DF466" s="6" t="s">
        <v>363</v>
      </c>
      <c r="DG466" s="6" t="s">
        <v>376</v>
      </c>
      <c r="DH466" s="6" t="s">
        <v>468</v>
      </c>
      <c r="DI466" s="6"/>
      <c r="DJ466" s="6">
        <v>29</v>
      </c>
      <c r="DK466" s="6">
        <v>45</v>
      </c>
      <c r="DL466" s="6">
        <v>8</v>
      </c>
      <c r="DM466" s="6" t="s">
        <v>368</v>
      </c>
      <c r="DN466" s="6">
        <v>9</v>
      </c>
      <c r="DO466" s="6" t="s">
        <v>384</v>
      </c>
      <c r="DP466" s="6"/>
      <c r="DQ466" s="6"/>
    </row>
    <row r="467" spans="1:121" x14ac:dyDescent="0.2">
      <c r="A467" s="6" t="s">
        <v>313</v>
      </c>
      <c r="B467" s="6" t="s">
        <v>313</v>
      </c>
      <c r="C467" s="6" t="s">
        <v>178</v>
      </c>
      <c r="D467" s="6" t="s">
        <v>88</v>
      </c>
      <c r="E467" s="6" t="s">
        <v>229</v>
      </c>
      <c r="F467" s="11">
        <v>23</v>
      </c>
      <c r="G467" s="13">
        <v>0.17424242424200001</v>
      </c>
      <c r="H467" s="11">
        <v>-23.083491770999984</v>
      </c>
      <c r="I467" s="13">
        <v>-0.17464890381148088</v>
      </c>
      <c r="J467" s="11">
        <v>9.2320789869999942</v>
      </c>
      <c r="K467" s="13">
        <v>8.4630155593691761E-2</v>
      </c>
      <c r="L467" s="11">
        <v>37.103358251000003</v>
      </c>
      <c r="M467" s="13">
        <v>0.31358636627201336</v>
      </c>
      <c r="N467" s="11">
        <v>46.335437237999997</v>
      </c>
      <c r="O467" s="13">
        <v>0.42475538483536601</v>
      </c>
      <c r="P467" s="7">
        <v>132.17083684599999</v>
      </c>
      <c r="Q467" s="7">
        <v>114.552770205</v>
      </c>
      <c r="R467" s="7">
        <v>106.02956568899999</v>
      </c>
      <c r="S467" s="7">
        <v>104.521400676</v>
      </c>
      <c r="T467" s="7">
        <v>109.195879769</v>
      </c>
      <c r="U467" s="7">
        <v>105.65618243599999</v>
      </c>
      <c r="V467" s="7">
        <v>109.087345075</v>
      </c>
      <c r="W467" s="7">
        <v>101.48991861899999</v>
      </c>
      <c r="X467" s="7">
        <v>103.856898593</v>
      </c>
      <c r="Y467" s="7">
        <v>118.319424062</v>
      </c>
      <c r="Z467" s="7">
        <v>118.153137054</v>
      </c>
      <c r="AA467" s="7">
        <v>115.200476552</v>
      </c>
      <c r="AB467" s="7">
        <v>125.921625826</v>
      </c>
      <c r="AC467" s="7">
        <v>130.707076462</v>
      </c>
      <c r="AD467" s="7">
        <v>140.589899858</v>
      </c>
      <c r="AE467" s="7">
        <v>146.65340892399999</v>
      </c>
      <c r="AF467" s="7">
        <v>155.422782313</v>
      </c>
      <c r="AG467" s="9">
        <v>18860.909169600003</v>
      </c>
      <c r="AH467" s="13">
        <v>0.66075479679944515</v>
      </c>
      <c r="AI467" s="9">
        <v>5709.260337300002</v>
      </c>
      <c r="AJ467" s="13">
        <v>0.20001268868460381</v>
      </c>
      <c r="AK467" s="9">
        <v>5500.3374150000018</v>
      </c>
      <c r="AL467" s="13">
        <v>0.16057620681563764</v>
      </c>
      <c r="AM467" s="9">
        <v>7651.3114172999994</v>
      </c>
      <c r="AN467" s="13">
        <v>0.1924660257628287</v>
      </c>
      <c r="AO467" s="9">
        <v>13151.648832300001</v>
      </c>
      <c r="AP467" s="13">
        <v>0.38394769693634218</v>
      </c>
      <c r="AQ467" s="9">
        <v>28544.490726299999</v>
      </c>
      <c r="AR467" s="9">
        <v>30674.738634000001</v>
      </c>
      <c r="AS467" s="9">
        <v>32263.225661500001</v>
      </c>
      <c r="AT467" s="9">
        <v>33243.940009099999</v>
      </c>
      <c r="AU467" s="9">
        <v>31154.892621700001</v>
      </c>
      <c r="AV467" s="9">
        <v>35199.503289100001</v>
      </c>
      <c r="AW467" s="9">
        <v>34253.751063600001</v>
      </c>
      <c r="AX467" s="9">
        <v>38565.841970599999</v>
      </c>
      <c r="AY467" s="9">
        <v>37836.184136800002</v>
      </c>
      <c r="AZ467" s="9">
        <v>39754.088478600002</v>
      </c>
      <c r="BA467" s="9">
        <v>39322.537320700001</v>
      </c>
      <c r="BB467" s="9">
        <v>40732.056605600003</v>
      </c>
      <c r="BC467" s="9">
        <v>41858.819914799999</v>
      </c>
      <c r="BD467" s="9">
        <v>44290.166926099999</v>
      </c>
      <c r="BE467" s="9">
        <v>45462.450807000001</v>
      </c>
      <c r="BF467" s="9">
        <v>47405.399895900002</v>
      </c>
      <c r="BG467" s="11">
        <v>0</v>
      </c>
      <c r="BH467" s="13">
        <v>0</v>
      </c>
      <c r="BI467" s="6">
        <v>1</v>
      </c>
      <c r="BJ467" s="13">
        <v>0.1111111111111111</v>
      </c>
      <c r="BK467" s="6">
        <v>-1</v>
      </c>
      <c r="BL467" s="13">
        <v>-0.1</v>
      </c>
      <c r="BM467" s="11">
        <v>0</v>
      </c>
      <c r="BN467" s="13">
        <v>0</v>
      </c>
      <c r="BO467" s="11">
        <v>-1</v>
      </c>
      <c r="BP467" s="13">
        <v>-0.1</v>
      </c>
      <c r="BQ467" s="6">
        <v>9</v>
      </c>
      <c r="BR467" s="6">
        <v>9</v>
      </c>
      <c r="BS467" s="6">
        <v>9</v>
      </c>
      <c r="BT467" s="6">
        <v>10</v>
      </c>
      <c r="BU467" s="6">
        <v>9</v>
      </c>
      <c r="BV467" s="6">
        <v>9</v>
      </c>
      <c r="BW467" s="6">
        <v>9</v>
      </c>
      <c r="BX467" s="6">
        <v>10</v>
      </c>
      <c r="BY467" s="6">
        <v>9</v>
      </c>
      <c r="BZ467" s="6">
        <v>8</v>
      </c>
      <c r="CA467" s="6">
        <v>9</v>
      </c>
      <c r="CB467" s="6">
        <v>9</v>
      </c>
      <c r="CC467" s="11">
        <v>9</v>
      </c>
      <c r="CD467" s="11">
        <v>19.6114</v>
      </c>
      <c r="CE467" s="11">
        <v>-10.8073</v>
      </c>
      <c r="CF467" s="11">
        <v>14.447900000000001</v>
      </c>
      <c r="CG467" s="11">
        <v>3</v>
      </c>
      <c r="CH467" s="20">
        <v>1.7288699999999999</v>
      </c>
      <c r="CI467" s="20">
        <v>1.57274</v>
      </c>
      <c r="CJ467" s="20">
        <v>1.45363</v>
      </c>
      <c r="CK467" s="20">
        <v>1.4150199999999999</v>
      </c>
      <c r="CL467" s="20">
        <v>1.5389200000000001</v>
      </c>
      <c r="CM467" s="20">
        <v>1.4029400000000001</v>
      </c>
      <c r="CN467" s="20">
        <v>1.3986099999999999</v>
      </c>
      <c r="CO467" s="20">
        <v>1.31714</v>
      </c>
      <c r="CP467" s="20">
        <v>1.4187399999999999</v>
      </c>
      <c r="CQ467" s="20">
        <v>1.65943</v>
      </c>
      <c r="CR467" s="20">
        <v>1.66699</v>
      </c>
      <c r="CS467" s="20">
        <v>1.6740699999999999</v>
      </c>
      <c r="CT467" s="20">
        <v>1.7738100000000001</v>
      </c>
      <c r="CU467" s="20">
        <v>1.82796</v>
      </c>
      <c r="CV467" s="20">
        <v>2.0526599999999999</v>
      </c>
      <c r="CW467" s="20">
        <v>2.1825999999999999</v>
      </c>
      <c r="CX467" s="20">
        <v>2.3014999999999999</v>
      </c>
      <c r="CY467" s="6" t="s">
        <v>464</v>
      </c>
      <c r="CZ467" s="6" t="s">
        <v>465</v>
      </c>
      <c r="DA467" s="6" t="s">
        <v>88</v>
      </c>
      <c r="DB467" s="6"/>
      <c r="DC467" s="6">
        <v>22800</v>
      </c>
      <c r="DD467" s="6"/>
      <c r="DE467" s="6" t="s">
        <v>467</v>
      </c>
      <c r="DF467" s="6" t="s">
        <v>363</v>
      </c>
      <c r="DG467" s="6" t="s">
        <v>376</v>
      </c>
      <c r="DH467" s="6" t="s">
        <v>468</v>
      </c>
      <c r="DI467" s="6"/>
      <c r="DJ467" s="6">
        <v>29</v>
      </c>
      <c r="DK467" s="6">
        <v>45</v>
      </c>
      <c r="DL467" s="6">
        <v>8</v>
      </c>
      <c r="DM467" s="6" t="s">
        <v>368</v>
      </c>
      <c r="DN467" s="6">
        <v>9</v>
      </c>
      <c r="DO467" s="6" t="s">
        <v>384</v>
      </c>
      <c r="DP467" s="6"/>
      <c r="DQ467" s="6"/>
    </row>
    <row r="468" spans="1:121" x14ac:dyDescent="0.2">
      <c r="A468" s="6" t="s">
        <v>793</v>
      </c>
      <c r="B468" s="6" t="s">
        <v>179</v>
      </c>
      <c r="C468" s="6" t="s">
        <v>180</v>
      </c>
      <c r="D468" s="6" t="s">
        <v>88</v>
      </c>
      <c r="E468" s="6" t="s">
        <v>229</v>
      </c>
      <c r="F468" s="11">
        <v>15</v>
      </c>
      <c r="G468" s="13">
        <v>0.06</v>
      </c>
      <c r="H468" s="11">
        <v>49</v>
      </c>
      <c r="I468" s="13">
        <v>0.18773946360153257</v>
      </c>
      <c r="J468" s="11">
        <v>-26</v>
      </c>
      <c r="K468" s="13">
        <v>-8.387096774193549E-2</v>
      </c>
      <c r="L468" s="11">
        <v>-8</v>
      </c>
      <c r="M468" s="13">
        <v>-2.8169014084507043E-2</v>
      </c>
      <c r="N468" s="11">
        <v>-34</v>
      </c>
      <c r="O468" s="13">
        <v>-0.10967741935483873</v>
      </c>
      <c r="P468" s="7">
        <v>261</v>
      </c>
      <c r="Q468" s="7">
        <v>253</v>
      </c>
      <c r="R468" s="7">
        <v>257</v>
      </c>
      <c r="S468" s="7">
        <v>255</v>
      </c>
      <c r="T468" s="7">
        <v>237</v>
      </c>
      <c r="U468" s="7">
        <v>295</v>
      </c>
      <c r="V468" s="7">
        <v>310</v>
      </c>
      <c r="W468" s="7">
        <v>308</v>
      </c>
      <c r="X468" s="7">
        <v>301</v>
      </c>
      <c r="Y468" s="7">
        <v>284</v>
      </c>
      <c r="Z468" s="7">
        <v>259</v>
      </c>
      <c r="AA468" s="7">
        <v>253</v>
      </c>
      <c r="AB468" s="7">
        <v>260</v>
      </c>
      <c r="AC468" s="7">
        <v>260</v>
      </c>
      <c r="AD468" s="7">
        <v>262</v>
      </c>
      <c r="AE468" s="7">
        <v>274</v>
      </c>
      <c r="AF468" s="7">
        <v>276</v>
      </c>
      <c r="AG468" s="9">
        <v>6504</v>
      </c>
      <c r="AH468" s="13">
        <v>0.3649626844733741</v>
      </c>
      <c r="AI468" s="9">
        <v>3403</v>
      </c>
      <c r="AJ468" s="13">
        <v>0.19095449189158856</v>
      </c>
      <c r="AK468" s="9">
        <v>491</v>
      </c>
      <c r="AL468" s="13">
        <v>2.3134187712024124E-2</v>
      </c>
      <c r="AM468" s="9">
        <v>2610</v>
      </c>
      <c r="AN468" s="13">
        <v>0.12019341469030624</v>
      </c>
      <c r="AO468" s="9">
        <v>3101</v>
      </c>
      <c r="AP468" s="13">
        <v>0.14610817941952506</v>
      </c>
      <c r="AQ468" s="9">
        <v>17821</v>
      </c>
      <c r="AR468" s="9">
        <v>18140</v>
      </c>
      <c r="AS468" s="9">
        <v>19296</v>
      </c>
      <c r="AT468" s="9">
        <v>19852</v>
      </c>
      <c r="AU468" s="9">
        <v>20881</v>
      </c>
      <c r="AV468" s="9">
        <v>18942</v>
      </c>
      <c r="AW468" s="9">
        <v>21224</v>
      </c>
      <c r="AX468" s="9">
        <v>22175</v>
      </c>
      <c r="AY468" s="9">
        <v>22286</v>
      </c>
      <c r="AZ468" s="9">
        <v>21715</v>
      </c>
      <c r="BA468" s="9">
        <v>23099</v>
      </c>
      <c r="BB468" s="9">
        <v>24610</v>
      </c>
      <c r="BC468" s="9">
        <v>24570</v>
      </c>
      <c r="BD468" s="9">
        <v>24476</v>
      </c>
      <c r="BE468" s="9">
        <v>23983</v>
      </c>
      <c r="BF468" s="9">
        <v>24325</v>
      </c>
      <c r="BG468" s="11">
        <v>1</v>
      </c>
      <c r="BH468" s="13">
        <v>0.04</v>
      </c>
      <c r="BI468" s="6">
        <v>3</v>
      </c>
      <c r="BJ468" s="13">
        <v>0.12</v>
      </c>
      <c r="BK468" s="6">
        <v>-1</v>
      </c>
      <c r="BL468" s="13">
        <v>-3.5714285714285712E-2</v>
      </c>
      <c r="BM468" s="11">
        <v>-1</v>
      </c>
      <c r="BN468" s="13">
        <v>-3.7037037037037035E-2</v>
      </c>
      <c r="BO468" s="11">
        <v>-2</v>
      </c>
      <c r="BP468" s="13">
        <v>-7.1428571428571425E-2</v>
      </c>
      <c r="BQ468" s="6">
        <v>25</v>
      </c>
      <c r="BR468" s="6">
        <v>23</v>
      </c>
      <c r="BS468" s="6">
        <v>26</v>
      </c>
      <c r="BT468" s="6">
        <v>28</v>
      </c>
      <c r="BU468" s="6">
        <v>28</v>
      </c>
      <c r="BV468" s="6">
        <v>27</v>
      </c>
      <c r="BW468" s="6">
        <v>27</v>
      </c>
      <c r="BX468" s="6">
        <v>28</v>
      </c>
      <c r="BY468" s="6">
        <v>29</v>
      </c>
      <c r="BZ468" s="6">
        <v>26</v>
      </c>
      <c r="CA468" s="6">
        <v>25</v>
      </c>
      <c r="CB468" s="6">
        <v>25</v>
      </c>
      <c r="CC468" s="11">
        <v>26</v>
      </c>
      <c r="CD468" s="11">
        <v>3</v>
      </c>
      <c r="CE468" s="11">
        <v>-17</v>
      </c>
      <c r="CF468" s="11">
        <v>29</v>
      </c>
      <c r="CG468" s="11">
        <v>12</v>
      </c>
      <c r="CH468" s="20">
        <v>1.27</v>
      </c>
      <c r="CI468" s="20">
        <v>1.27</v>
      </c>
      <c r="CJ468" s="20">
        <v>1.29</v>
      </c>
      <c r="CK468" s="20">
        <v>1.27</v>
      </c>
      <c r="CL468" s="20">
        <v>1.24</v>
      </c>
      <c r="CM468" s="20">
        <v>1.47</v>
      </c>
      <c r="CN468" s="20">
        <v>1.51</v>
      </c>
      <c r="CO468" s="20">
        <v>1.53</v>
      </c>
      <c r="CP468" s="20">
        <v>1.54</v>
      </c>
      <c r="CQ468" s="20">
        <v>1.48</v>
      </c>
      <c r="CR468" s="20">
        <v>1.36</v>
      </c>
      <c r="CS468" s="20">
        <v>1.37</v>
      </c>
      <c r="CT468" s="20">
        <v>1.37</v>
      </c>
      <c r="CU468" s="20">
        <v>1.35</v>
      </c>
      <c r="CV468" s="20">
        <v>1.42</v>
      </c>
      <c r="CW468" s="20">
        <v>1.49</v>
      </c>
      <c r="CX468" s="20">
        <v>1.5</v>
      </c>
      <c r="CY468" s="6" t="s">
        <v>464</v>
      </c>
      <c r="CZ468" s="6" t="s">
        <v>465</v>
      </c>
      <c r="DA468" s="6" t="s">
        <v>88</v>
      </c>
      <c r="DB468" s="6"/>
      <c r="DC468" s="6">
        <v>22800</v>
      </c>
      <c r="DD468" s="6"/>
      <c r="DE468" s="6" t="s">
        <v>467</v>
      </c>
      <c r="DF468" s="6" t="s">
        <v>363</v>
      </c>
      <c r="DG468" s="6" t="s">
        <v>376</v>
      </c>
      <c r="DH468" s="6" t="s">
        <v>468</v>
      </c>
      <c r="DI468" s="6"/>
      <c r="DJ468" s="6">
        <v>29</v>
      </c>
      <c r="DK468" s="6">
        <v>45</v>
      </c>
      <c r="DL468" s="6">
        <v>8</v>
      </c>
      <c r="DM468" s="6" t="s">
        <v>368</v>
      </c>
      <c r="DN468" s="6">
        <v>9</v>
      </c>
      <c r="DO468" s="6" t="s">
        <v>384</v>
      </c>
      <c r="DP468" s="6"/>
      <c r="DQ468" s="6"/>
    </row>
    <row r="469" spans="1:121" x14ac:dyDescent="0.2">
      <c r="A469" s="6" t="s">
        <v>794</v>
      </c>
      <c r="B469" s="6" t="s">
        <v>181</v>
      </c>
      <c r="C469" s="6" t="s">
        <v>182</v>
      </c>
      <c r="D469" s="6" t="s">
        <v>88</v>
      </c>
      <c r="E469" s="6" t="s">
        <v>229</v>
      </c>
      <c r="F469" s="11">
        <v>-30</v>
      </c>
      <c r="G469" s="13">
        <v>-0.32258064516099999</v>
      </c>
      <c r="H469" s="11">
        <v>61.895856497899985</v>
      </c>
      <c r="I469" s="13">
        <v>0.66908734497251676</v>
      </c>
      <c r="J469" s="11">
        <v>-46.821924172999985</v>
      </c>
      <c r="K469" s="13">
        <v>-0.30324345196608488</v>
      </c>
      <c r="L469" s="11">
        <v>-44.587732259600003</v>
      </c>
      <c r="M469" s="13">
        <v>-0.41445415723440338</v>
      </c>
      <c r="N469" s="11">
        <v>-91.409656432599988</v>
      </c>
      <c r="O469" s="13">
        <v>-0.59201709987903328</v>
      </c>
      <c r="P469" s="7">
        <v>92.507886994100005</v>
      </c>
      <c r="Q469" s="7">
        <v>99.528352153100002</v>
      </c>
      <c r="R469" s="7">
        <v>127.813025031</v>
      </c>
      <c r="S469" s="7">
        <v>156.46240176500001</v>
      </c>
      <c r="T469" s="7">
        <v>126.58668953199999</v>
      </c>
      <c r="U469" s="7">
        <v>149.36552670200001</v>
      </c>
      <c r="V469" s="7">
        <v>154.40374349199999</v>
      </c>
      <c r="W469" s="7">
        <v>139.913076348</v>
      </c>
      <c r="X469" s="7">
        <v>128.55210990699999</v>
      </c>
      <c r="Y469" s="7">
        <v>107.581819319</v>
      </c>
      <c r="Z469" s="7">
        <v>96.240785515799999</v>
      </c>
      <c r="AA469" s="7">
        <v>87.466555379200003</v>
      </c>
      <c r="AB469" s="7">
        <v>88.574080665500006</v>
      </c>
      <c r="AC469" s="7">
        <v>70.624353155700007</v>
      </c>
      <c r="AD469" s="7">
        <v>68.160148980700001</v>
      </c>
      <c r="AE469" s="7">
        <v>66.323001229699997</v>
      </c>
      <c r="AF469" s="7">
        <v>62.994087059400002</v>
      </c>
      <c r="AG469" s="9">
        <v>23916.206262800002</v>
      </c>
      <c r="AH469" s="13">
        <v>0.77962090142616269</v>
      </c>
      <c r="AI469" s="9">
        <v>8191.9206245999994</v>
      </c>
      <c r="AJ469" s="13">
        <v>0.26704036884378801</v>
      </c>
      <c r="AK469" s="9">
        <v>6986.637999999999</v>
      </c>
      <c r="AL469" s="13">
        <v>0.17975003070271586</v>
      </c>
      <c r="AM469" s="9">
        <v>8737.6476382000037</v>
      </c>
      <c r="AN469" s="13">
        <v>0.19054838018137779</v>
      </c>
      <c r="AO469" s="9">
        <v>15724.285638200003</v>
      </c>
      <c r="AP469" s="13">
        <v>0.4045494880720491</v>
      </c>
      <c r="AQ469" s="9">
        <v>30676.712513800001</v>
      </c>
      <c r="AR469" s="9">
        <v>32575.715837299998</v>
      </c>
      <c r="AS469" s="9">
        <v>33714.511856700003</v>
      </c>
      <c r="AT469" s="9">
        <v>31960.577268000001</v>
      </c>
      <c r="AU469" s="9">
        <v>35958.474616799998</v>
      </c>
      <c r="AV469" s="9">
        <v>34845.100614399998</v>
      </c>
      <c r="AW469" s="9">
        <v>38868.6331384</v>
      </c>
      <c r="AX469" s="9">
        <v>42053.644757900001</v>
      </c>
      <c r="AY469" s="9">
        <v>42236.087129400003</v>
      </c>
      <c r="AZ469" s="9">
        <v>45855.271138399999</v>
      </c>
      <c r="BA469" s="9">
        <v>48361.8088794</v>
      </c>
      <c r="BB469" s="9">
        <v>50901.3242398</v>
      </c>
      <c r="BC469" s="9">
        <v>50257.701873500002</v>
      </c>
      <c r="BD469" s="9">
        <v>53682.275554400003</v>
      </c>
      <c r="BE469" s="9">
        <v>55094.187232600001</v>
      </c>
      <c r="BF469" s="9">
        <v>54592.918776600003</v>
      </c>
      <c r="BG469" s="11">
        <v>-5</v>
      </c>
      <c r="BH469" s="13">
        <v>-0.45454545454545453</v>
      </c>
      <c r="BI469" s="6">
        <v>0</v>
      </c>
      <c r="BJ469" s="13">
        <v>0</v>
      </c>
      <c r="BK469" s="6">
        <v>0</v>
      </c>
      <c r="BL469" s="13">
        <v>0</v>
      </c>
      <c r="BM469" s="11">
        <v>-5</v>
      </c>
      <c r="BN469" s="13">
        <v>-0.45454545454545453</v>
      </c>
      <c r="BO469" s="11">
        <v>-5</v>
      </c>
      <c r="BP469" s="13">
        <v>-0.45454545454545453</v>
      </c>
      <c r="BQ469" s="6">
        <v>11</v>
      </c>
      <c r="BR469" s="6">
        <v>12</v>
      </c>
      <c r="BS469" s="6">
        <v>12</v>
      </c>
      <c r="BT469" s="6">
        <v>11</v>
      </c>
      <c r="BU469" s="6">
        <v>12</v>
      </c>
      <c r="BV469" s="6">
        <v>11</v>
      </c>
      <c r="BW469" s="6">
        <v>11</v>
      </c>
      <c r="BX469" s="6">
        <v>9</v>
      </c>
      <c r="BY469" s="6">
        <v>7</v>
      </c>
      <c r="BZ469" s="6">
        <v>8</v>
      </c>
      <c r="CA469" s="6">
        <v>7</v>
      </c>
      <c r="CB469" s="6">
        <v>6</v>
      </c>
      <c r="CC469" s="11">
        <v>6</v>
      </c>
      <c r="CD469" s="11">
        <v>-45.456800000000001</v>
      </c>
      <c r="CE469" s="11">
        <v>5.8308099999999996</v>
      </c>
      <c r="CF469" s="11">
        <v>10.1122</v>
      </c>
      <c r="CG469" s="11">
        <v>16</v>
      </c>
      <c r="CH469" s="20">
        <v>1.52861</v>
      </c>
      <c r="CI469" s="20">
        <v>1.7408399999999999</v>
      </c>
      <c r="CJ469" s="20">
        <v>2.23705</v>
      </c>
      <c r="CK469" s="20">
        <v>2.6781700000000002</v>
      </c>
      <c r="CL469" s="20">
        <v>2.24213</v>
      </c>
      <c r="CM469" s="20">
        <v>2.4854599999999998</v>
      </c>
      <c r="CN469" s="20">
        <v>2.47546</v>
      </c>
      <c r="CO469" s="20">
        <v>2.2708499999999998</v>
      </c>
      <c r="CP469" s="20">
        <v>2.1897799999999998</v>
      </c>
      <c r="CQ469" s="20">
        <v>1.8701099999999999</v>
      </c>
      <c r="CR469" s="20">
        <v>1.6611400000000001</v>
      </c>
      <c r="CS469" s="20">
        <v>1.5488999999999999</v>
      </c>
      <c r="CT469" s="20">
        <v>1.5113399999999999</v>
      </c>
      <c r="CU469" s="20">
        <v>1.1697200000000001</v>
      </c>
      <c r="CV469" s="20">
        <v>1.1382099999999999</v>
      </c>
      <c r="CW469" s="20">
        <v>1.10009</v>
      </c>
      <c r="CX469" s="20">
        <v>1.03284</v>
      </c>
      <c r="CY469" s="6" t="s">
        <v>464</v>
      </c>
      <c r="CZ469" s="6" t="s">
        <v>465</v>
      </c>
      <c r="DA469" s="6" t="s">
        <v>88</v>
      </c>
      <c r="DB469" s="6"/>
      <c r="DC469" s="6">
        <v>22800</v>
      </c>
      <c r="DD469" s="6"/>
      <c r="DE469" s="6" t="s">
        <v>467</v>
      </c>
      <c r="DF469" s="6" t="s">
        <v>363</v>
      </c>
      <c r="DG469" s="6" t="s">
        <v>376</v>
      </c>
      <c r="DH469" s="6" t="s">
        <v>468</v>
      </c>
      <c r="DI469" s="6"/>
      <c r="DJ469" s="6">
        <v>29</v>
      </c>
      <c r="DK469" s="6">
        <v>45</v>
      </c>
      <c r="DL469" s="6">
        <v>8</v>
      </c>
      <c r="DM469" s="6" t="s">
        <v>368</v>
      </c>
      <c r="DN469" s="6">
        <v>9</v>
      </c>
      <c r="DO469" s="6" t="s">
        <v>384</v>
      </c>
      <c r="DP469" s="6"/>
      <c r="DQ469" s="6"/>
    </row>
    <row r="470" spans="1:121" x14ac:dyDescent="0.2">
      <c r="A470" s="6" t="s">
        <v>314</v>
      </c>
      <c r="B470" s="6" t="s">
        <v>314</v>
      </c>
      <c r="C470" s="6" t="s">
        <v>183</v>
      </c>
      <c r="D470" s="6" t="s">
        <v>88</v>
      </c>
      <c r="E470" s="6" t="s">
        <v>229</v>
      </c>
      <c r="F470" s="11">
        <v>1</v>
      </c>
      <c r="G470" s="13">
        <v>1</v>
      </c>
      <c r="H470" s="11">
        <v>14.938345999999999</v>
      </c>
      <c r="I470" s="13">
        <v>2.9876692</v>
      </c>
      <c r="J470" s="11">
        <v>-7.2593570863999997</v>
      </c>
      <c r="K470" s="13">
        <v>-0.36409023528832329</v>
      </c>
      <c r="L470" s="11">
        <v>-1.2341749104000002</v>
      </c>
      <c r="M470" s="13">
        <v>-9.7340167958990323E-2</v>
      </c>
      <c r="N470" s="11">
        <v>-8.4935319967999998</v>
      </c>
      <c r="O470" s="13">
        <v>-0.42598979859211994</v>
      </c>
      <c r="P470" s="7">
        <v>5</v>
      </c>
      <c r="Q470" s="7">
        <v>14.58709</v>
      </c>
      <c r="R470" s="7">
        <v>5</v>
      </c>
      <c r="S470" s="7">
        <v>18.398726</v>
      </c>
      <c r="T470" s="7">
        <v>23.3182820615</v>
      </c>
      <c r="U470" s="7">
        <v>22.187539000000001</v>
      </c>
      <c r="V470" s="7">
        <v>19.938345999999999</v>
      </c>
      <c r="W470" s="7">
        <v>17.9108466944</v>
      </c>
      <c r="X470" s="7">
        <v>19.946348330900001</v>
      </c>
      <c r="Y470" s="7">
        <v>12.6789889136</v>
      </c>
      <c r="Z470" s="7">
        <v>11.1515526606</v>
      </c>
      <c r="AA470" s="7">
        <v>10.791854238699999</v>
      </c>
      <c r="AB470" s="7">
        <v>5</v>
      </c>
      <c r="AC470" s="7">
        <v>5</v>
      </c>
      <c r="AD470" s="7">
        <v>5</v>
      </c>
      <c r="AE470" s="7">
        <v>11.40918175</v>
      </c>
      <c r="AF470" s="7">
        <v>11.444814003199999</v>
      </c>
      <c r="AG470" s="9">
        <v>25220.426760400002</v>
      </c>
      <c r="AH470" s="13">
        <v>25220.426760400002</v>
      </c>
      <c r="AI470" s="9">
        <v>18921.013940299999</v>
      </c>
      <c r="AJ470" s="13">
        <v>18921.013940299999</v>
      </c>
      <c r="AK470" s="9">
        <v>8315.664373399999</v>
      </c>
      <c r="AL470" s="13">
        <v>0.43947036502754833</v>
      </c>
      <c r="AM470" s="9">
        <v>-2016.2515532999969</v>
      </c>
      <c r="AN470" s="13">
        <v>-7.4024354428397193E-2</v>
      </c>
      <c r="AO470" s="9">
        <v>6299.4128201000021</v>
      </c>
      <c r="AP470" s="13">
        <v>0.33291450053757482</v>
      </c>
      <c r="AQ470" s="9">
        <v>1</v>
      </c>
      <c r="AR470" s="9">
        <v>25439.110791200001</v>
      </c>
      <c r="AS470" s="9">
        <v>1</v>
      </c>
      <c r="AT470" s="9">
        <v>21113.349084599999</v>
      </c>
      <c r="AU470" s="9">
        <v>16443.142404300001</v>
      </c>
      <c r="AV470" s="9">
        <v>16315.222172</v>
      </c>
      <c r="AW470" s="9">
        <v>18922.013940299999</v>
      </c>
      <c r="AX470" s="9">
        <v>20502.097306700001</v>
      </c>
      <c r="AY470" s="9">
        <v>18960.083392100001</v>
      </c>
      <c r="AZ470" s="9">
        <v>27237.678313699998</v>
      </c>
      <c r="BA470" s="9">
        <v>36155.260375400001</v>
      </c>
      <c r="BB470" s="9">
        <v>33096.388770799997</v>
      </c>
      <c r="BC470" s="9">
        <v>1</v>
      </c>
      <c r="BD470" s="9">
        <v>1</v>
      </c>
      <c r="BE470" s="9">
        <v>1</v>
      </c>
      <c r="BF470" s="9">
        <v>25221.426760400002</v>
      </c>
      <c r="BG470" s="11">
        <v>0.25</v>
      </c>
      <c r="BH470" s="13">
        <v>0.125</v>
      </c>
      <c r="BI470" s="6">
        <v>0</v>
      </c>
      <c r="BJ470" s="13">
        <v>0</v>
      </c>
      <c r="BK470" s="6">
        <v>1</v>
      </c>
      <c r="BL470" s="13">
        <v>0.5</v>
      </c>
      <c r="BM470" s="11">
        <v>-0.75</v>
      </c>
      <c r="BN470" s="13">
        <v>-0.25</v>
      </c>
      <c r="BO470" s="11">
        <v>0.25</v>
      </c>
      <c r="BP470" s="13">
        <v>0.125</v>
      </c>
      <c r="BQ470" s="6">
        <v>2</v>
      </c>
      <c r="BR470" s="6">
        <v>2</v>
      </c>
      <c r="BS470" s="6">
        <v>2</v>
      </c>
      <c r="BT470" s="6">
        <v>2</v>
      </c>
      <c r="BU470" s="6">
        <v>3</v>
      </c>
      <c r="BV470" s="6">
        <v>3</v>
      </c>
      <c r="BW470" s="6">
        <v>3</v>
      </c>
      <c r="BX470" s="6">
        <v>3</v>
      </c>
      <c r="BY470" s="6">
        <v>3</v>
      </c>
      <c r="BZ470" s="6">
        <v>3</v>
      </c>
      <c r="CA470" s="6">
        <v>3</v>
      </c>
      <c r="CB470" s="6">
        <v>2</v>
      </c>
      <c r="CC470" s="11">
        <v>2.25</v>
      </c>
      <c r="CD470" s="11">
        <v>8.9089500000000008</v>
      </c>
      <c r="CE470" s="11">
        <v>-0.96723599999999998</v>
      </c>
      <c r="CF470" s="11">
        <v>0.34519699999999998</v>
      </c>
      <c r="CG470" s="11">
        <v>-1</v>
      </c>
      <c r="CH470" s="20">
        <v>6.6264000000000003E-2</v>
      </c>
      <c r="CI470" s="20">
        <v>0.33313700000000002</v>
      </c>
      <c r="CJ470" s="20">
        <v>0.166241</v>
      </c>
      <c r="CK470" s="20">
        <v>0.44752799999999998</v>
      </c>
      <c r="CL470" s="20">
        <v>0.60916499999999996</v>
      </c>
      <c r="CM470" s="20">
        <v>0.56077100000000002</v>
      </c>
      <c r="CN470" s="20">
        <v>0.496637</v>
      </c>
      <c r="CO470" s="20">
        <v>0.45557399999999998</v>
      </c>
      <c r="CP470" s="20">
        <v>0.52995099999999995</v>
      </c>
      <c r="CQ470" s="20">
        <v>0.35261100000000001</v>
      </c>
      <c r="CR470" s="20">
        <v>0.31940200000000002</v>
      </c>
      <c r="CS470" s="20">
        <v>0.32353199999999999</v>
      </c>
      <c r="CT470" s="20">
        <v>0.27876699999999999</v>
      </c>
      <c r="CU470" s="20">
        <v>0.28613899999999998</v>
      </c>
      <c r="CV470" s="20">
        <v>0.264571</v>
      </c>
      <c r="CW470" s="20">
        <v>0.34645999999999999</v>
      </c>
      <c r="CX470" s="20">
        <v>0.34788000000000002</v>
      </c>
      <c r="CY470" s="6" t="s">
        <v>464</v>
      </c>
      <c r="CZ470" s="6" t="s">
        <v>465</v>
      </c>
      <c r="DA470" s="6" t="s">
        <v>88</v>
      </c>
      <c r="DB470" s="6"/>
      <c r="DC470" s="6">
        <v>22800</v>
      </c>
      <c r="DD470" s="6"/>
      <c r="DE470" s="6" t="s">
        <v>467</v>
      </c>
      <c r="DF470" s="6" t="s">
        <v>363</v>
      </c>
      <c r="DG470" s="6" t="s">
        <v>376</v>
      </c>
      <c r="DH470" s="6" t="s">
        <v>468</v>
      </c>
      <c r="DI470" s="6"/>
      <c r="DJ470" s="6">
        <v>29</v>
      </c>
      <c r="DK470" s="6">
        <v>45</v>
      </c>
      <c r="DL470" s="6">
        <v>8</v>
      </c>
      <c r="DM470" s="6" t="s">
        <v>368</v>
      </c>
      <c r="DN470" s="6">
        <v>9</v>
      </c>
      <c r="DO470" s="6" t="s">
        <v>384</v>
      </c>
      <c r="DP470" s="6"/>
      <c r="DQ470" s="6"/>
    </row>
    <row r="471" spans="1:121" x14ac:dyDescent="0.2">
      <c r="A471" s="6" t="s">
        <v>315</v>
      </c>
      <c r="B471" s="6" t="s">
        <v>315</v>
      </c>
      <c r="C471" s="6" t="s">
        <v>184</v>
      </c>
      <c r="D471" s="6" t="s">
        <v>88</v>
      </c>
      <c r="E471" s="6" t="s">
        <v>229</v>
      </c>
      <c r="F471" s="11">
        <v>-2</v>
      </c>
      <c r="G471" s="13">
        <v>-0.03</v>
      </c>
      <c r="H471" s="11">
        <v>1</v>
      </c>
      <c r="I471" s="13">
        <v>1.3513513513513514E-2</v>
      </c>
      <c r="J471" s="11">
        <v>-7</v>
      </c>
      <c r="K471" s="13">
        <v>-9.3333333333333338E-2</v>
      </c>
      <c r="L471" s="11">
        <v>4</v>
      </c>
      <c r="M471" s="13">
        <v>5.8823529411764705E-2</v>
      </c>
      <c r="N471" s="11">
        <v>-3</v>
      </c>
      <c r="O471" s="13">
        <v>-0.04</v>
      </c>
      <c r="P471" s="7">
        <v>74</v>
      </c>
      <c r="Q471" s="7">
        <v>73</v>
      </c>
      <c r="R471" s="7">
        <v>75</v>
      </c>
      <c r="S471" s="7">
        <v>75</v>
      </c>
      <c r="T471" s="7">
        <v>75</v>
      </c>
      <c r="U471" s="7">
        <v>75</v>
      </c>
      <c r="V471" s="7">
        <v>75</v>
      </c>
      <c r="W471" s="7">
        <v>70</v>
      </c>
      <c r="X471" s="7">
        <v>71</v>
      </c>
      <c r="Y471" s="7">
        <v>68</v>
      </c>
      <c r="Z471" s="7">
        <v>67</v>
      </c>
      <c r="AA471" s="7">
        <v>67</v>
      </c>
      <c r="AB471" s="7">
        <v>66</v>
      </c>
      <c r="AC471" s="7">
        <v>69</v>
      </c>
      <c r="AD471" s="7">
        <v>69</v>
      </c>
      <c r="AE471" s="7">
        <v>71</v>
      </c>
      <c r="AF471" s="7">
        <v>72</v>
      </c>
      <c r="AG471" s="9">
        <v>12475</v>
      </c>
      <c r="AH471" s="13">
        <v>0.47962322183775474</v>
      </c>
      <c r="AI471" s="9">
        <v>4351</v>
      </c>
      <c r="AJ471" s="13">
        <v>0.16728181468665898</v>
      </c>
      <c r="AK471" s="9">
        <v>5526</v>
      </c>
      <c r="AL471" s="13">
        <v>0.18200981522347748</v>
      </c>
      <c r="AM471" s="9">
        <v>2598</v>
      </c>
      <c r="AN471" s="13">
        <v>7.2393903084682479E-2</v>
      </c>
      <c r="AO471" s="9">
        <v>8124</v>
      </c>
      <c r="AP471" s="13">
        <v>0.26758011923190933</v>
      </c>
      <c r="AQ471" s="9">
        <v>26010</v>
      </c>
      <c r="AR471" s="9">
        <v>27778</v>
      </c>
      <c r="AS471" s="9">
        <v>26643</v>
      </c>
      <c r="AT471" s="9">
        <v>28506</v>
      </c>
      <c r="AU471" s="9">
        <v>28972</v>
      </c>
      <c r="AV471" s="9">
        <v>29476</v>
      </c>
      <c r="AW471" s="9">
        <v>30361</v>
      </c>
      <c r="AX471" s="9">
        <v>31857</v>
      </c>
      <c r="AY471" s="9">
        <v>32020</v>
      </c>
      <c r="AZ471" s="9">
        <v>35887</v>
      </c>
      <c r="BA471" s="9">
        <v>34142</v>
      </c>
      <c r="BB471" s="9">
        <v>35134</v>
      </c>
      <c r="BC471" s="9">
        <v>36239</v>
      </c>
      <c r="BD471" s="9">
        <v>36819</v>
      </c>
      <c r="BE471" s="9">
        <v>37536</v>
      </c>
      <c r="BF471" s="9">
        <v>38485</v>
      </c>
      <c r="BG471" s="11">
        <v>1</v>
      </c>
      <c r="BH471" s="13">
        <v>0.1</v>
      </c>
      <c r="BI471" s="6">
        <v>0</v>
      </c>
      <c r="BJ471" s="13">
        <v>0</v>
      </c>
      <c r="BK471" s="6">
        <v>1</v>
      </c>
      <c r="BL471" s="13">
        <v>0.1</v>
      </c>
      <c r="BM471" s="11">
        <v>0</v>
      </c>
      <c r="BN471" s="13">
        <v>0</v>
      </c>
      <c r="BO471" s="11">
        <v>1</v>
      </c>
      <c r="BP471" s="13">
        <v>0.1</v>
      </c>
      <c r="BQ471" s="6">
        <v>10</v>
      </c>
      <c r="BR471" s="6">
        <v>10</v>
      </c>
      <c r="BS471" s="6">
        <v>10</v>
      </c>
      <c r="BT471" s="6">
        <v>10</v>
      </c>
      <c r="BU471" s="6">
        <v>10</v>
      </c>
      <c r="BV471" s="6">
        <v>11</v>
      </c>
      <c r="BW471" s="6">
        <v>11</v>
      </c>
      <c r="BX471" s="6">
        <v>10</v>
      </c>
      <c r="BY471" s="6">
        <v>10</v>
      </c>
      <c r="BZ471" s="6">
        <v>12</v>
      </c>
      <c r="CA471" s="6">
        <v>11</v>
      </c>
      <c r="CB471" s="6">
        <v>11</v>
      </c>
      <c r="CC471" s="11">
        <v>11</v>
      </c>
      <c r="CD471" s="11">
        <v>-5</v>
      </c>
      <c r="CE471" s="11">
        <v>-6</v>
      </c>
      <c r="CF471" s="11">
        <v>8</v>
      </c>
      <c r="CG471" s="11">
        <v>2</v>
      </c>
      <c r="CH471" s="20">
        <v>0.96</v>
      </c>
      <c r="CI471" s="20">
        <v>0.97</v>
      </c>
      <c r="CJ471" s="20">
        <v>0.97</v>
      </c>
      <c r="CK471" s="20">
        <v>0.96</v>
      </c>
      <c r="CL471" s="20">
        <v>1</v>
      </c>
      <c r="CM471" s="20">
        <v>0.95</v>
      </c>
      <c r="CN471" s="20">
        <v>0.94</v>
      </c>
      <c r="CO471" s="20">
        <v>0.9</v>
      </c>
      <c r="CP471" s="20">
        <v>0.94</v>
      </c>
      <c r="CQ471" s="20">
        <v>0.93</v>
      </c>
      <c r="CR471" s="20">
        <v>0.93</v>
      </c>
      <c r="CS471" s="20">
        <v>0.95</v>
      </c>
      <c r="CT471" s="20">
        <v>0.92</v>
      </c>
      <c r="CU471" s="20">
        <v>0.96</v>
      </c>
      <c r="CV471" s="20">
        <v>1.01</v>
      </c>
      <c r="CW471" s="20">
        <v>1.04</v>
      </c>
      <c r="CX471" s="20">
        <v>1.04</v>
      </c>
      <c r="CY471" s="6" t="s">
        <v>464</v>
      </c>
      <c r="CZ471" s="6" t="s">
        <v>465</v>
      </c>
      <c r="DA471" s="6" t="s">
        <v>88</v>
      </c>
      <c r="DB471" s="6"/>
      <c r="DC471" s="6">
        <v>22800</v>
      </c>
      <c r="DD471" s="6"/>
      <c r="DE471" s="6" t="s">
        <v>467</v>
      </c>
      <c r="DF471" s="6" t="s">
        <v>363</v>
      </c>
      <c r="DG471" s="6" t="s">
        <v>376</v>
      </c>
      <c r="DH471" s="6" t="s">
        <v>468</v>
      </c>
      <c r="DI471" s="6"/>
      <c r="DJ471" s="6">
        <v>29</v>
      </c>
      <c r="DK471" s="6">
        <v>45</v>
      </c>
      <c r="DL471" s="6">
        <v>8</v>
      </c>
      <c r="DM471" s="6" t="s">
        <v>368</v>
      </c>
      <c r="DN471" s="6">
        <v>9</v>
      </c>
      <c r="DO471" s="6" t="s">
        <v>384</v>
      </c>
      <c r="DP471" s="6"/>
      <c r="DQ471" s="6"/>
    </row>
    <row r="472" spans="1:121" x14ac:dyDescent="0.2">
      <c r="A472" s="6" t="s">
        <v>316</v>
      </c>
      <c r="B472" s="6" t="s">
        <v>316</v>
      </c>
      <c r="C472" s="6" t="s">
        <v>185</v>
      </c>
      <c r="D472" s="6" t="s">
        <v>88</v>
      </c>
      <c r="E472" s="6" t="s">
        <v>229</v>
      </c>
      <c r="F472" s="11">
        <v>1</v>
      </c>
      <c r="G472" s="13">
        <v>1</v>
      </c>
      <c r="H472" s="11">
        <v>3</v>
      </c>
      <c r="I472" s="13">
        <v>0.27272727272727271</v>
      </c>
      <c r="J472" s="11">
        <v>-9</v>
      </c>
      <c r="K472" s="13">
        <v>-0.6428571428571429</v>
      </c>
      <c r="L472" s="11">
        <v>0</v>
      </c>
      <c r="M472" s="13">
        <v>0</v>
      </c>
      <c r="N472" s="11">
        <v>-9</v>
      </c>
      <c r="O472" s="13">
        <v>-0.6428571428571429</v>
      </c>
      <c r="P472" s="7">
        <v>11</v>
      </c>
      <c r="Q472" s="7">
        <v>10</v>
      </c>
      <c r="R472" s="7">
        <v>5</v>
      </c>
      <c r="S472" s="7">
        <v>11</v>
      </c>
      <c r="T472" s="7">
        <v>5</v>
      </c>
      <c r="U472" s="7">
        <v>13</v>
      </c>
      <c r="V472" s="7">
        <v>14</v>
      </c>
      <c r="W472" s="7">
        <v>17</v>
      </c>
      <c r="X472" s="7">
        <v>13</v>
      </c>
      <c r="Y472" s="7">
        <v>5</v>
      </c>
      <c r="Z472" s="7">
        <v>11</v>
      </c>
      <c r="AA472" s="7">
        <v>11</v>
      </c>
      <c r="AB472" s="7">
        <v>5</v>
      </c>
      <c r="AC472" s="7">
        <v>11</v>
      </c>
      <c r="AD472" s="7">
        <v>10</v>
      </c>
      <c r="AE472" s="7">
        <v>5</v>
      </c>
      <c r="AF472" s="7">
        <v>5</v>
      </c>
      <c r="AG472" s="9">
        <v>-18076</v>
      </c>
      <c r="AH472" s="13">
        <v>-0.99994468108646362</v>
      </c>
      <c r="AI472" s="9">
        <v>1394</v>
      </c>
      <c r="AJ472" s="13">
        <v>7.7114565469934171E-2</v>
      </c>
      <c r="AK472" s="9">
        <v>-19470</v>
      </c>
      <c r="AL472" s="13">
        <v>-0.9999486415695138</v>
      </c>
      <c r="AM472" s="9">
        <v>0</v>
      </c>
      <c r="AN472" s="13">
        <v>0</v>
      </c>
      <c r="AO472" s="9">
        <v>-19470</v>
      </c>
      <c r="AP472" s="13">
        <v>-0.9999486415695138</v>
      </c>
      <c r="AQ472" s="9">
        <v>18077</v>
      </c>
      <c r="AR472" s="9">
        <v>19940</v>
      </c>
      <c r="AS472" s="9">
        <v>1</v>
      </c>
      <c r="AT472" s="9">
        <v>16097</v>
      </c>
      <c r="AU472" s="9">
        <v>1</v>
      </c>
      <c r="AV472" s="9">
        <v>13989</v>
      </c>
      <c r="AW472" s="9">
        <v>19471</v>
      </c>
      <c r="AX472" s="9">
        <v>18107</v>
      </c>
      <c r="AY472" s="9">
        <v>18390</v>
      </c>
      <c r="AZ472" s="9">
        <v>1</v>
      </c>
      <c r="BA472" s="9">
        <v>15290</v>
      </c>
      <c r="BB472" s="9">
        <v>17710</v>
      </c>
      <c r="BC472" s="9">
        <v>1</v>
      </c>
      <c r="BD472" s="9">
        <v>21535</v>
      </c>
      <c r="BE472" s="9">
        <v>32016</v>
      </c>
      <c r="BF472" s="9">
        <v>1</v>
      </c>
      <c r="BG472" s="11">
        <v>-2</v>
      </c>
      <c r="BH472" s="13">
        <v>-0.4</v>
      </c>
      <c r="BI472" s="6">
        <v>0</v>
      </c>
      <c r="BJ472" s="13">
        <v>0</v>
      </c>
      <c r="BK472" s="6">
        <v>-2</v>
      </c>
      <c r="BL472" s="13">
        <v>-0.4</v>
      </c>
      <c r="BM472" s="11">
        <v>0</v>
      </c>
      <c r="BN472" s="13">
        <v>0</v>
      </c>
      <c r="BO472" s="11">
        <v>-2</v>
      </c>
      <c r="BP472" s="13">
        <v>-0.4</v>
      </c>
      <c r="BQ472" s="6">
        <v>5</v>
      </c>
      <c r="BR472" s="6">
        <v>4</v>
      </c>
      <c r="BS472" s="6">
        <v>4</v>
      </c>
      <c r="BT472" s="6">
        <v>5</v>
      </c>
      <c r="BU472" s="6">
        <v>5</v>
      </c>
      <c r="BV472" s="6">
        <v>4</v>
      </c>
      <c r="BW472" s="6">
        <v>3</v>
      </c>
      <c r="BX472" s="6">
        <v>4</v>
      </c>
      <c r="BY472" s="6">
        <v>4</v>
      </c>
      <c r="BZ472" s="6">
        <v>4</v>
      </c>
      <c r="CA472" s="6">
        <v>3</v>
      </c>
      <c r="CB472" s="6">
        <v>3</v>
      </c>
      <c r="CC472" s="11">
        <v>3</v>
      </c>
      <c r="CD472" s="11">
        <v>-2</v>
      </c>
      <c r="CE472" s="11">
        <v>-1</v>
      </c>
      <c r="CF472" s="11">
        <v>1</v>
      </c>
      <c r="CG472" s="11">
        <v>0</v>
      </c>
      <c r="CH472" s="20">
        <v>0.34</v>
      </c>
      <c r="CI472" s="20">
        <v>0.32</v>
      </c>
      <c r="CJ472" s="20">
        <v>0.3</v>
      </c>
      <c r="CK472" s="20">
        <v>0.32</v>
      </c>
      <c r="CL472" s="20">
        <v>0.27</v>
      </c>
      <c r="CM472" s="20">
        <v>0.37</v>
      </c>
      <c r="CN472" s="20">
        <v>0.42</v>
      </c>
      <c r="CO472" s="20">
        <v>0.5</v>
      </c>
      <c r="CP472" s="20">
        <v>0.39</v>
      </c>
      <c r="CQ472" s="20">
        <v>0.28000000000000003</v>
      </c>
      <c r="CR472" s="20">
        <v>0.36</v>
      </c>
      <c r="CS472" s="20">
        <v>0.4</v>
      </c>
      <c r="CT472" s="20">
        <v>0.33</v>
      </c>
      <c r="CU472" s="20">
        <v>0.37</v>
      </c>
      <c r="CV472" s="20">
        <v>0.35</v>
      </c>
      <c r="CW472" s="20">
        <v>0.31</v>
      </c>
      <c r="CX472" s="20">
        <v>0.32</v>
      </c>
      <c r="CY472" s="6" t="s">
        <v>464</v>
      </c>
      <c r="CZ472" s="6" t="s">
        <v>465</v>
      </c>
      <c r="DA472" s="6" t="s">
        <v>88</v>
      </c>
      <c r="DB472" s="6"/>
      <c r="DC472" s="6">
        <v>22800</v>
      </c>
      <c r="DD472" s="6"/>
      <c r="DE472" s="6" t="s">
        <v>467</v>
      </c>
      <c r="DF472" s="6" t="s">
        <v>363</v>
      </c>
      <c r="DG472" s="6" t="s">
        <v>376</v>
      </c>
      <c r="DH472" s="6" t="s">
        <v>468</v>
      </c>
      <c r="DI472" s="6"/>
      <c r="DJ472" s="6">
        <v>29</v>
      </c>
      <c r="DK472" s="6">
        <v>45</v>
      </c>
      <c r="DL472" s="6">
        <v>8</v>
      </c>
      <c r="DM472" s="6" t="s">
        <v>368</v>
      </c>
      <c r="DN472" s="6">
        <v>9</v>
      </c>
      <c r="DO472" s="6" t="s">
        <v>384</v>
      </c>
      <c r="DP472" s="6"/>
      <c r="DQ472" s="6"/>
    </row>
    <row r="473" spans="1:121" x14ac:dyDescent="0.2">
      <c r="A473" s="6" t="s">
        <v>317</v>
      </c>
      <c r="B473" s="6" t="s">
        <v>317</v>
      </c>
      <c r="C473" s="6" t="s">
        <v>186</v>
      </c>
      <c r="D473" s="6" t="s">
        <v>88</v>
      </c>
      <c r="E473" s="6" t="s">
        <v>229</v>
      </c>
      <c r="F473" s="11">
        <v>2</v>
      </c>
      <c r="G473" s="13">
        <v>0.09</v>
      </c>
      <c r="H473" s="11">
        <v>5</v>
      </c>
      <c r="I473" s="13">
        <v>0.22727272727272729</v>
      </c>
      <c r="J473" s="11">
        <v>-6</v>
      </c>
      <c r="K473" s="13">
        <v>-0.22222222222222221</v>
      </c>
      <c r="L473" s="11">
        <v>3</v>
      </c>
      <c r="M473" s="13">
        <v>0.14285714285714285</v>
      </c>
      <c r="N473" s="11">
        <v>-3</v>
      </c>
      <c r="O473" s="13">
        <v>-0.1111111111111111</v>
      </c>
      <c r="P473" s="7">
        <v>22</v>
      </c>
      <c r="Q473" s="7">
        <v>18</v>
      </c>
      <c r="R473" s="7">
        <v>20</v>
      </c>
      <c r="S473" s="7">
        <v>20</v>
      </c>
      <c r="T473" s="7">
        <v>23</v>
      </c>
      <c r="U473" s="7">
        <v>26</v>
      </c>
      <c r="V473" s="7">
        <v>27</v>
      </c>
      <c r="W473" s="7">
        <v>23</v>
      </c>
      <c r="X473" s="7">
        <v>21</v>
      </c>
      <c r="Y473" s="7">
        <v>21</v>
      </c>
      <c r="Z473" s="7">
        <v>21</v>
      </c>
      <c r="AA473" s="7">
        <v>16</v>
      </c>
      <c r="AB473" s="7">
        <v>19</v>
      </c>
      <c r="AC473" s="7">
        <v>20</v>
      </c>
      <c r="AD473" s="7">
        <v>22</v>
      </c>
      <c r="AE473" s="7">
        <v>23</v>
      </c>
      <c r="AF473" s="7">
        <v>24</v>
      </c>
      <c r="AG473" s="9">
        <v>15109</v>
      </c>
      <c r="AH473" s="13">
        <v>0.70874378459517784</v>
      </c>
      <c r="AI473" s="9">
        <v>-2873</v>
      </c>
      <c r="AJ473" s="13">
        <v>-0.13476874003189793</v>
      </c>
      <c r="AK473" s="9">
        <v>2090</v>
      </c>
      <c r="AL473" s="13">
        <v>0.11330984006505827</v>
      </c>
      <c r="AM473" s="9">
        <v>15892</v>
      </c>
      <c r="AN473" s="13">
        <v>0.77389822254687124</v>
      </c>
      <c r="AO473" s="9">
        <v>17982</v>
      </c>
      <c r="AP473" s="13">
        <v>0.97489834643534834</v>
      </c>
      <c r="AQ473" s="9">
        <v>21318</v>
      </c>
      <c r="AR473" s="9">
        <v>16694</v>
      </c>
      <c r="AS473" s="9">
        <v>17310</v>
      </c>
      <c r="AT473" s="9">
        <v>15319</v>
      </c>
      <c r="AU473" s="9">
        <v>16298</v>
      </c>
      <c r="AV473" s="9">
        <v>18610</v>
      </c>
      <c r="AW473" s="9">
        <v>18445</v>
      </c>
      <c r="AX473" s="9">
        <v>21567</v>
      </c>
      <c r="AY473" s="9">
        <v>22772</v>
      </c>
      <c r="AZ473" s="9">
        <v>20535</v>
      </c>
      <c r="BA473" s="9">
        <v>26029</v>
      </c>
      <c r="BB473" s="9">
        <v>33503</v>
      </c>
      <c r="BC473" s="9">
        <v>34045</v>
      </c>
      <c r="BD473" s="9">
        <v>34036</v>
      </c>
      <c r="BE473" s="9">
        <v>34207</v>
      </c>
      <c r="BF473" s="9">
        <v>36427</v>
      </c>
      <c r="BG473" s="11">
        <v>0</v>
      </c>
      <c r="BH473" s="13">
        <v>0</v>
      </c>
      <c r="BI473" s="6">
        <v>3</v>
      </c>
      <c r="BJ473" s="13">
        <v>0.375</v>
      </c>
      <c r="BK473" s="6">
        <v>-2</v>
      </c>
      <c r="BL473" s="13">
        <v>-0.18181818181818182</v>
      </c>
      <c r="BM473" s="11">
        <v>-1</v>
      </c>
      <c r="BN473" s="13">
        <v>-0.1111111111111111</v>
      </c>
      <c r="BO473" s="11">
        <v>-3</v>
      </c>
      <c r="BP473" s="13">
        <v>-0.27272727272727271</v>
      </c>
      <c r="BQ473" s="6">
        <v>8</v>
      </c>
      <c r="BR473" s="6">
        <v>9</v>
      </c>
      <c r="BS473" s="6">
        <v>10</v>
      </c>
      <c r="BT473" s="6">
        <v>11</v>
      </c>
      <c r="BU473" s="6">
        <v>10</v>
      </c>
      <c r="BV473" s="6">
        <v>9</v>
      </c>
      <c r="BW473" s="6">
        <v>9</v>
      </c>
      <c r="BX473" s="6">
        <v>8</v>
      </c>
      <c r="BY473" s="6">
        <v>7</v>
      </c>
      <c r="BZ473" s="6">
        <v>6</v>
      </c>
      <c r="CA473" s="6">
        <v>7</v>
      </c>
      <c r="CB473" s="6">
        <v>8</v>
      </c>
      <c r="CC473" s="11">
        <v>8</v>
      </c>
      <c r="CD473" s="11">
        <v>-5</v>
      </c>
      <c r="CE473" s="11">
        <v>4</v>
      </c>
      <c r="CF473" s="11">
        <v>2</v>
      </c>
      <c r="CG473" s="11">
        <v>6</v>
      </c>
      <c r="CH473" s="20">
        <v>0.22</v>
      </c>
      <c r="CI473" s="20">
        <v>0.18</v>
      </c>
      <c r="CJ473" s="20">
        <v>0.2</v>
      </c>
      <c r="CK473" s="20">
        <v>0.2</v>
      </c>
      <c r="CL473" s="20">
        <v>0.24</v>
      </c>
      <c r="CM473" s="20">
        <v>0.24</v>
      </c>
      <c r="CN473" s="20">
        <v>0.24</v>
      </c>
      <c r="CO473" s="20">
        <v>0.21</v>
      </c>
      <c r="CP473" s="20">
        <v>0.19</v>
      </c>
      <c r="CQ473" s="20">
        <v>0.19</v>
      </c>
      <c r="CR473" s="20">
        <v>0.19</v>
      </c>
      <c r="CS473" s="20">
        <v>0.15</v>
      </c>
      <c r="CT473" s="20">
        <v>0.17</v>
      </c>
      <c r="CU473" s="20">
        <v>0.18</v>
      </c>
      <c r="CV473" s="20">
        <v>0.2</v>
      </c>
      <c r="CW473" s="20">
        <v>0.21</v>
      </c>
      <c r="CX473" s="20">
        <v>0.21</v>
      </c>
      <c r="CY473" s="6" t="s">
        <v>464</v>
      </c>
      <c r="CZ473" s="6" t="s">
        <v>465</v>
      </c>
      <c r="DA473" s="6" t="s">
        <v>88</v>
      </c>
      <c r="DB473" s="6"/>
      <c r="DC473" s="6">
        <v>22800</v>
      </c>
      <c r="DD473" s="6"/>
      <c r="DE473" s="6" t="s">
        <v>467</v>
      </c>
      <c r="DF473" s="6" t="s">
        <v>363</v>
      </c>
      <c r="DG473" s="6" t="s">
        <v>376</v>
      </c>
      <c r="DH473" s="6" t="s">
        <v>468</v>
      </c>
      <c r="DI473" s="6"/>
      <c r="DJ473" s="6">
        <v>29</v>
      </c>
      <c r="DK473" s="6">
        <v>45</v>
      </c>
      <c r="DL473" s="6">
        <v>8</v>
      </c>
      <c r="DM473" s="6" t="s">
        <v>368</v>
      </c>
      <c r="DN473" s="6">
        <v>9</v>
      </c>
      <c r="DO473" s="6" t="s">
        <v>384</v>
      </c>
      <c r="DP473" s="6"/>
      <c r="DQ473" s="6"/>
    </row>
    <row r="474" spans="1:121" x14ac:dyDescent="0.2">
      <c r="A474" s="6" t="s">
        <v>318</v>
      </c>
      <c r="B474" s="6" t="s">
        <v>318</v>
      </c>
      <c r="C474" s="6" t="s">
        <v>187</v>
      </c>
      <c r="D474" s="6" t="s">
        <v>88</v>
      </c>
      <c r="E474" s="6" t="s">
        <v>229</v>
      </c>
      <c r="F474" s="11">
        <v>0</v>
      </c>
      <c r="G474" s="13">
        <v>0</v>
      </c>
      <c r="H474" s="11">
        <v>0</v>
      </c>
      <c r="I474" s="13"/>
      <c r="J474" s="11">
        <v>0</v>
      </c>
      <c r="K474" s="13"/>
      <c r="L474" s="11">
        <v>0</v>
      </c>
      <c r="M474" s="13"/>
      <c r="N474" s="11">
        <v>0</v>
      </c>
      <c r="O474" s="13"/>
      <c r="P474" s="7">
        <v>0</v>
      </c>
      <c r="Q474" s="7">
        <v>0</v>
      </c>
      <c r="R474" s="7">
        <v>0</v>
      </c>
      <c r="S474" s="7">
        <v>0</v>
      </c>
      <c r="T474" s="7">
        <v>0</v>
      </c>
      <c r="U474" s="7">
        <v>0</v>
      </c>
      <c r="V474" s="7">
        <v>0</v>
      </c>
      <c r="W474" s="7">
        <v>0</v>
      </c>
      <c r="X474" s="7">
        <v>0</v>
      </c>
      <c r="Y474" s="7">
        <v>0</v>
      </c>
      <c r="Z474" s="7">
        <v>0</v>
      </c>
      <c r="AA474" s="7">
        <v>0</v>
      </c>
      <c r="AB474" s="7">
        <v>0</v>
      </c>
      <c r="AC474" s="7">
        <v>0</v>
      </c>
      <c r="AD474" s="7">
        <v>0</v>
      </c>
      <c r="AE474" s="7">
        <v>0</v>
      </c>
      <c r="AF474" s="7">
        <v>0</v>
      </c>
      <c r="AG474" s="9">
        <v>0</v>
      </c>
      <c r="AH474" s="13"/>
      <c r="AI474" s="9">
        <v>0</v>
      </c>
      <c r="AJ474" s="13"/>
      <c r="AK474" s="9">
        <v>0</v>
      </c>
      <c r="AL474" s="13"/>
      <c r="AM474" s="9">
        <v>0</v>
      </c>
      <c r="AN474" s="13"/>
      <c r="AO474" s="9">
        <v>0</v>
      </c>
      <c r="AP474" s="13"/>
      <c r="AQ474" s="9">
        <v>0</v>
      </c>
      <c r="AR474" s="9">
        <v>0</v>
      </c>
      <c r="AS474" s="9">
        <v>0</v>
      </c>
      <c r="AT474" s="9">
        <v>0</v>
      </c>
      <c r="AU474" s="9">
        <v>0</v>
      </c>
      <c r="AV474" s="9">
        <v>0</v>
      </c>
      <c r="AW474" s="9">
        <v>0</v>
      </c>
      <c r="AX474" s="9">
        <v>0</v>
      </c>
      <c r="AY474" s="9">
        <v>0</v>
      </c>
      <c r="AZ474" s="9">
        <v>0</v>
      </c>
      <c r="BA474" s="9">
        <v>0</v>
      </c>
      <c r="BB474" s="9">
        <v>0</v>
      </c>
      <c r="BC474" s="9">
        <v>0</v>
      </c>
      <c r="BD474" s="9">
        <v>0</v>
      </c>
      <c r="BE474" s="9">
        <v>0</v>
      </c>
      <c r="BF474" s="9">
        <v>0</v>
      </c>
      <c r="BG474" s="11">
        <v>0</v>
      </c>
      <c r="BH474" s="13" t="e">
        <v>#DIV/0!</v>
      </c>
      <c r="BI474" s="6">
        <v>0</v>
      </c>
      <c r="BJ474" s="13" t="e">
        <v>#DIV/0!</v>
      </c>
      <c r="BK474" s="6">
        <v>0</v>
      </c>
      <c r="BL474" s="13" t="e">
        <v>#DIV/0!</v>
      </c>
      <c r="BM474" s="11">
        <v>0</v>
      </c>
      <c r="BN474" s="13" t="e">
        <v>#DIV/0!</v>
      </c>
      <c r="BO474" s="11">
        <v>0</v>
      </c>
      <c r="BP474" s="13" t="e">
        <v>#DIV/0!</v>
      </c>
      <c r="BQ474" s="6">
        <v>0</v>
      </c>
      <c r="BR474" s="6">
        <v>0</v>
      </c>
      <c r="BS474" s="6">
        <v>0</v>
      </c>
      <c r="BT474" s="6">
        <v>0</v>
      </c>
      <c r="BU474" s="6">
        <v>0</v>
      </c>
      <c r="BV474" s="6">
        <v>0</v>
      </c>
      <c r="BW474" s="6">
        <v>0</v>
      </c>
      <c r="BX474" s="6">
        <v>0</v>
      </c>
      <c r="BY474" s="6">
        <v>0</v>
      </c>
      <c r="BZ474" s="6">
        <v>0</v>
      </c>
      <c r="CA474" s="6">
        <v>0</v>
      </c>
      <c r="CB474" s="6">
        <v>0</v>
      </c>
      <c r="CC474" s="11">
        <v>0</v>
      </c>
      <c r="CD474" s="11">
        <v>0</v>
      </c>
      <c r="CE474" s="11">
        <v>0</v>
      </c>
      <c r="CF474" s="11">
        <v>0</v>
      </c>
      <c r="CG474" s="11">
        <v>0</v>
      </c>
      <c r="CH474" s="20">
        <v>0</v>
      </c>
      <c r="CI474" s="20">
        <v>0</v>
      </c>
      <c r="CJ474" s="20">
        <v>0</v>
      </c>
      <c r="CK474" s="20">
        <v>0</v>
      </c>
      <c r="CL474" s="20">
        <v>0</v>
      </c>
      <c r="CM474" s="20">
        <v>0</v>
      </c>
      <c r="CN474" s="20">
        <v>0</v>
      </c>
      <c r="CO474" s="20">
        <v>0</v>
      </c>
      <c r="CP474" s="20">
        <v>0</v>
      </c>
      <c r="CQ474" s="20">
        <v>0</v>
      </c>
      <c r="CR474" s="20">
        <v>0</v>
      </c>
      <c r="CS474" s="20">
        <v>0</v>
      </c>
      <c r="CT474" s="20">
        <v>0</v>
      </c>
      <c r="CU474" s="20">
        <v>0</v>
      </c>
      <c r="CV474" s="20">
        <v>0</v>
      </c>
      <c r="CW474" s="20">
        <v>0</v>
      </c>
      <c r="CX474" s="20">
        <v>0</v>
      </c>
      <c r="CY474" s="6" t="s">
        <v>464</v>
      </c>
      <c r="CZ474" s="6" t="s">
        <v>465</v>
      </c>
      <c r="DA474" s="6" t="s">
        <v>88</v>
      </c>
      <c r="DB474" s="6"/>
      <c r="DC474" s="6">
        <v>22800</v>
      </c>
      <c r="DD474" s="6"/>
      <c r="DE474" s="6" t="s">
        <v>467</v>
      </c>
      <c r="DF474" s="6" t="s">
        <v>363</v>
      </c>
      <c r="DG474" s="6" t="s">
        <v>376</v>
      </c>
      <c r="DH474" s="6" t="s">
        <v>468</v>
      </c>
      <c r="DI474" s="6"/>
      <c r="DJ474" s="6">
        <v>29</v>
      </c>
      <c r="DK474" s="6">
        <v>45</v>
      </c>
      <c r="DL474" s="6">
        <v>8</v>
      </c>
      <c r="DM474" s="6" t="s">
        <v>368</v>
      </c>
      <c r="DN474" s="6">
        <v>9</v>
      </c>
      <c r="DO474" s="6" t="s">
        <v>384</v>
      </c>
      <c r="DP474" s="6"/>
      <c r="DQ474" s="6"/>
    </row>
    <row r="475" spans="1:121" x14ac:dyDescent="0.2">
      <c r="A475" s="6" t="s">
        <v>319</v>
      </c>
      <c r="B475" s="6" t="s">
        <v>319</v>
      </c>
      <c r="C475" s="6" t="s">
        <v>188</v>
      </c>
      <c r="D475" s="6" t="s">
        <v>88</v>
      </c>
      <c r="E475" s="6" t="s">
        <v>229</v>
      </c>
      <c r="F475" s="11">
        <v>12</v>
      </c>
      <c r="G475" s="13">
        <v>0.57142857142900005</v>
      </c>
      <c r="H475" s="11">
        <v>2.334343668799999</v>
      </c>
      <c r="I475" s="13">
        <v>0.11274407095137089</v>
      </c>
      <c r="J475" s="11">
        <v>15.819127910500001</v>
      </c>
      <c r="K475" s="13">
        <v>0.68661955261552154</v>
      </c>
      <c r="L475" s="11">
        <v>-5.9169291530999999</v>
      </c>
      <c r="M475" s="13">
        <v>-0.15226948096054946</v>
      </c>
      <c r="N475" s="11">
        <v>9.9021987574000008</v>
      </c>
      <c r="O475" s="13">
        <v>0.42979886876084195</v>
      </c>
      <c r="P475" s="7">
        <v>20.704802027300001</v>
      </c>
      <c r="Q475" s="7">
        <v>15.598021367699999</v>
      </c>
      <c r="R475" s="7">
        <v>21.9307484731</v>
      </c>
      <c r="S475" s="7">
        <v>15.539483152300001</v>
      </c>
      <c r="T475" s="7">
        <v>13.301421814199999</v>
      </c>
      <c r="U475" s="7">
        <v>14.5355356457</v>
      </c>
      <c r="V475" s="7">
        <v>23.0391456961</v>
      </c>
      <c r="W475" s="7">
        <v>35.739377076899999</v>
      </c>
      <c r="X475" s="7">
        <v>39.365490782999998</v>
      </c>
      <c r="Y475" s="7">
        <v>38.858273606600001</v>
      </c>
      <c r="Z475" s="7">
        <v>41.044105572699998</v>
      </c>
      <c r="AA475" s="7">
        <v>40.933261726799998</v>
      </c>
      <c r="AB475" s="7">
        <v>34.364058887100001</v>
      </c>
      <c r="AC475" s="7">
        <v>32.579864184999998</v>
      </c>
      <c r="AD475" s="7">
        <v>31.047616031499999</v>
      </c>
      <c r="AE475" s="7">
        <v>32.509386148700003</v>
      </c>
      <c r="AF475" s="7">
        <v>32.941344453500001</v>
      </c>
      <c r="AG475" s="9">
        <v>330.52049980000083</v>
      </c>
      <c r="AH475" s="13">
        <v>2.3251311820840549E-2</v>
      </c>
      <c r="AI475" s="9">
        <v>-1854.2984708999993</v>
      </c>
      <c r="AJ475" s="13">
        <v>-0.13044537927872152</v>
      </c>
      <c r="AK475" s="9">
        <v>1420.6762641999994</v>
      </c>
      <c r="AL475" s="13">
        <v>0.11493368123357708</v>
      </c>
      <c r="AM475" s="9">
        <v>764.14270650000071</v>
      </c>
      <c r="AN475" s="13">
        <v>5.5446945874816793E-2</v>
      </c>
      <c r="AO475" s="9">
        <v>2184.8189707000001</v>
      </c>
      <c r="AP475" s="13">
        <v>0.17675334871094545</v>
      </c>
      <c r="AQ475" s="9">
        <v>14215.1334233</v>
      </c>
      <c r="AR475" s="9">
        <v>13870.7854735</v>
      </c>
      <c r="AS475" s="9">
        <v>14521.5271651</v>
      </c>
      <c r="AT475" s="9">
        <v>12099.509136000001</v>
      </c>
      <c r="AU475" s="9">
        <v>12115.4837807</v>
      </c>
      <c r="AV475" s="9">
        <v>12502.806903000001</v>
      </c>
      <c r="AW475" s="9">
        <v>12360.8349524</v>
      </c>
      <c r="AX475" s="9">
        <v>11891.100455899999</v>
      </c>
      <c r="AY475" s="9">
        <v>12054.1085821</v>
      </c>
      <c r="AZ475" s="9">
        <v>13781.5112166</v>
      </c>
      <c r="BA475" s="9">
        <v>13088.252606100001</v>
      </c>
      <c r="BB475" s="9">
        <v>15004.9743719</v>
      </c>
      <c r="BC475" s="9">
        <v>14408.176205</v>
      </c>
      <c r="BD475" s="9">
        <v>13980.7893207</v>
      </c>
      <c r="BE475" s="9">
        <v>14929.696182</v>
      </c>
      <c r="BF475" s="9">
        <v>14545.653923100001</v>
      </c>
      <c r="BG475" s="11">
        <v>2.25</v>
      </c>
      <c r="BH475" s="13">
        <v>1.125</v>
      </c>
      <c r="BI475" s="6">
        <v>1</v>
      </c>
      <c r="BJ475" s="13">
        <v>0.5</v>
      </c>
      <c r="BK475" s="6">
        <v>3</v>
      </c>
      <c r="BL475" s="13">
        <v>1</v>
      </c>
      <c r="BM475" s="11">
        <v>-1.75</v>
      </c>
      <c r="BN475" s="13">
        <v>-0.29166666666666669</v>
      </c>
      <c r="BO475" s="11">
        <v>1.25</v>
      </c>
      <c r="BP475" s="13">
        <v>0.41666666666666669</v>
      </c>
      <c r="BQ475" s="6">
        <v>2</v>
      </c>
      <c r="BR475" s="6">
        <v>2</v>
      </c>
      <c r="BS475" s="6">
        <v>1</v>
      </c>
      <c r="BT475" s="6">
        <v>3</v>
      </c>
      <c r="BU475" s="6">
        <v>4</v>
      </c>
      <c r="BV475" s="6">
        <v>5</v>
      </c>
      <c r="BW475" s="6">
        <v>6</v>
      </c>
      <c r="BX475" s="6">
        <v>6</v>
      </c>
      <c r="BY475" s="6">
        <v>5</v>
      </c>
      <c r="BZ475" s="6">
        <v>5</v>
      </c>
      <c r="CA475" s="6">
        <v>5</v>
      </c>
      <c r="CB475" s="6">
        <v>5</v>
      </c>
      <c r="CC475" s="11">
        <v>4.25</v>
      </c>
      <c r="CD475" s="11">
        <v>8.1103900000000007</v>
      </c>
      <c r="CE475" s="11">
        <v>1.86286</v>
      </c>
      <c r="CF475" s="11">
        <v>2.26328</v>
      </c>
      <c r="CG475" s="11">
        <v>4</v>
      </c>
      <c r="CH475" s="20">
        <v>0.190834</v>
      </c>
      <c r="CI475" s="20">
        <v>0.14810899999999999</v>
      </c>
      <c r="CJ475" s="20">
        <v>0.207756</v>
      </c>
      <c r="CK475" s="20">
        <v>0.141989</v>
      </c>
      <c r="CL475" s="20">
        <v>0.12454999999999999</v>
      </c>
      <c r="CM475" s="20">
        <v>0.127387</v>
      </c>
      <c r="CN475" s="20">
        <v>0.19625200000000001</v>
      </c>
      <c r="CO475" s="20">
        <v>0.31984099999999999</v>
      </c>
      <c r="CP475" s="20">
        <v>0.38151800000000002</v>
      </c>
      <c r="CQ475" s="20">
        <v>0.36897999999999997</v>
      </c>
      <c r="CR475" s="20">
        <v>0.38278600000000002</v>
      </c>
      <c r="CS475" s="20">
        <v>0.38761899999999999</v>
      </c>
      <c r="CT475" s="20">
        <v>0.31018099999999998</v>
      </c>
      <c r="CU475" s="20">
        <v>0.28600700000000001</v>
      </c>
      <c r="CV475" s="20">
        <v>0.28093299999999999</v>
      </c>
      <c r="CW475" s="20">
        <v>0.29475899999999999</v>
      </c>
      <c r="CX475" s="20">
        <v>0.29449199999999998</v>
      </c>
      <c r="CY475" s="6" t="s">
        <v>464</v>
      </c>
      <c r="CZ475" s="6" t="s">
        <v>465</v>
      </c>
      <c r="DA475" s="6" t="s">
        <v>88</v>
      </c>
      <c r="DB475" s="6"/>
      <c r="DC475" s="6">
        <v>22800</v>
      </c>
      <c r="DD475" s="6"/>
      <c r="DE475" s="6" t="s">
        <v>467</v>
      </c>
      <c r="DF475" s="6" t="s">
        <v>363</v>
      </c>
      <c r="DG475" s="6" t="s">
        <v>376</v>
      </c>
      <c r="DH475" s="6" t="s">
        <v>468</v>
      </c>
      <c r="DI475" s="6"/>
      <c r="DJ475" s="6">
        <v>29</v>
      </c>
      <c r="DK475" s="6">
        <v>45</v>
      </c>
      <c r="DL475" s="6">
        <v>8</v>
      </c>
      <c r="DM475" s="6" t="s">
        <v>368</v>
      </c>
      <c r="DN475" s="6">
        <v>9</v>
      </c>
      <c r="DO475" s="6" t="s">
        <v>384</v>
      </c>
      <c r="DP475" s="6"/>
      <c r="DQ475" s="6"/>
    </row>
    <row r="476" spans="1:121" x14ac:dyDescent="0.2">
      <c r="A476" s="6" t="s">
        <v>320</v>
      </c>
      <c r="B476" s="6" t="s">
        <v>320</v>
      </c>
      <c r="C476" s="6" t="s">
        <v>189</v>
      </c>
      <c r="D476" s="6" t="s">
        <v>88</v>
      </c>
      <c r="E476" s="6" t="s">
        <v>229</v>
      </c>
      <c r="F476" s="11">
        <v>0</v>
      </c>
      <c r="G476" s="13">
        <v>0</v>
      </c>
      <c r="H476" s="11">
        <v>0</v>
      </c>
      <c r="I476" s="13"/>
      <c r="J476" s="11">
        <v>0</v>
      </c>
      <c r="K476" s="13"/>
      <c r="L476" s="11">
        <v>0</v>
      </c>
      <c r="M476" s="13"/>
      <c r="N476" s="11">
        <v>0</v>
      </c>
      <c r="O476" s="13"/>
      <c r="P476" s="7">
        <v>0</v>
      </c>
      <c r="Q476" s="7">
        <v>0</v>
      </c>
      <c r="R476" s="7">
        <v>0</v>
      </c>
      <c r="S476" s="7">
        <v>0</v>
      </c>
      <c r="T476" s="7">
        <v>5</v>
      </c>
      <c r="U476" s="7">
        <v>0</v>
      </c>
      <c r="V476" s="7">
        <v>0</v>
      </c>
      <c r="W476" s="7">
        <v>0</v>
      </c>
      <c r="X476" s="7">
        <v>0</v>
      </c>
      <c r="Y476" s="7">
        <v>0</v>
      </c>
      <c r="Z476" s="7">
        <v>0</v>
      </c>
      <c r="AA476" s="7">
        <v>0</v>
      </c>
      <c r="AB476" s="7">
        <v>0</v>
      </c>
      <c r="AC476" s="7">
        <v>0</v>
      </c>
      <c r="AD476" s="7">
        <v>0</v>
      </c>
      <c r="AE476" s="7">
        <v>0</v>
      </c>
      <c r="AF476" s="7">
        <v>0</v>
      </c>
      <c r="AG476" s="9">
        <v>0</v>
      </c>
      <c r="AH476" s="13"/>
      <c r="AI476" s="9">
        <v>0</v>
      </c>
      <c r="AJ476" s="13"/>
      <c r="AK476" s="9">
        <v>0</v>
      </c>
      <c r="AL476" s="13"/>
      <c r="AM476" s="9">
        <v>0</v>
      </c>
      <c r="AN476" s="13"/>
      <c r="AO476" s="9">
        <v>0</v>
      </c>
      <c r="AP476" s="13"/>
      <c r="AQ476" s="9">
        <v>0</v>
      </c>
      <c r="AR476" s="9">
        <v>0</v>
      </c>
      <c r="AS476" s="9">
        <v>0</v>
      </c>
      <c r="AT476" s="9">
        <v>0</v>
      </c>
      <c r="AU476" s="9">
        <v>1</v>
      </c>
      <c r="AV476" s="9">
        <v>0</v>
      </c>
      <c r="AW476" s="9">
        <v>0</v>
      </c>
      <c r="AX476" s="9">
        <v>0</v>
      </c>
      <c r="AY476" s="9">
        <v>0</v>
      </c>
      <c r="AZ476" s="9">
        <v>0</v>
      </c>
      <c r="BA476" s="9">
        <v>0</v>
      </c>
      <c r="BB476" s="9">
        <v>0</v>
      </c>
      <c r="BC476" s="9">
        <v>0</v>
      </c>
      <c r="BD476" s="9">
        <v>0</v>
      </c>
      <c r="BE476" s="9">
        <v>0</v>
      </c>
      <c r="BF476" s="9">
        <v>0</v>
      </c>
      <c r="BG476" s="11">
        <v>0</v>
      </c>
      <c r="BH476" s="13" t="e">
        <v>#DIV/0!</v>
      </c>
      <c r="BI476" s="6">
        <v>0</v>
      </c>
      <c r="BJ476" s="13" t="e">
        <v>#DIV/0!</v>
      </c>
      <c r="BK476" s="6">
        <v>0</v>
      </c>
      <c r="BL476" s="13" t="e">
        <v>#DIV/0!</v>
      </c>
      <c r="BM476" s="11">
        <v>0</v>
      </c>
      <c r="BN476" s="13" t="e">
        <v>#DIV/0!</v>
      </c>
      <c r="BO476" s="11">
        <v>0</v>
      </c>
      <c r="BP476" s="13" t="e">
        <v>#DIV/0!</v>
      </c>
      <c r="BQ476" s="6">
        <v>0</v>
      </c>
      <c r="BR476" s="6">
        <v>0</v>
      </c>
      <c r="BS476" s="6">
        <v>0</v>
      </c>
      <c r="BT476" s="6">
        <v>0</v>
      </c>
      <c r="BU476" s="6">
        <v>0</v>
      </c>
      <c r="BV476" s="6">
        <v>0</v>
      </c>
      <c r="BW476" s="6">
        <v>0</v>
      </c>
      <c r="BX476" s="6">
        <v>0</v>
      </c>
      <c r="BY476" s="6">
        <v>0</v>
      </c>
      <c r="BZ476" s="6">
        <v>0</v>
      </c>
      <c r="CA476" s="6">
        <v>0</v>
      </c>
      <c r="CB476" s="6">
        <v>0</v>
      </c>
      <c r="CC476" s="11">
        <v>0</v>
      </c>
      <c r="CD476" s="11">
        <v>0</v>
      </c>
      <c r="CE476" s="11">
        <v>0</v>
      </c>
      <c r="CF476" s="11">
        <v>0</v>
      </c>
      <c r="CG476" s="11">
        <v>0</v>
      </c>
      <c r="CH476" s="20">
        <v>0</v>
      </c>
      <c r="CI476" s="20">
        <v>0</v>
      </c>
      <c r="CJ476" s="20">
        <v>0</v>
      </c>
      <c r="CK476" s="20">
        <v>0</v>
      </c>
      <c r="CL476" s="20">
        <v>3.1916899999999998E-2</v>
      </c>
      <c r="CM476" s="20">
        <v>0</v>
      </c>
      <c r="CN476" s="20">
        <v>0</v>
      </c>
      <c r="CO476" s="20">
        <v>0</v>
      </c>
      <c r="CP476" s="20">
        <v>0</v>
      </c>
      <c r="CQ476" s="20">
        <v>0</v>
      </c>
      <c r="CR476" s="20">
        <v>0</v>
      </c>
      <c r="CS476" s="20">
        <v>0</v>
      </c>
      <c r="CT476" s="20">
        <v>0</v>
      </c>
      <c r="CU476" s="20">
        <v>0</v>
      </c>
      <c r="CV476" s="20">
        <v>0</v>
      </c>
      <c r="CW476" s="20">
        <v>0</v>
      </c>
      <c r="CX476" s="20">
        <v>0</v>
      </c>
      <c r="CY476" s="6" t="s">
        <v>464</v>
      </c>
      <c r="CZ476" s="6" t="s">
        <v>465</v>
      </c>
      <c r="DA476" s="6" t="s">
        <v>88</v>
      </c>
      <c r="DB476" s="6"/>
      <c r="DC476" s="6">
        <v>22800</v>
      </c>
      <c r="DD476" s="6"/>
      <c r="DE476" s="6" t="s">
        <v>467</v>
      </c>
      <c r="DF476" s="6" t="s">
        <v>363</v>
      </c>
      <c r="DG476" s="6" t="s">
        <v>376</v>
      </c>
      <c r="DH476" s="6" t="s">
        <v>468</v>
      </c>
      <c r="DI476" s="6"/>
      <c r="DJ476" s="6">
        <v>29</v>
      </c>
      <c r="DK476" s="6">
        <v>45</v>
      </c>
      <c r="DL476" s="6">
        <v>8</v>
      </c>
      <c r="DM476" s="6" t="s">
        <v>368</v>
      </c>
      <c r="DN476" s="6">
        <v>9</v>
      </c>
      <c r="DO476" s="6" t="s">
        <v>384</v>
      </c>
      <c r="DP476" s="6"/>
      <c r="DQ476" s="6"/>
    </row>
    <row r="477" spans="1:121" x14ac:dyDescent="0.2">
      <c r="A477" s="6" t="s">
        <v>321</v>
      </c>
      <c r="B477" s="6" t="s">
        <v>321</v>
      </c>
      <c r="C477" s="6" t="s">
        <v>190</v>
      </c>
      <c r="D477" s="6" t="s">
        <v>88</v>
      </c>
      <c r="E477" s="6" t="s">
        <v>229</v>
      </c>
      <c r="F477" s="11">
        <v>16</v>
      </c>
      <c r="G477" s="13">
        <v>0.181818181818</v>
      </c>
      <c r="H477" s="11">
        <v>-8.9921062955999957</v>
      </c>
      <c r="I477" s="13">
        <v>-0.10186868829477017</v>
      </c>
      <c r="J477" s="11">
        <v>2.8308518186999976</v>
      </c>
      <c r="K477" s="13">
        <v>3.5707264552153915E-2</v>
      </c>
      <c r="L477" s="11">
        <v>21.570237934900007</v>
      </c>
      <c r="M477" s="13">
        <v>0.2626983576854211</v>
      </c>
      <c r="N477" s="11">
        <v>24.401089753600004</v>
      </c>
      <c r="O477" s="13">
        <v>0.30778586199286467</v>
      </c>
      <c r="P477" s="7">
        <v>88.271542964999995</v>
      </c>
      <c r="Q477" s="7">
        <v>88.4636209106</v>
      </c>
      <c r="R477" s="7">
        <v>88.229378388000001</v>
      </c>
      <c r="S477" s="7">
        <v>97.984926050300004</v>
      </c>
      <c r="T477" s="7">
        <v>86.551238391300004</v>
      </c>
      <c r="U477" s="7">
        <v>88.5245814134</v>
      </c>
      <c r="V477" s="7">
        <v>79.279436669399999</v>
      </c>
      <c r="W477" s="7">
        <v>81.430831257400001</v>
      </c>
      <c r="X477" s="7">
        <v>81.486060621199996</v>
      </c>
      <c r="Y477" s="7">
        <v>82.110288488099997</v>
      </c>
      <c r="Z477" s="7">
        <v>107.46724381200001</v>
      </c>
      <c r="AA477" s="7">
        <v>107.989821193</v>
      </c>
      <c r="AB477" s="7">
        <v>109.35140630399999</v>
      </c>
      <c r="AC477" s="7">
        <v>111.41558064</v>
      </c>
      <c r="AD477" s="7">
        <v>104.97108375800001</v>
      </c>
      <c r="AE477" s="7">
        <v>101.202510422</v>
      </c>
      <c r="AF477" s="7">
        <v>103.680526423</v>
      </c>
      <c r="AG477" s="9">
        <v>10197.338401200002</v>
      </c>
      <c r="AH477" s="13">
        <v>0.47263910566493872</v>
      </c>
      <c r="AI477" s="9">
        <v>1686.6085923000028</v>
      </c>
      <c r="AJ477" s="13">
        <v>7.8173062941371718E-2</v>
      </c>
      <c r="AK477" s="9">
        <v>545.45786289999887</v>
      </c>
      <c r="AL477" s="13">
        <v>2.3448526098627524E-2</v>
      </c>
      <c r="AM477" s="9">
        <v>7965.2719460000008</v>
      </c>
      <c r="AN477" s="13">
        <v>0.33457150186606344</v>
      </c>
      <c r="AO477" s="9">
        <v>8510.7298088999996</v>
      </c>
      <c r="AP477" s="13">
        <v>0.36586523655805442</v>
      </c>
      <c r="AQ477" s="9">
        <v>21575.316724699998</v>
      </c>
      <c r="AR477" s="9">
        <v>24397.9744321</v>
      </c>
      <c r="AS477" s="9">
        <v>23437.1950001</v>
      </c>
      <c r="AT477" s="9">
        <v>23072.057003499998</v>
      </c>
      <c r="AU477" s="9">
        <v>21811.825308200001</v>
      </c>
      <c r="AV477" s="9">
        <v>20673.3290017</v>
      </c>
      <c r="AW477" s="9">
        <v>23261.925317000001</v>
      </c>
      <c r="AX477" s="9">
        <v>24083.490101399999</v>
      </c>
      <c r="AY477" s="9">
        <v>24588.7744552</v>
      </c>
      <c r="AZ477" s="9">
        <v>23807.3831799</v>
      </c>
      <c r="BA477" s="9">
        <v>23564.437522799999</v>
      </c>
      <c r="BB477" s="9">
        <v>26915.688390300002</v>
      </c>
      <c r="BC477" s="9">
        <v>25534.890439999999</v>
      </c>
      <c r="BD477" s="9">
        <v>27641.3300151</v>
      </c>
      <c r="BE477" s="9">
        <v>30179.101195700001</v>
      </c>
      <c r="BF477" s="9">
        <v>31772.655125900001</v>
      </c>
      <c r="BG477" s="11">
        <v>11.25</v>
      </c>
      <c r="BH477" s="13">
        <v>0.86538461538461542</v>
      </c>
      <c r="BI477" s="6">
        <v>-1</v>
      </c>
      <c r="BJ477" s="13">
        <v>-7.6923076923076927E-2</v>
      </c>
      <c r="BK477" s="6">
        <v>1</v>
      </c>
      <c r="BL477" s="13">
        <v>8.3333333333333329E-2</v>
      </c>
      <c r="BM477" s="11">
        <v>11.25</v>
      </c>
      <c r="BN477" s="13">
        <v>0.86538461538461542</v>
      </c>
      <c r="BO477" s="11">
        <v>12.25</v>
      </c>
      <c r="BP477" s="13">
        <v>1.0208333333333333</v>
      </c>
      <c r="BQ477" s="6">
        <v>13</v>
      </c>
      <c r="BR477" s="6">
        <v>12</v>
      </c>
      <c r="BS477" s="6">
        <v>12</v>
      </c>
      <c r="BT477" s="6">
        <v>12</v>
      </c>
      <c r="BU477" s="6">
        <v>13</v>
      </c>
      <c r="BV477" s="6">
        <v>12</v>
      </c>
      <c r="BW477" s="6">
        <v>13</v>
      </c>
      <c r="BX477" s="6">
        <v>17</v>
      </c>
      <c r="BY477" s="6">
        <v>15</v>
      </c>
      <c r="BZ477" s="6">
        <v>25</v>
      </c>
      <c r="CA477" s="6">
        <v>26</v>
      </c>
      <c r="CB477" s="6">
        <v>26</v>
      </c>
      <c r="CC477" s="11">
        <v>24.25</v>
      </c>
      <c r="CD477" s="11">
        <v>-26.3857</v>
      </c>
      <c r="CE477" s="11">
        <v>32.145499999999998</v>
      </c>
      <c r="CF477" s="11">
        <v>9.6491399999999992</v>
      </c>
      <c r="CG477" s="11">
        <v>42</v>
      </c>
      <c r="CH477" s="20">
        <v>0.49377599999999999</v>
      </c>
      <c r="CI477" s="20">
        <v>0.49071700000000001</v>
      </c>
      <c r="CJ477" s="20">
        <v>0.47336600000000001</v>
      </c>
      <c r="CK477" s="20">
        <v>0.51332699999999998</v>
      </c>
      <c r="CL477" s="20">
        <v>0.46992400000000001</v>
      </c>
      <c r="CM477" s="20">
        <v>0.450623</v>
      </c>
      <c r="CN477" s="20">
        <v>0.38527899999999998</v>
      </c>
      <c r="CO477" s="20">
        <v>0.38771800000000001</v>
      </c>
      <c r="CP477" s="20">
        <v>0.374836</v>
      </c>
      <c r="CQ477" s="20">
        <v>0.37518400000000002</v>
      </c>
      <c r="CR477" s="20">
        <v>0.49449300000000002</v>
      </c>
      <c r="CS477" s="20">
        <v>0.50101499999999999</v>
      </c>
      <c r="CT477" s="20">
        <v>0.48732700000000001</v>
      </c>
      <c r="CU477" s="20">
        <v>0.48969200000000002</v>
      </c>
      <c r="CV477" s="20">
        <v>0.47589500000000001</v>
      </c>
      <c r="CW477" s="20">
        <v>0.45757700000000001</v>
      </c>
      <c r="CX477" s="20">
        <v>0.45785900000000002</v>
      </c>
      <c r="CY477" s="6" t="s">
        <v>464</v>
      </c>
      <c r="CZ477" s="6" t="s">
        <v>465</v>
      </c>
      <c r="DA477" s="6" t="s">
        <v>88</v>
      </c>
      <c r="DB477" s="6"/>
      <c r="DC477" s="6">
        <v>22800</v>
      </c>
      <c r="DD477" s="6"/>
      <c r="DE477" s="6" t="s">
        <v>467</v>
      </c>
      <c r="DF477" s="6" t="s">
        <v>363</v>
      </c>
      <c r="DG477" s="6" t="s">
        <v>376</v>
      </c>
      <c r="DH477" s="6" t="s">
        <v>468</v>
      </c>
      <c r="DI477" s="6"/>
      <c r="DJ477" s="6">
        <v>29</v>
      </c>
      <c r="DK477" s="6">
        <v>45</v>
      </c>
      <c r="DL477" s="6">
        <v>8</v>
      </c>
      <c r="DM477" s="6" t="s">
        <v>368</v>
      </c>
      <c r="DN477" s="6">
        <v>9</v>
      </c>
      <c r="DO477" s="6" t="s">
        <v>384</v>
      </c>
      <c r="DP477" s="6"/>
      <c r="DQ477" s="6"/>
    </row>
    <row r="478" spans="1:121" x14ac:dyDescent="0.2">
      <c r="A478" s="6" t="s">
        <v>322</v>
      </c>
      <c r="B478" s="6" t="s">
        <v>322</v>
      </c>
      <c r="C478" s="6" t="s">
        <v>191</v>
      </c>
      <c r="D478" s="6" t="s">
        <v>88</v>
      </c>
      <c r="E478" s="6" t="s">
        <v>229</v>
      </c>
      <c r="F478" s="11">
        <v>1</v>
      </c>
      <c r="G478" s="13">
        <v>1</v>
      </c>
      <c r="H478" s="11">
        <v>5</v>
      </c>
      <c r="I478" s="13">
        <v>1</v>
      </c>
      <c r="J478" s="11">
        <v>-5</v>
      </c>
      <c r="K478" s="13">
        <v>-0.5</v>
      </c>
      <c r="L478" s="11">
        <v>0</v>
      </c>
      <c r="M478" s="13">
        <v>0</v>
      </c>
      <c r="N478" s="11">
        <v>-5</v>
      </c>
      <c r="O478" s="13">
        <v>-0.5</v>
      </c>
      <c r="P478" s="7">
        <v>5</v>
      </c>
      <c r="Q478" s="7">
        <v>5</v>
      </c>
      <c r="R478" s="7">
        <v>5</v>
      </c>
      <c r="S478" s="7">
        <v>10</v>
      </c>
      <c r="T478" s="7">
        <v>5</v>
      </c>
      <c r="U478" s="7">
        <v>5</v>
      </c>
      <c r="V478" s="7">
        <v>10</v>
      </c>
      <c r="W478" s="7">
        <v>5</v>
      </c>
      <c r="X478" s="7">
        <v>10</v>
      </c>
      <c r="Y478" s="7">
        <v>5</v>
      </c>
      <c r="Z478" s="7">
        <v>5</v>
      </c>
      <c r="AA478" s="7">
        <v>5</v>
      </c>
      <c r="AB478" s="7">
        <v>5</v>
      </c>
      <c r="AC478" s="7">
        <v>5</v>
      </c>
      <c r="AD478" s="7">
        <v>5</v>
      </c>
      <c r="AE478" s="7">
        <v>5</v>
      </c>
      <c r="AF478" s="7">
        <v>5</v>
      </c>
      <c r="AG478" s="9">
        <v>0</v>
      </c>
      <c r="AH478" s="13">
        <v>0</v>
      </c>
      <c r="AI478" s="9">
        <v>14863</v>
      </c>
      <c r="AJ478" s="13">
        <v>14863</v>
      </c>
      <c r="AK478" s="9">
        <v>-14863</v>
      </c>
      <c r="AL478" s="13">
        <v>-0.99993272335844996</v>
      </c>
      <c r="AM478" s="9">
        <v>0</v>
      </c>
      <c r="AN478" s="13">
        <v>0</v>
      </c>
      <c r="AO478" s="9">
        <v>-14863</v>
      </c>
      <c r="AP478" s="13">
        <v>-0.99993272335844996</v>
      </c>
      <c r="AQ478" s="9">
        <v>1</v>
      </c>
      <c r="AR478" s="9">
        <v>1</v>
      </c>
      <c r="AS478" s="9">
        <v>1</v>
      </c>
      <c r="AT478" s="9">
        <v>12079</v>
      </c>
      <c r="AU478" s="9">
        <v>1</v>
      </c>
      <c r="AV478" s="9">
        <v>1</v>
      </c>
      <c r="AW478" s="9">
        <v>14864</v>
      </c>
      <c r="AX478" s="9">
        <v>1</v>
      </c>
      <c r="AY478" s="9">
        <v>12394</v>
      </c>
      <c r="AZ478" s="9">
        <v>1</v>
      </c>
      <c r="BA478" s="9">
        <v>1</v>
      </c>
      <c r="BB478" s="9">
        <v>1</v>
      </c>
      <c r="BC478" s="9">
        <v>1</v>
      </c>
      <c r="BD478" s="9">
        <v>1</v>
      </c>
      <c r="BE478" s="9">
        <v>1</v>
      </c>
      <c r="BF478" s="9">
        <v>1</v>
      </c>
      <c r="BG478" s="11">
        <v>-2</v>
      </c>
      <c r="BH478" s="13">
        <v>-1</v>
      </c>
      <c r="BI478" s="6">
        <v>-1</v>
      </c>
      <c r="BJ478" s="13">
        <v>-0.5</v>
      </c>
      <c r="BK478" s="6">
        <v>0</v>
      </c>
      <c r="BL478" s="13">
        <v>0</v>
      </c>
      <c r="BM478" s="11">
        <v>-1</v>
      </c>
      <c r="BN478" s="13">
        <v>-1</v>
      </c>
      <c r="BO478" s="11">
        <v>-1</v>
      </c>
      <c r="BP478" s="13">
        <v>-1</v>
      </c>
      <c r="BQ478" s="6">
        <v>2</v>
      </c>
      <c r="BR478" s="6">
        <v>1</v>
      </c>
      <c r="BS478" s="6">
        <v>1</v>
      </c>
      <c r="BT478" s="6">
        <v>1</v>
      </c>
      <c r="BU478" s="6">
        <v>1</v>
      </c>
      <c r="BV478" s="6">
        <v>1</v>
      </c>
      <c r="BW478" s="6">
        <v>1</v>
      </c>
      <c r="BX478" s="6">
        <v>1</v>
      </c>
      <c r="BY478" s="6">
        <v>1</v>
      </c>
      <c r="BZ478" s="6">
        <v>1</v>
      </c>
      <c r="CA478" s="6">
        <v>1</v>
      </c>
      <c r="CB478" s="6">
        <v>1</v>
      </c>
      <c r="CC478" s="11">
        <v>0</v>
      </c>
      <c r="CD478" s="11">
        <v>-6</v>
      </c>
      <c r="CE478" s="11">
        <v>1</v>
      </c>
      <c r="CF478" s="11">
        <v>1</v>
      </c>
      <c r="CG478" s="11">
        <v>2</v>
      </c>
      <c r="CH478" s="20">
        <v>0.23</v>
      </c>
      <c r="CI478" s="20">
        <v>0.33</v>
      </c>
      <c r="CJ478" s="20">
        <v>0.35</v>
      </c>
      <c r="CK478" s="20">
        <v>0.36</v>
      </c>
      <c r="CL478" s="20">
        <v>0.33</v>
      </c>
      <c r="CM478" s="20">
        <v>0.32</v>
      </c>
      <c r="CN478" s="20">
        <v>0.33</v>
      </c>
      <c r="CO478" s="20">
        <v>0.28000000000000003</v>
      </c>
      <c r="CP478" s="20">
        <v>0.35</v>
      </c>
      <c r="CQ478" s="20">
        <v>0.18</v>
      </c>
      <c r="CR478" s="20">
        <v>0.26</v>
      </c>
      <c r="CS478" s="20">
        <v>0.23</v>
      </c>
      <c r="CT478" s="20">
        <v>0.21</v>
      </c>
      <c r="CU478" s="20">
        <v>0.14000000000000001</v>
      </c>
      <c r="CV478" s="20">
        <v>0.09</v>
      </c>
      <c r="CW478" s="20">
        <v>7.0000000000000007E-2</v>
      </c>
      <c r="CX478" s="20">
        <v>7.0000000000000007E-2</v>
      </c>
      <c r="CY478" s="6" t="s">
        <v>464</v>
      </c>
      <c r="CZ478" s="6" t="s">
        <v>465</v>
      </c>
      <c r="DA478" s="6" t="s">
        <v>88</v>
      </c>
      <c r="DB478" s="6"/>
      <c r="DC478" s="6">
        <v>22800</v>
      </c>
      <c r="DD478" s="6"/>
      <c r="DE478" s="6" t="s">
        <v>467</v>
      </c>
      <c r="DF478" s="6" t="s">
        <v>363</v>
      </c>
      <c r="DG478" s="6" t="s">
        <v>376</v>
      </c>
      <c r="DH478" s="6" t="s">
        <v>468</v>
      </c>
      <c r="DI478" s="6"/>
      <c r="DJ478" s="6">
        <v>29</v>
      </c>
      <c r="DK478" s="6">
        <v>45</v>
      </c>
      <c r="DL478" s="6">
        <v>8</v>
      </c>
      <c r="DM478" s="6" t="s">
        <v>368</v>
      </c>
      <c r="DN478" s="6">
        <v>9</v>
      </c>
      <c r="DO478" s="6" t="s">
        <v>384</v>
      </c>
      <c r="DP478" s="6"/>
      <c r="DQ478" s="6"/>
    </row>
    <row r="479" spans="1:121" x14ac:dyDescent="0.2">
      <c r="A479" s="6" t="s">
        <v>323</v>
      </c>
      <c r="B479" s="6" t="s">
        <v>323</v>
      </c>
      <c r="C479" s="6" t="s">
        <v>192</v>
      </c>
      <c r="D479" s="6" t="s">
        <v>88</v>
      </c>
      <c r="E479" s="6" t="s">
        <v>229</v>
      </c>
      <c r="F479" s="11">
        <v>48</v>
      </c>
      <c r="G479" s="13">
        <v>0.57831325301199998</v>
      </c>
      <c r="H479" s="11">
        <v>4.9112657581000008</v>
      </c>
      <c r="I479" s="13">
        <v>5.9099832175926091E-2</v>
      </c>
      <c r="J479" s="11">
        <v>18.186643590100005</v>
      </c>
      <c r="K479" s="13">
        <v>0.20663718126059297</v>
      </c>
      <c r="L479" s="11">
        <v>24.661417118999992</v>
      </c>
      <c r="M479" s="13">
        <v>0.23221872618752781</v>
      </c>
      <c r="N479" s="11">
        <v>42.848060709099997</v>
      </c>
      <c r="O479" s="13">
        <v>0.48684093046343691</v>
      </c>
      <c r="P479" s="7">
        <v>83.101179432799995</v>
      </c>
      <c r="Q479" s="7">
        <v>77.406092615000006</v>
      </c>
      <c r="R479" s="7">
        <v>82.433097830999998</v>
      </c>
      <c r="S479" s="7">
        <v>76.028280235099999</v>
      </c>
      <c r="T479" s="7">
        <v>77.858272840699996</v>
      </c>
      <c r="U479" s="7">
        <v>80.000219294600001</v>
      </c>
      <c r="V479" s="7">
        <v>88.012445190899996</v>
      </c>
      <c r="W479" s="7">
        <v>95.041350231600006</v>
      </c>
      <c r="X479" s="7">
        <v>86.051827465599999</v>
      </c>
      <c r="Y479" s="7">
        <v>106.199088781</v>
      </c>
      <c r="Z479" s="7">
        <v>120.72062694500001</v>
      </c>
      <c r="AA479" s="7">
        <v>118.629694504</v>
      </c>
      <c r="AB479" s="7">
        <v>129.826495505</v>
      </c>
      <c r="AC479" s="7">
        <v>131.93974173800001</v>
      </c>
      <c r="AD479" s="7">
        <v>117.900981864</v>
      </c>
      <c r="AE479" s="7">
        <v>127.05130204</v>
      </c>
      <c r="AF479" s="7">
        <v>130.86050589999999</v>
      </c>
      <c r="AG479" s="9">
        <v>4332.9387919299988</v>
      </c>
      <c r="AH479" s="13">
        <v>0.51783564068871701</v>
      </c>
      <c r="AI479" s="9">
        <v>2421.0918949299994</v>
      </c>
      <c r="AJ479" s="13">
        <v>0.28934811516663372</v>
      </c>
      <c r="AK479" s="9">
        <v>1210.7811994999993</v>
      </c>
      <c r="AL479" s="13">
        <v>0.11222894048897308</v>
      </c>
      <c r="AM479" s="9">
        <v>701.06569750000017</v>
      </c>
      <c r="AN479" s="13">
        <v>5.8425672609583514E-2</v>
      </c>
      <c r="AO479" s="9">
        <v>1911.8468969999994</v>
      </c>
      <c r="AP479" s="13">
        <v>0.17721166443288577</v>
      </c>
      <c r="AQ479" s="9">
        <v>8367.4016453700006</v>
      </c>
      <c r="AR479" s="9">
        <v>9117.4477478499994</v>
      </c>
      <c r="AS479" s="9">
        <v>8701.5879070800002</v>
      </c>
      <c r="AT479" s="9">
        <v>8633.2613673300002</v>
      </c>
      <c r="AU479" s="9">
        <v>9235.8556714099996</v>
      </c>
      <c r="AV479" s="9">
        <v>9132.9306379099999</v>
      </c>
      <c r="AW479" s="9">
        <v>10788.4935403</v>
      </c>
      <c r="AX479" s="9">
        <v>10460.6595206</v>
      </c>
      <c r="AY479" s="9">
        <v>11586.5954705</v>
      </c>
      <c r="AZ479" s="9">
        <v>11999.274739799999</v>
      </c>
      <c r="BA479" s="9">
        <v>14719.5092945</v>
      </c>
      <c r="BB479" s="9">
        <v>16423.5487794</v>
      </c>
      <c r="BC479" s="9">
        <v>16589.9460893</v>
      </c>
      <c r="BD479" s="9">
        <v>14200.5666607</v>
      </c>
      <c r="BE479" s="9">
        <v>13849.738200600001</v>
      </c>
      <c r="BF479" s="9">
        <v>12700.340437299999</v>
      </c>
      <c r="BG479" s="11">
        <v>2.25</v>
      </c>
      <c r="BH479" s="13">
        <v>0.28125</v>
      </c>
      <c r="BI479" s="6">
        <v>2</v>
      </c>
      <c r="BJ479" s="13">
        <v>0.25</v>
      </c>
      <c r="BK479" s="6">
        <v>-1</v>
      </c>
      <c r="BL479" s="13">
        <v>-0.1</v>
      </c>
      <c r="BM479" s="11">
        <v>1.25</v>
      </c>
      <c r="BN479" s="13">
        <v>0.1388888888888889</v>
      </c>
      <c r="BO479" s="11">
        <v>0.25</v>
      </c>
      <c r="BP479" s="13">
        <v>2.5000000000000001E-2</v>
      </c>
      <c r="BQ479" s="6">
        <v>8</v>
      </c>
      <c r="BR479" s="6">
        <v>10</v>
      </c>
      <c r="BS479" s="6">
        <v>9</v>
      </c>
      <c r="BT479" s="6">
        <v>10</v>
      </c>
      <c r="BU479" s="6">
        <v>9</v>
      </c>
      <c r="BV479" s="6">
        <v>7</v>
      </c>
      <c r="BW479" s="6">
        <v>9</v>
      </c>
      <c r="BX479" s="6">
        <v>10</v>
      </c>
      <c r="BY479" s="6">
        <v>9</v>
      </c>
      <c r="BZ479" s="6">
        <v>9</v>
      </c>
      <c r="CA479" s="6">
        <v>10</v>
      </c>
      <c r="CB479" s="6">
        <v>11</v>
      </c>
      <c r="CC479" s="11">
        <v>10.25</v>
      </c>
      <c r="CD479" s="11">
        <v>19.777699999999999</v>
      </c>
      <c r="CE479" s="11">
        <v>18.8977</v>
      </c>
      <c r="CF479" s="11">
        <v>9.0839599999999994</v>
      </c>
      <c r="CG479" s="11">
        <v>28</v>
      </c>
      <c r="CH479" s="20">
        <v>0.62638400000000005</v>
      </c>
      <c r="CI479" s="20">
        <v>0.59329699999999996</v>
      </c>
      <c r="CJ479" s="20">
        <v>0.61858500000000005</v>
      </c>
      <c r="CK479" s="20">
        <v>0.55418000000000001</v>
      </c>
      <c r="CL479" s="20">
        <v>0.58772400000000002</v>
      </c>
      <c r="CM479" s="20">
        <v>0.56842000000000004</v>
      </c>
      <c r="CN479" s="20">
        <v>0.60036500000000004</v>
      </c>
      <c r="CO479" s="20">
        <v>0.64972399999999997</v>
      </c>
      <c r="CP479" s="20">
        <v>0.59651200000000004</v>
      </c>
      <c r="CQ479" s="20">
        <v>0.74082199999999998</v>
      </c>
      <c r="CR479" s="20">
        <v>0.83874899999999997</v>
      </c>
      <c r="CS479" s="20">
        <v>0.836202</v>
      </c>
      <c r="CT479" s="20">
        <v>0.86966200000000005</v>
      </c>
      <c r="CU479" s="20">
        <v>0.86247300000000005</v>
      </c>
      <c r="CV479" s="20">
        <v>0.787358</v>
      </c>
      <c r="CW479" s="20">
        <v>0.84419500000000003</v>
      </c>
      <c r="CX479" s="20">
        <v>0.85836400000000002</v>
      </c>
      <c r="CY479" s="6" t="s">
        <v>464</v>
      </c>
      <c r="CZ479" s="6" t="s">
        <v>465</v>
      </c>
      <c r="DA479" s="6" t="s">
        <v>88</v>
      </c>
      <c r="DB479" s="6"/>
      <c r="DC479" s="6">
        <v>22800</v>
      </c>
      <c r="DD479" s="6"/>
      <c r="DE479" s="6" t="s">
        <v>467</v>
      </c>
      <c r="DF479" s="6" t="s">
        <v>363</v>
      </c>
      <c r="DG479" s="6" t="s">
        <v>376</v>
      </c>
      <c r="DH479" s="6" t="s">
        <v>468</v>
      </c>
      <c r="DI479" s="6"/>
      <c r="DJ479" s="6">
        <v>29</v>
      </c>
      <c r="DK479" s="6">
        <v>45</v>
      </c>
      <c r="DL479" s="6">
        <v>8</v>
      </c>
      <c r="DM479" s="6" t="s">
        <v>368</v>
      </c>
      <c r="DN479" s="6">
        <v>9</v>
      </c>
      <c r="DO479" s="6" t="s">
        <v>384</v>
      </c>
      <c r="DP479" s="6"/>
      <c r="DQ479" s="6"/>
    </row>
    <row r="480" spans="1:121" x14ac:dyDescent="0.2">
      <c r="A480" s="6" t="s">
        <v>325</v>
      </c>
      <c r="B480" s="6" t="s">
        <v>325</v>
      </c>
      <c r="C480" s="6" t="s">
        <v>193</v>
      </c>
      <c r="D480" s="6" t="s">
        <v>88</v>
      </c>
      <c r="E480" s="6" t="s">
        <v>229</v>
      </c>
      <c r="F480" s="11">
        <v>-13</v>
      </c>
      <c r="G480" s="13">
        <v>-0.16049382715999999</v>
      </c>
      <c r="H480" s="11">
        <v>20.622505048500003</v>
      </c>
      <c r="I480" s="13">
        <v>0.25550863928022161</v>
      </c>
      <c r="J480" s="11">
        <v>-27.927965658399998</v>
      </c>
      <c r="K480" s="13">
        <v>-0.27560288968656099</v>
      </c>
      <c r="L480" s="11">
        <v>-5.6004355570999991</v>
      </c>
      <c r="M480" s="13">
        <v>-7.6293855086753931E-2</v>
      </c>
      <c r="N480" s="11">
        <v>-33.528401215499997</v>
      </c>
      <c r="O480" s="13">
        <v>-0.33086993784607777</v>
      </c>
      <c r="P480" s="7">
        <v>80.711576354499996</v>
      </c>
      <c r="Q480" s="7">
        <v>91.436377974999999</v>
      </c>
      <c r="R480" s="7">
        <v>92.978975054000003</v>
      </c>
      <c r="S480" s="7">
        <v>106.28202801899999</v>
      </c>
      <c r="T480" s="7">
        <v>103.426190843</v>
      </c>
      <c r="U480" s="7">
        <v>105.39844456</v>
      </c>
      <c r="V480" s="7">
        <v>101.334081403</v>
      </c>
      <c r="W480" s="7">
        <v>87.957130310400004</v>
      </c>
      <c r="X480" s="7">
        <v>91.237588678600005</v>
      </c>
      <c r="Y480" s="7">
        <v>73.406115744600001</v>
      </c>
      <c r="Z480" s="7">
        <v>78.627463584799997</v>
      </c>
      <c r="AA480" s="7">
        <v>74.853138769099999</v>
      </c>
      <c r="AB480" s="7">
        <v>73.446627218800003</v>
      </c>
      <c r="AC480" s="7">
        <v>71.481258562199997</v>
      </c>
      <c r="AD480" s="7">
        <v>69.578693296300003</v>
      </c>
      <c r="AE480" s="7">
        <v>68.593008949999998</v>
      </c>
      <c r="AF480" s="7">
        <v>67.805680187500002</v>
      </c>
      <c r="AG480" s="9">
        <v>5569.1917311000016</v>
      </c>
      <c r="AH480" s="13">
        <v>0.36190041251879834</v>
      </c>
      <c r="AI480" s="9">
        <v>1603.1896442000016</v>
      </c>
      <c r="AJ480" s="13">
        <v>0.1041793893253606</v>
      </c>
      <c r="AK480" s="9">
        <v>-396.55855010000232</v>
      </c>
      <c r="AL480" s="13">
        <v>-2.3338051304046491E-2</v>
      </c>
      <c r="AM480" s="9">
        <v>4362.5606370000023</v>
      </c>
      <c r="AN480" s="13">
        <v>0.26287814466150189</v>
      </c>
      <c r="AO480" s="9">
        <v>3966.0020869</v>
      </c>
      <c r="AP480" s="13">
        <v>0.23340502973063271</v>
      </c>
      <c r="AQ480" s="9">
        <v>15388.7410416</v>
      </c>
      <c r="AR480" s="9">
        <v>16356.7638389</v>
      </c>
      <c r="AS480" s="9">
        <v>16358.637537000001</v>
      </c>
      <c r="AT480" s="9">
        <v>15460.5037238</v>
      </c>
      <c r="AU480" s="9">
        <v>16296.765148500001</v>
      </c>
      <c r="AV480" s="9">
        <v>17099.260902499998</v>
      </c>
      <c r="AW480" s="9">
        <v>16991.930685800002</v>
      </c>
      <c r="AX480" s="9">
        <v>19232.221446200001</v>
      </c>
      <c r="AY480" s="9">
        <v>17630.6624663</v>
      </c>
      <c r="AZ480" s="9">
        <v>16595.372135699999</v>
      </c>
      <c r="BA480" s="9">
        <v>19884.889077</v>
      </c>
      <c r="BB480" s="9">
        <v>17324.232265499999</v>
      </c>
      <c r="BC480" s="9">
        <v>19210.004536199998</v>
      </c>
      <c r="BD480" s="9">
        <v>20156.980515700001</v>
      </c>
      <c r="BE480" s="9">
        <v>20238.222289099998</v>
      </c>
      <c r="BF480" s="9">
        <v>20957.932772700002</v>
      </c>
      <c r="BG480" s="11">
        <v>-2.75</v>
      </c>
      <c r="BH480" s="13">
        <v>-0.18333333333333332</v>
      </c>
      <c r="BI480" s="6">
        <v>-1</v>
      </c>
      <c r="BJ480" s="13">
        <v>-6.6666666666666666E-2</v>
      </c>
      <c r="BK480" s="6">
        <v>-4</v>
      </c>
      <c r="BL480" s="13">
        <v>-0.2857142857142857</v>
      </c>
      <c r="BM480" s="11">
        <v>2.25</v>
      </c>
      <c r="BN480" s="13">
        <v>0.22500000000000001</v>
      </c>
      <c r="BO480" s="11">
        <v>-1.75</v>
      </c>
      <c r="BP480" s="13">
        <v>-0.125</v>
      </c>
      <c r="BQ480" s="6">
        <v>15</v>
      </c>
      <c r="BR480" s="6">
        <v>15</v>
      </c>
      <c r="BS480" s="6">
        <v>14</v>
      </c>
      <c r="BT480" s="6">
        <v>14</v>
      </c>
      <c r="BU480" s="6">
        <v>14</v>
      </c>
      <c r="BV480" s="6">
        <v>13</v>
      </c>
      <c r="BW480" s="6">
        <v>10</v>
      </c>
      <c r="BX480" s="6">
        <v>12</v>
      </c>
      <c r="BY480" s="6">
        <v>15</v>
      </c>
      <c r="BZ480" s="6">
        <v>12</v>
      </c>
      <c r="CA480" s="6">
        <v>12</v>
      </c>
      <c r="CB480" s="6">
        <v>11</v>
      </c>
      <c r="CC480" s="11">
        <v>12.25</v>
      </c>
      <c r="CD480" s="11">
        <v>-20.985399999999998</v>
      </c>
      <c r="CE480" s="11">
        <v>-0.74327699999999997</v>
      </c>
      <c r="CF480" s="11">
        <v>8.8227499999999992</v>
      </c>
      <c r="CG480" s="11">
        <v>8</v>
      </c>
      <c r="CH480" s="20">
        <v>0.89564500000000002</v>
      </c>
      <c r="CI480" s="20">
        <v>1.02749</v>
      </c>
      <c r="CJ480" s="20">
        <v>1.0287999999999999</v>
      </c>
      <c r="CK480" s="20">
        <v>1.16299</v>
      </c>
      <c r="CL480" s="20">
        <v>1.19147</v>
      </c>
      <c r="CM480" s="20">
        <v>1.1535599999999999</v>
      </c>
      <c r="CN480" s="20">
        <v>1.07003</v>
      </c>
      <c r="CO480" s="20">
        <v>0.92991400000000002</v>
      </c>
      <c r="CP480" s="20">
        <v>0.958175</v>
      </c>
      <c r="CQ480" s="20">
        <v>0.78152600000000005</v>
      </c>
      <c r="CR480" s="20">
        <v>0.84593300000000005</v>
      </c>
      <c r="CS480" s="20">
        <v>0.82334799999999997</v>
      </c>
      <c r="CT480" s="20">
        <v>0.83748500000000003</v>
      </c>
      <c r="CU480" s="20">
        <v>0.80385600000000001</v>
      </c>
      <c r="CV480" s="20">
        <v>0.81518999999999997</v>
      </c>
      <c r="CW480" s="20">
        <v>0.808091</v>
      </c>
      <c r="CX480" s="20">
        <v>0.79561400000000004</v>
      </c>
      <c r="CY480" s="6" t="s">
        <v>464</v>
      </c>
      <c r="CZ480" s="6" t="s">
        <v>465</v>
      </c>
      <c r="DA480" s="6" t="s">
        <v>88</v>
      </c>
      <c r="DB480" s="6"/>
      <c r="DC480" s="6">
        <v>22800</v>
      </c>
      <c r="DD480" s="6"/>
      <c r="DE480" s="6" t="s">
        <v>467</v>
      </c>
      <c r="DF480" s="6" t="s">
        <v>363</v>
      </c>
      <c r="DG480" s="6" t="s">
        <v>376</v>
      </c>
      <c r="DH480" s="6" t="s">
        <v>468</v>
      </c>
      <c r="DI480" s="6"/>
      <c r="DJ480" s="6">
        <v>29</v>
      </c>
      <c r="DK480" s="6">
        <v>45</v>
      </c>
      <c r="DL480" s="6">
        <v>8</v>
      </c>
      <c r="DM480" s="6" t="s">
        <v>368</v>
      </c>
      <c r="DN480" s="6">
        <v>9</v>
      </c>
      <c r="DO480" s="6" t="s">
        <v>384</v>
      </c>
      <c r="DP480" s="6"/>
      <c r="DQ480" s="6"/>
    </row>
    <row r="481" spans="1:121" x14ac:dyDescent="0.2">
      <c r="A481" s="6" t="s">
        <v>327</v>
      </c>
      <c r="B481" s="6" t="s">
        <v>327</v>
      </c>
      <c r="C481" s="6" t="s">
        <v>194</v>
      </c>
      <c r="D481" s="6" t="s">
        <v>88</v>
      </c>
      <c r="E481" s="6" t="s">
        <v>229</v>
      </c>
      <c r="F481" s="11">
        <v>-171</v>
      </c>
      <c r="G481" s="13">
        <v>-0.259878419453</v>
      </c>
      <c r="H481" s="11">
        <v>-98.976129999999898</v>
      </c>
      <c r="I481" s="13">
        <v>-0.15042375350384163</v>
      </c>
      <c r="J481" s="11">
        <v>-19.539039000000002</v>
      </c>
      <c r="K481" s="13">
        <v>-3.4953187848339111E-2</v>
      </c>
      <c r="L481" s="11">
        <v>-52.562874065000074</v>
      </c>
      <c r="M481" s="13">
        <v>-9.7434848591067394E-2</v>
      </c>
      <c r="N481" s="11">
        <v>-72.101913065000076</v>
      </c>
      <c r="O481" s="13">
        <v>-0.12898237787362846</v>
      </c>
      <c r="P481" s="7">
        <v>657.98205199999995</v>
      </c>
      <c r="Q481" s="7">
        <v>636.67131700000004</v>
      </c>
      <c r="R481" s="7">
        <v>615.54096900000002</v>
      </c>
      <c r="S481" s="7">
        <v>598.13056500000005</v>
      </c>
      <c r="T481" s="7">
        <v>572.81481799999995</v>
      </c>
      <c r="U481" s="7">
        <v>553.50169100000005</v>
      </c>
      <c r="V481" s="7">
        <v>559.00592200000006</v>
      </c>
      <c r="W481" s="7">
        <v>538.71153800000002</v>
      </c>
      <c r="X481" s="7">
        <v>537.49693400000001</v>
      </c>
      <c r="Y481" s="7">
        <v>539.46688300000005</v>
      </c>
      <c r="Z481" s="7">
        <v>523.32346099999995</v>
      </c>
      <c r="AA481" s="7">
        <v>516.02803900000004</v>
      </c>
      <c r="AB481" s="7">
        <v>526.62957200000005</v>
      </c>
      <c r="AC481" s="7">
        <v>523.70562700000005</v>
      </c>
      <c r="AD481" s="7">
        <v>515.78599399999996</v>
      </c>
      <c r="AE481" s="7">
        <v>494.69928175000001</v>
      </c>
      <c r="AF481" s="7">
        <v>486.90400893499998</v>
      </c>
      <c r="AG481" s="9">
        <v>11931.373526700001</v>
      </c>
      <c r="AH481" s="13">
        <v>0.47851081608677226</v>
      </c>
      <c r="AI481" s="9">
        <v>6483.3518636999979</v>
      </c>
      <c r="AJ481" s="13">
        <v>0.2600165005591637</v>
      </c>
      <c r="AK481" s="9">
        <v>3593.2669263000025</v>
      </c>
      <c r="AL481" s="13">
        <v>0.11437064342595046</v>
      </c>
      <c r="AM481" s="9">
        <v>1854.7547367000006</v>
      </c>
      <c r="AN481" s="13">
        <v>5.2976335100246887E-2</v>
      </c>
      <c r="AO481" s="9">
        <v>5448.0216630000032</v>
      </c>
      <c r="AP481" s="13">
        <v>0.17340591605796135</v>
      </c>
      <c r="AQ481" s="9">
        <v>24934.386278400001</v>
      </c>
      <c r="AR481" s="9">
        <v>26850.038842999998</v>
      </c>
      <c r="AS481" s="9">
        <v>27806.265519600001</v>
      </c>
      <c r="AT481" s="9">
        <v>29091.612681999999</v>
      </c>
      <c r="AU481" s="9">
        <v>29900.7843111</v>
      </c>
      <c r="AV481" s="9">
        <v>31121.461111699999</v>
      </c>
      <c r="AW481" s="9">
        <v>31417.738142099999</v>
      </c>
      <c r="AX481" s="9">
        <v>33503.079985700002</v>
      </c>
      <c r="AY481" s="9">
        <v>34261.370229300002</v>
      </c>
      <c r="AZ481" s="9">
        <v>35011.005068400002</v>
      </c>
      <c r="BA481" s="9">
        <v>35072.656464799999</v>
      </c>
      <c r="BB481" s="9">
        <v>35053.432743500001</v>
      </c>
      <c r="BC481" s="9">
        <v>34883.297764399998</v>
      </c>
      <c r="BD481" s="9">
        <v>34595.667029299999</v>
      </c>
      <c r="BE481" s="9">
        <v>35679.113772800003</v>
      </c>
      <c r="BF481" s="9">
        <v>36865.759805100002</v>
      </c>
      <c r="BG481" s="11">
        <v>-2</v>
      </c>
      <c r="BH481" s="13">
        <v>-5.7142857142857141E-2</v>
      </c>
      <c r="BI481" s="6">
        <v>2</v>
      </c>
      <c r="BJ481" s="13">
        <v>5.7142857142857141E-2</v>
      </c>
      <c r="BK481" s="6">
        <v>0</v>
      </c>
      <c r="BL481" s="13">
        <v>0</v>
      </c>
      <c r="BM481" s="11">
        <v>-4</v>
      </c>
      <c r="BN481" s="13">
        <v>-0.10810810810810811</v>
      </c>
      <c r="BO481" s="11">
        <v>-4</v>
      </c>
      <c r="BP481" s="13">
        <v>-0.10810810810810811</v>
      </c>
      <c r="BQ481" s="6">
        <v>35</v>
      </c>
      <c r="BR481" s="6">
        <v>34</v>
      </c>
      <c r="BS481" s="6">
        <v>34</v>
      </c>
      <c r="BT481" s="6">
        <v>37</v>
      </c>
      <c r="BU481" s="6">
        <v>37</v>
      </c>
      <c r="BV481" s="6">
        <v>37</v>
      </c>
      <c r="BW481" s="6">
        <v>37</v>
      </c>
      <c r="BX481" s="6">
        <v>37</v>
      </c>
      <c r="BY481" s="6">
        <v>35</v>
      </c>
      <c r="BZ481" s="6">
        <v>34</v>
      </c>
      <c r="CA481" s="6">
        <v>34</v>
      </c>
      <c r="CB481" s="6">
        <v>34</v>
      </c>
      <c r="CC481" s="11">
        <v>33</v>
      </c>
      <c r="CD481" s="11">
        <v>-204.429</v>
      </c>
      <c r="CE481" s="11">
        <v>-38.573999999999998</v>
      </c>
      <c r="CF481" s="11">
        <v>71.925399999999996</v>
      </c>
      <c r="CG481" s="11">
        <v>33</v>
      </c>
      <c r="CH481" s="20">
        <v>2.19807</v>
      </c>
      <c r="CI481" s="20">
        <v>2.1495299999999999</v>
      </c>
      <c r="CJ481" s="20">
        <v>2.06142</v>
      </c>
      <c r="CK481" s="20">
        <v>1.9953099999999999</v>
      </c>
      <c r="CL481" s="20">
        <v>2.01634</v>
      </c>
      <c r="CM481" s="20">
        <v>1.86327</v>
      </c>
      <c r="CN481" s="20">
        <v>1.8285899999999999</v>
      </c>
      <c r="CO481" s="20">
        <v>1.7466999999999999</v>
      </c>
      <c r="CP481" s="20">
        <v>1.7118</v>
      </c>
      <c r="CQ481" s="20">
        <v>1.73176</v>
      </c>
      <c r="CR481" s="20">
        <v>1.7374799999999999</v>
      </c>
      <c r="CS481" s="20">
        <v>1.81101</v>
      </c>
      <c r="CT481" s="20">
        <v>1.8198399999999999</v>
      </c>
      <c r="CU481" s="20">
        <v>1.81857</v>
      </c>
      <c r="CV481" s="20">
        <v>1.88202</v>
      </c>
      <c r="CW481" s="20">
        <v>1.8242499999999999</v>
      </c>
      <c r="CX481" s="20">
        <v>1.8008</v>
      </c>
      <c r="CY481" s="6" t="s">
        <v>464</v>
      </c>
      <c r="CZ481" s="6" t="s">
        <v>465</v>
      </c>
      <c r="DA481" s="6" t="s">
        <v>88</v>
      </c>
      <c r="DB481" s="6"/>
      <c r="DC481" s="6">
        <v>22800</v>
      </c>
      <c r="DD481" s="6"/>
      <c r="DE481" s="6" t="s">
        <v>467</v>
      </c>
      <c r="DF481" s="6" t="s">
        <v>363</v>
      </c>
      <c r="DG481" s="6" t="s">
        <v>376</v>
      </c>
      <c r="DH481" s="6" t="s">
        <v>468</v>
      </c>
      <c r="DI481" s="6"/>
      <c r="DJ481" s="6">
        <v>29</v>
      </c>
      <c r="DK481" s="6">
        <v>45</v>
      </c>
      <c r="DL481" s="6">
        <v>8</v>
      </c>
      <c r="DM481" s="6" t="s">
        <v>368</v>
      </c>
      <c r="DN481" s="6">
        <v>9</v>
      </c>
      <c r="DO481" s="6" t="s">
        <v>384</v>
      </c>
      <c r="DP481" s="6"/>
      <c r="DQ481" s="6"/>
    </row>
    <row r="482" spans="1:121" x14ac:dyDescent="0.2">
      <c r="A482" s="6" t="s">
        <v>1</v>
      </c>
      <c r="B482" s="6" t="s">
        <v>1</v>
      </c>
      <c r="C482" s="6" t="s">
        <v>2</v>
      </c>
      <c r="D482" s="6" t="s">
        <v>160</v>
      </c>
      <c r="E482" s="6" t="s">
        <v>299</v>
      </c>
      <c r="F482" s="11">
        <v>-279</v>
      </c>
      <c r="G482" s="13">
        <v>-0.50912408759100003</v>
      </c>
      <c r="H482" s="11">
        <v>-358.20473359300001</v>
      </c>
      <c r="I482" s="13">
        <v>-0.65359548635405329</v>
      </c>
      <c r="J482" s="11">
        <v>86.898741137999991</v>
      </c>
      <c r="K482" s="13">
        <v>0.45772819684361998</v>
      </c>
      <c r="L482" s="11">
        <v>-7.8934575499999937</v>
      </c>
      <c r="M482" s="13">
        <v>-2.8522323725588595E-2</v>
      </c>
      <c r="N482" s="11">
        <v>79.005283587999998</v>
      </c>
      <c r="O482" s="13">
        <v>0.41615040130932773</v>
      </c>
      <c r="P482" s="7">
        <v>548.05264276100002</v>
      </c>
      <c r="Q482" s="7">
        <v>310.83871498399998</v>
      </c>
      <c r="R482" s="7">
        <v>202.24942935999999</v>
      </c>
      <c r="S482" s="7">
        <v>196.73595056799999</v>
      </c>
      <c r="T482" s="7">
        <v>169.962383182</v>
      </c>
      <c r="U482" s="7">
        <v>181.813673298</v>
      </c>
      <c r="V482" s="7">
        <v>189.847909168</v>
      </c>
      <c r="W482" s="7">
        <v>179.39901765299999</v>
      </c>
      <c r="X482" s="7">
        <v>228.368897046</v>
      </c>
      <c r="Y482" s="7">
        <v>276.74665030599999</v>
      </c>
      <c r="Z482" s="7">
        <v>245.51478713099999</v>
      </c>
      <c r="AA482" s="7">
        <v>226.7078108</v>
      </c>
      <c r="AB482" s="7">
        <v>234.84457617999999</v>
      </c>
      <c r="AC482" s="7">
        <v>250.21197755700001</v>
      </c>
      <c r="AD482" s="7">
        <v>279.31304045299999</v>
      </c>
      <c r="AE482" s="7">
        <v>263.68725293199998</v>
      </c>
      <c r="AF482" s="7">
        <v>268.853192756</v>
      </c>
      <c r="AG482" s="9">
        <v>1870.8688965999972</v>
      </c>
      <c r="AH482" s="13">
        <v>6.8084879109130775E-2</v>
      </c>
      <c r="AI482" s="9">
        <v>-1790.5834358000029</v>
      </c>
      <c r="AJ482" s="13">
        <v>-6.5163121254947373E-2</v>
      </c>
      <c r="AK482" s="9">
        <v>-5513.8263953999995</v>
      </c>
      <c r="AL482" s="13">
        <v>-0.2146468735817445</v>
      </c>
      <c r="AM482" s="9">
        <v>9175.2787277999996</v>
      </c>
      <c r="AN482" s="13">
        <v>0.45480556316146042</v>
      </c>
      <c r="AO482" s="9">
        <v>3661.4523324000002</v>
      </c>
      <c r="AP482" s="13">
        <v>0.14253609735952377</v>
      </c>
      <c r="AQ482" s="9">
        <v>27478.478644300001</v>
      </c>
      <c r="AR482" s="9">
        <v>24463.541644699999</v>
      </c>
      <c r="AS482" s="9">
        <v>21862.0931747</v>
      </c>
      <c r="AT482" s="9">
        <v>26762.379843899998</v>
      </c>
      <c r="AU482" s="9">
        <v>24654.000177400001</v>
      </c>
      <c r="AV482" s="9">
        <v>25836.4467463</v>
      </c>
      <c r="AW482" s="9">
        <v>25687.895208499998</v>
      </c>
      <c r="AX482" s="9">
        <v>26302.417569000001</v>
      </c>
      <c r="AY482" s="9">
        <v>23136.781161899999</v>
      </c>
      <c r="AZ482" s="9">
        <v>20174.068813099999</v>
      </c>
      <c r="BA482" s="9">
        <v>19955.995262799999</v>
      </c>
      <c r="BB482" s="9">
        <v>24218.7388866</v>
      </c>
      <c r="BC482" s="9">
        <v>26020.302394599999</v>
      </c>
      <c r="BD482" s="9">
        <v>28187.5177472</v>
      </c>
      <c r="BE482" s="9">
        <v>28522.727921400001</v>
      </c>
      <c r="BF482" s="9">
        <v>29349.347540899998</v>
      </c>
      <c r="BG482" s="11">
        <v>0.75</v>
      </c>
      <c r="BH482" s="13">
        <v>0.05</v>
      </c>
      <c r="BI482" s="6">
        <v>-2</v>
      </c>
      <c r="BJ482" s="13">
        <v>-0.13333333333333333</v>
      </c>
      <c r="BK482" s="6">
        <v>-2</v>
      </c>
      <c r="BL482" s="13">
        <v>-0.15384615384615385</v>
      </c>
      <c r="BM482" s="11">
        <v>4.75</v>
      </c>
      <c r="BN482" s="13">
        <v>0.43181818181818182</v>
      </c>
      <c r="BO482" s="11">
        <v>2.75</v>
      </c>
      <c r="BP482" s="13">
        <v>0.21153846153846154</v>
      </c>
      <c r="BQ482" s="6">
        <v>15</v>
      </c>
      <c r="BR482" s="6">
        <v>14</v>
      </c>
      <c r="BS482" s="6">
        <v>13</v>
      </c>
      <c r="BT482" s="6">
        <v>13</v>
      </c>
      <c r="BU482" s="6">
        <v>13</v>
      </c>
      <c r="BV482" s="6">
        <v>11</v>
      </c>
      <c r="BW482" s="6">
        <v>11</v>
      </c>
      <c r="BX482" s="6">
        <v>12</v>
      </c>
      <c r="BY482" s="6">
        <v>13</v>
      </c>
      <c r="BZ482" s="6">
        <v>13</v>
      </c>
      <c r="CA482" s="6">
        <v>15</v>
      </c>
      <c r="CB482" s="6">
        <v>19</v>
      </c>
      <c r="CC482" s="11">
        <v>15.75</v>
      </c>
      <c r="CD482" s="11">
        <v>-289.14</v>
      </c>
      <c r="CE482" s="11">
        <v>-49.968000000000004</v>
      </c>
      <c r="CF482" s="11">
        <v>59.908799999999999</v>
      </c>
      <c r="CG482" s="11">
        <v>10</v>
      </c>
      <c r="CH482" s="20">
        <v>0.43781999999999999</v>
      </c>
      <c r="CI482" s="20">
        <v>0.24828700000000001</v>
      </c>
      <c r="CJ482" s="20">
        <v>0.15920500000000001</v>
      </c>
      <c r="CK482" s="20">
        <v>0.15473899999999999</v>
      </c>
      <c r="CL482" s="20">
        <v>0.13322600000000001</v>
      </c>
      <c r="CM482" s="20">
        <v>0.14358799999999999</v>
      </c>
      <c r="CN482" s="20">
        <v>0.149427</v>
      </c>
      <c r="CO482" s="20">
        <v>0.14460200000000001</v>
      </c>
      <c r="CP482" s="20">
        <v>0.18535099999999999</v>
      </c>
      <c r="CQ482" s="20">
        <v>0.21720300000000001</v>
      </c>
      <c r="CR482" s="20">
        <v>0.19606799999999999</v>
      </c>
      <c r="CS482" s="20">
        <v>0.18568299999999999</v>
      </c>
      <c r="CT482" s="20">
        <v>0.18820400000000001</v>
      </c>
      <c r="CU482" s="20">
        <v>0.192804</v>
      </c>
      <c r="CV482" s="20">
        <v>0.20779400000000001</v>
      </c>
      <c r="CW482" s="20">
        <v>0.19171199999999999</v>
      </c>
      <c r="CX482" s="20">
        <v>0.19256999999999999</v>
      </c>
      <c r="CY482" s="6" t="s">
        <v>470</v>
      </c>
      <c r="CZ482" s="6" t="s">
        <v>471</v>
      </c>
      <c r="DA482" s="6" t="s">
        <v>160</v>
      </c>
      <c r="DB482" s="6"/>
      <c r="DC482" s="6">
        <v>28140</v>
      </c>
      <c r="DD482" s="6">
        <v>312</v>
      </c>
      <c r="DE482" s="6" t="s">
        <v>402</v>
      </c>
      <c r="DF482" s="6" t="s">
        <v>375</v>
      </c>
      <c r="DG482" s="6" t="s">
        <v>364</v>
      </c>
      <c r="DH482" s="6" t="s">
        <v>419</v>
      </c>
      <c r="DI482" s="6" t="s">
        <v>377</v>
      </c>
      <c r="DJ482" s="6">
        <v>29</v>
      </c>
      <c r="DK482" s="6">
        <v>47</v>
      </c>
      <c r="DL482" s="6">
        <v>1</v>
      </c>
      <c r="DM482" s="6" t="s">
        <v>404</v>
      </c>
      <c r="DN482" s="6">
        <v>1</v>
      </c>
      <c r="DO482" s="6" t="s">
        <v>405</v>
      </c>
      <c r="DP482" s="6"/>
      <c r="DQ482" s="6"/>
    </row>
    <row r="483" spans="1:121" x14ac:dyDescent="0.2">
      <c r="A483" s="6" t="s">
        <v>310</v>
      </c>
      <c r="B483" s="6" t="s">
        <v>310</v>
      </c>
      <c r="C483" s="6" t="s">
        <v>173</v>
      </c>
      <c r="D483" s="6" t="s">
        <v>160</v>
      </c>
      <c r="E483" s="6" t="s">
        <v>299</v>
      </c>
      <c r="F483" s="11">
        <v>1</v>
      </c>
      <c r="G483" s="13">
        <v>1</v>
      </c>
      <c r="H483" s="11">
        <v>57.103561441899998</v>
      </c>
      <c r="I483" s="13">
        <v>11.420712288380001</v>
      </c>
      <c r="J483" s="11">
        <v>-9.6656044419000011</v>
      </c>
      <c r="K483" s="13">
        <v>-0.15563687842512067</v>
      </c>
      <c r="L483" s="11">
        <v>5.3145721054000035</v>
      </c>
      <c r="M483" s="13">
        <v>0.10134971706468282</v>
      </c>
      <c r="N483" s="11">
        <v>-4.3510323364999977</v>
      </c>
      <c r="O483" s="13">
        <v>-7.0060914953654255E-2</v>
      </c>
      <c r="P483" s="7">
        <v>5</v>
      </c>
      <c r="Q483" s="7">
        <v>52.254482000000003</v>
      </c>
      <c r="R483" s="7">
        <v>83.265304999999998</v>
      </c>
      <c r="S483" s="7">
        <v>76.738122000000004</v>
      </c>
      <c r="T483" s="7">
        <v>97.114429000000001</v>
      </c>
      <c r="U483" s="7">
        <v>98.236096000000003</v>
      </c>
      <c r="V483" s="7">
        <v>62.103561441899998</v>
      </c>
      <c r="W483" s="7">
        <v>58.916535391700002</v>
      </c>
      <c r="X483" s="7">
        <v>53.686341452199997</v>
      </c>
      <c r="Y483" s="7">
        <v>52.437956999999997</v>
      </c>
      <c r="Z483" s="7">
        <v>56.139625000000002</v>
      </c>
      <c r="AA483" s="7">
        <v>63.806474999999999</v>
      </c>
      <c r="AB483" s="7">
        <v>60.961893000000003</v>
      </c>
      <c r="AC483" s="7">
        <v>57.991072000000003</v>
      </c>
      <c r="AD483" s="7">
        <v>57.922984</v>
      </c>
      <c r="AE483" s="7">
        <v>58.58194975</v>
      </c>
      <c r="AF483" s="7">
        <v>57.752529105400001</v>
      </c>
      <c r="AG483" s="9">
        <v>89607.957881099996</v>
      </c>
      <c r="AH483" s="13">
        <v>89607.957881099996</v>
      </c>
      <c r="AI483" s="9">
        <v>101090.62263699999</v>
      </c>
      <c r="AJ483" s="13">
        <v>101090.62263699999</v>
      </c>
      <c r="AK483" s="9">
        <v>-41766.582054099992</v>
      </c>
      <c r="AL483" s="13">
        <v>-0.4131557191843237</v>
      </c>
      <c r="AM483" s="9">
        <v>30283.917298199995</v>
      </c>
      <c r="AN483" s="13">
        <v>0.51047444722573199</v>
      </c>
      <c r="AO483" s="9">
        <v>-11482.664755899998</v>
      </c>
      <c r="AP483" s="13">
        <v>-0.11358670932735912</v>
      </c>
      <c r="AQ483" s="9">
        <v>1</v>
      </c>
      <c r="AR483" s="9">
        <v>75611.203153599999</v>
      </c>
      <c r="AS483" s="9">
        <v>81368.294655899997</v>
      </c>
      <c r="AT483" s="9">
        <v>83371.616195299997</v>
      </c>
      <c r="AU483" s="9">
        <v>76387.131867100004</v>
      </c>
      <c r="AV483" s="9">
        <v>75425.988286299995</v>
      </c>
      <c r="AW483" s="9">
        <v>101091.62263699999</v>
      </c>
      <c r="AX483" s="9">
        <v>106385.91355700001</v>
      </c>
      <c r="AY483" s="9">
        <v>75138.237245700002</v>
      </c>
      <c r="AZ483" s="9">
        <v>59325.040582900001</v>
      </c>
      <c r="BA483" s="9">
        <v>79785.638984599995</v>
      </c>
      <c r="BB483" s="9">
        <v>73084.406713699995</v>
      </c>
      <c r="BC483" s="9">
        <v>72713.848615800001</v>
      </c>
      <c r="BD483" s="9">
        <v>85448.393465899993</v>
      </c>
      <c r="BE483" s="9">
        <v>87298.540431500005</v>
      </c>
      <c r="BF483" s="9">
        <v>89608.957881099996</v>
      </c>
      <c r="BG483" s="11">
        <v>2</v>
      </c>
      <c r="BH483" s="13">
        <v>1</v>
      </c>
      <c r="BI483" s="6">
        <v>1</v>
      </c>
      <c r="BJ483" s="13">
        <v>0.5</v>
      </c>
      <c r="BK483" s="6">
        <v>1</v>
      </c>
      <c r="BL483" s="13">
        <v>0.33333333333333331</v>
      </c>
      <c r="BM483" s="11">
        <v>0</v>
      </c>
      <c r="BN483" s="13">
        <v>0</v>
      </c>
      <c r="BO483" s="11">
        <v>1</v>
      </c>
      <c r="BP483" s="13">
        <v>0.33333333333333331</v>
      </c>
      <c r="BQ483" s="6">
        <v>2</v>
      </c>
      <c r="BR483" s="6">
        <v>3</v>
      </c>
      <c r="BS483" s="6">
        <v>2</v>
      </c>
      <c r="BT483" s="6">
        <v>3</v>
      </c>
      <c r="BU483" s="6">
        <v>4</v>
      </c>
      <c r="BV483" s="6">
        <v>3</v>
      </c>
      <c r="BW483" s="6">
        <v>4</v>
      </c>
      <c r="BX483" s="6">
        <v>4</v>
      </c>
      <c r="BY483" s="6">
        <v>4</v>
      </c>
      <c r="BZ483" s="6">
        <v>4</v>
      </c>
      <c r="CA483" s="6">
        <v>4</v>
      </c>
      <c r="CB483" s="6">
        <v>4</v>
      </c>
      <c r="CC483" s="11">
        <v>4</v>
      </c>
      <c r="CD483" s="11">
        <v>57.145899999999997</v>
      </c>
      <c r="CE483" s="11">
        <v>5.1878500000000001E-2</v>
      </c>
      <c r="CF483" s="11">
        <v>5.4660800000000002E-2</v>
      </c>
      <c r="CG483" s="11">
        <v>0</v>
      </c>
      <c r="CH483" s="20">
        <v>1.40795E-3</v>
      </c>
      <c r="CI483" s="20">
        <v>0.153671</v>
      </c>
      <c r="CJ483" s="20">
        <v>0.24473300000000001</v>
      </c>
      <c r="CK483" s="20">
        <v>0.21806600000000001</v>
      </c>
      <c r="CL483" s="20">
        <v>0.25660100000000002</v>
      </c>
      <c r="CM483" s="20">
        <v>0.23739399999999999</v>
      </c>
      <c r="CN483" s="20">
        <v>0.138797</v>
      </c>
      <c r="CO483" s="20">
        <v>0.12166100000000001</v>
      </c>
      <c r="CP483" s="20">
        <v>0.122628</v>
      </c>
      <c r="CQ483" s="20">
        <v>0.113579</v>
      </c>
      <c r="CR483" s="20">
        <v>0.11138199999999999</v>
      </c>
      <c r="CS483" s="20">
        <v>0.12048499999999999</v>
      </c>
      <c r="CT483" s="20">
        <v>0.11178200000000001</v>
      </c>
      <c r="CU483" s="20">
        <v>0.100338</v>
      </c>
      <c r="CV483" s="20">
        <v>0.10936700000000001</v>
      </c>
      <c r="CW483" s="20">
        <v>0.12723999999999999</v>
      </c>
      <c r="CX483" s="20">
        <v>0.12237099999999999</v>
      </c>
      <c r="CY483" s="6" t="s">
        <v>470</v>
      </c>
      <c r="CZ483" s="6" t="s">
        <v>471</v>
      </c>
      <c r="DA483" s="6" t="s">
        <v>160</v>
      </c>
      <c r="DB483" s="6"/>
      <c r="DC483" s="6">
        <v>28140</v>
      </c>
      <c r="DD483" s="6">
        <v>312</v>
      </c>
      <c r="DE483" s="6" t="s">
        <v>402</v>
      </c>
      <c r="DF483" s="6" t="s">
        <v>375</v>
      </c>
      <c r="DG483" s="6" t="s">
        <v>364</v>
      </c>
      <c r="DH483" s="6" t="s">
        <v>419</v>
      </c>
      <c r="DI483" s="6" t="s">
        <v>377</v>
      </c>
      <c r="DJ483" s="6">
        <v>29</v>
      </c>
      <c r="DK483" s="6">
        <v>47</v>
      </c>
      <c r="DL483" s="6">
        <v>1</v>
      </c>
      <c r="DM483" s="6" t="s">
        <v>404</v>
      </c>
      <c r="DN483" s="6">
        <v>1</v>
      </c>
      <c r="DO483" s="6" t="s">
        <v>405</v>
      </c>
      <c r="DP483" s="6"/>
      <c r="DQ483" s="6"/>
    </row>
    <row r="484" spans="1:121" x14ac:dyDescent="0.2">
      <c r="A484" s="6" t="s">
        <v>311</v>
      </c>
      <c r="B484" s="6" t="s">
        <v>311</v>
      </c>
      <c r="C484" s="6" t="s">
        <v>174</v>
      </c>
      <c r="D484" s="6" t="s">
        <v>160</v>
      </c>
      <c r="E484" s="6" t="s">
        <v>299</v>
      </c>
      <c r="F484" s="11">
        <v>-5</v>
      </c>
      <c r="G484" s="13">
        <v>-2.6595744680900001E-2</v>
      </c>
      <c r="H484" s="11">
        <v>5.0655639999999948</v>
      </c>
      <c r="I484" s="13">
        <v>2.6880935823214665E-2</v>
      </c>
      <c r="J484" s="11">
        <v>-79.88220299999999</v>
      </c>
      <c r="K484" s="13">
        <v>-0.41280649281023102</v>
      </c>
      <c r="L484" s="11">
        <v>68.936261713000007</v>
      </c>
      <c r="M484" s="13">
        <v>0.60668459859512258</v>
      </c>
      <c r="N484" s="11">
        <v>-10.945941286999982</v>
      </c>
      <c r="O484" s="13">
        <v>-5.6565235603143922E-2</v>
      </c>
      <c r="P484" s="7">
        <v>188.444481</v>
      </c>
      <c r="Q484" s="7">
        <v>187.47089600000001</v>
      </c>
      <c r="R484" s="7">
        <v>183.18675200000001</v>
      </c>
      <c r="S484" s="7">
        <v>184.33376799999999</v>
      </c>
      <c r="T484" s="7">
        <v>192.055274</v>
      </c>
      <c r="U484" s="7">
        <v>195.580758</v>
      </c>
      <c r="V484" s="7">
        <v>193.51004499999999</v>
      </c>
      <c r="W484" s="7">
        <v>191.53028</v>
      </c>
      <c r="X484" s="7">
        <v>190.75829100000001</v>
      </c>
      <c r="Y484" s="7">
        <v>113.627842</v>
      </c>
      <c r="Z484" s="7">
        <v>101.823204965</v>
      </c>
      <c r="AA484" s="7">
        <v>106.91425361899999</v>
      </c>
      <c r="AB484" s="7">
        <v>198.82205459799999</v>
      </c>
      <c r="AC484" s="7">
        <v>196.30201236799999</v>
      </c>
      <c r="AD484" s="7">
        <v>188.14152261500001</v>
      </c>
      <c r="AE484" s="7">
        <v>179.26350156300001</v>
      </c>
      <c r="AF484" s="7">
        <v>182.56410371300001</v>
      </c>
      <c r="AG484" s="9">
        <v>48109.804043699987</v>
      </c>
      <c r="AH484" s="13">
        <v>0.64875150311049956</v>
      </c>
      <c r="AI484" s="9">
        <v>13075.640462099997</v>
      </c>
      <c r="AJ484" s="13">
        <v>0.17632250998600096</v>
      </c>
      <c r="AK484" s="9">
        <v>11535.134581599996</v>
      </c>
      <c r="AL484" s="13">
        <v>0.13223336423319013</v>
      </c>
      <c r="AM484" s="9">
        <v>23499.028999999995</v>
      </c>
      <c r="AN484" s="13">
        <v>0.23792076645672397</v>
      </c>
      <c r="AO484" s="9">
        <v>35034.163581599991</v>
      </c>
      <c r="AP484" s="13">
        <v>0.40161519405942586</v>
      </c>
      <c r="AQ484" s="9">
        <v>74157.522276300006</v>
      </c>
      <c r="AR484" s="9">
        <v>76529.274590899993</v>
      </c>
      <c r="AS484" s="9">
        <v>75901.505863900005</v>
      </c>
      <c r="AT484" s="9">
        <v>78242.974309099998</v>
      </c>
      <c r="AU484" s="9">
        <v>84716.656208300003</v>
      </c>
      <c r="AV484" s="9">
        <v>88812.156455599994</v>
      </c>
      <c r="AW484" s="9">
        <v>87233.162738400002</v>
      </c>
      <c r="AX484" s="9">
        <v>91416.671324099996</v>
      </c>
      <c r="AY484" s="9">
        <v>93772.073692399994</v>
      </c>
      <c r="AZ484" s="9">
        <v>98768.297319999998</v>
      </c>
      <c r="BA484" s="9">
        <v>98869.402747700005</v>
      </c>
      <c r="BB484" s="9">
        <v>100368.682732</v>
      </c>
      <c r="BC484" s="9">
        <v>114537.490271</v>
      </c>
      <c r="BD484" s="9">
        <v>118247.100875</v>
      </c>
      <c r="BE484" s="9">
        <v>117240.71178</v>
      </c>
      <c r="BF484" s="9">
        <v>122267.32631999999</v>
      </c>
      <c r="BG484" s="11">
        <v>-4</v>
      </c>
      <c r="BH484" s="13">
        <v>-0.5</v>
      </c>
      <c r="BI484" s="6">
        <v>-1</v>
      </c>
      <c r="BJ484" s="13">
        <v>-0.125</v>
      </c>
      <c r="BK484" s="6">
        <v>-2</v>
      </c>
      <c r="BL484" s="13">
        <v>-0.2857142857142857</v>
      </c>
      <c r="BM484" s="11">
        <v>-1</v>
      </c>
      <c r="BN484" s="13">
        <v>-0.2</v>
      </c>
      <c r="BO484" s="11">
        <v>-3</v>
      </c>
      <c r="BP484" s="13">
        <v>-0.42857142857142855</v>
      </c>
      <c r="BQ484" s="6">
        <v>8</v>
      </c>
      <c r="BR484" s="6">
        <v>8</v>
      </c>
      <c r="BS484" s="6">
        <v>8</v>
      </c>
      <c r="BT484" s="6">
        <v>7</v>
      </c>
      <c r="BU484" s="6">
        <v>7</v>
      </c>
      <c r="BV484" s="6">
        <v>7</v>
      </c>
      <c r="BW484" s="6">
        <v>5</v>
      </c>
      <c r="BX484" s="6">
        <v>4</v>
      </c>
      <c r="BY484" s="6">
        <v>4</v>
      </c>
      <c r="BZ484" s="6">
        <v>5</v>
      </c>
      <c r="CA484" s="6">
        <v>5</v>
      </c>
      <c r="CB484" s="6">
        <v>5</v>
      </c>
      <c r="CC484" s="11">
        <v>4</v>
      </c>
      <c r="CD484" s="11">
        <v>4.2073799999999997</v>
      </c>
      <c r="CE484" s="11">
        <v>-30.687000000000001</v>
      </c>
      <c r="CF484" s="11">
        <v>20.599299999999999</v>
      </c>
      <c r="CG484" s="11">
        <v>-10</v>
      </c>
      <c r="CH484" s="20">
        <v>0.48427700000000001</v>
      </c>
      <c r="CI484" s="20">
        <v>0.48332000000000003</v>
      </c>
      <c r="CJ484" s="20">
        <v>0.48058899999999999</v>
      </c>
      <c r="CK484" s="20">
        <v>0.49635099999999999</v>
      </c>
      <c r="CL484" s="20">
        <v>0.53119300000000003</v>
      </c>
      <c r="CM484" s="20">
        <v>0.54786800000000002</v>
      </c>
      <c r="CN484" s="20">
        <v>0.53295499999999996</v>
      </c>
      <c r="CO484" s="20">
        <v>0.51734100000000005</v>
      </c>
      <c r="CP484" s="20">
        <v>0.51170599999999999</v>
      </c>
      <c r="CQ484" s="20">
        <v>0.29783999999999999</v>
      </c>
      <c r="CR484" s="20">
        <v>0.27390599999999998</v>
      </c>
      <c r="CS484" s="20">
        <v>0.29883900000000002</v>
      </c>
      <c r="CT484" s="20">
        <v>0.55049599999999999</v>
      </c>
      <c r="CU484" s="20">
        <v>0.52651800000000004</v>
      </c>
      <c r="CV484" s="20">
        <v>0.48791600000000002</v>
      </c>
      <c r="CW484" s="20">
        <v>0.45374999999999999</v>
      </c>
      <c r="CX484" s="20">
        <v>0.45250899999999999</v>
      </c>
      <c r="CY484" s="6" t="s">
        <v>470</v>
      </c>
      <c r="CZ484" s="6" t="s">
        <v>471</v>
      </c>
      <c r="DA484" s="6" t="s">
        <v>160</v>
      </c>
      <c r="DB484" s="6"/>
      <c r="DC484" s="6">
        <v>28140</v>
      </c>
      <c r="DD484" s="6">
        <v>312</v>
      </c>
      <c r="DE484" s="6" t="s">
        <v>402</v>
      </c>
      <c r="DF484" s="6" t="s">
        <v>375</v>
      </c>
      <c r="DG484" s="6" t="s">
        <v>364</v>
      </c>
      <c r="DH484" s="6" t="s">
        <v>419</v>
      </c>
      <c r="DI484" s="6" t="s">
        <v>377</v>
      </c>
      <c r="DJ484" s="6">
        <v>29</v>
      </c>
      <c r="DK484" s="6">
        <v>47</v>
      </c>
      <c r="DL484" s="6">
        <v>1</v>
      </c>
      <c r="DM484" s="6" t="s">
        <v>404</v>
      </c>
      <c r="DN484" s="6">
        <v>1</v>
      </c>
      <c r="DO484" s="6" t="s">
        <v>405</v>
      </c>
      <c r="DP484" s="6"/>
      <c r="DQ484" s="6"/>
    </row>
    <row r="485" spans="1:121" x14ac:dyDescent="0.2">
      <c r="A485" s="6" t="s">
        <v>312</v>
      </c>
      <c r="B485" s="6" t="s">
        <v>312</v>
      </c>
      <c r="C485" s="6" t="s">
        <v>175</v>
      </c>
      <c r="D485" s="6" t="s">
        <v>160</v>
      </c>
      <c r="E485" s="6" t="s">
        <v>299</v>
      </c>
      <c r="F485" s="11">
        <v>60</v>
      </c>
      <c r="G485" s="13">
        <v>1.22224485639E-2</v>
      </c>
      <c r="H485" s="11">
        <v>701.03966949000005</v>
      </c>
      <c r="I485" s="13">
        <v>0.14281819836513723</v>
      </c>
      <c r="J485" s="11">
        <v>-1564.5647624399999</v>
      </c>
      <c r="K485" s="13">
        <v>-0.27890567651172921</v>
      </c>
      <c r="L485" s="11">
        <v>923.80609779000042</v>
      </c>
      <c r="M485" s="13">
        <v>0.22837710141735665</v>
      </c>
      <c r="N485" s="11">
        <v>-640.75866464999945</v>
      </c>
      <c r="O485" s="13">
        <v>-0.1142242450649682</v>
      </c>
      <c r="P485" s="7">
        <v>4908.6158312799998</v>
      </c>
      <c r="Q485" s="7">
        <v>5107.3156567599999</v>
      </c>
      <c r="R485" s="7">
        <v>5158.02370015</v>
      </c>
      <c r="S485" s="7">
        <v>5193.9190660699996</v>
      </c>
      <c r="T485" s="7">
        <v>5393.9253595299997</v>
      </c>
      <c r="U485" s="7">
        <v>5338.8952427900003</v>
      </c>
      <c r="V485" s="7">
        <v>5609.6555007699999</v>
      </c>
      <c r="W485" s="7">
        <v>5259.09819582</v>
      </c>
      <c r="X485" s="7">
        <v>4538.674336</v>
      </c>
      <c r="Y485" s="7">
        <v>4045.09073833</v>
      </c>
      <c r="Z485" s="7">
        <v>3934.0363694299999</v>
      </c>
      <c r="AA485" s="7">
        <v>4318.2084331200003</v>
      </c>
      <c r="AB485" s="7">
        <v>4713.2820496200002</v>
      </c>
      <c r="AC485" s="7">
        <v>4770.6217689799996</v>
      </c>
      <c r="AD485" s="7">
        <v>4586.90592019</v>
      </c>
      <c r="AE485" s="7">
        <v>4904.1366474699998</v>
      </c>
      <c r="AF485" s="7">
        <v>4968.8968361200004</v>
      </c>
      <c r="AG485" s="9">
        <v>16799.633387000002</v>
      </c>
      <c r="AH485" s="13">
        <v>0.4204619744592723</v>
      </c>
      <c r="AI485" s="9">
        <v>6218.7534040999963</v>
      </c>
      <c r="AJ485" s="13">
        <v>0.15564323784509293</v>
      </c>
      <c r="AK485" s="9">
        <v>3300.4939807000046</v>
      </c>
      <c r="AL485" s="13">
        <v>7.1479595086283432E-2</v>
      </c>
      <c r="AM485" s="9">
        <v>7280.3860022000008</v>
      </c>
      <c r="AN485" s="13">
        <v>0.14715453128043576</v>
      </c>
      <c r="AO485" s="9">
        <v>10580.879982900005</v>
      </c>
      <c r="AP485" s="13">
        <v>0.22915267267775655</v>
      </c>
      <c r="AQ485" s="9">
        <v>39955.178844900001</v>
      </c>
      <c r="AR485" s="9">
        <v>39553.990163399998</v>
      </c>
      <c r="AS485" s="9">
        <v>39867.968546099997</v>
      </c>
      <c r="AT485" s="9">
        <v>40980.039205699999</v>
      </c>
      <c r="AU485" s="9">
        <v>43232.849990199997</v>
      </c>
      <c r="AV485" s="9">
        <v>44602.937236999998</v>
      </c>
      <c r="AW485" s="9">
        <v>46173.932248999998</v>
      </c>
      <c r="AX485" s="9">
        <v>49295.575734899998</v>
      </c>
      <c r="AY485" s="9">
        <v>48589.3094967</v>
      </c>
      <c r="AZ485" s="9">
        <v>49474.426229700002</v>
      </c>
      <c r="BA485" s="9">
        <v>48421.3518367</v>
      </c>
      <c r="BB485" s="9">
        <v>52591.014447699999</v>
      </c>
      <c r="BC485" s="9">
        <v>52523.4493946</v>
      </c>
      <c r="BD485" s="9">
        <v>54671.300263999998</v>
      </c>
      <c r="BE485" s="9">
        <v>54240.741758600001</v>
      </c>
      <c r="BF485" s="9">
        <v>56754.812231900003</v>
      </c>
      <c r="BG485" s="11">
        <v>-69.75</v>
      </c>
      <c r="BH485" s="13">
        <v>-0.12845303867403315</v>
      </c>
      <c r="BI485" s="6">
        <v>30</v>
      </c>
      <c r="BJ485" s="13">
        <v>5.5248618784530384E-2</v>
      </c>
      <c r="BK485" s="6">
        <v>-93</v>
      </c>
      <c r="BL485" s="13">
        <v>-0.16230366492146597</v>
      </c>
      <c r="BM485" s="11">
        <v>-6.75</v>
      </c>
      <c r="BN485" s="13">
        <v>-1.40625E-2</v>
      </c>
      <c r="BO485" s="11">
        <v>-99.75</v>
      </c>
      <c r="BP485" s="13">
        <v>-0.17408376963350786</v>
      </c>
      <c r="BQ485" s="6">
        <v>543</v>
      </c>
      <c r="BR485" s="6">
        <v>555</v>
      </c>
      <c r="BS485" s="6">
        <v>571</v>
      </c>
      <c r="BT485" s="6">
        <v>573</v>
      </c>
      <c r="BU485" s="6">
        <v>550</v>
      </c>
      <c r="BV485" s="6">
        <v>504</v>
      </c>
      <c r="BW485" s="6">
        <v>480</v>
      </c>
      <c r="BX485" s="6">
        <v>452</v>
      </c>
      <c r="BY485" s="6">
        <v>459</v>
      </c>
      <c r="BZ485" s="6">
        <v>457</v>
      </c>
      <c r="CA485" s="6">
        <v>461</v>
      </c>
      <c r="CB485" s="6">
        <v>463</v>
      </c>
      <c r="CC485" s="11">
        <v>473.25</v>
      </c>
      <c r="CD485" s="11">
        <v>118.268</v>
      </c>
      <c r="CE485" s="11">
        <v>-594.55799999999999</v>
      </c>
      <c r="CF485" s="11">
        <v>536.57100000000003</v>
      </c>
      <c r="CG485" s="11">
        <v>-58</v>
      </c>
      <c r="CH485" s="20">
        <v>0.86970199999999998</v>
      </c>
      <c r="CI485" s="20">
        <v>0.901536</v>
      </c>
      <c r="CJ485" s="20">
        <v>0.88539800000000002</v>
      </c>
      <c r="CK485" s="20">
        <v>0.85797199999999996</v>
      </c>
      <c r="CL485" s="20">
        <v>0.85326199999999996</v>
      </c>
      <c r="CM485" s="20">
        <v>0.81462900000000005</v>
      </c>
      <c r="CN485" s="20">
        <v>0.852885</v>
      </c>
      <c r="CO485" s="20">
        <v>0.84159700000000004</v>
      </c>
      <c r="CP485" s="20">
        <v>0.83201599999999998</v>
      </c>
      <c r="CQ485" s="20">
        <v>0.77519800000000005</v>
      </c>
      <c r="CR485" s="20">
        <v>0.78185199999999999</v>
      </c>
      <c r="CS485" s="20">
        <v>0.88334100000000004</v>
      </c>
      <c r="CT485" s="20">
        <v>0.931948</v>
      </c>
      <c r="CU485" s="20">
        <v>0.88604700000000003</v>
      </c>
      <c r="CV485" s="20">
        <v>0.800898</v>
      </c>
      <c r="CW485" s="20">
        <v>0.81852599999999998</v>
      </c>
      <c r="CX485" s="20">
        <v>0.81328</v>
      </c>
      <c r="CY485" s="6" t="s">
        <v>470</v>
      </c>
      <c r="CZ485" s="6" t="s">
        <v>471</v>
      </c>
      <c r="DA485" s="6" t="s">
        <v>160</v>
      </c>
      <c r="DB485" s="6"/>
      <c r="DC485" s="6">
        <v>28140</v>
      </c>
      <c r="DD485" s="6">
        <v>312</v>
      </c>
      <c r="DE485" s="6" t="s">
        <v>402</v>
      </c>
      <c r="DF485" s="6" t="s">
        <v>375</v>
      </c>
      <c r="DG485" s="6" t="s">
        <v>364</v>
      </c>
      <c r="DH485" s="6" t="s">
        <v>419</v>
      </c>
      <c r="DI485" s="6" t="s">
        <v>377</v>
      </c>
      <c r="DJ485" s="6">
        <v>29</v>
      </c>
      <c r="DK485" s="6">
        <v>47</v>
      </c>
      <c r="DL485" s="6">
        <v>1</v>
      </c>
      <c r="DM485" s="6" t="s">
        <v>404</v>
      </c>
      <c r="DN485" s="6">
        <v>1</v>
      </c>
      <c r="DO485" s="6" t="s">
        <v>405</v>
      </c>
      <c r="DP485" s="6"/>
      <c r="DQ485" s="6"/>
    </row>
    <row r="486" spans="1:121" x14ac:dyDescent="0.2">
      <c r="A486" s="6" t="s">
        <v>792</v>
      </c>
      <c r="B486" s="6" t="s">
        <v>176</v>
      </c>
      <c r="C486" s="6" t="s">
        <v>177</v>
      </c>
      <c r="D486" s="6" t="s">
        <v>160</v>
      </c>
      <c r="E486" s="6" t="s">
        <v>299</v>
      </c>
      <c r="F486" s="11">
        <v>1949</v>
      </c>
      <c r="G486" s="13">
        <v>0.14210718191800001</v>
      </c>
      <c r="H486" s="11">
        <v>-1473.7519690000008</v>
      </c>
      <c r="I486" s="13">
        <v>-0.10745774404890313</v>
      </c>
      <c r="J486" s="11">
        <v>-1814.0682517999994</v>
      </c>
      <c r="K486" s="13">
        <v>-0.14819657169311887</v>
      </c>
      <c r="L486" s="11">
        <v>5236.9684813000003</v>
      </c>
      <c r="M486" s="13">
        <v>0.50225597351988238</v>
      </c>
      <c r="N486" s="11">
        <v>3422.9002295000009</v>
      </c>
      <c r="O486" s="13">
        <v>0.27962678843872707</v>
      </c>
      <c r="P486" s="7">
        <v>13714.711601700001</v>
      </c>
      <c r="Q486" s="7">
        <v>13259.197614299999</v>
      </c>
      <c r="R486" s="7">
        <v>13157.733931700001</v>
      </c>
      <c r="S486" s="7">
        <v>12809.8206864</v>
      </c>
      <c r="T486" s="7">
        <v>12731.078628400001</v>
      </c>
      <c r="U486" s="7">
        <v>12191.3778033</v>
      </c>
      <c r="V486" s="7">
        <v>12240.9596327</v>
      </c>
      <c r="W486" s="7">
        <v>11975.689762399999</v>
      </c>
      <c r="X486" s="7">
        <v>10810.874585600001</v>
      </c>
      <c r="Y486" s="7">
        <v>10426.891380900001</v>
      </c>
      <c r="Z486" s="7">
        <v>10290.412431500001</v>
      </c>
      <c r="AA486" s="7">
        <v>9495.0538355099998</v>
      </c>
      <c r="AB486" s="7">
        <v>9513.1848152099992</v>
      </c>
      <c r="AC486" s="7">
        <v>11776.206233499999</v>
      </c>
      <c r="AD486" s="7">
        <v>14516.0589619</v>
      </c>
      <c r="AE486" s="7">
        <v>15001.472427000001</v>
      </c>
      <c r="AF486" s="7">
        <v>15663.859862200001</v>
      </c>
      <c r="AG486" s="9">
        <v>23470.981924099993</v>
      </c>
      <c r="AH486" s="13">
        <v>0.35567840845184451</v>
      </c>
      <c r="AI486" s="9">
        <v>19057.7642662</v>
      </c>
      <c r="AJ486" s="13">
        <v>0.28880066819413108</v>
      </c>
      <c r="AK486" s="9">
        <v>-1763.2926552999998</v>
      </c>
      <c r="AL486" s="13">
        <v>-2.0733130869789038E-2</v>
      </c>
      <c r="AM486" s="9">
        <v>6176.5103131999931</v>
      </c>
      <c r="AN486" s="13">
        <v>7.4162199194410167E-2</v>
      </c>
      <c r="AO486" s="9">
        <v>4413.2176578999934</v>
      </c>
      <c r="AP486" s="13">
        <v>5.1891453743132053E-2</v>
      </c>
      <c r="AQ486" s="9">
        <v>65989.335777400003</v>
      </c>
      <c r="AR486" s="9">
        <v>68515.762848600003</v>
      </c>
      <c r="AS486" s="9">
        <v>71732.6138718</v>
      </c>
      <c r="AT486" s="9">
        <v>72345.068909099995</v>
      </c>
      <c r="AU486" s="9">
        <v>71495.992423300006</v>
      </c>
      <c r="AV486" s="9">
        <v>78307.993788299995</v>
      </c>
      <c r="AW486" s="9">
        <v>85047.100043600003</v>
      </c>
      <c r="AX486" s="9">
        <v>77879.536941099999</v>
      </c>
      <c r="AY486" s="9">
        <v>75230.185726099997</v>
      </c>
      <c r="AZ486" s="9">
        <v>83283.807388300003</v>
      </c>
      <c r="BA486" s="9">
        <v>82801.248405399994</v>
      </c>
      <c r="BB486" s="9">
        <v>78598.608745999998</v>
      </c>
      <c r="BC486" s="9">
        <v>84020.487717600001</v>
      </c>
      <c r="BD486" s="9">
        <v>84493.841513000007</v>
      </c>
      <c r="BE486" s="9">
        <v>86824.753741799999</v>
      </c>
      <c r="BF486" s="9">
        <v>89460.317701499996</v>
      </c>
      <c r="BG486" s="11">
        <v>-2.25</v>
      </c>
      <c r="BH486" s="13">
        <v>-9.8253275109170309E-3</v>
      </c>
      <c r="BI486" s="6">
        <v>4</v>
      </c>
      <c r="BJ486" s="13">
        <v>1.7467248908296942E-2</v>
      </c>
      <c r="BK486" s="6">
        <v>-10</v>
      </c>
      <c r="BL486" s="13">
        <v>-4.2918454935622317E-2</v>
      </c>
      <c r="BM486" s="11">
        <v>3.75</v>
      </c>
      <c r="BN486" s="13">
        <v>1.6816143497757848E-2</v>
      </c>
      <c r="BO486" s="11">
        <v>-6.25</v>
      </c>
      <c r="BP486" s="13">
        <v>-2.6824034334763949E-2</v>
      </c>
      <c r="BQ486" s="6">
        <v>229</v>
      </c>
      <c r="BR486" s="6">
        <v>227</v>
      </c>
      <c r="BS486" s="6">
        <v>222</v>
      </c>
      <c r="BT486" s="6">
        <v>233</v>
      </c>
      <c r="BU486" s="6">
        <v>235</v>
      </c>
      <c r="BV486" s="6">
        <v>225</v>
      </c>
      <c r="BW486" s="6">
        <v>223</v>
      </c>
      <c r="BX486" s="6">
        <v>207</v>
      </c>
      <c r="BY486" s="6">
        <v>206</v>
      </c>
      <c r="BZ486" s="6">
        <v>205</v>
      </c>
      <c r="CA486" s="6">
        <v>217</v>
      </c>
      <c r="CB486" s="6">
        <v>223</v>
      </c>
      <c r="CC486" s="11">
        <v>226.75</v>
      </c>
      <c r="CD486" s="11">
        <v>5290.95</v>
      </c>
      <c r="CE486" s="11">
        <v>-4840.99</v>
      </c>
      <c r="CF486" s="11">
        <v>1499.18</v>
      </c>
      <c r="CG486" s="11">
        <v>-3342</v>
      </c>
      <c r="CH486" s="20">
        <v>1.2692699999999999</v>
      </c>
      <c r="CI486" s="20">
        <v>1.30646</v>
      </c>
      <c r="CJ486" s="20">
        <v>1.3476699999999999</v>
      </c>
      <c r="CK486" s="20">
        <v>1.3373200000000001</v>
      </c>
      <c r="CL486" s="20">
        <v>1.3402700000000001</v>
      </c>
      <c r="CM486" s="20">
        <v>1.29759</v>
      </c>
      <c r="CN486" s="20">
        <v>1.31433</v>
      </c>
      <c r="CO486" s="20">
        <v>1.32416</v>
      </c>
      <c r="CP486" s="20">
        <v>1.3491299999999999</v>
      </c>
      <c r="CQ486" s="20">
        <v>1.2868299999999999</v>
      </c>
      <c r="CR486" s="20">
        <v>1.27782</v>
      </c>
      <c r="CS486" s="20">
        <v>1.20488</v>
      </c>
      <c r="CT486" s="20">
        <v>1.18523</v>
      </c>
      <c r="CU486" s="20">
        <v>1.4119200000000001</v>
      </c>
      <c r="CV486" s="20">
        <v>1.68201</v>
      </c>
      <c r="CW486" s="20">
        <v>1.6978500000000001</v>
      </c>
      <c r="CX486" s="20">
        <v>1.7496799999999999</v>
      </c>
      <c r="CY486" s="6" t="s">
        <v>470</v>
      </c>
      <c r="CZ486" s="6" t="s">
        <v>471</v>
      </c>
      <c r="DA486" s="6" t="s">
        <v>160</v>
      </c>
      <c r="DB486" s="6"/>
      <c r="DC486" s="6">
        <v>28140</v>
      </c>
      <c r="DD486" s="6">
        <v>312</v>
      </c>
      <c r="DE486" s="6" t="s">
        <v>402</v>
      </c>
      <c r="DF486" s="6" t="s">
        <v>375</v>
      </c>
      <c r="DG486" s="6" t="s">
        <v>364</v>
      </c>
      <c r="DH486" s="6" t="s">
        <v>419</v>
      </c>
      <c r="DI486" s="6" t="s">
        <v>377</v>
      </c>
      <c r="DJ486" s="6">
        <v>29</v>
      </c>
      <c r="DK486" s="6">
        <v>47</v>
      </c>
      <c r="DL486" s="6">
        <v>1</v>
      </c>
      <c r="DM486" s="6" t="s">
        <v>404</v>
      </c>
      <c r="DN486" s="6">
        <v>1</v>
      </c>
      <c r="DO486" s="6" t="s">
        <v>405</v>
      </c>
      <c r="DP486" s="6"/>
      <c r="DQ486" s="6"/>
    </row>
    <row r="487" spans="1:121" x14ac:dyDescent="0.2">
      <c r="A487" s="6" t="s">
        <v>313</v>
      </c>
      <c r="B487" s="6" t="s">
        <v>313</v>
      </c>
      <c r="C487" s="6" t="s">
        <v>178</v>
      </c>
      <c r="D487" s="6" t="s">
        <v>160</v>
      </c>
      <c r="E487" s="6" t="s">
        <v>299</v>
      </c>
      <c r="F487" s="11">
        <v>-171</v>
      </c>
      <c r="G487" s="13">
        <v>-3.2331253545099997E-2</v>
      </c>
      <c r="H487" s="11">
        <v>171.31593881000026</v>
      </c>
      <c r="I487" s="13">
        <v>3.2389279103705142E-2</v>
      </c>
      <c r="J487" s="11">
        <v>-619.78761053000017</v>
      </c>
      <c r="K487" s="13">
        <v>-0.11350184364118784</v>
      </c>
      <c r="L487" s="11">
        <v>276.85547889999998</v>
      </c>
      <c r="M487" s="13">
        <v>5.7192003576668274E-2</v>
      </c>
      <c r="N487" s="11">
        <v>-342.93213163000019</v>
      </c>
      <c r="O487" s="13">
        <v>-6.2801237912004829E-2</v>
      </c>
      <c r="P487" s="7">
        <v>5289.2791550399998</v>
      </c>
      <c r="Q487" s="7">
        <v>5191.1409536199999</v>
      </c>
      <c r="R487" s="7">
        <v>4839.2027703699996</v>
      </c>
      <c r="S487" s="7">
        <v>4785.6744179200005</v>
      </c>
      <c r="T487" s="7">
        <v>5139.6830832400001</v>
      </c>
      <c r="U487" s="7">
        <v>5161.19259126</v>
      </c>
      <c r="V487" s="7">
        <v>5460.59509385</v>
      </c>
      <c r="W487" s="7">
        <v>5548.1173321599999</v>
      </c>
      <c r="X487" s="7">
        <v>5013.2439031800004</v>
      </c>
      <c r="Y487" s="7">
        <v>4840.8074833199998</v>
      </c>
      <c r="Z487" s="7">
        <v>4692.1759662599998</v>
      </c>
      <c r="AA487" s="7">
        <v>4528.4935200500004</v>
      </c>
      <c r="AB487" s="7">
        <v>4707.8971507200004</v>
      </c>
      <c r="AC487" s="7">
        <v>4750.1454341199997</v>
      </c>
      <c r="AD487" s="7">
        <v>5024.22631611</v>
      </c>
      <c r="AE487" s="7">
        <v>5059.5621806700001</v>
      </c>
      <c r="AF487" s="7">
        <v>5117.6629622199998</v>
      </c>
      <c r="AG487" s="9">
        <v>24550.530874000004</v>
      </c>
      <c r="AH487" s="13">
        <v>0.50968591514220574</v>
      </c>
      <c r="AI487" s="9">
        <v>9762.8047030000016</v>
      </c>
      <c r="AJ487" s="13">
        <v>0.20268254380897857</v>
      </c>
      <c r="AK487" s="9">
        <v>8414.2381687000016</v>
      </c>
      <c r="AL487" s="13">
        <v>0.14524645381592879</v>
      </c>
      <c r="AM487" s="9">
        <v>6373.4880023000005</v>
      </c>
      <c r="AN487" s="13">
        <v>9.6065833256708394E-2</v>
      </c>
      <c r="AO487" s="9">
        <v>14787.726171000002</v>
      </c>
      <c r="AP487" s="13">
        <v>0.25526550868604642</v>
      </c>
      <c r="AQ487" s="9">
        <v>48167.9601979</v>
      </c>
      <c r="AR487" s="9">
        <v>48299.267923899999</v>
      </c>
      <c r="AS487" s="9">
        <v>48942.950570399997</v>
      </c>
      <c r="AT487" s="9">
        <v>50454.501274599999</v>
      </c>
      <c r="AU487" s="9">
        <v>52618.673996400001</v>
      </c>
      <c r="AV487" s="9">
        <v>55030.105327099998</v>
      </c>
      <c r="AW487" s="9">
        <v>57930.764900900002</v>
      </c>
      <c r="AX487" s="9">
        <v>59835.1107615</v>
      </c>
      <c r="AY487" s="9">
        <v>61831.1145397</v>
      </c>
      <c r="AZ487" s="9">
        <v>66345.003069600003</v>
      </c>
      <c r="BA487" s="9">
        <v>66612.091648500005</v>
      </c>
      <c r="BB487" s="9">
        <v>66991.110895899998</v>
      </c>
      <c r="BC487" s="9">
        <v>69201.760113700002</v>
      </c>
      <c r="BD487" s="9">
        <v>69945.131731799993</v>
      </c>
      <c r="BE487" s="9">
        <v>71213.780604900006</v>
      </c>
      <c r="BF487" s="9">
        <v>72718.491071900004</v>
      </c>
      <c r="BG487" s="11">
        <v>11.5</v>
      </c>
      <c r="BH487" s="13">
        <v>3.1165311653116531E-2</v>
      </c>
      <c r="BI487" s="6">
        <v>19</v>
      </c>
      <c r="BJ487" s="13">
        <v>5.1490514905149054E-2</v>
      </c>
      <c r="BK487" s="6">
        <v>-22</v>
      </c>
      <c r="BL487" s="13">
        <v>-5.6701030927835051E-2</v>
      </c>
      <c r="BM487" s="11">
        <v>14.5</v>
      </c>
      <c r="BN487" s="13">
        <v>3.9617486338797817E-2</v>
      </c>
      <c r="BO487" s="11">
        <v>-7.5</v>
      </c>
      <c r="BP487" s="13">
        <v>-1.9329896907216496E-2</v>
      </c>
      <c r="BQ487" s="6">
        <v>369</v>
      </c>
      <c r="BR487" s="6">
        <v>379</v>
      </c>
      <c r="BS487" s="6">
        <v>383</v>
      </c>
      <c r="BT487" s="6">
        <v>388</v>
      </c>
      <c r="BU487" s="6">
        <v>384</v>
      </c>
      <c r="BV487" s="6">
        <v>367</v>
      </c>
      <c r="BW487" s="6">
        <v>366</v>
      </c>
      <c r="BX487" s="6">
        <v>369</v>
      </c>
      <c r="BY487" s="6">
        <v>368</v>
      </c>
      <c r="BZ487" s="6">
        <v>370</v>
      </c>
      <c r="CA487" s="6">
        <v>367</v>
      </c>
      <c r="CB487" s="6">
        <v>382</v>
      </c>
      <c r="CC487" s="11">
        <v>380.5</v>
      </c>
      <c r="CD487" s="11">
        <v>-317.30700000000002</v>
      </c>
      <c r="CE487" s="11">
        <v>-432.49099999999999</v>
      </c>
      <c r="CF487" s="11">
        <v>578.18200000000002</v>
      </c>
      <c r="CG487" s="11">
        <v>146</v>
      </c>
      <c r="CH487" s="20">
        <v>1.37473</v>
      </c>
      <c r="CI487" s="20">
        <v>1.36429</v>
      </c>
      <c r="CJ487" s="20">
        <v>1.2637499999999999</v>
      </c>
      <c r="CK487" s="20">
        <v>1.2437100000000001</v>
      </c>
      <c r="CL487" s="20">
        <v>1.3149900000000001</v>
      </c>
      <c r="CM487" s="20">
        <v>1.29894</v>
      </c>
      <c r="CN487" s="20">
        <v>1.3372999999999999</v>
      </c>
      <c r="CO487" s="20">
        <v>1.36338</v>
      </c>
      <c r="CP487" s="20">
        <v>1.31433</v>
      </c>
      <c r="CQ487" s="20">
        <v>1.2425900000000001</v>
      </c>
      <c r="CR487" s="20">
        <v>1.21719</v>
      </c>
      <c r="CS487" s="20">
        <v>1.19906</v>
      </c>
      <c r="CT487" s="20">
        <v>1.21695</v>
      </c>
      <c r="CU487" s="20">
        <v>1.1831100000000001</v>
      </c>
      <c r="CV487" s="20">
        <v>1.21017</v>
      </c>
      <c r="CW487" s="20">
        <v>1.1934199999999999</v>
      </c>
      <c r="CX487" s="20">
        <v>1.1816800000000001</v>
      </c>
      <c r="CY487" s="6" t="s">
        <v>470</v>
      </c>
      <c r="CZ487" s="6" t="s">
        <v>471</v>
      </c>
      <c r="DA487" s="6" t="s">
        <v>160</v>
      </c>
      <c r="DB487" s="6"/>
      <c r="DC487" s="6">
        <v>28140</v>
      </c>
      <c r="DD487" s="6">
        <v>312</v>
      </c>
      <c r="DE487" s="6" t="s">
        <v>402</v>
      </c>
      <c r="DF487" s="6" t="s">
        <v>375</v>
      </c>
      <c r="DG487" s="6" t="s">
        <v>364</v>
      </c>
      <c r="DH487" s="6" t="s">
        <v>419</v>
      </c>
      <c r="DI487" s="6" t="s">
        <v>377</v>
      </c>
      <c r="DJ487" s="6">
        <v>29</v>
      </c>
      <c r="DK487" s="6">
        <v>47</v>
      </c>
      <c r="DL487" s="6">
        <v>1</v>
      </c>
      <c r="DM487" s="6" t="s">
        <v>404</v>
      </c>
      <c r="DN487" s="6">
        <v>1</v>
      </c>
      <c r="DO487" s="6" t="s">
        <v>405</v>
      </c>
      <c r="DP487" s="6"/>
      <c r="DQ487" s="6"/>
    </row>
    <row r="488" spans="1:121" x14ac:dyDescent="0.2">
      <c r="A488" s="6" t="s">
        <v>793</v>
      </c>
      <c r="B488" s="6" t="s">
        <v>179</v>
      </c>
      <c r="C488" s="6" t="s">
        <v>180</v>
      </c>
      <c r="D488" s="6" t="s">
        <v>160</v>
      </c>
      <c r="E488" s="6" t="s">
        <v>299</v>
      </c>
      <c r="F488" s="11">
        <v>-1160</v>
      </c>
      <c r="G488" s="13">
        <v>-0.08</v>
      </c>
      <c r="H488" s="11">
        <v>-1375</v>
      </c>
      <c r="I488" s="13">
        <v>-9.8800028741826543E-2</v>
      </c>
      <c r="J488" s="11">
        <v>-1354</v>
      </c>
      <c r="K488" s="13">
        <v>-0.10795726359432307</v>
      </c>
      <c r="L488" s="11">
        <v>1569</v>
      </c>
      <c r="M488" s="13">
        <v>0.1402395423668216</v>
      </c>
      <c r="N488" s="11">
        <v>215</v>
      </c>
      <c r="O488" s="13">
        <v>1.7142401530856322E-2</v>
      </c>
      <c r="P488" s="7">
        <v>13917</v>
      </c>
      <c r="Q488" s="7">
        <v>14167</v>
      </c>
      <c r="R488" s="7">
        <v>13548</v>
      </c>
      <c r="S488" s="7">
        <v>13560</v>
      </c>
      <c r="T488" s="7">
        <v>13082</v>
      </c>
      <c r="U488" s="7">
        <v>13079</v>
      </c>
      <c r="V488" s="7">
        <v>12542</v>
      </c>
      <c r="W488" s="7">
        <v>12199</v>
      </c>
      <c r="X488" s="7">
        <v>11544</v>
      </c>
      <c r="Y488" s="7">
        <v>11188</v>
      </c>
      <c r="Z488" s="7">
        <v>11565</v>
      </c>
      <c r="AA488" s="7">
        <v>11500</v>
      </c>
      <c r="AB488" s="7">
        <v>11319</v>
      </c>
      <c r="AC488" s="7">
        <v>11687</v>
      </c>
      <c r="AD488" s="7">
        <v>12180</v>
      </c>
      <c r="AE488" s="7">
        <v>12504</v>
      </c>
      <c r="AF488" s="7">
        <v>12757</v>
      </c>
      <c r="AG488" s="9">
        <v>8240</v>
      </c>
      <c r="AH488" s="13">
        <v>0.31809759110562075</v>
      </c>
      <c r="AI488" s="9">
        <v>3457</v>
      </c>
      <c r="AJ488" s="13">
        <v>0.13345429277331686</v>
      </c>
      <c r="AK488" s="9">
        <v>1250</v>
      </c>
      <c r="AL488" s="13">
        <v>4.2573481829637952E-2</v>
      </c>
      <c r="AM488" s="9">
        <v>3533</v>
      </c>
      <c r="AN488" s="13">
        <v>0.11541602691842802</v>
      </c>
      <c r="AO488" s="9">
        <v>4783</v>
      </c>
      <c r="AP488" s="13">
        <v>0.16290317087292666</v>
      </c>
      <c r="AQ488" s="9">
        <v>25904</v>
      </c>
      <c r="AR488" s="9">
        <v>26897</v>
      </c>
      <c r="AS488" s="9">
        <v>27671</v>
      </c>
      <c r="AT488" s="9">
        <v>28014</v>
      </c>
      <c r="AU488" s="9">
        <v>27502</v>
      </c>
      <c r="AV488" s="9">
        <v>28604</v>
      </c>
      <c r="AW488" s="9">
        <v>29361</v>
      </c>
      <c r="AX488" s="9">
        <v>30106</v>
      </c>
      <c r="AY488" s="9">
        <v>30180</v>
      </c>
      <c r="AZ488" s="9">
        <v>30611</v>
      </c>
      <c r="BA488" s="9">
        <v>30817</v>
      </c>
      <c r="BB488" s="9">
        <v>31744</v>
      </c>
      <c r="BC488" s="9">
        <v>32159</v>
      </c>
      <c r="BD488" s="9">
        <v>32045</v>
      </c>
      <c r="BE488" s="9">
        <v>33453</v>
      </c>
      <c r="BF488" s="9">
        <v>34144</v>
      </c>
      <c r="BG488" s="11">
        <v>-77</v>
      </c>
      <c r="BH488" s="13">
        <v>-0.11666666666666667</v>
      </c>
      <c r="BI488" s="6">
        <v>-26</v>
      </c>
      <c r="BJ488" s="13">
        <v>-3.9393939393939391E-2</v>
      </c>
      <c r="BK488" s="6">
        <v>-50</v>
      </c>
      <c r="BL488" s="13">
        <v>-7.8864353312302835E-2</v>
      </c>
      <c r="BM488" s="11">
        <v>-1</v>
      </c>
      <c r="BN488" s="13">
        <v>-1.7123287671232876E-3</v>
      </c>
      <c r="BO488" s="11">
        <v>-51</v>
      </c>
      <c r="BP488" s="13">
        <v>-8.0441640378548895E-2</v>
      </c>
      <c r="BQ488" s="6">
        <v>660</v>
      </c>
      <c r="BR488" s="6">
        <v>642</v>
      </c>
      <c r="BS488" s="6">
        <v>644</v>
      </c>
      <c r="BT488" s="6">
        <v>634</v>
      </c>
      <c r="BU488" s="6">
        <v>605</v>
      </c>
      <c r="BV488" s="6">
        <v>579</v>
      </c>
      <c r="BW488" s="6">
        <v>584</v>
      </c>
      <c r="BX488" s="6">
        <v>574</v>
      </c>
      <c r="BY488" s="6">
        <v>579</v>
      </c>
      <c r="BZ488" s="6">
        <v>565</v>
      </c>
      <c r="CA488" s="6">
        <v>570</v>
      </c>
      <c r="CB488" s="6">
        <v>571</v>
      </c>
      <c r="CC488" s="11">
        <v>583</v>
      </c>
      <c r="CD488" s="11">
        <v>-1789</v>
      </c>
      <c r="CE488" s="11">
        <v>-892</v>
      </c>
      <c r="CF488" s="11">
        <v>1521</v>
      </c>
      <c r="CG488" s="11">
        <v>629</v>
      </c>
      <c r="CH488" s="20">
        <v>1.35</v>
      </c>
      <c r="CI488" s="20">
        <v>1.36</v>
      </c>
      <c r="CJ488" s="20">
        <v>1.3</v>
      </c>
      <c r="CK488" s="20">
        <v>1.3</v>
      </c>
      <c r="CL488" s="20">
        <v>1.24</v>
      </c>
      <c r="CM488" s="20">
        <v>1.24</v>
      </c>
      <c r="CN488" s="20">
        <v>1.17</v>
      </c>
      <c r="CO488" s="20">
        <v>1.1499999999999999</v>
      </c>
      <c r="CP488" s="20">
        <v>1.1399999999999999</v>
      </c>
      <c r="CQ488" s="20">
        <v>1.07</v>
      </c>
      <c r="CR488" s="20">
        <v>1.1200000000000001</v>
      </c>
      <c r="CS488" s="20">
        <v>1.1399999999999999</v>
      </c>
      <c r="CT488" s="20">
        <v>1.1000000000000001</v>
      </c>
      <c r="CU488" s="20">
        <v>1.0900000000000001</v>
      </c>
      <c r="CV488" s="20">
        <v>1.08</v>
      </c>
      <c r="CW488" s="20">
        <v>1.08</v>
      </c>
      <c r="CX488" s="20">
        <v>1.08</v>
      </c>
      <c r="CY488" s="6" t="s">
        <v>470</v>
      </c>
      <c r="CZ488" s="6" t="s">
        <v>471</v>
      </c>
      <c r="DA488" s="6" t="s">
        <v>160</v>
      </c>
      <c r="DB488" s="6"/>
      <c r="DC488" s="6">
        <v>28140</v>
      </c>
      <c r="DD488" s="6">
        <v>312</v>
      </c>
      <c r="DE488" s="6" t="s">
        <v>402</v>
      </c>
      <c r="DF488" s="6" t="s">
        <v>375</v>
      </c>
      <c r="DG488" s="6" t="s">
        <v>364</v>
      </c>
      <c r="DH488" s="6" t="s">
        <v>419</v>
      </c>
      <c r="DI488" s="6" t="s">
        <v>377</v>
      </c>
      <c r="DJ488" s="6">
        <v>29</v>
      </c>
      <c r="DK488" s="6">
        <v>47</v>
      </c>
      <c r="DL488" s="6">
        <v>1</v>
      </c>
      <c r="DM488" s="6" t="s">
        <v>404</v>
      </c>
      <c r="DN488" s="6">
        <v>1</v>
      </c>
      <c r="DO488" s="6" t="s">
        <v>405</v>
      </c>
      <c r="DP488" s="6"/>
      <c r="DQ488" s="6"/>
    </row>
    <row r="489" spans="1:121" x14ac:dyDescent="0.2">
      <c r="A489" s="6" t="s">
        <v>794</v>
      </c>
      <c r="B489" s="6" t="s">
        <v>181</v>
      </c>
      <c r="C489" s="6" t="s">
        <v>182</v>
      </c>
      <c r="D489" s="6" t="s">
        <v>160</v>
      </c>
      <c r="E489" s="6" t="s">
        <v>299</v>
      </c>
      <c r="F489" s="11">
        <v>805</v>
      </c>
      <c r="G489" s="13">
        <v>0.16979540181399999</v>
      </c>
      <c r="H489" s="11">
        <v>609.13449564000075</v>
      </c>
      <c r="I489" s="13">
        <v>0.12848053371852061</v>
      </c>
      <c r="J489" s="11">
        <v>-825.74686319000011</v>
      </c>
      <c r="K489" s="13">
        <v>-0.15433946773228596</v>
      </c>
      <c r="L489" s="11">
        <v>1021.2493011999995</v>
      </c>
      <c r="M489" s="13">
        <v>0.22571778290824049</v>
      </c>
      <c r="N489" s="11">
        <v>195.50243800999942</v>
      </c>
      <c r="O489" s="13">
        <v>3.6541152704184995E-2</v>
      </c>
      <c r="P489" s="7">
        <v>4741.0644866599996</v>
      </c>
      <c r="Q489" s="7">
        <v>4502.7218342699998</v>
      </c>
      <c r="R489" s="7">
        <v>4719.4174432099999</v>
      </c>
      <c r="S489" s="7">
        <v>4688.1275934599998</v>
      </c>
      <c r="T489" s="7">
        <v>4934.1710837999999</v>
      </c>
      <c r="U489" s="7">
        <v>5066.85516293</v>
      </c>
      <c r="V489" s="7">
        <v>5350.1989823000004</v>
      </c>
      <c r="W489" s="7">
        <v>4316.0392177100002</v>
      </c>
      <c r="X489" s="7">
        <v>3827.7095041399998</v>
      </c>
      <c r="Y489" s="7">
        <v>4524.4521191100002</v>
      </c>
      <c r="Z489" s="7">
        <v>4611.3529885799999</v>
      </c>
      <c r="AA489" s="7">
        <v>4272.7213972199997</v>
      </c>
      <c r="AB489" s="7">
        <v>4801.07928421</v>
      </c>
      <c r="AC489" s="7">
        <v>4921.8395652199997</v>
      </c>
      <c r="AD489" s="7">
        <v>5138.3269247799999</v>
      </c>
      <c r="AE489" s="7">
        <v>5426.2366329699998</v>
      </c>
      <c r="AF489" s="7">
        <v>5545.7014203099998</v>
      </c>
      <c r="AG489" s="9">
        <v>11044.809088499998</v>
      </c>
      <c r="AH489" s="13">
        <v>0.24830354662102552</v>
      </c>
      <c r="AI489" s="9">
        <v>9483.947155599999</v>
      </c>
      <c r="AJ489" s="13">
        <v>0.21321307555726043</v>
      </c>
      <c r="AK489" s="9">
        <v>-1277.5258745000028</v>
      </c>
      <c r="AL489" s="13">
        <v>-2.367321988438429E-2</v>
      </c>
      <c r="AM489" s="9">
        <v>2838.3878074000022</v>
      </c>
      <c r="AN489" s="13">
        <v>5.3872131323749059E-2</v>
      </c>
      <c r="AO489" s="9">
        <v>1560.8619328999994</v>
      </c>
      <c r="AP489" s="13">
        <v>2.8923584628897225E-2</v>
      </c>
      <c r="AQ489" s="9">
        <v>44481.076645100002</v>
      </c>
      <c r="AR489" s="9">
        <v>46161.987789300001</v>
      </c>
      <c r="AS489" s="9">
        <v>46769.732897399997</v>
      </c>
      <c r="AT489" s="9">
        <v>51363.271793899999</v>
      </c>
      <c r="AU489" s="9">
        <v>52631.234896499998</v>
      </c>
      <c r="AV489" s="9">
        <v>50791.915296799998</v>
      </c>
      <c r="AW489" s="9">
        <v>53965.023800700001</v>
      </c>
      <c r="AX489" s="9">
        <v>55132.865044899998</v>
      </c>
      <c r="AY489" s="9">
        <v>53803.538337899998</v>
      </c>
      <c r="AZ489" s="9">
        <v>52687.497926199998</v>
      </c>
      <c r="BA489" s="9">
        <v>52977.9631543</v>
      </c>
      <c r="BB489" s="9">
        <v>57278.813834</v>
      </c>
      <c r="BC489" s="9">
        <v>53300.185709400001</v>
      </c>
      <c r="BD489" s="9">
        <v>53453.079254700002</v>
      </c>
      <c r="BE489" s="9">
        <v>55009.027367100003</v>
      </c>
      <c r="BF489" s="9">
        <v>55525.8857336</v>
      </c>
      <c r="BG489" s="11">
        <v>-24.5</v>
      </c>
      <c r="BH489" s="13">
        <v>-0.11448598130841121</v>
      </c>
      <c r="BI489" s="6">
        <v>12</v>
      </c>
      <c r="BJ489" s="13">
        <v>5.6074766355140186E-2</v>
      </c>
      <c r="BK489" s="6">
        <v>-15</v>
      </c>
      <c r="BL489" s="13">
        <v>-6.637168141592921E-2</v>
      </c>
      <c r="BM489" s="11">
        <v>-21.5</v>
      </c>
      <c r="BN489" s="13">
        <v>-0.1018957345971564</v>
      </c>
      <c r="BO489" s="11">
        <v>-36.5</v>
      </c>
      <c r="BP489" s="13">
        <v>-0.16150442477876106</v>
      </c>
      <c r="BQ489" s="6">
        <v>214</v>
      </c>
      <c r="BR489" s="6">
        <v>225</v>
      </c>
      <c r="BS489" s="6">
        <v>226</v>
      </c>
      <c r="BT489" s="6">
        <v>226</v>
      </c>
      <c r="BU489" s="6">
        <v>224</v>
      </c>
      <c r="BV489" s="6">
        <v>215</v>
      </c>
      <c r="BW489" s="6">
        <v>211</v>
      </c>
      <c r="BX489" s="6">
        <v>194</v>
      </c>
      <c r="BY489" s="6">
        <v>191</v>
      </c>
      <c r="BZ489" s="6">
        <v>186</v>
      </c>
      <c r="CA489" s="6">
        <v>188</v>
      </c>
      <c r="CB489" s="6">
        <v>192</v>
      </c>
      <c r="CC489" s="11">
        <v>189.5</v>
      </c>
      <c r="CD489" s="11">
        <v>-12.4497</v>
      </c>
      <c r="CE489" s="11">
        <v>298.83100000000002</v>
      </c>
      <c r="CF489" s="11">
        <v>518.255</v>
      </c>
      <c r="CG489" s="11">
        <v>817</v>
      </c>
      <c r="CH489" s="20">
        <v>1.55664</v>
      </c>
      <c r="CI489" s="20">
        <v>1.5075799999999999</v>
      </c>
      <c r="CJ489" s="20">
        <v>1.5734399999999999</v>
      </c>
      <c r="CK489" s="20">
        <v>1.54044</v>
      </c>
      <c r="CL489" s="20">
        <v>1.5865800000000001</v>
      </c>
      <c r="CM489" s="20">
        <v>1.59805</v>
      </c>
      <c r="CN489" s="20">
        <v>1.63846</v>
      </c>
      <c r="CO489" s="20">
        <v>1.3264100000000001</v>
      </c>
      <c r="CP489" s="20">
        <v>1.25135</v>
      </c>
      <c r="CQ489" s="20">
        <v>1.43947</v>
      </c>
      <c r="CR489" s="20">
        <v>1.46343</v>
      </c>
      <c r="CS489" s="20">
        <v>1.3786499999999999</v>
      </c>
      <c r="CT489" s="20">
        <v>1.50326</v>
      </c>
      <c r="CU489" s="20">
        <v>1.4518</v>
      </c>
      <c r="CV489" s="20">
        <v>1.4155599999999999</v>
      </c>
      <c r="CW489" s="20">
        <v>1.4264699999999999</v>
      </c>
      <c r="CX489" s="20">
        <v>1.4178200000000001</v>
      </c>
      <c r="CY489" s="6" t="s">
        <v>470</v>
      </c>
      <c r="CZ489" s="6" t="s">
        <v>471</v>
      </c>
      <c r="DA489" s="6" t="s">
        <v>160</v>
      </c>
      <c r="DB489" s="6"/>
      <c r="DC489" s="6">
        <v>28140</v>
      </c>
      <c r="DD489" s="6">
        <v>312</v>
      </c>
      <c r="DE489" s="6" t="s">
        <v>402</v>
      </c>
      <c r="DF489" s="6" t="s">
        <v>375</v>
      </c>
      <c r="DG489" s="6" t="s">
        <v>364</v>
      </c>
      <c r="DH489" s="6" t="s">
        <v>419</v>
      </c>
      <c r="DI489" s="6" t="s">
        <v>377</v>
      </c>
      <c r="DJ489" s="6">
        <v>29</v>
      </c>
      <c r="DK489" s="6">
        <v>47</v>
      </c>
      <c r="DL489" s="6">
        <v>1</v>
      </c>
      <c r="DM489" s="6" t="s">
        <v>404</v>
      </c>
      <c r="DN489" s="6">
        <v>1</v>
      </c>
      <c r="DO489" s="6" t="s">
        <v>405</v>
      </c>
      <c r="DP489" s="6"/>
      <c r="DQ489" s="6"/>
    </row>
    <row r="490" spans="1:121" x14ac:dyDescent="0.2">
      <c r="A490" s="6" t="s">
        <v>314</v>
      </c>
      <c r="B490" s="6" t="s">
        <v>314</v>
      </c>
      <c r="C490" s="6" t="s">
        <v>183</v>
      </c>
      <c r="D490" s="6" t="s">
        <v>160</v>
      </c>
      <c r="E490" s="6" t="s">
        <v>299</v>
      </c>
      <c r="F490" s="11">
        <v>-254</v>
      </c>
      <c r="G490" s="13">
        <v>-0.30166270783799998</v>
      </c>
      <c r="H490" s="11">
        <v>-161.52305538799999</v>
      </c>
      <c r="I490" s="13">
        <v>-0.19185255279352961</v>
      </c>
      <c r="J490" s="11">
        <v>2900.3492804460002</v>
      </c>
      <c r="K490" s="13">
        <v>4.262778410492416</v>
      </c>
      <c r="L490" s="11">
        <v>-2992.8521109860003</v>
      </c>
      <c r="M490" s="13">
        <v>-0.83581974869849407</v>
      </c>
      <c r="N490" s="11">
        <v>-92.502830539999991</v>
      </c>
      <c r="O490" s="13">
        <v>-0.13595571802121509</v>
      </c>
      <c r="P490" s="7">
        <v>841.91246369199996</v>
      </c>
      <c r="Q490" s="7">
        <v>827.88454882600001</v>
      </c>
      <c r="R490" s="7">
        <v>733.94600371800004</v>
      </c>
      <c r="S490" s="7">
        <v>599.01105692800002</v>
      </c>
      <c r="T490" s="7">
        <v>546.35376171500002</v>
      </c>
      <c r="U490" s="7">
        <v>593.71301895399995</v>
      </c>
      <c r="V490" s="7">
        <v>680.38940830399997</v>
      </c>
      <c r="W490" s="7">
        <v>569.18460741199999</v>
      </c>
      <c r="X490" s="7">
        <v>496.897312199</v>
      </c>
      <c r="Y490" s="7">
        <v>3580.7386887500002</v>
      </c>
      <c r="Z490" s="7">
        <v>3414.4117767900002</v>
      </c>
      <c r="AA490" s="7">
        <v>1359.1549579499999</v>
      </c>
      <c r="AB490" s="7">
        <v>1412.72563412</v>
      </c>
      <c r="AC490" s="7">
        <v>1387.4767636900001</v>
      </c>
      <c r="AD490" s="7">
        <v>570.34798763399999</v>
      </c>
      <c r="AE490" s="7">
        <v>566.10372030999997</v>
      </c>
      <c r="AF490" s="7">
        <v>587.88657776399998</v>
      </c>
      <c r="AG490" s="9">
        <v>31454.803680899997</v>
      </c>
      <c r="AH490" s="13">
        <v>0.87066033488851236</v>
      </c>
      <c r="AI490" s="9">
        <v>1280.0423140999992</v>
      </c>
      <c r="AJ490" s="13">
        <v>3.5431220018788671E-2</v>
      </c>
      <c r="AK490" s="9">
        <v>59277.562106600002</v>
      </c>
      <c r="AL490" s="13">
        <v>1.5846408935723584</v>
      </c>
      <c r="AM490" s="9">
        <v>-29102.800739800005</v>
      </c>
      <c r="AN490" s="13">
        <v>-0.30100596321299455</v>
      </c>
      <c r="AO490" s="9">
        <v>30174.761366799998</v>
      </c>
      <c r="AP490" s="13">
        <v>0.80664857184291572</v>
      </c>
      <c r="AQ490" s="9">
        <v>36127.525764600003</v>
      </c>
      <c r="AR490" s="9">
        <v>35668.959406800001</v>
      </c>
      <c r="AS490" s="9">
        <v>35835.368383200002</v>
      </c>
      <c r="AT490" s="9">
        <v>38073.337267700001</v>
      </c>
      <c r="AU490" s="9">
        <v>37320.230665000003</v>
      </c>
      <c r="AV490" s="9">
        <v>38805.2452634</v>
      </c>
      <c r="AW490" s="9">
        <v>37407.568078700002</v>
      </c>
      <c r="AX490" s="9">
        <v>45231.509152300001</v>
      </c>
      <c r="AY490" s="9">
        <v>45681.715622099997</v>
      </c>
      <c r="AZ490" s="9">
        <v>96685.130185300004</v>
      </c>
      <c r="BA490" s="9">
        <v>104222.49424499999</v>
      </c>
      <c r="BB490" s="9">
        <v>55369.843209799998</v>
      </c>
      <c r="BC490" s="9">
        <v>54304.705170599998</v>
      </c>
      <c r="BD490" s="9">
        <v>58959.513781399997</v>
      </c>
      <c r="BE490" s="9">
        <v>63512.597618300002</v>
      </c>
      <c r="BF490" s="9">
        <v>67582.3294455</v>
      </c>
      <c r="BG490" s="11">
        <v>-4.5</v>
      </c>
      <c r="BH490" s="13">
        <v>-7.7586206896551727E-2</v>
      </c>
      <c r="BI490" s="6">
        <v>0</v>
      </c>
      <c r="BJ490" s="13">
        <v>0</v>
      </c>
      <c r="BK490" s="6">
        <v>1</v>
      </c>
      <c r="BL490" s="13">
        <v>1.7241379310344827E-2</v>
      </c>
      <c r="BM490" s="11">
        <v>-5.5</v>
      </c>
      <c r="BN490" s="13">
        <v>-9.3220338983050849E-2</v>
      </c>
      <c r="BO490" s="11">
        <v>-4.5</v>
      </c>
      <c r="BP490" s="13">
        <v>-7.7586206896551727E-2</v>
      </c>
      <c r="BQ490" s="6">
        <v>58</v>
      </c>
      <c r="BR490" s="6">
        <v>56</v>
      </c>
      <c r="BS490" s="6">
        <v>55</v>
      </c>
      <c r="BT490" s="6">
        <v>58</v>
      </c>
      <c r="BU490" s="6">
        <v>57</v>
      </c>
      <c r="BV490" s="6">
        <v>55</v>
      </c>
      <c r="BW490" s="6">
        <v>59</v>
      </c>
      <c r="BX490" s="6">
        <v>57</v>
      </c>
      <c r="BY490" s="6">
        <v>56</v>
      </c>
      <c r="BZ490" s="6">
        <v>53</v>
      </c>
      <c r="CA490" s="6">
        <v>56</v>
      </c>
      <c r="CB490" s="6">
        <v>53</v>
      </c>
      <c r="CC490" s="11">
        <v>53.5</v>
      </c>
      <c r="CD490" s="11">
        <v>-88.187299999999993</v>
      </c>
      <c r="CE490" s="11">
        <v>-257.87</v>
      </c>
      <c r="CF490" s="11">
        <v>92.031199999999998</v>
      </c>
      <c r="CG490" s="11">
        <v>-166</v>
      </c>
      <c r="CH490" s="20">
        <v>0.351026</v>
      </c>
      <c r="CI490" s="20">
        <v>0.36192400000000002</v>
      </c>
      <c r="CJ490" s="20">
        <v>0.33360899999999999</v>
      </c>
      <c r="CK490" s="20">
        <v>0.27969500000000003</v>
      </c>
      <c r="CL490" s="20">
        <v>0.25911200000000001</v>
      </c>
      <c r="CM490" s="20">
        <v>0.284412</v>
      </c>
      <c r="CN490" s="20">
        <v>0.32372400000000001</v>
      </c>
      <c r="CO490" s="20">
        <v>0.27413100000000001</v>
      </c>
      <c r="CP490" s="20">
        <v>0.25337100000000001</v>
      </c>
      <c r="CQ490" s="20">
        <v>1.8226100000000001</v>
      </c>
      <c r="CR490" s="20">
        <v>1.7981</v>
      </c>
      <c r="CS490" s="20">
        <v>0.74243199999999998</v>
      </c>
      <c r="CT490" s="20">
        <v>0.75661500000000004</v>
      </c>
      <c r="CU490" s="20">
        <v>0.71507699999999996</v>
      </c>
      <c r="CV490" s="20">
        <v>0.28455799999999998</v>
      </c>
      <c r="CW490" s="20">
        <v>0.27245399999999997</v>
      </c>
      <c r="CX490" s="20">
        <v>0.27864100000000003</v>
      </c>
      <c r="CY490" s="6" t="s">
        <v>470</v>
      </c>
      <c r="CZ490" s="6" t="s">
        <v>471</v>
      </c>
      <c r="DA490" s="6" t="s">
        <v>160</v>
      </c>
      <c r="DB490" s="6"/>
      <c r="DC490" s="6">
        <v>28140</v>
      </c>
      <c r="DD490" s="6">
        <v>312</v>
      </c>
      <c r="DE490" s="6" t="s">
        <v>402</v>
      </c>
      <c r="DF490" s="6" t="s">
        <v>375</v>
      </c>
      <c r="DG490" s="6" t="s">
        <v>364</v>
      </c>
      <c r="DH490" s="6" t="s">
        <v>419</v>
      </c>
      <c r="DI490" s="6" t="s">
        <v>377</v>
      </c>
      <c r="DJ490" s="6">
        <v>29</v>
      </c>
      <c r="DK490" s="6">
        <v>47</v>
      </c>
      <c r="DL490" s="6">
        <v>1</v>
      </c>
      <c r="DM490" s="6" t="s">
        <v>404</v>
      </c>
      <c r="DN490" s="6">
        <v>1</v>
      </c>
      <c r="DO490" s="6" t="s">
        <v>405</v>
      </c>
      <c r="DP490" s="6"/>
      <c r="DQ490" s="6"/>
    </row>
    <row r="491" spans="1:121" x14ac:dyDescent="0.2">
      <c r="A491" s="6" t="s">
        <v>315</v>
      </c>
      <c r="B491" s="6" t="s">
        <v>315</v>
      </c>
      <c r="C491" s="6" t="s">
        <v>184</v>
      </c>
      <c r="D491" s="6" t="s">
        <v>160</v>
      </c>
      <c r="E491" s="6" t="s">
        <v>299</v>
      </c>
      <c r="F491" s="11">
        <v>347</v>
      </c>
      <c r="G491" s="13">
        <v>0.17</v>
      </c>
      <c r="H491" s="11">
        <v>1165</v>
      </c>
      <c r="I491" s="13">
        <v>0.56416464891041163</v>
      </c>
      <c r="J491" s="11">
        <v>-472</v>
      </c>
      <c r="K491" s="13">
        <v>-0.14613003095975233</v>
      </c>
      <c r="L491" s="11">
        <v>-346</v>
      </c>
      <c r="M491" s="13">
        <v>-0.12545322697606962</v>
      </c>
      <c r="N491" s="11">
        <v>-818</v>
      </c>
      <c r="O491" s="13">
        <v>-0.25325077399380808</v>
      </c>
      <c r="P491" s="7">
        <v>2065</v>
      </c>
      <c r="Q491" s="7">
        <v>2171</v>
      </c>
      <c r="R491" s="7">
        <v>2229</v>
      </c>
      <c r="S491" s="7">
        <v>2329</v>
      </c>
      <c r="T491" s="7">
        <v>2224</v>
      </c>
      <c r="U491" s="7">
        <v>2358</v>
      </c>
      <c r="V491" s="7">
        <v>3230</v>
      </c>
      <c r="W491" s="7">
        <v>3741</v>
      </c>
      <c r="X491" s="7">
        <v>2887</v>
      </c>
      <c r="Y491" s="7">
        <v>2758</v>
      </c>
      <c r="Z491" s="7">
        <v>2272</v>
      </c>
      <c r="AA491" s="7">
        <v>2033</v>
      </c>
      <c r="AB491" s="7">
        <v>2332</v>
      </c>
      <c r="AC491" s="7">
        <v>2372</v>
      </c>
      <c r="AD491" s="7">
        <v>2404</v>
      </c>
      <c r="AE491" s="7">
        <v>2398</v>
      </c>
      <c r="AF491" s="7">
        <v>2412</v>
      </c>
      <c r="AG491" s="9">
        <v>24982</v>
      </c>
      <c r="AH491" s="13">
        <v>0.604028143813922</v>
      </c>
      <c r="AI491" s="9">
        <v>8918</v>
      </c>
      <c r="AJ491" s="13">
        <v>0.21562416886288352</v>
      </c>
      <c r="AK491" s="9">
        <v>5237</v>
      </c>
      <c r="AL491" s="13">
        <v>0.10416293732720729</v>
      </c>
      <c r="AM491" s="9">
        <v>10827</v>
      </c>
      <c r="AN491" s="13">
        <v>0.19503188384911915</v>
      </c>
      <c r="AO491" s="9">
        <v>16064</v>
      </c>
      <c r="AP491" s="13">
        <v>0.31950991507050935</v>
      </c>
      <c r="AQ491" s="9">
        <v>41359</v>
      </c>
      <c r="AR491" s="9">
        <v>45690</v>
      </c>
      <c r="AS491" s="9">
        <v>47859</v>
      </c>
      <c r="AT491" s="9">
        <v>48520</v>
      </c>
      <c r="AU491" s="9">
        <v>50777</v>
      </c>
      <c r="AV491" s="9">
        <v>50482</v>
      </c>
      <c r="AW491" s="9">
        <v>50277</v>
      </c>
      <c r="AX491" s="9">
        <v>57771</v>
      </c>
      <c r="AY491" s="9">
        <v>54143</v>
      </c>
      <c r="AZ491" s="9">
        <v>55514</v>
      </c>
      <c r="BA491" s="9">
        <v>57816</v>
      </c>
      <c r="BB491" s="9">
        <v>60158</v>
      </c>
      <c r="BC491" s="9">
        <v>60989</v>
      </c>
      <c r="BD491" s="9">
        <v>62860</v>
      </c>
      <c r="BE491" s="9">
        <v>65314</v>
      </c>
      <c r="BF491" s="9">
        <v>66341</v>
      </c>
      <c r="BG491" s="11">
        <v>21</v>
      </c>
      <c r="BH491" s="13">
        <v>0.06</v>
      </c>
      <c r="BI491" s="6">
        <v>9</v>
      </c>
      <c r="BJ491" s="13">
        <v>2.5714285714285714E-2</v>
      </c>
      <c r="BK491" s="6">
        <v>-26</v>
      </c>
      <c r="BL491" s="13">
        <v>-7.2423398328690811E-2</v>
      </c>
      <c r="BM491" s="11">
        <v>38</v>
      </c>
      <c r="BN491" s="13">
        <v>0.11411411411411411</v>
      </c>
      <c r="BO491" s="11">
        <v>12</v>
      </c>
      <c r="BP491" s="13">
        <v>3.3426183844011144E-2</v>
      </c>
      <c r="BQ491" s="6">
        <v>350</v>
      </c>
      <c r="BR491" s="6">
        <v>351</v>
      </c>
      <c r="BS491" s="6">
        <v>352</v>
      </c>
      <c r="BT491" s="6">
        <v>359</v>
      </c>
      <c r="BU491" s="6">
        <v>345</v>
      </c>
      <c r="BV491" s="6">
        <v>331</v>
      </c>
      <c r="BW491" s="6">
        <v>333</v>
      </c>
      <c r="BX491" s="6">
        <v>326</v>
      </c>
      <c r="BY491" s="6">
        <v>327</v>
      </c>
      <c r="BZ491" s="6">
        <v>338</v>
      </c>
      <c r="CA491" s="6">
        <v>338</v>
      </c>
      <c r="CB491" s="6">
        <v>367</v>
      </c>
      <c r="CC491" s="11">
        <v>371</v>
      </c>
      <c r="CD491" s="11">
        <v>285</v>
      </c>
      <c r="CE491" s="11">
        <v>-164</v>
      </c>
      <c r="CF491" s="11">
        <v>226</v>
      </c>
      <c r="CG491" s="11">
        <v>62</v>
      </c>
      <c r="CH491" s="20">
        <v>0.53</v>
      </c>
      <c r="CI491" s="20">
        <v>0.55000000000000004</v>
      </c>
      <c r="CJ491" s="20">
        <v>0.55000000000000004</v>
      </c>
      <c r="CK491" s="20">
        <v>0.56999999999999995</v>
      </c>
      <c r="CL491" s="20">
        <v>0.54</v>
      </c>
      <c r="CM491" s="20">
        <v>0.56999999999999995</v>
      </c>
      <c r="CN491" s="20">
        <v>0.77</v>
      </c>
      <c r="CO491" s="20">
        <v>0.91</v>
      </c>
      <c r="CP491" s="20">
        <v>0.73</v>
      </c>
      <c r="CQ491" s="20">
        <v>0.68</v>
      </c>
      <c r="CR491" s="20">
        <v>0.56999999999999995</v>
      </c>
      <c r="CS491" s="20">
        <v>0.53</v>
      </c>
      <c r="CT491" s="20">
        <v>0.6</v>
      </c>
      <c r="CU491" s="20">
        <v>0.59</v>
      </c>
      <c r="CV491" s="20">
        <v>0.56999999999999995</v>
      </c>
      <c r="CW491" s="20">
        <v>0.55000000000000004</v>
      </c>
      <c r="CX491" s="20">
        <v>0.55000000000000004</v>
      </c>
      <c r="CY491" s="6" t="s">
        <v>470</v>
      </c>
      <c r="CZ491" s="6" t="s">
        <v>471</v>
      </c>
      <c r="DA491" s="6" t="s">
        <v>160</v>
      </c>
      <c r="DB491" s="6"/>
      <c r="DC491" s="6">
        <v>28140</v>
      </c>
      <c r="DD491" s="6">
        <v>312</v>
      </c>
      <c r="DE491" s="6" t="s">
        <v>402</v>
      </c>
      <c r="DF491" s="6" t="s">
        <v>375</v>
      </c>
      <c r="DG491" s="6" t="s">
        <v>364</v>
      </c>
      <c r="DH491" s="6" t="s">
        <v>419</v>
      </c>
      <c r="DI491" s="6" t="s">
        <v>377</v>
      </c>
      <c r="DJ491" s="6">
        <v>29</v>
      </c>
      <c r="DK491" s="6">
        <v>47</v>
      </c>
      <c r="DL491" s="6">
        <v>1</v>
      </c>
      <c r="DM491" s="6" t="s">
        <v>404</v>
      </c>
      <c r="DN491" s="6">
        <v>1</v>
      </c>
      <c r="DO491" s="6" t="s">
        <v>405</v>
      </c>
      <c r="DP491" s="6"/>
      <c r="DQ491" s="6"/>
    </row>
    <row r="492" spans="1:121" x14ac:dyDescent="0.2">
      <c r="A492" s="6" t="s">
        <v>316</v>
      </c>
      <c r="B492" s="6" t="s">
        <v>316</v>
      </c>
      <c r="C492" s="6" t="s">
        <v>185</v>
      </c>
      <c r="D492" s="6" t="s">
        <v>160</v>
      </c>
      <c r="E492" s="6" t="s">
        <v>299</v>
      </c>
      <c r="F492" s="11">
        <v>248</v>
      </c>
      <c r="G492" s="13">
        <v>0.17</v>
      </c>
      <c r="H492" s="11">
        <v>140</v>
      </c>
      <c r="I492" s="13">
        <v>9.6286107290233847E-2</v>
      </c>
      <c r="J492" s="11">
        <v>-8</v>
      </c>
      <c r="K492" s="13">
        <v>-5.018820577164366E-3</v>
      </c>
      <c r="L492" s="11">
        <v>116</v>
      </c>
      <c r="M492" s="13">
        <v>7.3139974779319036E-2</v>
      </c>
      <c r="N492" s="11">
        <v>108</v>
      </c>
      <c r="O492" s="13">
        <v>6.775407779171895E-2</v>
      </c>
      <c r="P492" s="7">
        <v>1454</v>
      </c>
      <c r="Q492" s="7">
        <v>1604</v>
      </c>
      <c r="R492" s="7">
        <v>1646</v>
      </c>
      <c r="S492" s="7">
        <v>1666</v>
      </c>
      <c r="T492" s="7">
        <v>1628</v>
      </c>
      <c r="U492" s="7">
        <v>1635</v>
      </c>
      <c r="V492" s="7">
        <v>1594</v>
      </c>
      <c r="W492" s="7">
        <v>1635</v>
      </c>
      <c r="X492" s="7">
        <v>1496</v>
      </c>
      <c r="Y492" s="7">
        <v>1586</v>
      </c>
      <c r="Z492" s="7">
        <v>1593</v>
      </c>
      <c r="AA492" s="7">
        <v>1675</v>
      </c>
      <c r="AB492" s="7">
        <v>1578</v>
      </c>
      <c r="AC492" s="7">
        <v>1626</v>
      </c>
      <c r="AD492" s="7">
        <v>1644</v>
      </c>
      <c r="AE492" s="7">
        <v>1685</v>
      </c>
      <c r="AF492" s="7">
        <v>1702</v>
      </c>
      <c r="AG492" s="9">
        <v>17786</v>
      </c>
      <c r="AH492" s="13">
        <v>0.57368641744347326</v>
      </c>
      <c r="AI492" s="9">
        <v>4123</v>
      </c>
      <c r="AJ492" s="13">
        <v>0.13298713027771503</v>
      </c>
      <c r="AK492" s="9">
        <v>2046</v>
      </c>
      <c r="AL492" s="13">
        <v>5.8247452029835459E-2</v>
      </c>
      <c r="AM492" s="9">
        <v>11617</v>
      </c>
      <c r="AN492" s="13">
        <v>0.3125201764769181</v>
      </c>
      <c r="AO492" s="9">
        <v>13663</v>
      </c>
      <c r="AP492" s="13">
        <v>0.38897113249444853</v>
      </c>
      <c r="AQ492" s="9">
        <v>31003</v>
      </c>
      <c r="AR492" s="9">
        <v>33597</v>
      </c>
      <c r="AS492" s="9">
        <v>32145</v>
      </c>
      <c r="AT492" s="9">
        <v>32966</v>
      </c>
      <c r="AU492" s="9">
        <v>33913</v>
      </c>
      <c r="AV492" s="9">
        <v>34138</v>
      </c>
      <c r="AW492" s="9">
        <v>35126</v>
      </c>
      <c r="AX492" s="9">
        <v>36275</v>
      </c>
      <c r="AY492" s="9">
        <v>36317</v>
      </c>
      <c r="AZ492" s="9">
        <v>37172</v>
      </c>
      <c r="BA492" s="9">
        <v>37410</v>
      </c>
      <c r="BB492" s="9">
        <v>41571</v>
      </c>
      <c r="BC492" s="9">
        <v>42006</v>
      </c>
      <c r="BD492" s="9">
        <v>45180</v>
      </c>
      <c r="BE492" s="9">
        <v>48901</v>
      </c>
      <c r="BF492" s="9">
        <v>48789</v>
      </c>
      <c r="BG492" s="11">
        <v>10</v>
      </c>
      <c r="BH492" s="13">
        <v>4.1322314049586778E-2</v>
      </c>
      <c r="BI492" s="6">
        <v>-5</v>
      </c>
      <c r="BJ492" s="13">
        <v>-2.0661157024793389E-2</v>
      </c>
      <c r="BK492" s="6">
        <v>-15</v>
      </c>
      <c r="BL492" s="13">
        <v>-6.3291139240506333E-2</v>
      </c>
      <c r="BM492" s="11">
        <v>30</v>
      </c>
      <c r="BN492" s="13">
        <v>0.13513513513513514</v>
      </c>
      <c r="BO492" s="11">
        <v>15</v>
      </c>
      <c r="BP492" s="13">
        <v>6.3291139240506333E-2</v>
      </c>
      <c r="BQ492" s="6">
        <v>242</v>
      </c>
      <c r="BR492" s="6">
        <v>239</v>
      </c>
      <c r="BS492" s="6">
        <v>247</v>
      </c>
      <c r="BT492" s="6">
        <v>237</v>
      </c>
      <c r="BU492" s="6">
        <v>240</v>
      </c>
      <c r="BV492" s="6">
        <v>230</v>
      </c>
      <c r="BW492" s="6">
        <v>222</v>
      </c>
      <c r="BX492" s="6">
        <v>227</v>
      </c>
      <c r="BY492" s="6">
        <v>228</v>
      </c>
      <c r="BZ492" s="6">
        <v>226</v>
      </c>
      <c r="CA492" s="6">
        <v>238</v>
      </c>
      <c r="CB492" s="6">
        <v>248</v>
      </c>
      <c r="CC492" s="11">
        <v>252</v>
      </c>
      <c r="CD492" s="11">
        <v>163</v>
      </c>
      <c r="CE492" s="11">
        <v>-74</v>
      </c>
      <c r="CF492" s="11">
        <v>159</v>
      </c>
      <c r="CG492" s="11">
        <v>85</v>
      </c>
      <c r="CH492" s="20">
        <v>0.9</v>
      </c>
      <c r="CI492" s="20">
        <v>0.98</v>
      </c>
      <c r="CJ492" s="20">
        <v>0.97</v>
      </c>
      <c r="CK492" s="20">
        <v>0.96</v>
      </c>
      <c r="CL492" s="20">
        <v>0.91</v>
      </c>
      <c r="CM492" s="20">
        <v>0.91</v>
      </c>
      <c r="CN492" s="20">
        <v>0.88</v>
      </c>
      <c r="CO492" s="20">
        <v>0.93</v>
      </c>
      <c r="CP492" s="20">
        <v>0.9</v>
      </c>
      <c r="CQ492" s="20">
        <v>0.95</v>
      </c>
      <c r="CR492" s="20">
        <v>0.99</v>
      </c>
      <c r="CS492" s="20">
        <v>1.07</v>
      </c>
      <c r="CT492" s="20">
        <v>0.98</v>
      </c>
      <c r="CU492" s="20">
        <v>0.96</v>
      </c>
      <c r="CV492" s="20">
        <v>0.93</v>
      </c>
      <c r="CW492" s="20">
        <v>0.92</v>
      </c>
      <c r="CX492" s="20">
        <v>0.91</v>
      </c>
      <c r="CY492" s="6" t="s">
        <v>470</v>
      </c>
      <c r="CZ492" s="6" t="s">
        <v>471</v>
      </c>
      <c r="DA492" s="6" t="s">
        <v>160</v>
      </c>
      <c r="DB492" s="6"/>
      <c r="DC492" s="6">
        <v>28140</v>
      </c>
      <c r="DD492" s="6">
        <v>312</v>
      </c>
      <c r="DE492" s="6" t="s">
        <v>402</v>
      </c>
      <c r="DF492" s="6" t="s">
        <v>375</v>
      </c>
      <c r="DG492" s="6" t="s">
        <v>364</v>
      </c>
      <c r="DH492" s="6" t="s">
        <v>419</v>
      </c>
      <c r="DI492" s="6" t="s">
        <v>377</v>
      </c>
      <c r="DJ492" s="6">
        <v>29</v>
      </c>
      <c r="DK492" s="6">
        <v>47</v>
      </c>
      <c r="DL492" s="6">
        <v>1</v>
      </c>
      <c r="DM492" s="6" t="s">
        <v>404</v>
      </c>
      <c r="DN492" s="6">
        <v>1</v>
      </c>
      <c r="DO492" s="6" t="s">
        <v>405</v>
      </c>
      <c r="DP492" s="6"/>
      <c r="DQ492" s="6"/>
    </row>
    <row r="493" spans="1:121" x14ac:dyDescent="0.2">
      <c r="A493" s="6" t="s">
        <v>317</v>
      </c>
      <c r="B493" s="6" t="s">
        <v>317</v>
      </c>
      <c r="C493" s="6" t="s">
        <v>186</v>
      </c>
      <c r="D493" s="6" t="s">
        <v>160</v>
      </c>
      <c r="E493" s="6" t="s">
        <v>299</v>
      </c>
      <c r="F493" s="11">
        <v>6296</v>
      </c>
      <c r="G493" s="13">
        <v>1.32</v>
      </c>
      <c r="H493" s="11">
        <v>3280</v>
      </c>
      <c r="I493" s="13">
        <v>0.68835257082896117</v>
      </c>
      <c r="J493" s="11">
        <v>456</v>
      </c>
      <c r="K493" s="13">
        <v>5.6681168427594776E-2</v>
      </c>
      <c r="L493" s="11">
        <v>2560</v>
      </c>
      <c r="M493" s="13">
        <v>0.30114104223032584</v>
      </c>
      <c r="N493" s="11">
        <v>3016</v>
      </c>
      <c r="O493" s="13">
        <v>0.3748912367930391</v>
      </c>
      <c r="P493" s="7">
        <v>4765</v>
      </c>
      <c r="Q493" s="7">
        <v>5400</v>
      </c>
      <c r="R493" s="7">
        <v>5783</v>
      </c>
      <c r="S493" s="7">
        <v>6252</v>
      </c>
      <c r="T493" s="7">
        <v>7019</v>
      </c>
      <c r="U493" s="7">
        <v>7528</v>
      </c>
      <c r="V493" s="7">
        <v>8045</v>
      </c>
      <c r="W493" s="7">
        <v>8168</v>
      </c>
      <c r="X493" s="7">
        <v>8196</v>
      </c>
      <c r="Y493" s="7">
        <v>8501</v>
      </c>
      <c r="Z493" s="7">
        <v>7523</v>
      </c>
      <c r="AA493" s="7">
        <v>8358</v>
      </c>
      <c r="AB493" s="7">
        <v>8818</v>
      </c>
      <c r="AC493" s="7">
        <v>8833</v>
      </c>
      <c r="AD493" s="7">
        <v>9165</v>
      </c>
      <c r="AE493" s="7">
        <v>10672</v>
      </c>
      <c r="AF493" s="7">
        <v>11061</v>
      </c>
      <c r="AG493" s="9">
        <v>22263</v>
      </c>
      <c r="AH493" s="13">
        <v>0.36545248608808417</v>
      </c>
      <c r="AI493" s="9">
        <v>20476</v>
      </c>
      <c r="AJ493" s="13">
        <v>0.33611845237118143</v>
      </c>
      <c r="AK493" s="9">
        <v>8397</v>
      </c>
      <c r="AL493" s="13">
        <v>0.1031635849867928</v>
      </c>
      <c r="AM493" s="9">
        <v>-6610</v>
      </c>
      <c r="AN493" s="13">
        <v>-7.3614575908766924E-2</v>
      </c>
      <c r="AO493" s="9">
        <v>1787</v>
      </c>
      <c r="AP493" s="13">
        <v>2.1954665519995087E-2</v>
      </c>
      <c r="AQ493" s="9">
        <v>60919</v>
      </c>
      <c r="AR493" s="9">
        <v>63444</v>
      </c>
      <c r="AS493" s="9">
        <v>65347</v>
      </c>
      <c r="AT493" s="9">
        <v>70204</v>
      </c>
      <c r="AU493" s="9">
        <v>78501</v>
      </c>
      <c r="AV493" s="9">
        <v>75510</v>
      </c>
      <c r="AW493" s="9">
        <v>81395</v>
      </c>
      <c r="AX493" s="9">
        <v>81306</v>
      </c>
      <c r="AY493" s="9">
        <v>83584</v>
      </c>
      <c r="AZ493" s="9">
        <v>89792</v>
      </c>
      <c r="BA493" s="9">
        <v>84667</v>
      </c>
      <c r="BB493" s="9">
        <v>88300</v>
      </c>
      <c r="BC493" s="9">
        <v>91568</v>
      </c>
      <c r="BD493" s="9">
        <v>91698</v>
      </c>
      <c r="BE493" s="9">
        <v>90767</v>
      </c>
      <c r="BF493" s="9">
        <v>83182</v>
      </c>
      <c r="BG493" s="11">
        <v>154</v>
      </c>
      <c r="BH493" s="13">
        <v>0.35079726651480636</v>
      </c>
      <c r="BI493" s="6">
        <v>43</v>
      </c>
      <c r="BJ493" s="13">
        <v>9.7949886104783598E-2</v>
      </c>
      <c r="BK493" s="6">
        <v>21</v>
      </c>
      <c r="BL493" s="13">
        <v>4.3568464730290454E-2</v>
      </c>
      <c r="BM493" s="11">
        <v>90</v>
      </c>
      <c r="BN493" s="13">
        <v>0.17892644135188868</v>
      </c>
      <c r="BO493" s="11">
        <v>111</v>
      </c>
      <c r="BP493" s="13">
        <v>0.23029045643153526</v>
      </c>
      <c r="BQ493" s="6">
        <v>439</v>
      </c>
      <c r="BR493" s="6">
        <v>454</v>
      </c>
      <c r="BS493" s="6">
        <v>472</v>
      </c>
      <c r="BT493" s="6">
        <v>482</v>
      </c>
      <c r="BU493" s="6">
        <v>492</v>
      </c>
      <c r="BV493" s="6">
        <v>504</v>
      </c>
      <c r="BW493" s="6">
        <v>503</v>
      </c>
      <c r="BX493" s="6">
        <v>520</v>
      </c>
      <c r="BY493" s="6">
        <v>530</v>
      </c>
      <c r="BZ493" s="6">
        <v>537</v>
      </c>
      <c r="CA493" s="6">
        <v>538</v>
      </c>
      <c r="CB493" s="6">
        <v>588</v>
      </c>
      <c r="CC493" s="11">
        <v>593</v>
      </c>
      <c r="CD493" s="11">
        <v>4822</v>
      </c>
      <c r="CE493" s="11">
        <v>953</v>
      </c>
      <c r="CF493" s="11">
        <v>521</v>
      </c>
      <c r="CG493" s="11">
        <v>1474</v>
      </c>
      <c r="CH493" s="20">
        <v>0.93</v>
      </c>
      <c r="CI493" s="20">
        <v>1.07</v>
      </c>
      <c r="CJ493" s="20">
        <v>1.1299999999999999</v>
      </c>
      <c r="CK493" s="20">
        <v>1.2</v>
      </c>
      <c r="CL493" s="20">
        <v>1.29</v>
      </c>
      <c r="CM493" s="20">
        <v>1.34</v>
      </c>
      <c r="CN493" s="20">
        <v>1.37</v>
      </c>
      <c r="CO493" s="20">
        <v>1.37</v>
      </c>
      <c r="CP493" s="20">
        <v>1.42</v>
      </c>
      <c r="CQ493" s="20">
        <v>1.42</v>
      </c>
      <c r="CR493" s="20">
        <v>1.26</v>
      </c>
      <c r="CS493" s="20">
        <v>1.41</v>
      </c>
      <c r="CT493" s="20">
        <v>1.44</v>
      </c>
      <c r="CU493" s="20">
        <v>1.37</v>
      </c>
      <c r="CV493" s="20">
        <v>1.34</v>
      </c>
      <c r="CW493" s="20">
        <v>1.5</v>
      </c>
      <c r="CX493" s="20">
        <v>1.51</v>
      </c>
      <c r="CY493" s="6" t="s">
        <v>470</v>
      </c>
      <c r="CZ493" s="6" t="s">
        <v>471</v>
      </c>
      <c r="DA493" s="6" t="s">
        <v>160</v>
      </c>
      <c r="DB493" s="6"/>
      <c r="DC493" s="6">
        <v>28140</v>
      </c>
      <c r="DD493" s="6">
        <v>312</v>
      </c>
      <c r="DE493" s="6" t="s">
        <v>402</v>
      </c>
      <c r="DF493" s="6" t="s">
        <v>375</v>
      </c>
      <c r="DG493" s="6" t="s">
        <v>364</v>
      </c>
      <c r="DH493" s="6" t="s">
        <v>419</v>
      </c>
      <c r="DI493" s="6" t="s">
        <v>377</v>
      </c>
      <c r="DJ493" s="6">
        <v>29</v>
      </c>
      <c r="DK493" s="6">
        <v>47</v>
      </c>
      <c r="DL493" s="6">
        <v>1</v>
      </c>
      <c r="DM493" s="6" t="s">
        <v>404</v>
      </c>
      <c r="DN493" s="6">
        <v>1</v>
      </c>
      <c r="DO493" s="6" t="s">
        <v>405</v>
      </c>
      <c r="DP493" s="6"/>
      <c r="DQ493" s="6"/>
    </row>
    <row r="494" spans="1:121" x14ac:dyDescent="0.2">
      <c r="A494" s="6" t="s">
        <v>318</v>
      </c>
      <c r="B494" s="6" t="s">
        <v>318</v>
      </c>
      <c r="C494" s="6" t="s">
        <v>187</v>
      </c>
      <c r="D494" s="6" t="s">
        <v>160</v>
      </c>
      <c r="E494" s="6" t="s">
        <v>299</v>
      </c>
      <c r="F494" s="11">
        <v>-351</v>
      </c>
      <c r="G494" s="13">
        <v>-0.25789860396800002</v>
      </c>
      <c r="H494" s="11">
        <v>-213.67368500000021</v>
      </c>
      <c r="I494" s="13">
        <v>-0.15694118977021523</v>
      </c>
      <c r="J494" s="11">
        <v>43.87083100000018</v>
      </c>
      <c r="K494" s="13">
        <v>3.8221162356678731E-2</v>
      </c>
      <c r="L494" s="11">
        <v>-181.90152601000011</v>
      </c>
      <c r="M494" s="13">
        <v>-0.15264215719243132</v>
      </c>
      <c r="N494" s="11">
        <v>-138.03069500999993</v>
      </c>
      <c r="O494" s="13">
        <v>-0.12025515550827816</v>
      </c>
      <c r="P494" s="7">
        <v>1361.4888820000001</v>
      </c>
      <c r="Q494" s="7">
        <v>1326.2501159999999</v>
      </c>
      <c r="R494" s="7">
        <v>1292.5099869999999</v>
      </c>
      <c r="S494" s="7">
        <v>1383.8451399999999</v>
      </c>
      <c r="T494" s="7">
        <v>927.70099700000003</v>
      </c>
      <c r="U494" s="7">
        <v>885.78851599999996</v>
      </c>
      <c r="V494" s="7">
        <v>1147.8151969999999</v>
      </c>
      <c r="W494" s="7">
        <v>1140.546106</v>
      </c>
      <c r="X494" s="7">
        <v>1159.050127</v>
      </c>
      <c r="Y494" s="7">
        <v>1191.6860280000001</v>
      </c>
      <c r="Z494" s="7">
        <v>1370.999225</v>
      </c>
      <c r="AA494" s="7">
        <v>1355.13275</v>
      </c>
      <c r="AB494" s="7">
        <v>1504.0582669999999</v>
      </c>
      <c r="AC494" s="7">
        <v>1119.0143949999999</v>
      </c>
      <c r="AD494" s="7">
        <v>1057.130496</v>
      </c>
      <c r="AE494" s="7">
        <v>1059.2795610000001</v>
      </c>
      <c r="AF494" s="7">
        <v>1009.78450199</v>
      </c>
      <c r="AG494" s="9">
        <v>29748.03983010001</v>
      </c>
      <c r="AH494" s="13">
        <v>0.43739441813549246</v>
      </c>
      <c r="AI494" s="9">
        <v>35126.4806522</v>
      </c>
      <c r="AJ494" s="13">
        <v>0.51647525866463118</v>
      </c>
      <c r="AK494" s="9">
        <v>-3024.5151979999937</v>
      </c>
      <c r="AL494" s="13">
        <v>-2.9324817911760479E-2</v>
      </c>
      <c r="AM494" s="9">
        <v>-2353.9256240999966</v>
      </c>
      <c r="AN494" s="13">
        <v>-2.3512475910899062E-2</v>
      </c>
      <c r="AO494" s="9">
        <v>-5378.4408220999903</v>
      </c>
      <c r="AP494" s="13">
        <v>-5.2147794747917774E-2</v>
      </c>
      <c r="AQ494" s="9">
        <v>68011.932929799994</v>
      </c>
      <c r="AR494" s="9">
        <v>71325.043368800005</v>
      </c>
      <c r="AS494" s="9">
        <v>72971.426485899996</v>
      </c>
      <c r="AT494" s="9">
        <v>77807.968429899993</v>
      </c>
      <c r="AU494" s="9">
        <v>99058.412127400006</v>
      </c>
      <c r="AV494" s="9">
        <v>110181.846467</v>
      </c>
      <c r="AW494" s="9">
        <v>103138.41358199999</v>
      </c>
      <c r="AX494" s="9">
        <v>99028.358127</v>
      </c>
      <c r="AY494" s="9">
        <v>105050.633368</v>
      </c>
      <c r="AZ494" s="9">
        <v>100113.898384</v>
      </c>
      <c r="BA494" s="9">
        <v>91954.623451899999</v>
      </c>
      <c r="BB494" s="9">
        <v>98102.8284633</v>
      </c>
      <c r="BC494" s="9">
        <v>107206.607051</v>
      </c>
      <c r="BD494" s="9">
        <v>103764.966162</v>
      </c>
      <c r="BE494" s="9">
        <v>103027.72521</v>
      </c>
      <c r="BF494" s="9">
        <v>97759.972759900003</v>
      </c>
      <c r="BG494" s="11">
        <v>-16.25</v>
      </c>
      <c r="BH494" s="13">
        <v>-0.33163265306122447</v>
      </c>
      <c r="BI494" s="6">
        <v>-10</v>
      </c>
      <c r="BJ494" s="13">
        <v>-0.20408163265306123</v>
      </c>
      <c r="BK494" s="6">
        <v>-7</v>
      </c>
      <c r="BL494" s="13">
        <v>-0.17948717948717949</v>
      </c>
      <c r="BM494" s="11">
        <v>0.75</v>
      </c>
      <c r="BN494" s="13">
        <v>2.34375E-2</v>
      </c>
      <c r="BO494" s="11">
        <v>-6.25</v>
      </c>
      <c r="BP494" s="13">
        <v>-0.16025641025641027</v>
      </c>
      <c r="BQ494" s="6">
        <v>49</v>
      </c>
      <c r="BR494" s="6">
        <v>46</v>
      </c>
      <c r="BS494" s="6">
        <v>40</v>
      </c>
      <c r="BT494" s="6">
        <v>39</v>
      </c>
      <c r="BU494" s="6">
        <v>37</v>
      </c>
      <c r="BV494" s="6">
        <v>35</v>
      </c>
      <c r="BW494" s="6">
        <v>32</v>
      </c>
      <c r="BX494" s="6">
        <v>34</v>
      </c>
      <c r="BY494" s="6">
        <v>36</v>
      </c>
      <c r="BZ494" s="6">
        <v>38</v>
      </c>
      <c r="CA494" s="6">
        <v>35</v>
      </c>
      <c r="CB494" s="6">
        <v>32</v>
      </c>
      <c r="CC494" s="11">
        <v>32.75</v>
      </c>
      <c r="CD494" s="11">
        <v>-792.03700000000003</v>
      </c>
      <c r="CE494" s="11">
        <v>291.50599999999997</v>
      </c>
      <c r="CF494" s="11">
        <v>148.827</v>
      </c>
      <c r="CG494" s="11">
        <v>441</v>
      </c>
      <c r="CH494" s="20">
        <v>1.2230700000000001</v>
      </c>
      <c r="CI494" s="20">
        <v>1.1941200000000001</v>
      </c>
      <c r="CJ494" s="20">
        <v>1.17625</v>
      </c>
      <c r="CK494" s="20">
        <v>1.23861</v>
      </c>
      <c r="CL494" s="20">
        <v>0.81042700000000001</v>
      </c>
      <c r="CM494" s="20">
        <v>0.75960399999999995</v>
      </c>
      <c r="CN494" s="20">
        <v>0.94434399999999996</v>
      </c>
      <c r="CO494" s="20">
        <v>0.90691999999999995</v>
      </c>
      <c r="CP494" s="20">
        <v>0.93973099999999998</v>
      </c>
      <c r="CQ494" s="20">
        <v>0.92874800000000002</v>
      </c>
      <c r="CR494" s="20">
        <v>1.0600499999999999</v>
      </c>
      <c r="CS494" s="20">
        <v>1.0409200000000001</v>
      </c>
      <c r="CT494" s="20">
        <v>1.09657</v>
      </c>
      <c r="CU494" s="20">
        <v>0.77105500000000005</v>
      </c>
      <c r="CV494" s="20">
        <v>0.69738199999999995</v>
      </c>
      <c r="CW494" s="20">
        <v>0.67574599999999996</v>
      </c>
      <c r="CX494" s="20">
        <v>0.62571600000000005</v>
      </c>
      <c r="CY494" s="6" t="s">
        <v>470</v>
      </c>
      <c r="CZ494" s="6" t="s">
        <v>471</v>
      </c>
      <c r="DA494" s="6" t="s">
        <v>160</v>
      </c>
      <c r="DB494" s="6"/>
      <c r="DC494" s="6">
        <v>28140</v>
      </c>
      <c r="DD494" s="6">
        <v>312</v>
      </c>
      <c r="DE494" s="6" t="s">
        <v>402</v>
      </c>
      <c r="DF494" s="6" t="s">
        <v>375</v>
      </c>
      <c r="DG494" s="6" t="s">
        <v>364</v>
      </c>
      <c r="DH494" s="6" t="s">
        <v>419</v>
      </c>
      <c r="DI494" s="6" t="s">
        <v>377</v>
      </c>
      <c r="DJ494" s="6">
        <v>29</v>
      </c>
      <c r="DK494" s="6">
        <v>47</v>
      </c>
      <c r="DL494" s="6">
        <v>1</v>
      </c>
      <c r="DM494" s="6" t="s">
        <v>404</v>
      </c>
      <c r="DN494" s="6">
        <v>1</v>
      </c>
      <c r="DO494" s="6" t="s">
        <v>405</v>
      </c>
      <c r="DP494" s="6"/>
      <c r="DQ494" s="6"/>
    </row>
    <row r="495" spans="1:121" x14ac:dyDescent="0.2">
      <c r="A495" s="6" t="s">
        <v>319</v>
      </c>
      <c r="B495" s="6" t="s">
        <v>319</v>
      </c>
      <c r="C495" s="6" t="s">
        <v>188</v>
      </c>
      <c r="D495" s="6" t="s">
        <v>160</v>
      </c>
      <c r="E495" s="6" t="s">
        <v>299</v>
      </c>
      <c r="F495" s="11">
        <v>4132</v>
      </c>
      <c r="G495" s="13">
        <v>1.4126495726499999</v>
      </c>
      <c r="H495" s="11">
        <v>502.18040685999995</v>
      </c>
      <c r="I495" s="13">
        <v>0.17169238741522255</v>
      </c>
      <c r="J495" s="11">
        <v>580.6844927799998</v>
      </c>
      <c r="K495" s="13">
        <v>0.16944076183988374</v>
      </c>
      <c r="L495" s="11">
        <v>3049.5081816100005</v>
      </c>
      <c r="M495" s="13">
        <v>0.76090290563849827</v>
      </c>
      <c r="N495" s="11">
        <v>3630.1926743900003</v>
      </c>
      <c r="O495" s="13">
        <v>1.0592716354959502</v>
      </c>
      <c r="P495" s="7">
        <v>2924.8845241200002</v>
      </c>
      <c r="Q495" s="7">
        <v>3179.7499045</v>
      </c>
      <c r="R495" s="7">
        <v>3123.7945648999998</v>
      </c>
      <c r="S495" s="7">
        <v>3220.9816043699998</v>
      </c>
      <c r="T495" s="7">
        <v>3824.2126729500001</v>
      </c>
      <c r="U495" s="7">
        <v>3542.5542706599999</v>
      </c>
      <c r="V495" s="7">
        <v>3427.0649309800001</v>
      </c>
      <c r="W495" s="7">
        <v>3387.90776461</v>
      </c>
      <c r="X495" s="7">
        <v>3468.2544929599999</v>
      </c>
      <c r="Y495" s="7">
        <v>4007.7494237599999</v>
      </c>
      <c r="Z495" s="7">
        <v>4644.2700050800004</v>
      </c>
      <c r="AA495" s="7">
        <v>4683.6638568099997</v>
      </c>
      <c r="AB495" s="7">
        <v>4606.3236072299997</v>
      </c>
      <c r="AC495" s="7">
        <v>5422.7446223400002</v>
      </c>
      <c r="AD495" s="7">
        <v>6321.7157167300002</v>
      </c>
      <c r="AE495" s="7">
        <v>6591.76509764</v>
      </c>
      <c r="AF495" s="7">
        <v>7057.2576053700004</v>
      </c>
      <c r="AG495" s="9">
        <v>13177.2888996</v>
      </c>
      <c r="AH495" s="13">
        <v>0.63421584295510669</v>
      </c>
      <c r="AI495" s="9">
        <v>3569.7854093999995</v>
      </c>
      <c r="AJ495" s="13">
        <v>0.17181185597746029</v>
      </c>
      <c r="AK495" s="9">
        <v>2419.2549422000011</v>
      </c>
      <c r="AL495" s="13">
        <v>9.9365304631443135E-2</v>
      </c>
      <c r="AM495" s="9">
        <v>7188.2485479999996</v>
      </c>
      <c r="AN495" s="13">
        <v>0.26855558584052663</v>
      </c>
      <c r="AO495" s="9">
        <v>9607.5034902000007</v>
      </c>
      <c r="AP495" s="13">
        <v>0.39460599806948937</v>
      </c>
      <c r="AQ495" s="9">
        <v>20777.2937967</v>
      </c>
      <c r="AR495" s="9">
        <v>21248.027142200001</v>
      </c>
      <c r="AS495" s="9">
        <v>20841.459970899999</v>
      </c>
      <c r="AT495" s="9">
        <v>20991.359261599999</v>
      </c>
      <c r="AU495" s="9">
        <v>21255.7105056</v>
      </c>
      <c r="AV495" s="9">
        <v>22309.086894600001</v>
      </c>
      <c r="AW495" s="9">
        <v>24347.079206099999</v>
      </c>
      <c r="AX495" s="9">
        <v>25934.388079200002</v>
      </c>
      <c r="AY495" s="9">
        <v>26285.9449766</v>
      </c>
      <c r="AZ495" s="9">
        <v>26766.3341483</v>
      </c>
      <c r="BA495" s="9">
        <v>24347.476074900002</v>
      </c>
      <c r="BB495" s="9">
        <v>24985.331944699999</v>
      </c>
      <c r="BC495" s="9">
        <v>25512.178776199999</v>
      </c>
      <c r="BD495" s="9">
        <v>27210.9079093</v>
      </c>
      <c r="BE495" s="9">
        <v>30681.7046257</v>
      </c>
      <c r="BF495" s="9">
        <v>33954.5826963</v>
      </c>
      <c r="BG495" s="11">
        <v>68.25</v>
      </c>
      <c r="BH495" s="13">
        <v>0.27971311475409838</v>
      </c>
      <c r="BI495" s="6">
        <v>30</v>
      </c>
      <c r="BJ495" s="13">
        <v>0.12295081967213115</v>
      </c>
      <c r="BK495" s="6">
        <v>14</v>
      </c>
      <c r="BL495" s="13">
        <v>5.1094890510948905E-2</v>
      </c>
      <c r="BM495" s="11">
        <v>24.25</v>
      </c>
      <c r="BN495" s="13">
        <v>8.4201388888888895E-2</v>
      </c>
      <c r="BO495" s="11">
        <v>38.25</v>
      </c>
      <c r="BP495" s="13">
        <v>0.13959854014598541</v>
      </c>
      <c r="BQ495" s="6">
        <v>244</v>
      </c>
      <c r="BR495" s="6">
        <v>250</v>
      </c>
      <c r="BS495" s="6">
        <v>255</v>
      </c>
      <c r="BT495" s="6">
        <v>274</v>
      </c>
      <c r="BU495" s="6">
        <v>284</v>
      </c>
      <c r="BV495" s="6">
        <v>287</v>
      </c>
      <c r="BW495" s="6">
        <v>288</v>
      </c>
      <c r="BX495" s="6">
        <v>277</v>
      </c>
      <c r="BY495" s="6">
        <v>294</v>
      </c>
      <c r="BZ495" s="6">
        <v>310</v>
      </c>
      <c r="CA495" s="6">
        <v>299</v>
      </c>
      <c r="CB495" s="6">
        <v>313</v>
      </c>
      <c r="CC495" s="11">
        <v>312.25</v>
      </c>
      <c r="CD495" s="11">
        <v>3549.49</v>
      </c>
      <c r="CE495" s="11">
        <v>263.15899999999999</v>
      </c>
      <c r="CF495" s="11">
        <v>319.72500000000002</v>
      </c>
      <c r="CG495" s="11">
        <v>583</v>
      </c>
      <c r="CH495" s="20">
        <v>0.53565799999999997</v>
      </c>
      <c r="CI495" s="20">
        <v>0.57796000000000003</v>
      </c>
      <c r="CJ495" s="20">
        <v>0.56369599999999997</v>
      </c>
      <c r="CK495" s="20">
        <v>0.56496800000000003</v>
      </c>
      <c r="CL495" s="20">
        <v>0.65007499999999996</v>
      </c>
      <c r="CM495" s="20">
        <v>0.58844399999999997</v>
      </c>
      <c r="CN495" s="20">
        <v>0.55761799999999995</v>
      </c>
      <c r="CO495" s="20">
        <v>0.57409100000000002</v>
      </c>
      <c r="CP495" s="20">
        <v>0.64510199999999995</v>
      </c>
      <c r="CQ495" s="20">
        <v>0.69651200000000002</v>
      </c>
      <c r="CR495" s="20">
        <v>0.79637800000000003</v>
      </c>
      <c r="CS495" s="20">
        <v>0.80812799999999996</v>
      </c>
      <c r="CT495" s="20">
        <v>0.762965</v>
      </c>
      <c r="CU495" s="20">
        <v>0.84780900000000003</v>
      </c>
      <c r="CV495" s="20">
        <v>0.94367500000000004</v>
      </c>
      <c r="CW495" s="20">
        <v>0.94723800000000002</v>
      </c>
      <c r="CX495" s="20">
        <v>0.98378500000000002</v>
      </c>
      <c r="CY495" s="6" t="s">
        <v>470</v>
      </c>
      <c r="CZ495" s="6" t="s">
        <v>471</v>
      </c>
      <c r="DA495" s="6" t="s">
        <v>160</v>
      </c>
      <c r="DB495" s="6"/>
      <c r="DC495" s="6">
        <v>28140</v>
      </c>
      <c r="DD495" s="6">
        <v>312</v>
      </c>
      <c r="DE495" s="6" t="s">
        <v>402</v>
      </c>
      <c r="DF495" s="6" t="s">
        <v>375</v>
      </c>
      <c r="DG495" s="6" t="s">
        <v>364</v>
      </c>
      <c r="DH495" s="6" t="s">
        <v>419</v>
      </c>
      <c r="DI495" s="6" t="s">
        <v>377</v>
      </c>
      <c r="DJ495" s="6">
        <v>29</v>
      </c>
      <c r="DK495" s="6">
        <v>47</v>
      </c>
      <c r="DL495" s="6">
        <v>1</v>
      </c>
      <c r="DM495" s="6" t="s">
        <v>404</v>
      </c>
      <c r="DN495" s="6">
        <v>1</v>
      </c>
      <c r="DO495" s="6" t="s">
        <v>405</v>
      </c>
      <c r="DP495" s="6"/>
      <c r="DQ495" s="6"/>
    </row>
    <row r="496" spans="1:121" x14ac:dyDescent="0.2">
      <c r="A496" s="6" t="s">
        <v>320</v>
      </c>
      <c r="B496" s="6" t="s">
        <v>320</v>
      </c>
      <c r="C496" s="6" t="s">
        <v>189</v>
      </c>
      <c r="D496" s="6" t="s">
        <v>160</v>
      </c>
      <c r="E496" s="6" t="s">
        <v>299</v>
      </c>
      <c r="F496" s="11">
        <v>-256</v>
      </c>
      <c r="G496" s="13">
        <v>-0.15667074663399999</v>
      </c>
      <c r="H496" s="11">
        <v>-289.67633253999998</v>
      </c>
      <c r="I496" s="13">
        <v>-0.17726083417962421</v>
      </c>
      <c r="J496" s="11">
        <v>146.64762098999995</v>
      </c>
      <c r="K496" s="13">
        <v>0.10907183640033954</v>
      </c>
      <c r="L496" s="11">
        <v>-113.22499599000002</v>
      </c>
      <c r="M496" s="13">
        <v>-7.5931195942319674E-2</v>
      </c>
      <c r="N496" s="11">
        <v>33.422624999999925</v>
      </c>
      <c r="O496" s="13">
        <v>2.4858685476517064E-2</v>
      </c>
      <c r="P496" s="7">
        <v>1634.1812554400001</v>
      </c>
      <c r="Q496" s="7">
        <v>1179.7305107300001</v>
      </c>
      <c r="R496" s="7">
        <v>1341.6128557899999</v>
      </c>
      <c r="S496" s="7">
        <v>1524.08425577</v>
      </c>
      <c r="T496" s="7">
        <v>1584.3510241700001</v>
      </c>
      <c r="U496" s="7">
        <v>1580.77376572</v>
      </c>
      <c r="V496" s="7">
        <v>1344.5049229000001</v>
      </c>
      <c r="W496" s="7">
        <v>1485.56088424</v>
      </c>
      <c r="X496" s="7">
        <v>1556.84149009</v>
      </c>
      <c r="Y496" s="7">
        <v>1491.1525438900001</v>
      </c>
      <c r="Z496" s="7">
        <v>1446.8184350399999</v>
      </c>
      <c r="AA496" s="7">
        <v>1312.4529212800001</v>
      </c>
      <c r="AB496" s="7">
        <v>1288.4036780599999</v>
      </c>
      <c r="AC496" s="7">
        <v>1387.02667096</v>
      </c>
      <c r="AD496" s="7">
        <v>1365.2718687300001</v>
      </c>
      <c r="AE496" s="7">
        <v>1358.36954977</v>
      </c>
      <c r="AF496" s="7">
        <v>1377.9275479</v>
      </c>
      <c r="AG496" s="9">
        <v>19893.094978999998</v>
      </c>
      <c r="AH496" s="13">
        <v>0.93370644976489836</v>
      </c>
      <c r="AI496" s="9">
        <v>15868.987870500005</v>
      </c>
      <c r="AJ496" s="13">
        <v>0.74483012027883189</v>
      </c>
      <c r="AK496" s="9">
        <v>-8577.5591305000016</v>
      </c>
      <c r="AL496" s="13">
        <v>-0.23073770759585988</v>
      </c>
      <c r="AM496" s="9">
        <v>12601.666238999995</v>
      </c>
      <c r="AN496" s="13">
        <v>0.44066482066548224</v>
      </c>
      <c r="AO496" s="9">
        <v>4024.107108499993</v>
      </c>
      <c r="AP496" s="13">
        <v>0.10824912253112826</v>
      </c>
      <c r="AQ496" s="9">
        <v>21305.513080699999</v>
      </c>
      <c r="AR496" s="9">
        <v>26669.754223799999</v>
      </c>
      <c r="AS496" s="9">
        <v>21742.338669500001</v>
      </c>
      <c r="AT496" s="9">
        <v>20974.853159900002</v>
      </c>
      <c r="AU496" s="9">
        <v>24932.532858800001</v>
      </c>
      <c r="AV496" s="9">
        <v>25759.1900565</v>
      </c>
      <c r="AW496" s="9">
        <v>37174.500951200003</v>
      </c>
      <c r="AX496" s="9">
        <v>29463.269744900001</v>
      </c>
      <c r="AY496" s="9">
        <v>39614.681727000003</v>
      </c>
      <c r="AZ496" s="9">
        <v>28596.941820700002</v>
      </c>
      <c r="BA496" s="9">
        <v>29596.480699200001</v>
      </c>
      <c r="BB496" s="9">
        <v>30191.0051374</v>
      </c>
      <c r="BC496" s="9">
        <v>28895.486852499998</v>
      </c>
      <c r="BD496" s="9">
        <v>40708.463333500004</v>
      </c>
      <c r="BE496" s="9">
        <v>41062.072218300003</v>
      </c>
      <c r="BF496" s="9">
        <v>41198.608059699996</v>
      </c>
      <c r="BG496" s="11">
        <v>20.75</v>
      </c>
      <c r="BH496" s="13">
        <v>0.45108695652173914</v>
      </c>
      <c r="BI496" s="6">
        <v>14</v>
      </c>
      <c r="BJ496" s="13">
        <v>0.30434782608695654</v>
      </c>
      <c r="BK496" s="6">
        <v>4</v>
      </c>
      <c r="BL496" s="13">
        <v>6.6666666666666666E-2</v>
      </c>
      <c r="BM496" s="11">
        <v>2.75</v>
      </c>
      <c r="BN496" s="13">
        <v>4.296875E-2</v>
      </c>
      <c r="BO496" s="11">
        <v>6.75</v>
      </c>
      <c r="BP496" s="13">
        <v>0.1125</v>
      </c>
      <c r="BQ496" s="6">
        <v>46</v>
      </c>
      <c r="BR496" s="6">
        <v>51</v>
      </c>
      <c r="BS496" s="6">
        <v>56</v>
      </c>
      <c r="BT496" s="6">
        <v>60</v>
      </c>
      <c r="BU496" s="6">
        <v>59</v>
      </c>
      <c r="BV496" s="6">
        <v>62</v>
      </c>
      <c r="BW496" s="6">
        <v>64</v>
      </c>
      <c r="BX496" s="6">
        <v>63</v>
      </c>
      <c r="BY496" s="6">
        <v>68</v>
      </c>
      <c r="BZ496" s="6">
        <v>69</v>
      </c>
      <c r="CA496" s="6">
        <v>68</v>
      </c>
      <c r="CB496" s="6">
        <v>71</v>
      </c>
      <c r="CC496" s="11">
        <v>66.75</v>
      </c>
      <c r="CD496" s="11">
        <v>-1026.6300000000001</v>
      </c>
      <c r="CE496" s="11">
        <v>591.745</v>
      </c>
      <c r="CF496" s="11">
        <v>178.636</v>
      </c>
      <c r="CG496" s="11">
        <v>771</v>
      </c>
      <c r="CH496" s="20">
        <v>0.89704899999999999</v>
      </c>
      <c r="CI496" s="20">
        <v>0.61420200000000003</v>
      </c>
      <c r="CJ496" s="20">
        <v>0.67343299999999995</v>
      </c>
      <c r="CK496" s="20">
        <v>0.74077700000000002</v>
      </c>
      <c r="CL496" s="20">
        <v>0.76301600000000003</v>
      </c>
      <c r="CM496" s="20">
        <v>0.747556</v>
      </c>
      <c r="CN496" s="20">
        <v>0.61310299999999995</v>
      </c>
      <c r="CO496" s="20">
        <v>0.65570600000000001</v>
      </c>
      <c r="CP496" s="20">
        <v>0.66776800000000003</v>
      </c>
      <c r="CQ496" s="20">
        <v>0.60208700000000004</v>
      </c>
      <c r="CR496" s="20">
        <v>0.580623</v>
      </c>
      <c r="CS496" s="20">
        <v>0.53508900000000004</v>
      </c>
      <c r="CT496" s="20">
        <v>0.51084399999999996</v>
      </c>
      <c r="CU496" s="20">
        <v>0.52531899999999998</v>
      </c>
      <c r="CV496" s="20">
        <v>0.49904100000000001</v>
      </c>
      <c r="CW496" s="20">
        <v>0.47859699999999999</v>
      </c>
      <c r="CX496" s="20">
        <v>0.46926099999999998</v>
      </c>
      <c r="CY496" s="6" t="s">
        <v>470</v>
      </c>
      <c r="CZ496" s="6" t="s">
        <v>471</v>
      </c>
      <c r="DA496" s="6" t="s">
        <v>160</v>
      </c>
      <c r="DB496" s="6"/>
      <c r="DC496" s="6">
        <v>28140</v>
      </c>
      <c r="DD496" s="6">
        <v>312</v>
      </c>
      <c r="DE496" s="6" t="s">
        <v>402</v>
      </c>
      <c r="DF496" s="6" t="s">
        <v>375</v>
      </c>
      <c r="DG496" s="6" t="s">
        <v>364</v>
      </c>
      <c r="DH496" s="6" t="s">
        <v>419</v>
      </c>
      <c r="DI496" s="6" t="s">
        <v>377</v>
      </c>
      <c r="DJ496" s="6">
        <v>29</v>
      </c>
      <c r="DK496" s="6">
        <v>47</v>
      </c>
      <c r="DL496" s="6">
        <v>1</v>
      </c>
      <c r="DM496" s="6" t="s">
        <v>404</v>
      </c>
      <c r="DN496" s="6">
        <v>1</v>
      </c>
      <c r="DO496" s="6" t="s">
        <v>405</v>
      </c>
      <c r="DP496" s="6"/>
      <c r="DQ496" s="6"/>
    </row>
    <row r="497" spans="1:121" x14ac:dyDescent="0.2">
      <c r="A497" s="6" t="s">
        <v>321</v>
      </c>
      <c r="B497" s="6" t="s">
        <v>321</v>
      </c>
      <c r="C497" s="6" t="s">
        <v>190</v>
      </c>
      <c r="D497" s="6" t="s">
        <v>160</v>
      </c>
      <c r="E497" s="6" t="s">
        <v>299</v>
      </c>
      <c r="F497" s="11">
        <v>3340</v>
      </c>
      <c r="G497" s="13">
        <v>0.53914447134800003</v>
      </c>
      <c r="H497" s="11">
        <v>1378.85540692</v>
      </c>
      <c r="I497" s="13">
        <v>0.22257786353848755</v>
      </c>
      <c r="J497" s="11">
        <v>497.84148365999954</v>
      </c>
      <c r="K497" s="13">
        <v>6.5732143880453717E-2</v>
      </c>
      <c r="L497" s="11">
        <v>1463.3714224999994</v>
      </c>
      <c r="M497" s="13">
        <v>0.18129808622421473</v>
      </c>
      <c r="N497" s="11">
        <v>1961.212906159999</v>
      </c>
      <c r="O497" s="13">
        <v>0.25894734199360941</v>
      </c>
      <c r="P497" s="7">
        <v>6194.9350443000003</v>
      </c>
      <c r="Q497" s="7">
        <v>6592.2814297799996</v>
      </c>
      <c r="R497" s="7">
        <v>6610.1523541300003</v>
      </c>
      <c r="S497" s="7">
        <v>6865.1969331500004</v>
      </c>
      <c r="T497" s="7">
        <v>7101.6158139199997</v>
      </c>
      <c r="U497" s="7">
        <v>7460.3704426800005</v>
      </c>
      <c r="V497" s="7">
        <v>7573.7904512200003</v>
      </c>
      <c r="W497" s="7">
        <v>7876.5937215000004</v>
      </c>
      <c r="X497" s="7">
        <v>8036.8675204600004</v>
      </c>
      <c r="Y497" s="7">
        <v>8071.6319348799998</v>
      </c>
      <c r="Z497" s="7">
        <v>8011.3183858900002</v>
      </c>
      <c r="AA497" s="7">
        <v>8555.6706527599999</v>
      </c>
      <c r="AB497" s="7">
        <v>8670.9501976899992</v>
      </c>
      <c r="AC497" s="7">
        <v>9099.7595406100008</v>
      </c>
      <c r="AD497" s="7">
        <v>9135.4346558599991</v>
      </c>
      <c r="AE497" s="7">
        <v>9239.6690835900008</v>
      </c>
      <c r="AF497" s="7">
        <v>9535.0033573799992</v>
      </c>
      <c r="AG497" s="9">
        <v>16884.152988599999</v>
      </c>
      <c r="AH497" s="13">
        <v>0.42114247119878367</v>
      </c>
      <c r="AI497" s="9">
        <v>8842.9398785999947</v>
      </c>
      <c r="AJ497" s="13">
        <v>0.22056999576172831</v>
      </c>
      <c r="AK497" s="9">
        <v>2365.5827242000014</v>
      </c>
      <c r="AL497" s="13">
        <v>4.8342066620088699E-2</v>
      </c>
      <c r="AM497" s="9">
        <v>5675.6303858000028</v>
      </c>
      <c r="AN497" s="13">
        <v>0.11063643285450128</v>
      </c>
      <c r="AO497" s="9">
        <v>8041.2131100000042</v>
      </c>
      <c r="AP497" s="13">
        <v>0.16432689328225125</v>
      </c>
      <c r="AQ497" s="9">
        <v>40091.309101500003</v>
      </c>
      <c r="AR497" s="9">
        <v>40901.743902000002</v>
      </c>
      <c r="AS497" s="9">
        <v>43074.831728899997</v>
      </c>
      <c r="AT497" s="9">
        <v>45420.147854000003</v>
      </c>
      <c r="AU497" s="9">
        <v>47422.396497599999</v>
      </c>
      <c r="AV497" s="9">
        <v>47857.645356699999</v>
      </c>
      <c r="AW497" s="9">
        <v>48934.248980099997</v>
      </c>
      <c r="AX497" s="9">
        <v>50358.3947644</v>
      </c>
      <c r="AY497" s="9">
        <v>51091.028704900004</v>
      </c>
      <c r="AZ497" s="9">
        <v>51299.831704299999</v>
      </c>
      <c r="BA497" s="9">
        <v>52359.587971300003</v>
      </c>
      <c r="BB497" s="9">
        <v>51740.557538699999</v>
      </c>
      <c r="BC497" s="9">
        <v>52891.511764800001</v>
      </c>
      <c r="BD497" s="9">
        <v>53757.408502899998</v>
      </c>
      <c r="BE497" s="9">
        <v>55839.345979600002</v>
      </c>
      <c r="BF497" s="9">
        <v>56975.462090100002</v>
      </c>
      <c r="BG497" s="11">
        <v>402.25</v>
      </c>
      <c r="BH497" s="13">
        <v>0.9311342592592593</v>
      </c>
      <c r="BI497" s="6">
        <v>53</v>
      </c>
      <c r="BJ497" s="13">
        <v>0.12268518518518519</v>
      </c>
      <c r="BK497" s="6">
        <v>50</v>
      </c>
      <c r="BL497" s="13">
        <v>0.10309278350515463</v>
      </c>
      <c r="BM497" s="11">
        <v>299.25</v>
      </c>
      <c r="BN497" s="13">
        <v>0.55934579439252341</v>
      </c>
      <c r="BO497" s="11">
        <v>349.25</v>
      </c>
      <c r="BP497" s="13">
        <v>0.72010309278350515</v>
      </c>
      <c r="BQ497" s="6">
        <v>432</v>
      </c>
      <c r="BR497" s="6">
        <v>450</v>
      </c>
      <c r="BS497" s="6">
        <v>467</v>
      </c>
      <c r="BT497" s="6">
        <v>485</v>
      </c>
      <c r="BU497" s="6">
        <v>502</v>
      </c>
      <c r="BV497" s="6">
        <v>508</v>
      </c>
      <c r="BW497" s="6">
        <v>535</v>
      </c>
      <c r="BX497" s="6">
        <v>537</v>
      </c>
      <c r="BY497" s="6">
        <v>550</v>
      </c>
      <c r="BZ497" s="6">
        <v>738</v>
      </c>
      <c r="CA497" s="6">
        <v>781</v>
      </c>
      <c r="CB497" s="6">
        <v>805</v>
      </c>
      <c r="CC497" s="11">
        <v>834.25</v>
      </c>
      <c r="CD497" s="11">
        <v>406.899</v>
      </c>
      <c r="CE497" s="11">
        <v>2255.9899999999998</v>
      </c>
      <c r="CF497" s="11">
        <v>677.18100000000004</v>
      </c>
      <c r="CG497" s="11">
        <v>2933</v>
      </c>
      <c r="CH497" s="20">
        <v>0.68855500000000003</v>
      </c>
      <c r="CI497" s="20">
        <v>0.69999699999999998</v>
      </c>
      <c r="CJ497" s="20">
        <v>0.67554899999999996</v>
      </c>
      <c r="CK497" s="20">
        <v>0.69040699999999999</v>
      </c>
      <c r="CL497" s="20">
        <v>0.69998400000000005</v>
      </c>
      <c r="CM497" s="20">
        <v>0.71978799999999998</v>
      </c>
      <c r="CN497" s="20">
        <v>0.70306400000000002</v>
      </c>
      <c r="CO497" s="20">
        <v>0.71011299999999999</v>
      </c>
      <c r="CP497" s="20">
        <v>0.70951600000000004</v>
      </c>
      <c r="CQ497" s="20">
        <v>0.67502099999999998</v>
      </c>
      <c r="CR497" s="20">
        <v>0.67777399999999999</v>
      </c>
      <c r="CS497" s="20">
        <v>0.72324900000000003</v>
      </c>
      <c r="CT497" s="20">
        <v>0.70909199999999994</v>
      </c>
      <c r="CU497" s="20">
        <v>0.71229200000000004</v>
      </c>
      <c r="CV497" s="20">
        <v>0.683257</v>
      </c>
      <c r="CW497" s="20">
        <v>0.66210599999999997</v>
      </c>
      <c r="CX497" s="20">
        <v>0.65657799999999999</v>
      </c>
      <c r="CY497" s="6" t="s">
        <v>470</v>
      </c>
      <c r="CZ497" s="6" t="s">
        <v>471</v>
      </c>
      <c r="DA497" s="6" t="s">
        <v>160</v>
      </c>
      <c r="DB497" s="6"/>
      <c r="DC497" s="6">
        <v>28140</v>
      </c>
      <c r="DD497" s="6">
        <v>312</v>
      </c>
      <c r="DE497" s="6" t="s">
        <v>402</v>
      </c>
      <c r="DF497" s="6" t="s">
        <v>375</v>
      </c>
      <c r="DG497" s="6" t="s">
        <v>364</v>
      </c>
      <c r="DH497" s="6" t="s">
        <v>419</v>
      </c>
      <c r="DI497" s="6" t="s">
        <v>377</v>
      </c>
      <c r="DJ497" s="6">
        <v>29</v>
      </c>
      <c r="DK497" s="6">
        <v>47</v>
      </c>
      <c r="DL497" s="6">
        <v>1</v>
      </c>
      <c r="DM497" s="6" t="s">
        <v>404</v>
      </c>
      <c r="DN497" s="6">
        <v>1</v>
      </c>
      <c r="DO497" s="6" t="s">
        <v>405</v>
      </c>
      <c r="DP497" s="6"/>
      <c r="DQ497" s="6"/>
    </row>
    <row r="498" spans="1:121" x14ac:dyDescent="0.2">
      <c r="A498" s="6" t="s">
        <v>322</v>
      </c>
      <c r="B498" s="6" t="s">
        <v>322</v>
      </c>
      <c r="C498" s="6" t="s">
        <v>191</v>
      </c>
      <c r="D498" s="6" t="s">
        <v>160</v>
      </c>
      <c r="E498" s="6" t="s">
        <v>299</v>
      </c>
      <c r="F498" s="11">
        <v>-1780</v>
      </c>
      <c r="G498" s="13">
        <v>-0.39</v>
      </c>
      <c r="H498" s="11">
        <v>383</v>
      </c>
      <c r="I498" s="13">
        <v>8.3315205568849249E-2</v>
      </c>
      <c r="J498" s="11">
        <v>-2039</v>
      </c>
      <c r="K498" s="13">
        <v>-0.40943775100401608</v>
      </c>
      <c r="L498" s="11">
        <v>-124</v>
      </c>
      <c r="M498" s="13">
        <v>-4.2162529751785111E-2</v>
      </c>
      <c r="N498" s="11">
        <v>-2163</v>
      </c>
      <c r="O498" s="13">
        <v>-0.43433734939759039</v>
      </c>
      <c r="P498" s="7">
        <v>4597</v>
      </c>
      <c r="Q498" s="7">
        <v>4211</v>
      </c>
      <c r="R498" s="7">
        <v>5033</v>
      </c>
      <c r="S498" s="7">
        <v>4909</v>
      </c>
      <c r="T498" s="7">
        <v>4882</v>
      </c>
      <c r="U498" s="7">
        <v>5085</v>
      </c>
      <c r="V498" s="7">
        <v>4980</v>
      </c>
      <c r="W498" s="7">
        <v>3262</v>
      </c>
      <c r="X498" s="7">
        <v>3032</v>
      </c>
      <c r="Y498" s="7">
        <v>2941</v>
      </c>
      <c r="Z498" s="7">
        <v>2908</v>
      </c>
      <c r="AA498" s="7">
        <v>2800</v>
      </c>
      <c r="AB498" s="7">
        <v>2743</v>
      </c>
      <c r="AC498" s="7">
        <v>2831</v>
      </c>
      <c r="AD498" s="7">
        <v>2888</v>
      </c>
      <c r="AE498" s="7">
        <v>2937</v>
      </c>
      <c r="AF498" s="7">
        <v>2817</v>
      </c>
      <c r="AG498" s="9">
        <v>1398</v>
      </c>
      <c r="AH498" s="13">
        <v>5.4782710921274347E-2</v>
      </c>
      <c r="AI498" s="9">
        <v>2476</v>
      </c>
      <c r="AJ498" s="13">
        <v>9.7025745522943685E-2</v>
      </c>
      <c r="AK498" s="9">
        <v>-2461</v>
      </c>
      <c r="AL498" s="13">
        <v>-8.7908555099124847E-2</v>
      </c>
      <c r="AM498" s="9">
        <v>1383</v>
      </c>
      <c r="AN498" s="13">
        <v>5.4163076682070967E-2</v>
      </c>
      <c r="AO498" s="9">
        <v>-1078</v>
      </c>
      <c r="AP498" s="13">
        <v>-3.8506876227897842E-2</v>
      </c>
      <c r="AQ498" s="9">
        <v>25519</v>
      </c>
      <c r="AR498" s="9">
        <v>27833</v>
      </c>
      <c r="AS498" s="9">
        <v>25897</v>
      </c>
      <c r="AT498" s="9">
        <v>25829</v>
      </c>
      <c r="AU498" s="9">
        <v>26330</v>
      </c>
      <c r="AV498" s="9">
        <v>27520</v>
      </c>
      <c r="AW498" s="9">
        <v>27995</v>
      </c>
      <c r="AX498" s="9">
        <v>25750</v>
      </c>
      <c r="AY498" s="9">
        <v>26003</v>
      </c>
      <c r="AZ498" s="9">
        <v>25534</v>
      </c>
      <c r="BA498" s="9">
        <v>24055</v>
      </c>
      <c r="BB498" s="9">
        <v>24122</v>
      </c>
      <c r="BC498" s="9">
        <v>25243</v>
      </c>
      <c r="BD498" s="9">
        <v>26299</v>
      </c>
      <c r="BE498" s="9">
        <v>26661</v>
      </c>
      <c r="BF498" s="9">
        <v>26917</v>
      </c>
      <c r="BG498" s="11">
        <v>16</v>
      </c>
      <c r="BH498" s="13">
        <v>0.29629629629629628</v>
      </c>
      <c r="BI498" s="6">
        <v>6</v>
      </c>
      <c r="BJ498" s="13">
        <v>0.1111111111111111</v>
      </c>
      <c r="BK498" s="6">
        <v>3</v>
      </c>
      <c r="BL498" s="13">
        <v>0.05</v>
      </c>
      <c r="BM498" s="11">
        <v>7</v>
      </c>
      <c r="BN498" s="13">
        <v>0.1111111111111111</v>
      </c>
      <c r="BO498" s="11">
        <v>10</v>
      </c>
      <c r="BP498" s="13">
        <v>0.16666666666666666</v>
      </c>
      <c r="BQ498" s="6">
        <v>54</v>
      </c>
      <c r="BR498" s="6">
        <v>59</v>
      </c>
      <c r="BS498" s="6">
        <v>61</v>
      </c>
      <c r="BT498" s="6">
        <v>60</v>
      </c>
      <c r="BU498" s="6">
        <v>56</v>
      </c>
      <c r="BV498" s="6">
        <v>62</v>
      </c>
      <c r="BW498" s="6">
        <v>63</v>
      </c>
      <c r="BX498" s="6">
        <v>63</v>
      </c>
      <c r="BY498" s="6">
        <v>68</v>
      </c>
      <c r="BZ498" s="6">
        <v>69</v>
      </c>
      <c r="CA498" s="6">
        <v>71</v>
      </c>
      <c r="CB498" s="6">
        <v>69</v>
      </c>
      <c r="CC498" s="11">
        <v>70</v>
      </c>
      <c r="CD498" s="11">
        <v>-3120</v>
      </c>
      <c r="CE498" s="11">
        <v>836</v>
      </c>
      <c r="CF498" s="11">
        <v>503</v>
      </c>
      <c r="CG498" s="11">
        <v>1339</v>
      </c>
      <c r="CH498" s="20">
        <v>3.34</v>
      </c>
      <c r="CI498" s="20">
        <v>2.97</v>
      </c>
      <c r="CJ498" s="20">
        <v>3.47</v>
      </c>
      <c r="CK498" s="20">
        <v>3.32</v>
      </c>
      <c r="CL498" s="20">
        <v>3.26</v>
      </c>
      <c r="CM498" s="20">
        <v>3.36</v>
      </c>
      <c r="CN498" s="20">
        <v>3.17</v>
      </c>
      <c r="CO498" s="20">
        <v>2.06</v>
      </c>
      <c r="CP498" s="20">
        <v>1.95</v>
      </c>
      <c r="CQ498" s="20">
        <v>1.83</v>
      </c>
      <c r="CR498" s="20">
        <v>1.84</v>
      </c>
      <c r="CS498" s="20">
        <v>1.79</v>
      </c>
      <c r="CT498" s="20">
        <v>1.7</v>
      </c>
      <c r="CU498" s="20">
        <v>1.66</v>
      </c>
      <c r="CV498" s="20">
        <v>1.6</v>
      </c>
      <c r="CW498" s="20">
        <v>1.55</v>
      </c>
      <c r="CX498" s="20">
        <v>1.44</v>
      </c>
      <c r="CY498" s="6" t="s">
        <v>470</v>
      </c>
      <c r="CZ498" s="6" t="s">
        <v>471</v>
      </c>
      <c r="DA498" s="6" t="s">
        <v>160</v>
      </c>
      <c r="DB498" s="6"/>
      <c r="DC498" s="6">
        <v>28140</v>
      </c>
      <c r="DD498" s="6">
        <v>312</v>
      </c>
      <c r="DE498" s="6" t="s">
        <v>402</v>
      </c>
      <c r="DF498" s="6" t="s">
        <v>375</v>
      </c>
      <c r="DG498" s="6" t="s">
        <v>364</v>
      </c>
      <c r="DH498" s="6" t="s">
        <v>419</v>
      </c>
      <c r="DI498" s="6" t="s">
        <v>377</v>
      </c>
      <c r="DJ498" s="6">
        <v>29</v>
      </c>
      <c r="DK498" s="6">
        <v>47</v>
      </c>
      <c r="DL498" s="6">
        <v>1</v>
      </c>
      <c r="DM498" s="6" t="s">
        <v>404</v>
      </c>
      <c r="DN498" s="6">
        <v>1</v>
      </c>
      <c r="DO498" s="6" t="s">
        <v>405</v>
      </c>
      <c r="DP498" s="6"/>
      <c r="DQ498" s="6"/>
    </row>
    <row r="499" spans="1:121" x14ac:dyDescent="0.2">
      <c r="A499" s="6" t="s">
        <v>323</v>
      </c>
      <c r="B499" s="6" t="s">
        <v>323</v>
      </c>
      <c r="C499" s="6" t="s">
        <v>192</v>
      </c>
      <c r="D499" s="6" t="s">
        <v>160</v>
      </c>
      <c r="E499" s="6" t="s">
        <v>299</v>
      </c>
      <c r="F499" s="11">
        <v>3194</v>
      </c>
      <c r="G499" s="13">
        <v>0.458315396757</v>
      </c>
      <c r="H499" s="11">
        <v>433.92387338000026</v>
      </c>
      <c r="I499" s="13">
        <v>6.2266491785870355E-2</v>
      </c>
      <c r="J499" s="11">
        <v>1574.6613920400005</v>
      </c>
      <c r="K499" s="13">
        <v>0.21271325339283581</v>
      </c>
      <c r="L499" s="11">
        <v>1185.4145249899993</v>
      </c>
      <c r="M499" s="13">
        <v>0.13204424906853737</v>
      </c>
      <c r="N499" s="11">
        <v>2760.0759170299998</v>
      </c>
      <c r="O499" s="13">
        <v>0.3728450642725557</v>
      </c>
      <c r="P499" s="7">
        <v>6968.8183954899996</v>
      </c>
      <c r="Q499" s="7">
        <v>7107.6048417100001</v>
      </c>
      <c r="R499" s="7">
        <v>7319.8366017899998</v>
      </c>
      <c r="S499" s="7">
        <v>7432.58359939</v>
      </c>
      <c r="T499" s="7">
        <v>7421.2504539199999</v>
      </c>
      <c r="U499" s="7">
        <v>7567.2025077600001</v>
      </c>
      <c r="V499" s="7">
        <v>7402.7422688699999</v>
      </c>
      <c r="W499" s="7">
        <v>9356.3163568199998</v>
      </c>
      <c r="X499" s="7">
        <v>9159.0245936699994</v>
      </c>
      <c r="Y499" s="7">
        <v>8977.4036609100003</v>
      </c>
      <c r="Z499" s="7">
        <v>8920.6868022199997</v>
      </c>
      <c r="AA499" s="7">
        <v>9093.0391263300007</v>
      </c>
      <c r="AB499" s="7">
        <v>9533.1860209499991</v>
      </c>
      <c r="AC499" s="7">
        <v>9504.6400734500003</v>
      </c>
      <c r="AD499" s="7">
        <v>9727.28796057</v>
      </c>
      <c r="AE499" s="7">
        <v>9941.7629696700005</v>
      </c>
      <c r="AF499" s="7">
        <v>10162.8181859</v>
      </c>
      <c r="AG499" s="9">
        <v>7803.6289792999996</v>
      </c>
      <c r="AH499" s="13">
        <v>0.59297116074866307</v>
      </c>
      <c r="AI499" s="9">
        <v>2576.1274106000001</v>
      </c>
      <c r="AJ499" s="13">
        <v>0.19575113898315497</v>
      </c>
      <c r="AK499" s="9">
        <v>3255.318900799999</v>
      </c>
      <c r="AL499" s="13">
        <v>0.20686627564061685</v>
      </c>
      <c r="AM499" s="9">
        <v>1972.1826679000005</v>
      </c>
      <c r="AN499" s="13">
        <v>0.10384465359830808</v>
      </c>
      <c r="AO499" s="9">
        <v>5227.5015686999996</v>
      </c>
      <c r="AP499" s="13">
        <v>0.33219288597399693</v>
      </c>
      <c r="AQ499" s="9">
        <v>13160.2167118</v>
      </c>
      <c r="AR499" s="9">
        <v>13672.587900299999</v>
      </c>
      <c r="AS499" s="9">
        <v>13694.8014466</v>
      </c>
      <c r="AT499" s="9">
        <v>14093.2190254</v>
      </c>
      <c r="AU499" s="9">
        <v>14462.982949900001</v>
      </c>
      <c r="AV499" s="9">
        <v>14939.985914299999</v>
      </c>
      <c r="AW499" s="9">
        <v>15736.3441224</v>
      </c>
      <c r="AX499" s="9">
        <v>19222.2828887</v>
      </c>
      <c r="AY499" s="9">
        <v>19115.195318099999</v>
      </c>
      <c r="AZ499" s="9">
        <v>18991.663023199999</v>
      </c>
      <c r="BA499" s="9">
        <v>18970.1119186</v>
      </c>
      <c r="BB499" s="9">
        <v>19331.430799599999</v>
      </c>
      <c r="BC499" s="9">
        <v>20325.534824900002</v>
      </c>
      <c r="BD499" s="9">
        <v>19680.1876238</v>
      </c>
      <c r="BE499" s="9">
        <v>20347.199269199999</v>
      </c>
      <c r="BF499" s="9">
        <v>20963.845691099999</v>
      </c>
      <c r="BG499" s="11">
        <v>45.5</v>
      </c>
      <c r="BH499" s="13">
        <v>0.12926136363636365</v>
      </c>
      <c r="BI499" s="6">
        <v>6</v>
      </c>
      <c r="BJ499" s="13">
        <v>1.7045454545454544E-2</v>
      </c>
      <c r="BK499" s="6">
        <v>17</v>
      </c>
      <c r="BL499" s="13">
        <v>4.7486033519553071E-2</v>
      </c>
      <c r="BM499" s="11">
        <v>22.5</v>
      </c>
      <c r="BN499" s="13">
        <v>0.06</v>
      </c>
      <c r="BO499" s="11">
        <v>39.5</v>
      </c>
      <c r="BP499" s="13">
        <v>0.11033519553072625</v>
      </c>
      <c r="BQ499" s="6">
        <v>352</v>
      </c>
      <c r="BR499" s="6">
        <v>358</v>
      </c>
      <c r="BS499" s="6">
        <v>367</v>
      </c>
      <c r="BT499" s="6">
        <v>358</v>
      </c>
      <c r="BU499" s="6">
        <v>364</v>
      </c>
      <c r="BV499" s="6">
        <v>366</v>
      </c>
      <c r="BW499" s="6">
        <v>375</v>
      </c>
      <c r="BX499" s="6">
        <v>375</v>
      </c>
      <c r="BY499" s="6">
        <v>383</v>
      </c>
      <c r="BZ499" s="6">
        <v>383</v>
      </c>
      <c r="CA499" s="6">
        <v>379</v>
      </c>
      <c r="CB499" s="6">
        <v>391</v>
      </c>
      <c r="CC499" s="11">
        <v>397.5</v>
      </c>
      <c r="CD499" s="11">
        <v>847.476</v>
      </c>
      <c r="CE499" s="11">
        <v>1584.75</v>
      </c>
      <c r="CF499" s="11">
        <v>761.77599999999995</v>
      </c>
      <c r="CG499" s="11">
        <v>2347</v>
      </c>
      <c r="CH499" s="20">
        <v>1.04372</v>
      </c>
      <c r="CI499" s="20">
        <v>1.0428299999999999</v>
      </c>
      <c r="CJ499" s="20">
        <v>1.0463100000000001</v>
      </c>
      <c r="CK499" s="20">
        <v>1.04</v>
      </c>
      <c r="CL499" s="20">
        <v>1.0169999999999999</v>
      </c>
      <c r="CM499" s="20">
        <v>1.01908</v>
      </c>
      <c r="CN499" s="20">
        <v>0.96456399999999998</v>
      </c>
      <c r="CO499" s="20">
        <v>1.2111099999999999</v>
      </c>
      <c r="CP499" s="20">
        <v>1.2184999999999999</v>
      </c>
      <c r="CQ499" s="20">
        <v>1.14618</v>
      </c>
      <c r="CR499" s="20">
        <v>1.13958</v>
      </c>
      <c r="CS499" s="20">
        <v>1.16787</v>
      </c>
      <c r="CT499" s="20">
        <v>1.1718299999999999</v>
      </c>
      <c r="CU499" s="20">
        <v>1.1065100000000001</v>
      </c>
      <c r="CV499" s="20">
        <v>1.0716699999999999</v>
      </c>
      <c r="CW499" s="20">
        <v>1.04695</v>
      </c>
      <c r="CX499" s="20">
        <v>1.0394600000000001</v>
      </c>
      <c r="CY499" s="6" t="s">
        <v>470</v>
      </c>
      <c r="CZ499" s="6" t="s">
        <v>471</v>
      </c>
      <c r="DA499" s="6" t="s">
        <v>160</v>
      </c>
      <c r="DB499" s="6"/>
      <c r="DC499" s="6">
        <v>28140</v>
      </c>
      <c r="DD499" s="6">
        <v>312</v>
      </c>
      <c r="DE499" s="6" t="s">
        <v>402</v>
      </c>
      <c r="DF499" s="6" t="s">
        <v>375</v>
      </c>
      <c r="DG499" s="6" t="s">
        <v>364</v>
      </c>
      <c r="DH499" s="6" t="s">
        <v>419</v>
      </c>
      <c r="DI499" s="6" t="s">
        <v>377</v>
      </c>
      <c r="DJ499" s="6">
        <v>29</v>
      </c>
      <c r="DK499" s="6">
        <v>47</v>
      </c>
      <c r="DL499" s="6">
        <v>1</v>
      </c>
      <c r="DM499" s="6" t="s">
        <v>404</v>
      </c>
      <c r="DN499" s="6">
        <v>1</v>
      </c>
      <c r="DO499" s="6" t="s">
        <v>405</v>
      </c>
      <c r="DP499" s="6"/>
      <c r="DQ499" s="6"/>
    </row>
    <row r="500" spans="1:121" x14ac:dyDescent="0.2">
      <c r="A500" s="6" t="s">
        <v>325</v>
      </c>
      <c r="B500" s="6" t="s">
        <v>325</v>
      </c>
      <c r="C500" s="6" t="s">
        <v>193</v>
      </c>
      <c r="D500" s="6" t="s">
        <v>160</v>
      </c>
      <c r="E500" s="6" t="s">
        <v>299</v>
      </c>
      <c r="F500" s="11">
        <v>359</v>
      </c>
      <c r="G500" s="13">
        <v>7.8901098901100003E-2</v>
      </c>
      <c r="H500" s="11">
        <v>338.71353327999987</v>
      </c>
      <c r="I500" s="13">
        <v>7.4446930946151291E-2</v>
      </c>
      <c r="J500" s="11">
        <v>164.46631454999988</v>
      </c>
      <c r="K500" s="13">
        <v>3.3643892800692389E-2</v>
      </c>
      <c r="L500" s="11">
        <v>-144.16093437000018</v>
      </c>
      <c r="M500" s="13">
        <v>-2.8530272872236369E-2</v>
      </c>
      <c r="N500" s="11">
        <v>20.305380179999702</v>
      </c>
      <c r="O500" s="13">
        <v>4.1537504863679965E-3</v>
      </c>
      <c r="P500" s="7">
        <v>4549.7313183400001</v>
      </c>
      <c r="Q500" s="7">
        <v>4593.0982520899997</v>
      </c>
      <c r="R500" s="7">
        <v>4756.9052438500003</v>
      </c>
      <c r="S500" s="7">
        <v>4832.60972786</v>
      </c>
      <c r="T500" s="7">
        <v>4786.1456792899999</v>
      </c>
      <c r="U500" s="7">
        <v>4827.7115119199998</v>
      </c>
      <c r="V500" s="7">
        <v>4888.44485162</v>
      </c>
      <c r="W500" s="7">
        <v>4925.9515882599999</v>
      </c>
      <c r="X500" s="7">
        <v>5052.1196156799997</v>
      </c>
      <c r="Y500" s="7">
        <v>5052.9111661699999</v>
      </c>
      <c r="Z500" s="7">
        <v>5114.0576934500004</v>
      </c>
      <c r="AA500" s="7">
        <v>5136.6051624399997</v>
      </c>
      <c r="AB500" s="7">
        <v>5042.9252127099999</v>
      </c>
      <c r="AC500" s="7">
        <v>4902.2076748500003</v>
      </c>
      <c r="AD500" s="7">
        <v>4826.8223321300002</v>
      </c>
      <c r="AE500" s="7">
        <v>4886.7274642499997</v>
      </c>
      <c r="AF500" s="7">
        <v>4908.7502317999997</v>
      </c>
      <c r="AG500" s="9">
        <v>8242.9124153999983</v>
      </c>
      <c r="AH500" s="13">
        <v>0.41574132213898229</v>
      </c>
      <c r="AI500" s="9">
        <v>3082.7840365999982</v>
      </c>
      <c r="AJ500" s="13">
        <v>0.15548396569767978</v>
      </c>
      <c r="AK500" s="9">
        <v>811.18991090000054</v>
      </c>
      <c r="AL500" s="13">
        <v>3.5407977842017893E-2</v>
      </c>
      <c r="AM500" s="9">
        <v>4348.9384678999995</v>
      </c>
      <c r="AN500" s="13">
        <v>0.18333709277775909</v>
      </c>
      <c r="AO500" s="9">
        <v>5160.1283788000001</v>
      </c>
      <c r="AP500" s="13">
        <v>0.22523666633847184</v>
      </c>
      <c r="AQ500" s="9">
        <v>19827.0221805</v>
      </c>
      <c r="AR500" s="9">
        <v>20488.577139199999</v>
      </c>
      <c r="AS500" s="9">
        <v>20474.413654299999</v>
      </c>
      <c r="AT500" s="9">
        <v>21788.2800107</v>
      </c>
      <c r="AU500" s="9">
        <v>22548.173835900001</v>
      </c>
      <c r="AV500" s="9">
        <v>22143.2627168</v>
      </c>
      <c r="AW500" s="9">
        <v>22909.806217099998</v>
      </c>
      <c r="AX500" s="9">
        <v>23719.4285771</v>
      </c>
      <c r="AY500" s="9">
        <v>23328.919539099999</v>
      </c>
      <c r="AZ500" s="9">
        <v>23720.996127999999</v>
      </c>
      <c r="BA500" s="9">
        <v>24009.625378799999</v>
      </c>
      <c r="BB500" s="9">
        <v>24006.3427128</v>
      </c>
      <c r="BC500" s="9">
        <v>25364.752914100001</v>
      </c>
      <c r="BD500" s="9">
        <v>26437.406817399999</v>
      </c>
      <c r="BE500" s="9">
        <v>27345.3993462</v>
      </c>
      <c r="BF500" s="9">
        <v>28069.934595899998</v>
      </c>
      <c r="BG500" s="11">
        <v>-34.75</v>
      </c>
      <c r="BH500" s="13">
        <v>-8.2541567695961993E-2</v>
      </c>
      <c r="BI500" s="6">
        <v>-4</v>
      </c>
      <c r="BJ500" s="13">
        <v>-9.5011876484560574E-3</v>
      </c>
      <c r="BK500" s="6">
        <v>17</v>
      </c>
      <c r="BL500" s="13">
        <v>4.0767386091127102E-2</v>
      </c>
      <c r="BM500" s="11">
        <v>-47.75</v>
      </c>
      <c r="BN500" s="13">
        <v>-0.11002304147465437</v>
      </c>
      <c r="BO500" s="11">
        <v>-30.75</v>
      </c>
      <c r="BP500" s="13">
        <v>-7.3741007194244604E-2</v>
      </c>
      <c r="BQ500" s="6">
        <v>421</v>
      </c>
      <c r="BR500" s="6">
        <v>430</v>
      </c>
      <c r="BS500" s="6">
        <v>423</v>
      </c>
      <c r="BT500" s="6">
        <v>417</v>
      </c>
      <c r="BU500" s="6">
        <v>409</v>
      </c>
      <c r="BV500" s="6">
        <v>409</v>
      </c>
      <c r="BW500" s="6">
        <v>434</v>
      </c>
      <c r="BX500" s="6">
        <v>470</v>
      </c>
      <c r="BY500" s="6">
        <v>541</v>
      </c>
      <c r="BZ500" s="6">
        <v>395</v>
      </c>
      <c r="CA500" s="6">
        <v>382</v>
      </c>
      <c r="CB500" s="6">
        <v>379</v>
      </c>
      <c r="CC500" s="11">
        <v>386.25</v>
      </c>
      <c r="CD500" s="11">
        <v>-96.422799999999995</v>
      </c>
      <c r="CE500" s="11">
        <v>-41.898699999999998</v>
      </c>
      <c r="CF500" s="11">
        <v>497.34</v>
      </c>
      <c r="CG500" s="11">
        <v>455</v>
      </c>
      <c r="CH500" s="20">
        <v>1.00318</v>
      </c>
      <c r="CI500" s="20">
        <v>0.98800399999999999</v>
      </c>
      <c r="CJ500" s="20">
        <v>1.00261</v>
      </c>
      <c r="CK500" s="20">
        <v>1.01512</v>
      </c>
      <c r="CL500" s="20">
        <v>1.00095</v>
      </c>
      <c r="CM500" s="20">
        <v>1.0014799999999999</v>
      </c>
      <c r="CN500" s="20">
        <v>0.98600399999999999</v>
      </c>
      <c r="CO500" s="20">
        <v>0.98610699999999996</v>
      </c>
      <c r="CP500" s="20">
        <v>1.01827</v>
      </c>
      <c r="CQ500" s="20">
        <v>0.98460599999999998</v>
      </c>
      <c r="CR500" s="20">
        <v>1.01163</v>
      </c>
      <c r="CS500" s="20">
        <v>1.02948</v>
      </c>
      <c r="CT500" s="20">
        <v>1.05518</v>
      </c>
      <c r="CU500" s="20">
        <v>0.98181399999999996</v>
      </c>
      <c r="CV500" s="20">
        <v>0.93294699999999997</v>
      </c>
      <c r="CW500" s="20">
        <v>0.91242400000000001</v>
      </c>
      <c r="CX500" s="20">
        <v>0.89812800000000004</v>
      </c>
      <c r="CY500" s="6" t="s">
        <v>470</v>
      </c>
      <c r="CZ500" s="6" t="s">
        <v>471</v>
      </c>
      <c r="DA500" s="6" t="s">
        <v>160</v>
      </c>
      <c r="DB500" s="6"/>
      <c r="DC500" s="6">
        <v>28140</v>
      </c>
      <c r="DD500" s="6">
        <v>312</v>
      </c>
      <c r="DE500" s="6" t="s">
        <v>402</v>
      </c>
      <c r="DF500" s="6" t="s">
        <v>375</v>
      </c>
      <c r="DG500" s="6" t="s">
        <v>364</v>
      </c>
      <c r="DH500" s="6" t="s">
        <v>419</v>
      </c>
      <c r="DI500" s="6" t="s">
        <v>377</v>
      </c>
      <c r="DJ500" s="6">
        <v>29</v>
      </c>
      <c r="DK500" s="6">
        <v>47</v>
      </c>
      <c r="DL500" s="6">
        <v>1</v>
      </c>
      <c r="DM500" s="6" t="s">
        <v>404</v>
      </c>
      <c r="DN500" s="6">
        <v>1</v>
      </c>
      <c r="DO500" s="6" t="s">
        <v>405</v>
      </c>
      <c r="DP500" s="6"/>
      <c r="DQ500" s="6"/>
    </row>
    <row r="501" spans="1:121" x14ac:dyDescent="0.2">
      <c r="A501" s="6" t="s">
        <v>327</v>
      </c>
      <c r="B501" s="6" t="s">
        <v>327</v>
      </c>
      <c r="C501" s="6" t="s">
        <v>194</v>
      </c>
      <c r="D501" s="6" t="s">
        <v>160</v>
      </c>
      <c r="E501" s="6" t="s">
        <v>299</v>
      </c>
      <c r="F501" s="11">
        <v>3682</v>
      </c>
      <c r="G501" s="13">
        <v>0.27778196906800001</v>
      </c>
      <c r="H501" s="11">
        <v>1512.1212050000013</v>
      </c>
      <c r="I501" s="13">
        <v>0.11407883384703262</v>
      </c>
      <c r="J501" s="11">
        <v>1364.2142939999994</v>
      </c>
      <c r="K501" s="13">
        <v>9.2381528110848446E-2</v>
      </c>
      <c r="L501" s="11">
        <v>805.18445389999943</v>
      </c>
      <c r="M501" s="13">
        <v>4.9914138473735298E-2</v>
      </c>
      <c r="N501" s="11">
        <v>2169.3987478999989</v>
      </c>
      <c r="O501" s="13">
        <v>0.1469068109711239</v>
      </c>
      <c r="P501" s="7">
        <v>13255.054894999999</v>
      </c>
      <c r="Q501" s="7">
        <v>13372.420117</v>
      </c>
      <c r="R501" s="7">
        <v>13563.779081000001</v>
      </c>
      <c r="S501" s="7">
        <v>13578.760098999999</v>
      </c>
      <c r="T501" s="7">
        <v>13785.624554</v>
      </c>
      <c r="U501" s="7">
        <v>14253.157837000001</v>
      </c>
      <c r="V501" s="7">
        <v>14767.176100000001</v>
      </c>
      <c r="W501" s="7">
        <v>15271.096637000001</v>
      </c>
      <c r="X501" s="7">
        <v>15933.711987000001</v>
      </c>
      <c r="Y501" s="7">
        <v>16131.390394</v>
      </c>
      <c r="Z501" s="7">
        <v>15711.746375999999</v>
      </c>
      <c r="AA501" s="7">
        <v>15597.434015999999</v>
      </c>
      <c r="AB501" s="7">
        <v>15628.584570000001</v>
      </c>
      <c r="AC501" s="7">
        <v>16234.238239</v>
      </c>
      <c r="AD501" s="7">
        <v>16486.672031999999</v>
      </c>
      <c r="AE501" s="7">
        <v>16671.897514200002</v>
      </c>
      <c r="AF501" s="7">
        <v>16936.574847899999</v>
      </c>
      <c r="AG501" s="9">
        <v>24560.931431200006</v>
      </c>
      <c r="AH501" s="13">
        <v>0.64372576560453476</v>
      </c>
      <c r="AI501" s="9">
        <v>14062.313219000003</v>
      </c>
      <c r="AJ501" s="13">
        <v>0.36856392716329761</v>
      </c>
      <c r="AK501" s="9">
        <v>5345.1440103999994</v>
      </c>
      <c r="AL501" s="13">
        <v>0.10236473860400595</v>
      </c>
      <c r="AM501" s="9">
        <v>5153.4742018000034</v>
      </c>
      <c r="AN501" s="13">
        <v>8.9529418660961049E-2</v>
      </c>
      <c r="AO501" s="9">
        <v>10498.618212200003</v>
      </c>
      <c r="AP501" s="13">
        <v>0.20105881280356491</v>
      </c>
      <c r="AQ501" s="9">
        <v>38154.339539499997</v>
      </c>
      <c r="AR501" s="9">
        <v>41266.1121212</v>
      </c>
      <c r="AS501" s="9">
        <v>43813.655625500003</v>
      </c>
      <c r="AT501" s="9">
        <v>45959.553630900002</v>
      </c>
      <c r="AU501" s="9">
        <v>47832.598141900002</v>
      </c>
      <c r="AV501" s="9">
        <v>49679.574258100001</v>
      </c>
      <c r="AW501" s="9">
        <v>52216.6527585</v>
      </c>
      <c r="AX501" s="9">
        <v>53178.435198300002</v>
      </c>
      <c r="AY501" s="9">
        <v>56017.420936000002</v>
      </c>
      <c r="AZ501" s="9">
        <v>57561.7967689</v>
      </c>
      <c r="BA501" s="9">
        <v>58019.930819000001</v>
      </c>
      <c r="BB501" s="9">
        <v>58532.291234299999</v>
      </c>
      <c r="BC501" s="9">
        <v>59390.275216599999</v>
      </c>
      <c r="BD501" s="9">
        <v>58607.679024600002</v>
      </c>
      <c r="BE501" s="9">
        <v>62103.1383862</v>
      </c>
      <c r="BF501" s="9">
        <v>62715.270970700003</v>
      </c>
      <c r="BG501" s="11">
        <v>41.75</v>
      </c>
      <c r="BH501" s="13">
        <v>0.20072115384615385</v>
      </c>
      <c r="BI501" s="6">
        <v>4</v>
      </c>
      <c r="BJ501" s="13">
        <v>1.9230769230769232E-2</v>
      </c>
      <c r="BK501" s="6">
        <v>19</v>
      </c>
      <c r="BL501" s="13">
        <v>8.9622641509433956E-2</v>
      </c>
      <c r="BM501" s="11">
        <v>18.75</v>
      </c>
      <c r="BN501" s="13">
        <v>8.1168831168831168E-2</v>
      </c>
      <c r="BO501" s="11">
        <v>37.75</v>
      </c>
      <c r="BP501" s="13">
        <v>0.17806603773584906</v>
      </c>
      <c r="BQ501" s="6">
        <v>208</v>
      </c>
      <c r="BR501" s="6">
        <v>206</v>
      </c>
      <c r="BS501" s="6">
        <v>209</v>
      </c>
      <c r="BT501" s="6">
        <v>212</v>
      </c>
      <c r="BU501" s="6">
        <v>214</v>
      </c>
      <c r="BV501" s="6">
        <v>220</v>
      </c>
      <c r="BW501" s="6">
        <v>231</v>
      </c>
      <c r="BX501" s="6">
        <v>228</v>
      </c>
      <c r="BY501" s="6">
        <v>239</v>
      </c>
      <c r="BZ501" s="6">
        <v>241</v>
      </c>
      <c r="CA501" s="6">
        <v>246</v>
      </c>
      <c r="CB501" s="6">
        <v>249</v>
      </c>
      <c r="CC501" s="11">
        <v>249.75</v>
      </c>
      <c r="CD501" s="11">
        <v>3009.66</v>
      </c>
      <c r="CE501" s="11">
        <v>-777.07299999999998</v>
      </c>
      <c r="CF501" s="11">
        <v>1448.94</v>
      </c>
      <c r="CG501" s="11">
        <v>672</v>
      </c>
      <c r="CH501" s="20">
        <v>0.87983599999999995</v>
      </c>
      <c r="CI501" s="20">
        <v>0.864236</v>
      </c>
      <c r="CJ501" s="20">
        <v>0.86526899999999995</v>
      </c>
      <c r="CK501" s="20">
        <v>0.86954299999999995</v>
      </c>
      <c r="CL501" s="20">
        <v>0.88095000000000001</v>
      </c>
      <c r="CM501" s="20">
        <v>0.90941899999999998</v>
      </c>
      <c r="CN501" s="20">
        <v>0.92270600000000003</v>
      </c>
      <c r="CO501" s="20">
        <v>0.93755200000000005</v>
      </c>
      <c r="CP501" s="20">
        <v>0.97389499999999996</v>
      </c>
      <c r="CQ501" s="20">
        <v>0.94777299999999998</v>
      </c>
      <c r="CR501" s="20">
        <v>0.95911800000000003</v>
      </c>
      <c r="CS501" s="20">
        <v>0.99739699999999998</v>
      </c>
      <c r="CT501" s="20">
        <v>0.99102999999999997</v>
      </c>
      <c r="CU501" s="20">
        <v>1.0039800000000001</v>
      </c>
      <c r="CV501" s="20">
        <v>0.99243499999999996</v>
      </c>
      <c r="CW501" s="20">
        <v>0.97437399999999996</v>
      </c>
      <c r="CX501" s="20">
        <v>0.976742</v>
      </c>
      <c r="CY501" s="6" t="s">
        <v>470</v>
      </c>
      <c r="CZ501" s="6" t="s">
        <v>471</v>
      </c>
      <c r="DA501" s="6" t="s">
        <v>160</v>
      </c>
      <c r="DB501" s="6"/>
      <c r="DC501" s="6">
        <v>28140</v>
      </c>
      <c r="DD501" s="6">
        <v>312</v>
      </c>
      <c r="DE501" s="6" t="s">
        <v>402</v>
      </c>
      <c r="DF501" s="6" t="s">
        <v>375</v>
      </c>
      <c r="DG501" s="6" t="s">
        <v>364</v>
      </c>
      <c r="DH501" s="6" t="s">
        <v>419</v>
      </c>
      <c r="DI501" s="6" t="s">
        <v>377</v>
      </c>
      <c r="DJ501" s="6">
        <v>29</v>
      </c>
      <c r="DK501" s="6">
        <v>47</v>
      </c>
      <c r="DL501" s="6">
        <v>1</v>
      </c>
      <c r="DM501" s="6" t="s">
        <v>404</v>
      </c>
      <c r="DN501" s="6">
        <v>1</v>
      </c>
      <c r="DO501" s="6" t="s">
        <v>405</v>
      </c>
      <c r="DP501" s="6"/>
      <c r="DQ501" s="6"/>
    </row>
    <row r="502" spans="1:121" x14ac:dyDescent="0.2">
      <c r="A502" s="6" t="s">
        <v>1</v>
      </c>
      <c r="B502" s="6" t="s">
        <v>1</v>
      </c>
      <c r="C502" s="6" t="s">
        <v>2</v>
      </c>
      <c r="D502" s="6" t="s">
        <v>158</v>
      </c>
      <c r="E502" s="6" t="s">
        <v>297</v>
      </c>
      <c r="F502" s="11">
        <v>-205</v>
      </c>
      <c r="G502" s="13">
        <v>-0.63076923076900004</v>
      </c>
      <c r="H502" s="11">
        <v>-239.17231071569998</v>
      </c>
      <c r="I502" s="13">
        <v>-0.73676085196675445</v>
      </c>
      <c r="J502" s="11">
        <v>3.888809726900007</v>
      </c>
      <c r="K502" s="13">
        <v>4.5507382857138595E-2</v>
      </c>
      <c r="L502" s="11">
        <v>30.483878897799997</v>
      </c>
      <c r="M502" s="13">
        <v>0.34119942388329166</v>
      </c>
      <c r="N502" s="11">
        <v>34.372688624700004</v>
      </c>
      <c r="O502" s="13">
        <v>0.4022338995537223</v>
      </c>
      <c r="P502" s="7">
        <v>324.62679046699998</v>
      </c>
      <c r="Q502" s="7">
        <v>236.35364400200001</v>
      </c>
      <c r="R502" s="7">
        <v>116.356108792</v>
      </c>
      <c r="S502" s="7">
        <v>82.720764442499998</v>
      </c>
      <c r="T502" s="7">
        <v>68.832312635500003</v>
      </c>
      <c r="U502" s="7">
        <v>66.604573738200003</v>
      </c>
      <c r="V502" s="7">
        <v>85.454479751299999</v>
      </c>
      <c r="W502" s="7">
        <v>90.681146323500002</v>
      </c>
      <c r="X502" s="7">
        <v>86.652459790699993</v>
      </c>
      <c r="Y502" s="7">
        <v>89.343289478200006</v>
      </c>
      <c r="Z502" s="7">
        <v>78.927218718800006</v>
      </c>
      <c r="AA502" s="7">
        <v>55.689797266299998</v>
      </c>
      <c r="AB502" s="7">
        <v>82.606953863499996</v>
      </c>
      <c r="AC502" s="7">
        <v>95.794130530000004</v>
      </c>
      <c r="AD502" s="7">
        <v>109.64988253999999</v>
      </c>
      <c r="AE502" s="7">
        <v>116.444644287</v>
      </c>
      <c r="AF502" s="7">
        <v>119.827168376</v>
      </c>
      <c r="AG502" s="9">
        <v>12786.777052200003</v>
      </c>
      <c r="AH502" s="13">
        <v>0.58928208485213462</v>
      </c>
      <c r="AI502" s="9">
        <v>2229.6498322000007</v>
      </c>
      <c r="AJ502" s="13">
        <v>0.10275401660991418</v>
      </c>
      <c r="AK502" s="9">
        <v>5529.1430698000004</v>
      </c>
      <c r="AL502" s="13">
        <v>0.2310688082555318</v>
      </c>
      <c r="AM502" s="9">
        <v>5027.9841502000017</v>
      </c>
      <c r="AN502" s="13">
        <v>0.17068488704090032</v>
      </c>
      <c r="AO502" s="9">
        <v>10557.127220000002</v>
      </c>
      <c r="AP502" s="13">
        <v>0.44119364873220301</v>
      </c>
      <c r="AQ502" s="9">
        <v>21698.906823900001</v>
      </c>
      <c r="AR502" s="9">
        <v>21223.7586209</v>
      </c>
      <c r="AS502" s="9">
        <v>19495.293478700001</v>
      </c>
      <c r="AT502" s="9">
        <v>21074.760049500001</v>
      </c>
      <c r="AU502" s="9">
        <v>20818.231681400001</v>
      </c>
      <c r="AV502" s="9">
        <v>28344.1700733</v>
      </c>
      <c r="AW502" s="9">
        <v>23928.556656100001</v>
      </c>
      <c r="AX502" s="9">
        <v>26763.433229300001</v>
      </c>
      <c r="AY502" s="9">
        <v>21334.795070200002</v>
      </c>
      <c r="AZ502" s="9">
        <v>29457.699725900002</v>
      </c>
      <c r="BA502" s="9">
        <v>28665.7175752</v>
      </c>
      <c r="BB502" s="9">
        <v>29396.595803699998</v>
      </c>
      <c r="BC502" s="9">
        <v>29963.639344800002</v>
      </c>
      <c r="BD502" s="9">
        <v>32909.257749600001</v>
      </c>
      <c r="BE502" s="9">
        <v>32772.367082999997</v>
      </c>
      <c r="BF502" s="9">
        <v>34485.683876100004</v>
      </c>
      <c r="BG502" s="11">
        <v>2.75</v>
      </c>
      <c r="BH502" s="13">
        <v>0.34375</v>
      </c>
      <c r="BI502" s="6">
        <v>3</v>
      </c>
      <c r="BJ502" s="13">
        <v>0.375</v>
      </c>
      <c r="BK502" s="6">
        <v>-3</v>
      </c>
      <c r="BL502" s="13">
        <v>-0.27272727272727271</v>
      </c>
      <c r="BM502" s="11">
        <v>2.75</v>
      </c>
      <c r="BN502" s="13">
        <v>0.34375</v>
      </c>
      <c r="BO502" s="11">
        <v>-0.25</v>
      </c>
      <c r="BP502" s="13">
        <v>-2.2727272727272728E-2</v>
      </c>
      <c r="BQ502" s="6">
        <v>8</v>
      </c>
      <c r="BR502" s="6">
        <v>8</v>
      </c>
      <c r="BS502" s="6">
        <v>9</v>
      </c>
      <c r="BT502" s="6">
        <v>11</v>
      </c>
      <c r="BU502" s="6">
        <v>9</v>
      </c>
      <c r="BV502" s="6">
        <v>8</v>
      </c>
      <c r="BW502" s="6">
        <v>8</v>
      </c>
      <c r="BX502" s="6">
        <v>8</v>
      </c>
      <c r="BY502" s="6">
        <v>10</v>
      </c>
      <c r="BZ502" s="6">
        <v>12</v>
      </c>
      <c r="CA502" s="6">
        <v>10</v>
      </c>
      <c r="CB502" s="6">
        <v>9</v>
      </c>
      <c r="CC502" s="11">
        <v>10.75</v>
      </c>
      <c r="CD502" s="11">
        <v>-210.68799999999999</v>
      </c>
      <c r="CE502" s="11">
        <v>-29.5974</v>
      </c>
      <c r="CF502" s="11">
        <v>35.485599999999998</v>
      </c>
      <c r="CG502" s="11">
        <v>5</v>
      </c>
      <c r="CH502" s="20">
        <v>3.6154099999999998</v>
      </c>
      <c r="CI502" s="20">
        <v>3.0971500000000001</v>
      </c>
      <c r="CJ502" s="20">
        <v>1.53765</v>
      </c>
      <c r="CK502" s="20">
        <v>1.0969100000000001</v>
      </c>
      <c r="CL502" s="20">
        <v>0.88886699999999996</v>
      </c>
      <c r="CM502" s="20">
        <v>0.86963400000000002</v>
      </c>
      <c r="CN502" s="20">
        <v>1.2617</v>
      </c>
      <c r="CO502" s="20">
        <v>1.31999</v>
      </c>
      <c r="CP502" s="20">
        <v>1.2271000000000001</v>
      </c>
      <c r="CQ502" s="20">
        <v>1.4556</v>
      </c>
      <c r="CR502" s="20">
        <v>1.24468</v>
      </c>
      <c r="CS502" s="20">
        <v>0.87736700000000001</v>
      </c>
      <c r="CT502" s="20">
        <v>1.40645</v>
      </c>
      <c r="CU502" s="20">
        <v>1.6439999999999999</v>
      </c>
      <c r="CV502" s="20">
        <v>1.8539099999999999</v>
      </c>
      <c r="CW502" s="20">
        <v>1.9517</v>
      </c>
      <c r="CX502" s="20">
        <v>2.0131800000000002</v>
      </c>
      <c r="CY502" s="6" t="s">
        <v>473</v>
      </c>
      <c r="CZ502" s="6" t="s">
        <v>474</v>
      </c>
      <c r="DA502" s="6" t="s">
        <v>158</v>
      </c>
      <c r="DB502" s="6"/>
      <c r="DC502" s="6">
        <v>28140</v>
      </c>
      <c r="DD502" s="6">
        <v>312</v>
      </c>
      <c r="DE502" s="6" t="s">
        <v>402</v>
      </c>
      <c r="DF502" s="6" t="s">
        <v>375</v>
      </c>
      <c r="DG502" s="6" t="s">
        <v>376</v>
      </c>
      <c r="DH502" s="6" t="s">
        <v>328</v>
      </c>
      <c r="DI502" s="6" t="s">
        <v>377</v>
      </c>
      <c r="DJ502" s="6">
        <v>29</v>
      </c>
      <c r="DK502" s="6">
        <v>49</v>
      </c>
      <c r="DL502" s="6">
        <v>1</v>
      </c>
      <c r="DM502" s="6" t="s">
        <v>404</v>
      </c>
      <c r="DN502" s="6">
        <v>1</v>
      </c>
      <c r="DO502" s="6" t="s">
        <v>405</v>
      </c>
      <c r="DP502" s="6"/>
      <c r="DQ502" s="6"/>
    </row>
    <row r="503" spans="1:121" x14ac:dyDescent="0.2">
      <c r="A503" s="6" t="s">
        <v>310</v>
      </c>
      <c r="B503" s="6" t="s">
        <v>310</v>
      </c>
      <c r="C503" s="6" t="s">
        <v>173</v>
      </c>
      <c r="D503" s="6" t="s">
        <v>158</v>
      </c>
      <c r="E503" s="6" t="s">
        <v>297</v>
      </c>
      <c r="F503" s="11">
        <v>1</v>
      </c>
      <c r="G503" s="13">
        <v>1</v>
      </c>
      <c r="H503" s="11">
        <v>58.580261</v>
      </c>
      <c r="I503" s="13">
        <v>11.7160522</v>
      </c>
      <c r="J503" s="11">
        <v>6.7060679999999948</v>
      </c>
      <c r="K503" s="13">
        <v>0.10547405585516539</v>
      </c>
      <c r="L503" s="11">
        <v>-70.286328999999995</v>
      </c>
      <c r="M503" s="13">
        <v>-1</v>
      </c>
      <c r="N503" s="11">
        <v>-63.580261</v>
      </c>
      <c r="O503" s="13">
        <v>-1</v>
      </c>
      <c r="P503" s="7">
        <v>5</v>
      </c>
      <c r="Q503" s="7">
        <v>17.966698999999998</v>
      </c>
      <c r="R503" s="7">
        <v>33.969073999999999</v>
      </c>
      <c r="S503" s="7">
        <v>38.480404</v>
      </c>
      <c r="T503" s="7">
        <v>54.097738999999997</v>
      </c>
      <c r="U503" s="7">
        <v>62.802945999999999</v>
      </c>
      <c r="V503" s="7">
        <v>63.580261</v>
      </c>
      <c r="W503" s="7">
        <v>59.393551000000002</v>
      </c>
      <c r="X503" s="7">
        <v>69.588567999999995</v>
      </c>
      <c r="Y503" s="7">
        <v>70.286328999999995</v>
      </c>
      <c r="Z503" s="7">
        <v>42.915394999999997</v>
      </c>
      <c r="AA503" s="7">
        <v>14.606783999999999</v>
      </c>
      <c r="AB503" s="7">
        <v>5</v>
      </c>
      <c r="AC503" s="7">
        <v>0</v>
      </c>
      <c r="AD503" s="7">
        <v>0</v>
      </c>
      <c r="AE503" s="7">
        <v>0</v>
      </c>
      <c r="AF503" s="7">
        <v>0</v>
      </c>
      <c r="AG503" s="9">
        <v>-1</v>
      </c>
      <c r="AH503" s="13">
        <v>-1</v>
      </c>
      <c r="AI503" s="9">
        <v>52668.928316999998</v>
      </c>
      <c r="AJ503" s="13">
        <v>52668.928316999998</v>
      </c>
      <c r="AK503" s="9">
        <v>-7601.9648086000016</v>
      </c>
      <c r="AL503" s="13">
        <v>-0.14433216545970418</v>
      </c>
      <c r="AM503" s="9">
        <v>-45067.963508399996</v>
      </c>
      <c r="AN503" s="13">
        <v>-1</v>
      </c>
      <c r="AO503" s="9">
        <v>-52669.928316999998</v>
      </c>
      <c r="AP503" s="13">
        <v>-1</v>
      </c>
      <c r="AQ503" s="9">
        <v>1</v>
      </c>
      <c r="AR503" s="9">
        <v>62806.262591999999</v>
      </c>
      <c r="AS503" s="9">
        <v>61015.860737399998</v>
      </c>
      <c r="AT503" s="9">
        <v>51740.275403500003</v>
      </c>
      <c r="AU503" s="9">
        <v>50943.756711200003</v>
      </c>
      <c r="AV503" s="9">
        <v>48117.851137899997</v>
      </c>
      <c r="AW503" s="9">
        <v>52669.928316999998</v>
      </c>
      <c r="AX503" s="9">
        <v>50170.826318699998</v>
      </c>
      <c r="AY503" s="9">
        <v>60062.599804500001</v>
      </c>
      <c r="AZ503" s="9">
        <v>45067.963508399996</v>
      </c>
      <c r="BA503" s="9">
        <v>45346.5377506</v>
      </c>
      <c r="BB503" s="9">
        <v>58066.6206943</v>
      </c>
      <c r="BC503" s="9">
        <v>1</v>
      </c>
      <c r="BD503" s="9">
        <v>0</v>
      </c>
      <c r="BE503" s="9">
        <v>0</v>
      </c>
      <c r="BF503" s="9">
        <v>0</v>
      </c>
      <c r="BG503" s="11">
        <v>-1</v>
      </c>
      <c r="BH503" s="13">
        <v>-1</v>
      </c>
      <c r="BI503" s="6">
        <v>0</v>
      </c>
      <c r="BJ503" s="13">
        <v>0</v>
      </c>
      <c r="BK503" s="6">
        <v>0</v>
      </c>
      <c r="BL503" s="13">
        <v>0</v>
      </c>
      <c r="BM503" s="11">
        <v>-1</v>
      </c>
      <c r="BN503" s="13">
        <v>-1</v>
      </c>
      <c r="BO503" s="11">
        <v>-1</v>
      </c>
      <c r="BP503" s="13">
        <v>-1</v>
      </c>
      <c r="BQ503" s="6">
        <v>1</v>
      </c>
      <c r="BR503" s="6">
        <v>1</v>
      </c>
      <c r="BS503" s="6">
        <v>1</v>
      </c>
      <c r="BT503" s="6">
        <v>1</v>
      </c>
      <c r="BU503" s="6">
        <v>1</v>
      </c>
      <c r="BV503" s="6">
        <v>1</v>
      </c>
      <c r="BW503" s="6">
        <v>1</v>
      </c>
      <c r="BX503" s="6">
        <v>1</v>
      </c>
      <c r="BY503" s="6">
        <v>1</v>
      </c>
      <c r="BZ503" s="6">
        <v>1</v>
      </c>
      <c r="CA503" s="6">
        <v>0</v>
      </c>
      <c r="CB503" s="6">
        <v>0</v>
      </c>
      <c r="CC503" s="11">
        <v>0</v>
      </c>
      <c r="CD503" s="11">
        <v>-0.30326500000000001</v>
      </c>
      <c r="CE503" s="11">
        <v>2.5937000000000002E-2</v>
      </c>
      <c r="CF503" s="11">
        <v>2.7328000000000002E-2</v>
      </c>
      <c r="CG503" s="11">
        <v>0</v>
      </c>
      <c r="CH503" s="20">
        <v>9.8134299999999997E-3</v>
      </c>
      <c r="CI503" s="20">
        <v>0.86679799999999996</v>
      </c>
      <c r="CJ503" s="20">
        <v>1.67614</v>
      </c>
      <c r="CK503" s="20">
        <v>1.8435600000000001</v>
      </c>
      <c r="CL503" s="20">
        <v>2.3548300000000002</v>
      </c>
      <c r="CM503" s="20">
        <v>2.5091100000000002</v>
      </c>
      <c r="CN503" s="20">
        <v>2.66553</v>
      </c>
      <c r="CO503" s="20">
        <v>2.21489</v>
      </c>
      <c r="CP503" s="20">
        <v>2.7733500000000002</v>
      </c>
      <c r="CQ503" s="20">
        <v>3.16025</v>
      </c>
      <c r="CR503" s="20">
        <v>1.68136</v>
      </c>
      <c r="CS503" s="20">
        <v>0.53054500000000004</v>
      </c>
      <c r="CT503" s="20">
        <v>0.23241600000000001</v>
      </c>
      <c r="CU503" s="20">
        <v>0</v>
      </c>
      <c r="CV503" s="20">
        <v>0</v>
      </c>
      <c r="CW503" s="20">
        <v>0</v>
      </c>
      <c r="CX503" s="20">
        <v>0</v>
      </c>
      <c r="CY503" s="6" t="s">
        <v>473</v>
      </c>
      <c r="CZ503" s="6" t="s">
        <v>474</v>
      </c>
      <c r="DA503" s="6" t="s">
        <v>158</v>
      </c>
      <c r="DB503" s="6"/>
      <c r="DC503" s="6">
        <v>28140</v>
      </c>
      <c r="DD503" s="6">
        <v>312</v>
      </c>
      <c r="DE503" s="6" t="s">
        <v>402</v>
      </c>
      <c r="DF503" s="6" t="s">
        <v>375</v>
      </c>
      <c r="DG503" s="6" t="s">
        <v>376</v>
      </c>
      <c r="DH503" s="6" t="s">
        <v>328</v>
      </c>
      <c r="DI503" s="6" t="s">
        <v>377</v>
      </c>
      <c r="DJ503" s="6">
        <v>29</v>
      </c>
      <c r="DK503" s="6">
        <v>49</v>
      </c>
      <c r="DL503" s="6">
        <v>1</v>
      </c>
      <c r="DM503" s="6" t="s">
        <v>404</v>
      </c>
      <c r="DN503" s="6">
        <v>1</v>
      </c>
      <c r="DO503" s="6" t="s">
        <v>405</v>
      </c>
      <c r="DP503" s="6"/>
      <c r="DQ503" s="6"/>
    </row>
    <row r="504" spans="1:121" x14ac:dyDescent="0.2">
      <c r="A504" s="6" t="s">
        <v>311</v>
      </c>
      <c r="B504" s="6" t="s">
        <v>311</v>
      </c>
      <c r="C504" s="6" t="s">
        <v>174</v>
      </c>
      <c r="D504" s="6" t="s">
        <v>158</v>
      </c>
      <c r="E504" s="6" t="s">
        <v>297</v>
      </c>
      <c r="F504" s="11">
        <v>1</v>
      </c>
      <c r="G504" s="13">
        <v>1</v>
      </c>
      <c r="H504" s="11">
        <v>0</v>
      </c>
      <c r="I504" s="13">
        <v>0</v>
      </c>
      <c r="J504" s="11">
        <v>0</v>
      </c>
      <c r="K504" s="13">
        <v>0</v>
      </c>
      <c r="L504" s="11">
        <v>6.2214222606000007</v>
      </c>
      <c r="M504" s="13">
        <v>1.2442844521200001</v>
      </c>
      <c r="N504" s="11">
        <v>6.2214222606000007</v>
      </c>
      <c r="O504" s="13">
        <v>1.2442844521200001</v>
      </c>
      <c r="P504" s="7">
        <v>5</v>
      </c>
      <c r="Q504" s="7">
        <v>5</v>
      </c>
      <c r="R504" s="7">
        <v>5</v>
      </c>
      <c r="S504" s="7">
        <v>5</v>
      </c>
      <c r="T504" s="7">
        <v>5</v>
      </c>
      <c r="U504" s="7">
        <v>5</v>
      </c>
      <c r="V504" s="7">
        <v>5</v>
      </c>
      <c r="W504" s="7">
        <v>22.848137999999999</v>
      </c>
      <c r="X504" s="7">
        <v>36.472605999999999</v>
      </c>
      <c r="Y504" s="7">
        <v>5</v>
      </c>
      <c r="Z504" s="7">
        <v>5</v>
      </c>
      <c r="AA504" s="7">
        <v>10.641781</v>
      </c>
      <c r="AB504" s="7">
        <v>5</v>
      </c>
      <c r="AC504" s="7">
        <v>5</v>
      </c>
      <c r="AD504" s="7">
        <v>5</v>
      </c>
      <c r="AE504" s="7">
        <v>11.323026</v>
      </c>
      <c r="AF504" s="7">
        <v>11.221422260600001</v>
      </c>
      <c r="AG504" s="9">
        <v>85993.813498500007</v>
      </c>
      <c r="AH504" s="13">
        <v>85993.813498500007</v>
      </c>
      <c r="AI504" s="9">
        <v>0</v>
      </c>
      <c r="AJ504" s="13">
        <v>0</v>
      </c>
      <c r="AK504" s="9">
        <v>0</v>
      </c>
      <c r="AL504" s="13">
        <v>0</v>
      </c>
      <c r="AM504" s="9">
        <v>85993.813498500007</v>
      </c>
      <c r="AN504" s="13">
        <v>85993.813498500007</v>
      </c>
      <c r="AO504" s="9">
        <v>85993.813498500007</v>
      </c>
      <c r="AP504" s="13">
        <v>85993.813498500007</v>
      </c>
      <c r="AQ504" s="9">
        <v>1</v>
      </c>
      <c r="AR504" s="9">
        <v>1</v>
      </c>
      <c r="AS504" s="9">
        <v>1</v>
      </c>
      <c r="AT504" s="9">
        <v>1</v>
      </c>
      <c r="AU504" s="9">
        <v>1</v>
      </c>
      <c r="AV504" s="9">
        <v>1</v>
      </c>
      <c r="AW504" s="9">
        <v>1</v>
      </c>
      <c r="AX504" s="9">
        <v>39673.153276899997</v>
      </c>
      <c r="AY504" s="9">
        <v>26663.128309799999</v>
      </c>
      <c r="AZ504" s="9">
        <v>1</v>
      </c>
      <c r="BA504" s="9">
        <v>1</v>
      </c>
      <c r="BB504" s="9">
        <v>54906.631142999999</v>
      </c>
      <c r="BC504" s="9">
        <v>1</v>
      </c>
      <c r="BD504" s="9">
        <v>1</v>
      </c>
      <c r="BE504" s="9">
        <v>1</v>
      </c>
      <c r="BF504" s="9">
        <v>85994.813498500007</v>
      </c>
      <c r="BG504" s="11">
        <v>0</v>
      </c>
      <c r="BH504" s="13">
        <v>0</v>
      </c>
      <c r="BI504" s="6">
        <v>0</v>
      </c>
      <c r="BJ504" s="13">
        <v>0</v>
      </c>
      <c r="BK504" s="6">
        <v>1</v>
      </c>
      <c r="BL504" s="13">
        <v>1</v>
      </c>
      <c r="BM504" s="11">
        <v>-1</v>
      </c>
      <c r="BN504" s="13">
        <v>-0.5</v>
      </c>
      <c r="BO504" s="11">
        <v>0</v>
      </c>
      <c r="BP504" s="13">
        <v>0</v>
      </c>
      <c r="BQ504" s="6">
        <v>1</v>
      </c>
      <c r="BR504" s="6">
        <v>1</v>
      </c>
      <c r="BS504" s="6">
        <v>1</v>
      </c>
      <c r="BT504" s="6">
        <v>1</v>
      </c>
      <c r="BU504" s="6">
        <v>1</v>
      </c>
      <c r="BV504" s="6">
        <v>1</v>
      </c>
      <c r="BW504" s="6">
        <v>2</v>
      </c>
      <c r="BX504" s="6">
        <v>1</v>
      </c>
      <c r="BY504" s="6">
        <v>1</v>
      </c>
      <c r="BZ504" s="6">
        <v>1</v>
      </c>
      <c r="CA504" s="6">
        <v>1</v>
      </c>
      <c r="CB504" s="6">
        <v>1</v>
      </c>
      <c r="CC504" s="11">
        <v>1</v>
      </c>
      <c r="CD504" s="11">
        <v>7.0929500000000001</v>
      </c>
      <c r="CE504" s="11">
        <v>-0.71031999999999995</v>
      </c>
      <c r="CF504" s="11">
        <v>0.47681600000000002</v>
      </c>
      <c r="CG504" s="11">
        <v>-1</v>
      </c>
      <c r="CH504" s="20">
        <v>0.156276</v>
      </c>
      <c r="CI504" s="20">
        <v>0.29426200000000002</v>
      </c>
      <c r="CJ504" s="20">
        <v>0.18407899999999999</v>
      </c>
      <c r="CK504" s="20">
        <v>0.41598200000000002</v>
      </c>
      <c r="CL504" s="20">
        <v>0.44755600000000001</v>
      </c>
      <c r="CM504" s="20">
        <v>0.30099100000000001</v>
      </c>
      <c r="CN504" s="20">
        <v>2.4674100000000001E-2</v>
      </c>
      <c r="CO504" s="20">
        <v>1.11452</v>
      </c>
      <c r="CP504" s="20">
        <v>1.7070399999999999</v>
      </c>
      <c r="CQ504" s="20">
        <v>0.41026000000000001</v>
      </c>
      <c r="CR504" s="20">
        <v>0.42435200000000001</v>
      </c>
      <c r="CS504" s="20">
        <v>0.57215899999999997</v>
      </c>
      <c r="CT504" s="20">
        <v>0.31644699999999998</v>
      </c>
      <c r="CU504" s="20">
        <v>0.52743099999999998</v>
      </c>
      <c r="CV504" s="20">
        <v>0.49534099999999998</v>
      </c>
      <c r="CW504" s="20">
        <v>0.66072600000000004</v>
      </c>
      <c r="CX504" s="20">
        <v>0.65239800000000003</v>
      </c>
      <c r="CY504" s="6" t="s">
        <v>473</v>
      </c>
      <c r="CZ504" s="6" t="s">
        <v>474</v>
      </c>
      <c r="DA504" s="6" t="s">
        <v>158</v>
      </c>
      <c r="DB504" s="6"/>
      <c r="DC504" s="6">
        <v>28140</v>
      </c>
      <c r="DD504" s="6">
        <v>312</v>
      </c>
      <c r="DE504" s="6" t="s">
        <v>402</v>
      </c>
      <c r="DF504" s="6" t="s">
        <v>375</v>
      </c>
      <c r="DG504" s="6" t="s">
        <v>376</v>
      </c>
      <c r="DH504" s="6" t="s">
        <v>328</v>
      </c>
      <c r="DI504" s="6" t="s">
        <v>377</v>
      </c>
      <c r="DJ504" s="6">
        <v>29</v>
      </c>
      <c r="DK504" s="6">
        <v>49</v>
      </c>
      <c r="DL504" s="6">
        <v>1</v>
      </c>
      <c r="DM504" s="6" t="s">
        <v>404</v>
      </c>
      <c r="DN504" s="6">
        <v>1</v>
      </c>
      <c r="DO504" s="6" t="s">
        <v>405</v>
      </c>
      <c r="DP504" s="6"/>
      <c r="DQ504" s="6"/>
    </row>
    <row r="505" spans="1:121" x14ac:dyDescent="0.2">
      <c r="A505" s="6" t="s">
        <v>312</v>
      </c>
      <c r="B505" s="6" t="s">
        <v>312</v>
      </c>
      <c r="C505" s="6" t="s">
        <v>175</v>
      </c>
      <c r="D505" s="6" t="s">
        <v>158</v>
      </c>
      <c r="E505" s="6" t="s">
        <v>297</v>
      </c>
      <c r="F505" s="11">
        <v>-70</v>
      </c>
      <c r="G505" s="13">
        <v>-0.163551401869</v>
      </c>
      <c r="H505" s="11">
        <v>157.20938391899995</v>
      </c>
      <c r="I505" s="13">
        <v>0.36746265179802784</v>
      </c>
      <c r="J505" s="11">
        <v>-184.69542215299998</v>
      </c>
      <c r="K505" s="13">
        <v>-0.31570059217622998</v>
      </c>
      <c r="L505" s="11">
        <v>-42.191940220999982</v>
      </c>
      <c r="M505" s="13">
        <v>-0.10539077503694703</v>
      </c>
      <c r="N505" s="11">
        <v>-226.88736237399996</v>
      </c>
      <c r="O505" s="13">
        <v>-0.387819437124101</v>
      </c>
      <c r="P505" s="7">
        <v>427.82411532100002</v>
      </c>
      <c r="Q505" s="7">
        <v>418.96470558800002</v>
      </c>
      <c r="R505" s="7">
        <v>433.58094399999999</v>
      </c>
      <c r="S505" s="7">
        <v>538.83011176399998</v>
      </c>
      <c r="T505" s="7">
        <v>672.26545637200002</v>
      </c>
      <c r="U505" s="7">
        <v>674.30620834199999</v>
      </c>
      <c r="V505" s="7">
        <v>585.03349923999997</v>
      </c>
      <c r="W505" s="7">
        <v>491.38606708600003</v>
      </c>
      <c r="X505" s="7">
        <v>462.11665919299998</v>
      </c>
      <c r="Y505" s="7">
        <v>400.33807708699999</v>
      </c>
      <c r="Z505" s="7">
        <v>338.45235530799999</v>
      </c>
      <c r="AA505" s="7">
        <v>349.075198403</v>
      </c>
      <c r="AB505" s="7">
        <v>329.754848219</v>
      </c>
      <c r="AC505" s="7">
        <v>356.69304561799999</v>
      </c>
      <c r="AD505" s="7">
        <v>347.95998425300002</v>
      </c>
      <c r="AE505" s="7">
        <v>359.33286062899998</v>
      </c>
      <c r="AF505" s="7">
        <v>358.14613686600001</v>
      </c>
      <c r="AG505" s="9">
        <v>9689.2818976999988</v>
      </c>
      <c r="AH505" s="13">
        <v>0.36563144578997864</v>
      </c>
      <c r="AI505" s="9">
        <v>3990.1299586999994</v>
      </c>
      <c r="AJ505" s="13">
        <v>0.1505701868407503</v>
      </c>
      <c r="AK505" s="9">
        <v>-388.91572380000071</v>
      </c>
      <c r="AL505" s="13">
        <v>-1.2755407386508452E-2</v>
      </c>
      <c r="AM505" s="9">
        <v>6088.0676628000001</v>
      </c>
      <c r="AN505" s="13">
        <v>0.20225233242972107</v>
      </c>
      <c r="AO505" s="9">
        <v>5699.1519389999994</v>
      </c>
      <c r="AP505" s="13">
        <v>0.1869171141482</v>
      </c>
      <c r="AQ505" s="9">
        <v>26500.132877700002</v>
      </c>
      <c r="AR505" s="9">
        <v>26140.940718499998</v>
      </c>
      <c r="AS505" s="9">
        <v>26016.674652199999</v>
      </c>
      <c r="AT505" s="9">
        <v>27773.4621272</v>
      </c>
      <c r="AU505" s="9">
        <v>28695.446536799998</v>
      </c>
      <c r="AV505" s="9">
        <v>28441.5886402</v>
      </c>
      <c r="AW505" s="9">
        <v>30490.262836400001</v>
      </c>
      <c r="AX505" s="9">
        <v>31614.168371</v>
      </c>
      <c r="AY505" s="9">
        <v>30393.4661486</v>
      </c>
      <c r="AZ505" s="9">
        <v>30101.3471126</v>
      </c>
      <c r="BA505" s="9">
        <v>31702.353963699999</v>
      </c>
      <c r="BB505" s="9">
        <v>33957.240741200003</v>
      </c>
      <c r="BC505" s="9">
        <v>33725.467127299999</v>
      </c>
      <c r="BD505" s="9">
        <v>34186.364344200003</v>
      </c>
      <c r="BE505" s="9">
        <v>34914.993309799996</v>
      </c>
      <c r="BF505" s="9">
        <v>36189.414775400001</v>
      </c>
      <c r="BG505" s="11">
        <v>-22.75</v>
      </c>
      <c r="BH505" s="13">
        <v>-0.32042253521126762</v>
      </c>
      <c r="BI505" s="6">
        <v>0</v>
      </c>
      <c r="BJ505" s="13">
        <v>0</v>
      </c>
      <c r="BK505" s="6">
        <v>-16</v>
      </c>
      <c r="BL505" s="13">
        <v>-0.22535211267605634</v>
      </c>
      <c r="BM505" s="11">
        <v>-6.75</v>
      </c>
      <c r="BN505" s="13">
        <v>-0.12272727272727273</v>
      </c>
      <c r="BO505" s="11">
        <v>-22.75</v>
      </c>
      <c r="BP505" s="13">
        <v>-0.32042253521126762</v>
      </c>
      <c r="BQ505" s="6">
        <v>71</v>
      </c>
      <c r="BR505" s="6">
        <v>75</v>
      </c>
      <c r="BS505" s="6">
        <v>73</v>
      </c>
      <c r="BT505" s="6">
        <v>71</v>
      </c>
      <c r="BU505" s="6">
        <v>68</v>
      </c>
      <c r="BV505" s="6">
        <v>63</v>
      </c>
      <c r="BW505" s="6">
        <v>55</v>
      </c>
      <c r="BX505" s="6">
        <v>51</v>
      </c>
      <c r="BY505" s="6">
        <v>50</v>
      </c>
      <c r="BZ505" s="6">
        <v>47</v>
      </c>
      <c r="CA505" s="6">
        <v>49</v>
      </c>
      <c r="CB505" s="6">
        <v>48</v>
      </c>
      <c r="CC505" s="11">
        <v>48.25</v>
      </c>
      <c r="CD505" s="11">
        <v>-64.623900000000006</v>
      </c>
      <c r="CE505" s="11">
        <v>-51.820399999999999</v>
      </c>
      <c r="CF505" s="11">
        <v>46.766300000000001</v>
      </c>
      <c r="CG505" s="11">
        <v>-5</v>
      </c>
      <c r="CH505" s="20">
        <v>1.0567599999999999</v>
      </c>
      <c r="CI505" s="20">
        <v>1.2132499999999999</v>
      </c>
      <c r="CJ505" s="20">
        <v>1.24946</v>
      </c>
      <c r="CK505" s="20">
        <v>1.5006200000000001</v>
      </c>
      <c r="CL505" s="20">
        <v>1.75196</v>
      </c>
      <c r="CM505" s="20">
        <v>1.7010099999999999</v>
      </c>
      <c r="CN505" s="20">
        <v>1.6685300000000001</v>
      </c>
      <c r="CO505" s="20">
        <v>1.4200900000000001</v>
      </c>
      <c r="CP505" s="20">
        <v>1.47807</v>
      </c>
      <c r="CQ505" s="20">
        <v>1.5926100000000001</v>
      </c>
      <c r="CR505" s="20">
        <v>1.3282700000000001</v>
      </c>
      <c r="CS505" s="20">
        <v>1.37355</v>
      </c>
      <c r="CT505" s="20">
        <v>1.3852199999999999</v>
      </c>
      <c r="CU505" s="20">
        <v>1.4754700000000001</v>
      </c>
      <c r="CV505" s="20">
        <v>1.3807799999999999</v>
      </c>
      <c r="CW505" s="20">
        <v>1.3826099999999999</v>
      </c>
      <c r="CX505" s="20">
        <v>1.37497</v>
      </c>
      <c r="CY505" s="6" t="s">
        <v>473</v>
      </c>
      <c r="CZ505" s="6" t="s">
        <v>474</v>
      </c>
      <c r="DA505" s="6" t="s">
        <v>158</v>
      </c>
      <c r="DB505" s="6"/>
      <c r="DC505" s="6">
        <v>28140</v>
      </c>
      <c r="DD505" s="6">
        <v>312</v>
      </c>
      <c r="DE505" s="6" t="s">
        <v>402</v>
      </c>
      <c r="DF505" s="6" t="s">
        <v>375</v>
      </c>
      <c r="DG505" s="6" t="s">
        <v>376</v>
      </c>
      <c r="DH505" s="6" t="s">
        <v>328</v>
      </c>
      <c r="DI505" s="6" t="s">
        <v>377</v>
      </c>
      <c r="DJ505" s="6">
        <v>29</v>
      </c>
      <c r="DK505" s="6">
        <v>49</v>
      </c>
      <c r="DL505" s="6">
        <v>1</v>
      </c>
      <c r="DM505" s="6" t="s">
        <v>404</v>
      </c>
      <c r="DN505" s="6">
        <v>1</v>
      </c>
      <c r="DO505" s="6" t="s">
        <v>405</v>
      </c>
      <c r="DP505" s="6"/>
      <c r="DQ505" s="6"/>
    </row>
    <row r="506" spans="1:121" x14ac:dyDescent="0.2">
      <c r="A506" s="6" t="s">
        <v>792</v>
      </c>
      <c r="B506" s="6" t="s">
        <v>176</v>
      </c>
      <c r="C506" s="6" t="s">
        <v>177</v>
      </c>
      <c r="D506" s="6" t="s">
        <v>158</v>
      </c>
      <c r="E506" s="6" t="s">
        <v>297</v>
      </c>
      <c r="F506" s="11">
        <v>101</v>
      </c>
      <c r="G506" s="13">
        <v>0.55494505494500002</v>
      </c>
      <c r="H506" s="11">
        <v>-19.079200376999978</v>
      </c>
      <c r="I506" s="13">
        <v>-0.10486291347969476</v>
      </c>
      <c r="J506" s="11">
        <v>-56.655585679000012</v>
      </c>
      <c r="K506" s="13">
        <v>-0.34786836287394507</v>
      </c>
      <c r="L506" s="11">
        <v>176.65032576899998</v>
      </c>
      <c r="M506" s="13">
        <v>1.6632264111620141</v>
      </c>
      <c r="N506" s="11">
        <v>119.99474008999996</v>
      </c>
      <c r="O506" s="13">
        <v>0.73677419954843204</v>
      </c>
      <c r="P506" s="7">
        <v>181.94421405899999</v>
      </c>
      <c r="Q506" s="7">
        <v>209.43645498800001</v>
      </c>
      <c r="R506" s="7">
        <v>239.610119279</v>
      </c>
      <c r="S506" s="7">
        <v>196.62614458100001</v>
      </c>
      <c r="T506" s="7">
        <v>230.14991313900001</v>
      </c>
      <c r="U506" s="7">
        <v>212.711132365</v>
      </c>
      <c r="V506" s="7">
        <v>162.86501368200001</v>
      </c>
      <c r="W506" s="7">
        <v>149.81607024499999</v>
      </c>
      <c r="X506" s="7">
        <v>147.01114611</v>
      </c>
      <c r="Y506" s="7">
        <v>106.209428003</v>
      </c>
      <c r="Z506" s="7">
        <v>146.353271361</v>
      </c>
      <c r="AA506" s="7">
        <v>213.54032577699999</v>
      </c>
      <c r="AB506" s="7">
        <v>244.05367083100001</v>
      </c>
      <c r="AC506" s="7">
        <v>237.84351183999999</v>
      </c>
      <c r="AD506" s="7">
        <v>256.25791779299999</v>
      </c>
      <c r="AE506" s="7">
        <v>264.07654001700001</v>
      </c>
      <c r="AF506" s="7">
        <v>282.85975377199998</v>
      </c>
      <c r="AG506" s="9">
        <v>16801.900696700002</v>
      </c>
      <c r="AH506" s="13">
        <v>0.71453972224577766</v>
      </c>
      <c r="AI506" s="9">
        <v>7767.0017127000028</v>
      </c>
      <c r="AJ506" s="13">
        <v>0.33030972784913321</v>
      </c>
      <c r="AK506" s="9">
        <v>2039.1366731999951</v>
      </c>
      <c r="AL506" s="13">
        <v>6.5187080616112891E-2</v>
      </c>
      <c r="AM506" s="9">
        <v>6995.7623108000043</v>
      </c>
      <c r="AN506" s="13">
        <v>0.20995409585336569</v>
      </c>
      <c r="AO506" s="9">
        <v>9034.8989839999995</v>
      </c>
      <c r="AP506" s="13">
        <v>0.28882747104155504</v>
      </c>
      <c r="AQ506" s="9">
        <v>23514.299028599999</v>
      </c>
      <c r="AR506" s="9">
        <v>26995.521928300001</v>
      </c>
      <c r="AS506" s="9">
        <v>29123.2197953</v>
      </c>
      <c r="AT506" s="9">
        <v>28527.020000199998</v>
      </c>
      <c r="AU506" s="9">
        <v>29331.805345699999</v>
      </c>
      <c r="AV506" s="9">
        <v>30027.209553299999</v>
      </c>
      <c r="AW506" s="9">
        <v>31281.300741300001</v>
      </c>
      <c r="AX506" s="9">
        <v>32193.649886800002</v>
      </c>
      <c r="AY506" s="9">
        <v>32268.925831799999</v>
      </c>
      <c r="AZ506" s="9">
        <v>33320.437414499997</v>
      </c>
      <c r="BA506" s="9">
        <v>34038.405033900002</v>
      </c>
      <c r="BB506" s="9">
        <v>32251.317870300001</v>
      </c>
      <c r="BC506" s="9">
        <v>32780.586545500002</v>
      </c>
      <c r="BD506" s="9">
        <v>36804.2723329</v>
      </c>
      <c r="BE506" s="9">
        <v>38074.838081399997</v>
      </c>
      <c r="BF506" s="9">
        <v>40316.199725300001</v>
      </c>
      <c r="BG506" s="11">
        <v>2.5</v>
      </c>
      <c r="BH506" s="13">
        <v>0.17857142857142858</v>
      </c>
      <c r="BI506" s="6">
        <v>3</v>
      </c>
      <c r="BJ506" s="13">
        <v>0.21428571428571427</v>
      </c>
      <c r="BK506" s="6">
        <v>-2</v>
      </c>
      <c r="BL506" s="13">
        <v>-0.11764705882352941</v>
      </c>
      <c r="BM506" s="11">
        <v>1.5</v>
      </c>
      <c r="BN506" s="13">
        <v>0.1</v>
      </c>
      <c r="BO506" s="11">
        <v>-0.5</v>
      </c>
      <c r="BP506" s="13">
        <v>-2.9411764705882353E-2</v>
      </c>
      <c r="BQ506" s="6">
        <v>14</v>
      </c>
      <c r="BR506" s="6">
        <v>17</v>
      </c>
      <c r="BS506" s="6">
        <v>16</v>
      </c>
      <c r="BT506" s="6">
        <v>17</v>
      </c>
      <c r="BU506" s="6">
        <v>16</v>
      </c>
      <c r="BV506" s="6">
        <v>15</v>
      </c>
      <c r="BW506" s="6">
        <v>15</v>
      </c>
      <c r="BX506" s="6">
        <v>16</v>
      </c>
      <c r="BY506" s="6">
        <v>15</v>
      </c>
      <c r="BZ506" s="6">
        <v>16</v>
      </c>
      <c r="CA506" s="6">
        <v>15</v>
      </c>
      <c r="CB506" s="6">
        <v>17</v>
      </c>
      <c r="CC506" s="11">
        <v>16.5</v>
      </c>
      <c r="CD506" s="11">
        <v>145.249</v>
      </c>
      <c r="CE506" s="11">
        <v>-64.222300000000004</v>
      </c>
      <c r="CF506" s="11">
        <v>19.8887</v>
      </c>
      <c r="CG506" s="11">
        <v>-44</v>
      </c>
      <c r="CH506" s="20">
        <v>0.23474999999999999</v>
      </c>
      <c r="CI506" s="20">
        <v>0.33854200000000001</v>
      </c>
      <c r="CJ506" s="20">
        <v>0.41200999999999999</v>
      </c>
      <c r="CK506" s="20">
        <v>0.34607900000000003</v>
      </c>
      <c r="CL506" s="20">
        <v>0.39915800000000001</v>
      </c>
      <c r="CM506" s="20">
        <v>0.37429600000000002</v>
      </c>
      <c r="CN506" s="20">
        <v>0.32802999999999999</v>
      </c>
      <c r="CO506" s="20">
        <v>0.29915599999999998</v>
      </c>
      <c r="CP506" s="20">
        <v>0.32009799999999999</v>
      </c>
      <c r="CQ506" s="20">
        <v>0.27209800000000001</v>
      </c>
      <c r="CR506" s="20">
        <v>0.35887400000000003</v>
      </c>
      <c r="CS506" s="20">
        <v>0.52122800000000002</v>
      </c>
      <c r="CT506" s="20">
        <v>0.645984</v>
      </c>
      <c r="CU506" s="20">
        <v>0.63511300000000004</v>
      </c>
      <c r="CV506" s="20">
        <v>0.67483400000000004</v>
      </c>
      <c r="CW506" s="20">
        <v>0.68901500000000004</v>
      </c>
      <c r="CX506" s="20">
        <v>0.74111400000000005</v>
      </c>
      <c r="CY506" s="6" t="s">
        <v>473</v>
      </c>
      <c r="CZ506" s="6" t="s">
        <v>474</v>
      </c>
      <c r="DA506" s="6" t="s">
        <v>158</v>
      </c>
      <c r="DB506" s="6"/>
      <c r="DC506" s="6">
        <v>28140</v>
      </c>
      <c r="DD506" s="6">
        <v>312</v>
      </c>
      <c r="DE506" s="6" t="s">
        <v>402</v>
      </c>
      <c r="DF506" s="6" t="s">
        <v>375</v>
      </c>
      <c r="DG506" s="6" t="s">
        <v>376</v>
      </c>
      <c r="DH506" s="6" t="s">
        <v>328</v>
      </c>
      <c r="DI506" s="6" t="s">
        <v>377</v>
      </c>
      <c r="DJ506" s="6">
        <v>29</v>
      </c>
      <c r="DK506" s="6">
        <v>49</v>
      </c>
      <c r="DL506" s="6">
        <v>1</v>
      </c>
      <c r="DM506" s="6" t="s">
        <v>404</v>
      </c>
      <c r="DN506" s="6">
        <v>1</v>
      </c>
      <c r="DO506" s="6" t="s">
        <v>405</v>
      </c>
      <c r="DP506" s="6"/>
      <c r="DQ506" s="6"/>
    </row>
    <row r="507" spans="1:121" x14ac:dyDescent="0.2">
      <c r="A507" s="6" t="s">
        <v>313</v>
      </c>
      <c r="B507" s="6" t="s">
        <v>313</v>
      </c>
      <c r="C507" s="6" t="s">
        <v>178</v>
      </c>
      <c r="D507" s="6" t="s">
        <v>158</v>
      </c>
      <c r="E507" s="6" t="s">
        <v>297</v>
      </c>
      <c r="F507" s="11">
        <v>4</v>
      </c>
      <c r="G507" s="13">
        <v>3.5398230088500002E-2</v>
      </c>
      <c r="H507" s="11">
        <v>75.931281220999992</v>
      </c>
      <c r="I507" s="13">
        <v>0.67293086325591311</v>
      </c>
      <c r="J507" s="11">
        <v>-37.588536140999992</v>
      </c>
      <c r="K507" s="13">
        <v>-0.19912561889228372</v>
      </c>
      <c r="L507" s="11">
        <v>-34.225505109000011</v>
      </c>
      <c r="M507" s="13">
        <v>-0.22638997460844337</v>
      </c>
      <c r="N507" s="11">
        <v>-71.814041250000002</v>
      </c>
      <c r="O507" s="13">
        <v>-0.38043554969581239</v>
      </c>
      <c r="P507" s="7">
        <v>112.83667515800001</v>
      </c>
      <c r="Q507" s="7">
        <v>109.420909008</v>
      </c>
      <c r="R507" s="7">
        <v>96.717028790100002</v>
      </c>
      <c r="S507" s="7">
        <v>80.267517584000004</v>
      </c>
      <c r="T507" s="7">
        <v>116.203040542</v>
      </c>
      <c r="U507" s="7">
        <v>115.591421158</v>
      </c>
      <c r="V507" s="7">
        <v>188.767956379</v>
      </c>
      <c r="W507" s="7">
        <v>202.649290659</v>
      </c>
      <c r="X507" s="7">
        <v>196.682360399</v>
      </c>
      <c r="Y507" s="7">
        <v>151.17942023800001</v>
      </c>
      <c r="Z507" s="7">
        <v>153.83782272100001</v>
      </c>
      <c r="AA507" s="7">
        <v>126.250289698</v>
      </c>
      <c r="AB507" s="7">
        <v>109.06439789300001</v>
      </c>
      <c r="AC507" s="7">
        <v>119.249601118</v>
      </c>
      <c r="AD507" s="7">
        <v>118.452997134</v>
      </c>
      <c r="AE507" s="7">
        <v>114.229243278</v>
      </c>
      <c r="AF507" s="7">
        <v>116.95391512899999</v>
      </c>
      <c r="AG507" s="9">
        <v>10940.130158599997</v>
      </c>
      <c r="AH507" s="13">
        <v>0.28114673577947918</v>
      </c>
      <c r="AI507" s="9">
        <v>7110.7273851999998</v>
      </c>
      <c r="AJ507" s="13">
        <v>0.18273619823391227</v>
      </c>
      <c r="AK507" s="9">
        <v>1679.9295865000022</v>
      </c>
      <c r="AL507" s="13">
        <v>3.6501755068528083E-2</v>
      </c>
      <c r="AM507" s="9">
        <v>2149.4731868999952</v>
      </c>
      <c r="AN507" s="13">
        <v>4.5059322544571075E-2</v>
      </c>
      <c r="AO507" s="9">
        <v>3829.4027733999974</v>
      </c>
      <c r="AP507" s="13">
        <v>8.3205821968174887E-2</v>
      </c>
      <c r="AQ507" s="9">
        <v>38912.5277527</v>
      </c>
      <c r="AR507" s="9">
        <v>40207.757132899998</v>
      </c>
      <c r="AS507" s="9">
        <v>38306.933365800003</v>
      </c>
      <c r="AT507" s="9">
        <v>44972.9397703</v>
      </c>
      <c r="AU507" s="9">
        <v>35880.662611599997</v>
      </c>
      <c r="AV507" s="9">
        <v>37241.154754100004</v>
      </c>
      <c r="AW507" s="9">
        <v>46023.2551379</v>
      </c>
      <c r="AX507" s="9">
        <v>48094.533458799997</v>
      </c>
      <c r="AY507" s="9">
        <v>48889.873894299999</v>
      </c>
      <c r="AZ507" s="9">
        <v>47703.184724400002</v>
      </c>
      <c r="BA507" s="9">
        <v>47112.7360825</v>
      </c>
      <c r="BB507" s="9">
        <v>49869.207570099999</v>
      </c>
      <c r="BC507" s="9">
        <v>53162.543190700002</v>
      </c>
      <c r="BD507" s="9">
        <v>51865.550054699997</v>
      </c>
      <c r="BE507" s="9">
        <v>51385.469622999997</v>
      </c>
      <c r="BF507" s="9">
        <v>49852.657911299997</v>
      </c>
      <c r="BG507" s="11">
        <v>2.5</v>
      </c>
      <c r="BH507" s="13">
        <v>0.14705882352941177</v>
      </c>
      <c r="BI507" s="6">
        <v>5</v>
      </c>
      <c r="BJ507" s="13">
        <v>0.29411764705882354</v>
      </c>
      <c r="BK507" s="6">
        <v>1</v>
      </c>
      <c r="BL507" s="13">
        <v>4.5454545454545456E-2</v>
      </c>
      <c r="BM507" s="11">
        <v>-3.5</v>
      </c>
      <c r="BN507" s="13">
        <v>-0.15217391304347827</v>
      </c>
      <c r="BO507" s="11">
        <v>-2.5</v>
      </c>
      <c r="BP507" s="13">
        <v>-0.11363636363636363</v>
      </c>
      <c r="BQ507" s="6">
        <v>17</v>
      </c>
      <c r="BR507" s="6">
        <v>19</v>
      </c>
      <c r="BS507" s="6">
        <v>21</v>
      </c>
      <c r="BT507" s="6">
        <v>22</v>
      </c>
      <c r="BU507" s="6">
        <v>20</v>
      </c>
      <c r="BV507" s="6">
        <v>18</v>
      </c>
      <c r="BW507" s="6">
        <v>23</v>
      </c>
      <c r="BX507" s="6">
        <v>21</v>
      </c>
      <c r="BY507" s="6">
        <v>20</v>
      </c>
      <c r="BZ507" s="6">
        <v>22</v>
      </c>
      <c r="CA507" s="6">
        <v>20</v>
      </c>
      <c r="CB507" s="6">
        <v>21</v>
      </c>
      <c r="CC507" s="11">
        <v>19.5</v>
      </c>
      <c r="CD507" s="11">
        <v>1.0092099999999999</v>
      </c>
      <c r="CE507" s="11">
        <v>-9.2263800000000007</v>
      </c>
      <c r="CF507" s="11">
        <v>12.3344</v>
      </c>
      <c r="CG507" s="11">
        <v>3</v>
      </c>
      <c r="CH507" s="20">
        <v>0.408856</v>
      </c>
      <c r="CI507" s="20">
        <v>0.47176600000000002</v>
      </c>
      <c r="CJ507" s="20">
        <v>0.42402400000000001</v>
      </c>
      <c r="CK507" s="20">
        <v>0.35168700000000003</v>
      </c>
      <c r="CL507" s="20">
        <v>0.48979099999999998</v>
      </c>
      <c r="CM507" s="20">
        <v>0.48095700000000002</v>
      </c>
      <c r="CN507" s="20">
        <v>0.86719299999999999</v>
      </c>
      <c r="CO507" s="20">
        <v>0.89932000000000001</v>
      </c>
      <c r="CP507" s="20">
        <v>0.89968800000000004</v>
      </c>
      <c r="CQ507" s="20">
        <v>0.805566</v>
      </c>
      <c r="CR507" s="20">
        <v>0.78804300000000005</v>
      </c>
      <c r="CS507" s="20">
        <v>0.64301299999999995</v>
      </c>
      <c r="CT507" s="20">
        <v>0.59894800000000004</v>
      </c>
      <c r="CU507" s="20">
        <v>0.66149999999999998</v>
      </c>
      <c r="CV507" s="20">
        <v>0.64842699999999998</v>
      </c>
      <c r="CW507" s="20">
        <v>0.621143</v>
      </c>
      <c r="CX507" s="20">
        <v>0.63342500000000002</v>
      </c>
      <c r="CY507" s="6" t="s">
        <v>473</v>
      </c>
      <c r="CZ507" s="6" t="s">
        <v>474</v>
      </c>
      <c r="DA507" s="6" t="s">
        <v>158</v>
      </c>
      <c r="DB507" s="6"/>
      <c r="DC507" s="6">
        <v>28140</v>
      </c>
      <c r="DD507" s="6">
        <v>312</v>
      </c>
      <c r="DE507" s="6" t="s">
        <v>402</v>
      </c>
      <c r="DF507" s="6" t="s">
        <v>375</v>
      </c>
      <c r="DG507" s="6" t="s">
        <v>376</v>
      </c>
      <c r="DH507" s="6" t="s">
        <v>328</v>
      </c>
      <c r="DI507" s="6" t="s">
        <v>377</v>
      </c>
      <c r="DJ507" s="6">
        <v>29</v>
      </c>
      <c r="DK507" s="6">
        <v>49</v>
      </c>
      <c r="DL507" s="6">
        <v>1</v>
      </c>
      <c r="DM507" s="6" t="s">
        <v>404</v>
      </c>
      <c r="DN507" s="6">
        <v>1</v>
      </c>
      <c r="DO507" s="6" t="s">
        <v>405</v>
      </c>
      <c r="DP507" s="6"/>
      <c r="DQ507" s="6"/>
    </row>
    <row r="508" spans="1:121" x14ac:dyDescent="0.2">
      <c r="A508" s="6" t="s">
        <v>793</v>
      </c>
      <c r="B508" s="6" t="s">
        <v>179</v>
      </c>
      <c r="C508" s="6" t="s">
        <v>180</v>
      </c>
      <c r="D508" s="6" t="s">
        <v>158</v>
      </c>
      <c r="E508" s="6" t="s">
        <v>297</v>
      </c>
      <c r="F508" s="11">
        <v>-375</v>
      </c>
      <c r="G508" s="13">
        <v>-0.46</v>
      </c>
      <c r="H508" s="11">
        <v>-332</v>
      </c>
      <c r="I508" s="13">
        <v>-0.40586797066014674</v>
      </c>
      <c r="J508" s="11">
        <v>-82</v>
      </c>
      <c r="K508" s="13">
        <v>-0.16872427983539096</v>
      </c>
      <c r="L508" s="11">
        <v>39</v>
      </c>
      <c r="M508" s="13">
        <v>9.6534653465346537E-2</v>
      </c>
      <c r="N508" s="11">
        <v>-43</v>
      </c>
      <c r="O508" s="13">
        <v>-8.8477366255144033E-2</v>
      </c>
      <c r="P508" s="7">
        <v>818</v>
      </c>
      <c r="Q508" s="7">
        <v>818</v>
      </c>
      <c r="R508" s="7">
        <v>749</v>
      </c>
      <c r="S508" s="7">
        <v>733</v>
      </c>
      <c r="T508" s="7">
        <v>741</v>
      </c>
      <c r="U508" s="7">
        <v>744</v>
      </c>
      <c r="V508" s="7">
        <v>486</v>
      </c>
      <c r="W508" s="7">
        <v>474</v>
      </c>
      <c r="X508" s="7">
        <v>452</v>
      </c>
      <c r="Y508" s="7">
        <v>404</v>
      </c>
      <c r="Z508" s="7">
        <v>391</v>
      </c>
      <c r="AA508" s="7">
        <v>403</v>
      </c>
      <c r="AB508" s="7">
        <v>436</v>
      </c>
      <c r="AC508" s="7">
        <v>398</v>
      </c>
      <c r="AD508" s="7">
        <v>450</v>
      </c>
      <c r="AE508" s="7">
        <v>434</v>
      </c>
      <c r="AF508" s="7">
        <v>443</v>
      </c>
      <c r="AG508" s="9">
        <v>6190</v>
      </c>
      <c r="AH508" s="13">
        <v>0.31812108130331995</v>
      </c>
      <c r="AI508" s="9">
        <v>6209</v>
      </c>
      <c r="AJ508" s="13">
        <v>0.31909754342686814</v>
      </c>
      <c r="AK508" s="9">
        <v>-3300</v>
      </c>
      <c r="AL508" s="13">
        <v>-0.12856975883430086</v>
      </c>
      <c r="AM508" s="9">
        <v>3281</v>
      </c>
      <c r="AN508" s="13">
        <v>0.14668931908615371</v>
      </c>
      <c r="AO508" s="9">
        <v>-19</v>
      </c>
      <c r="AP508" s="13">
        <v>-7.4025012662173211E-4</v>
      </c>
      <c r="AQ508" s="9">
        <v>19458</v>
      </c>
      <c r="AR508" s="9">
        <v>20203</v>
      </c>
      <c r="AS508" s="9">
        <v>21166</v>
      </c>
      <c r="AT508" s="9">
        <v>21721</v>
      </c>
      <c r="AU508" s="9">
        <v>22716</v>
      </c>
      <c r="AV508" s="9">
        <v>23669</v>
      </c>
      <c r="AW508" s="9">
        <v>25667</v>
      </c>
      <c r="AX508" s="9">
        <v>23273</v>
      </c>
      <c r="AY508" s="9">
        <v>23325</v>
      </c>
      <c r="AZ508" s="9">
        <v>22367</v>
      </c>
      <c r="BA508" s="9">
        <v>22597</v>
      </c>
      <c r="BB508" s="9">
        <v>23021</v>
      </c>
      <c r="BC508" s="9">
        <v>23583</v>
      </c>
      <c r="BD508" s="9">
        <v>25193</v>
      </c>
      <c r="BE508" s="9">
        <v>24800</v>
      </c>
      <c r="BF508" s="9">
        <v>25648</v>
      </c>
      <c r="BG508" s="11">
        <v>-4</v>
      </c>
      <c r="BH508" s="13">
        <v>-6.8965517241379309E-2</v>
      </c>
      <c r="BI508" s="6">
        <v>-4</v>
      </c>
      <c r="BJ508" s="13">
        <v>-6.8965517241379309E-2</v>
      </c>
      <c r="BK508" s="6">
        <v>-6</v>
      </c>
      <c r="BL508" s="13">
        <v>-0.1111111111111111</v>
      </c>
      <c r="BM508" s="11">
        <v>6</v>
      </c>
      <c r="BN508" s="13">
        <v>0.125</v>
      </c>
      <c r="BO508" s="11">
        <v>0</v>
      </c>
      <c r="BP508" s="13">
        <v>0</v>
      </c>
      <c r="BQ508" s="6">
        <v>58</v>
      </c>
      <c r="BR508" s="6">
        <v>54</v>
      </c>
      <c r="BS508" s="6">
        <v>53</v>
      </c>
      <c r="BT508" s="6">
        <v>54</v>
      </c>
      <c r="BU508" s="6">
        <v>53</v>
      </c>
      <c r="BV508" s="6">
        <v>58</v>
      </c>
      <c r="BW508" s="6">
        <v>48</v>
      </c>
      <c r="BX508" s="6">
        <v>51</v>
      </c>
      <c r="BY508" s="6">
        <v>53</v>
      </c>
      <c r="BZ508" s="6">
        <v>55</v>
      </c>
      <c r="CA508" s="6">
        <v>49</v>
      </c>
      <c r="CB508" s="6">
        <v>55</v>
      </c>
      <c r="CC508" s="11">
        <v>54</v>
      </c>
      <c r="CD508" s="11">
        <v>-412</v>
      </c>
      <c r="CE508" s="11">
        <v>-52</v>
      </c>
      <c r="CF508" s="11">
        <v>89</v>
      </c>
      <c r="CG508" s="11">
        <v>37</v>
      </c>
      <c r="CH508" s="20">
        <v>1.1000000000000001</v>
      </c>
      <c r="CI508" s="20">
        <v>1.29</v>
      </c>
      <c r="CJ508" s="20">
        <v>1.21</v>
      </c>
      <c r="CK508" s="20">
        <v>1.18</v>
      </c>
      <c r="CL508" s="20">
        <v>1.1599999999999999</v>
      </c>
      <c r="CM508" s="20">
        <v>1.17</v>
      </c>
      <c r="CN508" s="20">
        <v>0.85</v>
      </c>
      <c r="CO508" s="20">
        <v>0.8</v>
      </c>
      <c r="CP508" s="20">
        <v>0.78</v>
      </c>
      <c r="CQ508" s="20">
        <v>0.8</v>
      </c>
      <c r="CR508" s="20">
        <v>0.74</v>
      </c>
      <c r="CS508" s="20">
        <v>0.77</v>
      </c>
      <c r="CT508" s="20">
        <v>0.9</v>
      </c>
      <c r="CU508" s="20">
        <v>0.82</v>
      </c>
      <c r="CV508" s="20">
        <v>0.91</v>
      </c>
      <c r="CW508" s="20">
        <v>0.86</v>
      </c>
      <c r="CX508" s="20">
        <v>0.88</v>
      </c>
      <c r="CY508" s="6" t="s">
        <v>473</v>
      </c>
      <c r="CZ508" s="6" t="s">
        <v>474</v>
      </c>
      <c r="DA508" s="6" t="s">
        <v>158</v>
      </c>
      <c r="DB508" s="6"/>
      <c r="DC508" s="6">
        <v>28140</v>
      </c>
      <c r="DD508" s="6">
        <v>312</v>
      </c>
      <c r="DE508" s="6" t="s">
        <v>402</v>
      </c>
      <c r="DF508" s="6" t="s">
        <v>375</v>
      </c>
      <c r="DG508" s="6" t="s">
        <v>376</v>
      </c>
      <c r="DH508" s="6" t="s">
        <v>328</v>
      </c>
      <c r="DI508" s="6" t="s">
        <v>377</v>
      </c>
      <c r="DJ508" s="6">
        <v>29</v>
      </c>
      <c r="DK508" s="6">
        <v>49</v>
      </c>
      <c r="DL508" s="6">
        <v>1</v>
      </c>
      <c r="DM508" s="6" t="s">
        <v>404</v>
      </c>
      <c r="DN508" s="6">
        <v>1</v>
      </c>
      <c r="DO508" s="6" t="s">
        <v>405</v>
      </c>
      <c r="DP508" s="6"/>
      <c r="DQ508" s="6"/>
    </row>
    <row r="509" spans="1:121" x14ac:dyDescent="0.2">
      <c r="A509" s="6" t="s">
        <v>794</v>
      </c>
      <c r="B509" s="6" t="s">
        <v>181</v>
      </c>
      <c r="C509" s="6" t="s">
        <v>182</v>
      </c>
      <c r="D509" s="6" t="s">
        <v>158</v>
      </c>
      <c r="E509" s="6" t="s">
        <v>297</v>
      </c>
      <c r="F509" s="11">
        <v>-2</v>
      </c>
      <c r="G509" s="13">
        <v>-1.3888888888900001E-2</v>
      </c>
      <c r="H509" s="11">
        <v>54.922228259000008</v>
      </c>
      <c r="I509" s="13">
        <v>0.38015531180812345</v>
      </c>
      <c r="J509" s="11">
        <v>-56.416303644999999</v>
      </c>
      <c r="K509" s="13">
        <v>-0.28293689373391706</v>
      </c>
      <c r="L509" s="11">
        <v>-1.2485086880000154</v>
      </c>
      <c r="M509" s="13">
        <v>-8.7321089123019377E-3</v>
      </c>
      <c r="N509" s="11">
        <v>-57.664812333000015</v>
      </c>
      <c r="O509" s="13">
        <v>-0.28919836687482603</v>
      </c>
      <c r="P509" s="7">
        <v>144.473131252</v>
      </c>
      <c r="Q509" s="7">
        <v>164.48914479800001</v>
      </c>
      <c r="R509" s="7">
        <v>147.60181621300001</v>
      </c>
      <c r="S509" s="7">
        <v>159.90215372200001</v>
      </c>
      <c r="T509" s="7">
        <v>178.03469570999999</v>
      </c>
      <c r="U509" s="7">
        <v>175.62616610399999</v>
      </c>
      <c r="V509" s="7">
        <v>199.39535951100001</v>
      </c>
      <c r="W509" s="7">
        <v>198.74089595699999</v>
      </c>
      <c r="X509" s="7">
        <v>199.97560492100001</v>
      </c>
      <c r="Y509" s="7">
        <v>142.97905586600001</v>
      </c>
      <c r="Z509" s="7">
        <v>169.29349451499999</v>
      </c>
      <c r="AA509" s="7">
        <v>166.92213133000001</v>
      </c>
      <c r="AB509" s="7">
        <v>143.62128418099999</v>
      </c>
      <c r="AC509" s="7">
        <v>141.39465480000001</v>
      </c>
      <c r="AD509" s="7">
        <v>138.92162181500001</v>
      </c>
      <c r="AE509" s="7">
        <v>141.66498068499999</v>
      </c>
      <c r="AF509" s="7">
        <v>141.73054717799999</v>
      </c>
      <c r="AG509" s="9">
        <v>31400.258078699997</v>
      </c>
      <c r="AH509" s="13">
        <v>0.8214293328465696</v>
      </c>
      <c r="AI509" s="9">
        <v>16127.847027299998</v>
      </c>
      <c r="AJ509" s="13">
        <v>0.42190374966609334</v>
      </c>
      <c r="AK509" s="9">
        <v>7333.5522875000024</v>
      </c>
      <c r="AL509" s="13">
        <v>0.13492150688553867</v>
      </c>
      <c r="AM509" s="9">
        <v>7938.8587638999961</v>
      </c>
      <c r="AN509" s="13">
        <v>0.12869421936869707</v>
      </c>
      <c r="AO509" s="9">
        <v>15272.411051399999</v>
      </c>
      <c r="AP509" s="13">
        <v>0.28097934425891846</v>
      </c>
      <c r="AQ509" s="9">
        <v>38226.365705600001</v>
      </c>
      <c r="AR509" s="9">
        <v>41623.623681500001</v>
      </c>
      <c r="AS509" s="9">
        <v>46143.485950399998</v>
      </c>
      <c r="AT509" s="9">
        <v>51664.8923249</v>
      </c>
      <c r="AU509" s="9">
        <v>49763.795419000002</v>
      </c>
      <c r="AV509" s="9">
        <v>52785.607970099998</v>
      </c>
      <c r="AW509" s="9">
        <v>54354.2127329</v>
      </c>
      <c r="AX509" s="9">
        <v>63733.6318895</v>
      </c>
      <c r="AY509" s="9">
        <v>59786.089668300003</v>
      </c>
      <c r="AZ509" s="9">
        <v>61687.765020400002</v>
      </c>
      <c r="BA509" s="9">
        <v>63262.505262699997</v>
      </c>
      <c r="BB509" s="9">
        <v>65860.790705599997</v>
      </c>
      <c r="BC509" s="9">
        <v>70125.835344199993</v>
      </c>
      <c r="BD509" s="9">
        <v>72815.103456600002</v>
      </c>
      <c r="BE509" s="9">
        <v>75103.040443399994</v>
      </c>
      <c r="BF509" s="9">
        <v>69626.623784299998</v>
      </c>
      <c r="BG509" s="11">
        <v>-1.25</v>
      </c>
      <c r="BH509" s="13">
        <v>-0.10416666666666667</v>
      </c>
      <c r="BI509" s="6">
        <v>1</v>
      </c>
      <c r="BJ509" s="13">
        <v>8.3333333333333329E-2</v>
      </c>
      <c r="BK509" s="6">
        <v>-2</v>
      </c>
      <c r="BL509" s="13">
        <v>-0.15384615384615385</v>
      </c>
      <c r="BM509" s="11">
        <v>-0.25</v>
      </c>
      <c r="BN509" s="13">
        <v>-2.2727272727272728E-2</v>
      </c>
      <c r="BO509" s="11">
        <v>-2.25</v>
      </c>
      <c r="BP509" s="13">
        <v>-0.17307692307692307</v>
      </c>
      <c r="BQ509" s="6">
        <v>12</v>
      </c>
      <c r="BR509" s="6">
        <v>14</v>
      </c>
      <c r="BS509" s="6">
        <v>14</v>
      </c>
      <c r="BT509" s="6">
        <v>13</v>
      </c>
      <c r="BU509" s="6">
        <v>12</v>
      </c>
      <c r="BV509" s="6">
        <v>14</v>
      </c>
      <c r="BW509" s="6">
        <v>11</v>
      </c>
      <c r="BX509" s="6">
        <v>9</v>
      </c>
      <c r="BY509" s="6">
        <v>9</v>
      </c>
      <c r="BZ509" s="6">
        <v>10</v>
      </c>
      <c r="CA509" s="6">
        <v>10</v>
      </c>
      <c r="CB509" s="6">
        <v>9</v>
      </c>
      <c r="CC509" s="11">
        <v>10.75</v>
      </c>
      <c r="CD509" s="11">
        <v>-27.641400000000001</v>
      </c>
      <c r="CE509" s="11">
        <v>9.1061999999999994</v>
      </c>
      <c r="CF509" s="11">
        <v>15.7927</v>
      </c>
      <c r="CG509" s="11">
        <v>25</v>
      </c>
      <c r="CH509" s="20">
        <v>0.66130100000000003</v>
      </c>
      <c r="CI509" s="20">
        <v>0.90349199999999996</v>
      </c>
      <c r="CJ509" s="20">
        <v>0.82613800000000004</v>
      </c>
      <c r="CK509" s="20">
        <v>0.88581200000000004</v>
      </c>
      <c r="CL509" s="20">
        <v>0.94310400000000005</v>
      </c>
      <c r="CM509" s="20">
        <v>0.91575799999999996</v>
      </c>
      <c r="CN509" s="20">
        <v>1.1454500000000001</v>
      </c>
      <c r="CO509" s="20">
        <v>1.10301</v>
      </c>
      <c r="CP509" s="20">
        <v>1.14066</v>
      </c>
      <c r="CQ509" s="20">
        <v>0.94429099999999999</v>
      </c>
      <c r="CR509" s="20">
        <v>1.0609299999999999</v>
      </c>
      <c r="CS509" s="20">
        <v>1.0360100000000001</v>
      </c>
      <c r="CT509" s="20">
        <v>0.95537399999999995</v>
      </c>
      <c r="CU509" s="20">
        <v>0.92889500000000003</v>
      </c>
      <c r="CV509" s="20">
        <v>0.86979200000000001</v>
      </c>
      <c r="CW509" s="20">
        <v>0.85853999999999997</v>
      </c>
      <c r="CX509" s="20">
        <v>0.84992800000000002</v>
      </c>
      <c r="CY509" s="6" t="s">
        <v>473</v>
      </c>
      <c r="CZ509" s="6" t="s">
        <v>474</v>
      </c>
      <c r="DA509" s="6" t="s">
        <v>158</v>
      </c>
      <c r="DB509" s="6"/>
      <c r="DC509" s="6">
        <v>28140</v>
      </c>
      <c r="DD509" s="6">
        <v>312</v>
      </c>
      <c r="DE509" s="6" t="s">
        <v>402</v>
      </c>
      <c r="DF509" s="6" t="s">
        <v>375</v>
      </c>
      <c r="DG509" s="6" t="s">
        <v>376</v>
      </c>
      <c r="DH509" s="6" t="s">
        <v>328</v>
      </c>
      <c r="DI509" s="6" t="s">
        <v>377</v>
      </c>
      <c r="DJ509" s="6">
        <v>29</v>
      </c>
      <c r="DK509" s="6">
        <v>49</v>
      </c>
      <c r="DL509" s="6">
        <v>1</v>
      </c>
      <c r="DM509" s="6" t="s">
        <v>404</v>
      </c>
      <c r="DN509" s="6">
        <v>1</v>
      </c>
      <c r="DO509" s="6" t="s">
        <v>405</v>
      </c>
      <c r="DP509" s="6"/>
      <c r="DQ509" s="6"/>
    </row>
    <row r="510" spans="1:121" x14ac:dyDescent="0.2">
      <c r="A510" s="6" t="s">
        <v>314</v>
      </c>
      <c r="B510" s="6" t="s">
        <v>314</v>
      </c>
      <c r="C510" s="6" t="s">
        <v>183</v>
      </c>
      <c r="D510" s="6" t="s">
        <v>158</v>
      </c>
      <c r="E510" s="6" t="s">
        <v>297</v>
      </c>
      <c r="F510" s="11">
        <v>-4</v>
      </c>
      <c r="G510" s="13">
        <v>-6.06060606061E-2</v>
      </c>
      <c r="H510" s="11">
        <v>5.7923480113000068</v>
      </c>
      <c r="I510" s="13">
        <v>8.7493086837939202E-2</v>
      </c>
      <c r="J510" s="11">
        <v>-30.192517574500002</v>
      </c>
      <c r="K510" s="13">
        <v>-0.41936474266027329</v>
      </c>
      <c r="L510" s="11">
        <v>19.771722941799993</v>
      </c>
      <c r="M510" s="13">
        <v>0.47297011457270693</v>
      </c>
      <c r="N510" s="11">
        <v>-10.420794632700009</v>
      </c>
      <c r="O510" s="13">
        <v>-0.14474161847134959</v>
      </c>
      <c r="P510" s="7">
        <v>66.203493563199999</v>
      </c>
      <c r="Q510" s="7">
        <v>65.633544376700002</v>
      </c>
      <c r="R510" s="7">
        <v>71.376999325300005</v>
      </c>
      <c r="S510" s="7">
        <v>78.470062008799999</v>
      </c>
      <c r="T510" s="7">
        <v>67.243547443599994</v>
      </c>
      <c r="U510" s="7">
        <v>73.621784835599996</v>
      </c>
      <c r="V510" s="7">
        <v>71.995841574500005</v>
      </c>
      <c r="W510" s="7">
        <v>58.525597924499998</v>
      </c>
      <c r="X510" s="7">
        <v>58.374458445099997</v>
      </c>
      <c r="Y510" s="7">
        <v>41.803324000000003</v>
      </c>
      <c r="Z510" s="7">
        <v>41.897707187899996</v>
      </c>
      <c r="AA510" s="7">
        <v>46.110052260499998</v>
      </c>
      <c r="AB510" s="7">
        <v>50.559621410200002</v>
      </c>
      <c r="AC510" s="7">
        <v>51.364689003700001</v>
      </c>
      <c r="AD510" s="7">
        <v>50.598887333</v>
      </c>
      <c r="AE510" s="7">
        <v>60.569622841399998</v>
      </c>
      <c r="AF510" s="7">
        <v>61.575046941799997</v>
      </c>
      <c r="AG510" s="9">
        <v>11543.365644599999</v>
      </c>
      <c r="AH510" s="13">
        <v>0.38338263306658138</v>
      </c>
      <c r="AI510" s="9">
        <v>8505.8988580000041</v>
      </c>
      <c r="AJ510" s="13">
        <v>0.28250113538624461</v>
      </c>
      <c r="AK510" s="9">
        <v>-11787.251529400004</v>
      </c>
      <c r="AL510" s="13">
        <v>-0.30524936989813284</v>
      </c>
      <c r="AM510" s="9">
        <v>14824.718315999999</v>
      </c>
      <c r="AN510" s="13">
        <v>0.55258580676997548</v>
      </c>
      <c r="AO510" s="9">
        <v>3037.4667865999945</v>
      </c>
      <c r="AP510" s="13">
        <v>7.8659967540656225E-2</v>
      </c>
      <c r="AQ510" s="9">
        <v>30109.255477399998</v>
      </c>
      <c r="AR510" s="9">
        <v>31930.621418300001</v>
      </c>
      <c r="AS510" s="9">
        <v>34314.5962249</v>
      </c>
      <c r="AT510" s="9">
        <v>33890.773491400003</v>
      </c>
      <c r="AU510" s="9">
        <v>38469.585127799997</v>
      </c>
      <c r="AV510" s="9">
        <v>37615.948054599998</v>
      </c>
      <c r="AW510" s="9">
        <v>38615.154335400002</v>
      </c>
      <c r="AX510" s="9">
        <v>37402.290524999997</v>
      </c>
      <c r="AY510" s="9">
        <v>41043.358181099997</v>
      </c>
      <c r="AZ510" s="9">
        <v>26827.902805999998</v>
      </c>
      <c r="BA510" s="9">
        <v>27737.245215200001</v>
      </c>
      <c r="BB510" s="9">
        <v>34362.300873400003</v>
      </c>
      <c r="BC510" s="9">
        <v>35065.829027200001</v>
      </c>
      <c r="BD510" s="9">
        <v>37312.948042399999</v>
      </c>
      <c r="BE510" s="9">
        <v>39161.779662599998</v>
      </c>
      <c r="BF510" s="9">
        <v>41652.621121999997</v>
      </c>
      <c r="BG510" s="11">
        <v>-3.75</v>
      </c>
      <c r="BH510" s="13">
        <v>-0.41666666666666669</v>
      </c>
      <c r="BI510" s="6">
        <v>-2</v>
      </c>
      <c r="BJ510" s="13">
        <v>-0.22222222222222221</v>
      </c>
      <c r="BK510" s="6">
        <v>-3</v>
      </c>
      <c r="BL510" s="13">
        <v>-0.42857142857142855</v>
      </c>
      <c r="BM510" s="11">
        <v>1.25</v>
      </c>
      <c r="BN510" s="13">
        <v>0.3125</v>
      </c>
      <c r="BO510" s="11">
        <v>-1.75</v>
      </c>
      <c r="BP510" s="13">
        <v>-0.25</v>
      </c>
      <c r="BQ510" s="6">
        <v>9</v>
      </c>
      <c r="BR510" s="6">
        <v>9</v>
      </c>
      <c r="BS510" s="6">
        <v>7</v>
      </c>
      <c r="BT510" s="6">
        <v>7</v>
      </c>
      <c r="BU510" s="6">
        <v>6</v>
      </c>
      <c r="BV510" s="6">
        <v>7</v>
      </c>
      <c r="BW510" s="6">
        <v>4</v>
      </c>
      <c r="BX510" s="6">
        <v>5</v>
      </c>
      <c r="BY510" s="6">
        <v>6</v>
      </c>
      <c r="BZ510" s="6">
        <v>5</v>
      </c>
      <c r="CA510" s="6">
        <v>4</v>
      </c>
      <c r="CB510" s="6">
        <v>4</v>
      </c>
      <c r="CC510" s="11">
        <v>5.25</v>
      </c>
      <c r="CD510" s="11">
        <v>8.41221</v>
      </c>
      <c r="CE510" s="11">
        <v>-20.2775</v>
      </c>
      <c r="CF510" s="11">
        <v>7.2368399999999999</v>
      </c>
      <c r="CG510" s="11">
        <v>-13</v>
      </c>
      <c r="CH510" s="20">
        <v>0.38481599999999999</v>
      </c>
      <c r="CI510" s="20">
        <v>0.47071200000000002</v>
      </c>
      <c r="CJ510" s="20">
        <v>0.54466700000000001</v>
      </c>
      <c r="CK510" s="20">
        <v>0.617726</v>
      </c>
      <c r="CL510" s="20">
        <v>0.52537800000000001</v>
      </c>
      <c r="CM510" s="20">
        <v>0.58306599999999997</v>
      </c>
      <c r="CN510" s="20">
        <v>0.64257299999999995</v>
      </c>
      <c r="CO510" s="20">
        <v>0.50903799999999999</v>
      </c>
      <c r="CP510" s="20">
        <v>0.51934199999999997</v>
      </c>
      <c r="CQ510" s="20">
        <v>0.44170100000000001</v>
      </c>
      <c r="CR510" s="20">
        <v>0.43570399999999998</v>
      </c>
      <c r="CS510" s="20">
        <v>0.484489</v>
      </c>
      <c r="CT510" s="20">
        <v>0.57528299999999999</v>
      </c>
      <c r="CU510" s="20">
        <v>0.589584</v>
      </c>
      <c r="CV510" s="20">
        <v>0.57373600000000002</v>
      </c>
      <c r="CW510" s="20">
        <v>0.67202600000000001</v>
      </c>
      <c r="CX510" s="20">
        <v>0.684558</v>
      </c>
      <c r="CY510" s="6" t="s">
        <v>473</v>
      </c>
      <c r="CZ510" s="6" t="s">
        <v>474</v>
      </c>
      <c r="DA510" s="6" t="s">
        <v>158</v>
      </c>
      <c r="DB510" s="6"/>
      <c r="DC510" s="6">
        <v>28140</v>
      </c>
      <c r="DD510" s="6">
        <v>312</v>
      </c>
      <c r="DE510" s="6" t="s">
        <v>402</v>
      </c>
      <c r="DF510" s="6" t="s">
        <v>375</v>
      </c>
      <c r="DG510" s="6" t="s">
        <v>376</v>
      </c>
      <c r="DH510" s="6" t="s">
        <v>328</v>
      </c>
      <c r="DI510" s="6" t="s">
        <v>377</v>
      </c>
      <c r="DJ510" s="6">
        <v>29</v>
      </c>
      <c r="DK510" s="6">
        <v>49</v>
      </c>
      <c r="DL510" s="6">
        <v>1</v>
      </c>
      <c r="DM510" s="6" t="s">
        <v>404</v>
      </c>
      <c r="DN510" s="6">
        <v>1</v>
      </c>
      <c r="DO510" s="6" t="s">
        <v>405</v>
      </c>
      <c r="DP510" s="6"/>
      <c r="DQ510" s="6"/>
    </row>
    <row r="511" spans="1:121" x14ac:dyDescent="0.2">
      <c r="A511" s="6" t="s">
        <v>315</v>
      </c>
      <c r="B511" s="6" t="s">
        <v>315</v>
      </c>
      <c r="C511" s="6" t="s">
        <v>184</v>
      </c>
      <c r="D511" s="6" t="s">
        <v>158</v>
      </c>
      <c r="E511" s="6" t="s">
        <v>297</v>
      </c>
      <c r="F511" s="11">
        <v>-213</v>
      </c>
      <c r="G511" s="13">
        <v>-0.54</v>
      </c>
      <c r="H511" s="11">
        <v>-95</v>
      </c>
      <c r="I511" s="13">
        <v>-0.24111675126903551</v>
      </c>
      <c r="J511" s="11">
        <v>-111</v>
      </c>
      <c r="K511" s="13">
        <v>-0.37123745819397991</v>
      </c>
      <c r="L511" s="11">
        <v>-7</v>
      </c>
      <c r="M511" s="13">
        <v>-3.7234042553191488E-2</v>
      </c>
      <c r="N511" s="11">
        <v>-118</v>
      </c>
      <c r="O511" s="13">
        <v>-0.39464882943143814</v>
      </c>
      <c r="P511" s="7">
        <v>394</v>
      </c>
      <c r="Q511" s="7">
        <v>420</v>
      </c>
      <c r="R511" s="7">
        <v>433</v>
      </c>
      <c r="S511" s="7">
        <v>439</v>
      </c>
      <c r="T511" s="7">
        <v>422</v>
      </c>
      <c r="U511" s="7">
        <v>421</v>
      </c>
      <c r="V511" s="7">
        <v>299</v>
      </c>
      <c r="W511" s="7">
        <v>332</v>
      </c>
      <c r="X511" s="7">
        <v>343</v>
      </c>
      <c r="Y511" s="7">
        <v>188</v>
      </c>
      <c r="Z511" s="7">
        <v>182</v>
      </c>
      <c r="AA511" s="7">
        <v>185</v>
      </c>
      <c r="AB511" s="7">
        <v>194</v>
      </c>
      <c r="AC511" s="7">
        <v>202</v>
      </c>
      <c r="AD511" s="7">
        <v>181</v>
      </c>
      <c r="AE511" s="7">
        <v>183</v>
      </c>
      <c r="AF511" s="7">
        <v>181</v>
      </c>
      <c r="AG511" s="9">
        <v>13514</v>
      </c>
      <c r="AH511" s="13">
        <v>0.36736802044255967</v>
      </c>
      <c r="AI511" s="9">
        <v>9518</v>
      </c>
      <c r="AJ511" s="13">
        <v>0.25873973794378297</v>
      </c>
      <c r="AK511" s="9">
        <v>-4251</v>
      </c>
      <c r="AL511" s="13">
        <v>-9.1806323427781611E-2</v>
      </c>
      <c r="AM511" s="9">
        <v>8247</v>
      </c>
      <c r="AN511" s="13">
        <v>0.19610967112928923</v>
      </c>
      <c r="AO511" s="9">
        <v>3996</v>
      </c>
      <c r="AP511" s="13">
        <v>8.6299239806496203E-2</v>
      </c>
      <c r="AQ511" s="9">
        <v>36786</v>
      </c>
      <c r="AR511" s="9">
        <v>34879</v>
      </c>
      <c r="AS511" s="9">
        <v>35092</v>
      </c>
      <c r="AT511" s="9">
        <v>37600</v>
      </c>
      <c r="AU511" s="9">
        <v>39983</v>
      </c>
      <c r="AV511" s="9">
        <v>42874</v>
      </c>
      <c r="AW511" s="9">
        <v>46304</v>
      </c>
      <c r="AX511" s="9">
        <v>49308</v>
      </c>
      <c r="AY511" s="9">
        <v>46133</v>
      </c>
      <c r="AZ511" s="9">
        <v>42053</v>
      </c>
      <c r="BA511" s="9">
        <v>43179</v>
      </c>
      <c r="BB511" s="9">
        <v>45240</v>
      </c>
      <c r="BC511" s="9">
        <v>49088</v>
      </c>
      <c r="BD511" s="9">
        <v>48974</v>
      </c>
      <c r="BE511" s="9">
        <v>50441</v>
      </c>
      <c r="BF511" s="9">
        <v>50300</v>
      </c>
      <c r="BG511" s="11">
        <v>2</v>
      </c>
      <c r="BH511" s="13">
        <v>6.4516129032258063E-2</v>
      </c>
      <c r="BI511" s="6">
        <v>-1</v>
      </c>
      <c r="BJ511" s="13">
        <v>-3.2258064516129031E-2</v>
      </c>
      <c r="BK511" s="6">
        <v>-4</v>
      </c>
      <c r="BL511" s="13">
        <v>-0.13333333333333333</v>
      </c>
      <c r="BM511" s="11">
        <v>7</v>
      </c>
      <c r="BN511" s="13">
        <v>0.26923076923076922</v>
      </c>
      <c r="BO511" s="11">
        <v>3</v>
      </c>
      <c r="BP511" s="13">
        <v>0.1</v>
      </c>
      <c r="BQ511" s="6">
        <v>31</v>
      </c>
      <c r="BR511" s="6">
        <v>33</v>
      </c>
      <c r="BS511" s="6">
        <v>33</v>
      </c>
      <c r="BT511" s="6">
        <v>30</v>
      </c>
      <c r="BU511" s="6">
        <v>32</v>
      </c>
      <c r="BV511" s="6">
        <v>33</v>
      </c>
      <c r="BW511" s="6">
        <v>26</v>
      </c>
      <c r="BX511" s="6">
        <v>24</v>
      </c>
      <c r="BY511" s="6">
        <v>27</v>
      </c>
      <c r="BZ511" s="6">
        <v>31</v>
      </c>
      <c r="CA511" s="6">
        <v>33</v>
      </c>
      <c r="CB511" s="6">
        <v>33</v>
      </c>
      <c r="CC511" s="11">
        <v>33</v>
      </c>
      <c r="CD511" s="11">
        <v>-225</v>
      </c>
      <c r="CE511" s="11">
        <v>-31</v>
      </c>
      <c r="CF511" s="11">
        <v>43</v>
      </c>
      <c r="CG511" s="11">
        <v>12</v>
      </c>
      <c r="CH511" s="20">
        <v>1.4</v>
      </c>
      <c r="CI511" s="20">
        <v>1.75</v>
      </c>
      <c r="CJ511" s="20">
        <v>1.79</v>
      </c>
      <c r="CK511" s="20">
        <v>1.82</v>
      </c>
      <c r="CL511" s="20">
        <v>1.69</v>
      </c>
      <c r="CM511" s="20">
        <v>1.67</v>
      </c>
      <c r="CN511" s="20">
        <v>1.33</v>
      </c>
      <c r="CO511" s="20">
        <v>1.46</v>
      </c>
      <c r="CP511" s="20">
        <v>1.51</v>
      </c>
      <c r="CQ511" s="20">
        <v>0.97</v>
      </c>
      <c r="CR511" s="20">
        <v>0.91</v>
      </c>
      <c r="CS511" s="20">
        <v>0.93</v>
      </c>
      <c r="CT511" s="20">
        <v>1.06</v>
      </c>
      <c r="CU511" s="20">
        <v>1.1200000000000001</v>
      </c>
      <c r="CV511" s="20">
        <v>0.98</v>
      </c>
      <c r="CW511" s="20">
        <v>0.98</v>
      </c>
      <c r="CX511" s="20">
        <v>0.96</v>
      </c>
      <c r="CY511" s="6" t="s">
        <v>473</v>
      </c>
      <c r="CZ511" s="6" t="s">
        <v>474</v>
      </c>
      <c r="DA511" s="6" t="s">
        <v>158</v>
      </c>
      <c r="DB511" s="6"/>
      <c r="DC511" s="6">
        <v>28140</v>
      </c>
      <c r="DD511" s="6">
        <v>312</v>
      </c>
      <c r="DE511" s="6" t="s">
        <v>402</v>
      </c>
      <c r="DF511" s="6" t="s">
        <v>375</v>
      </c>
      <c r="DG511" s="6" t="s">
        <v>376</v>
      </c>
      <c r="DH511" s="6" t="s">
        <v>328</v>
      </c>
      <c r="DI511" s="6" t="s">
        <v>377</v>
      </c>
      <c r="DJ511" s="6">
        <v>29</v>
      </c>
      <c r="DK511" s="6">
        <v>49</v>
      </c>
      <c r="DL511" s="6">
        <v>1</v>
      </c>
      <c r="DM511" s="6" t="s">
        <v>404</v>
      </c>
      <c r="DN511" s="6">
        <v>1</v>
      </c>
      <c r="DO511" s="6" t="s">
        <v>405</v>
      </c>
      <c r="DP511" s="6"/>
      <c r="DQ511" s="6"/>
    </row>
    <row r="512" spans="1:121" x14ac:dyDescent="0.2">
      <c r="A512" s="6" t="s">
        <v>316</v>
      </c>
      <c r="B512" s="6" t="s">
        <v>316</v>
      </c>
      <c r="C512" s="6" t="s">
        <v>185</v>
      </c>
      <c r="D512" s="6" t="s">
        <v>158</v>
      </c>
      <c r="E512" s="6" t="s">
        <v>297</v>
      </c>
      <c r="F512" s="11">
        <v>-48</v>
      </c>
      <c r="G512" s="13">
        <v>-0.42</v>
      </c>
      <c r="H512" s="11">
        <v>-32</v>
      </c>
      <c r="I512" s="13">
        <v>-0.2831858407079646</v>
      </c>
      <c r="J512" s="11">
        <v>-23</v>
      </c>
      <c r="K512" s="13">
        <v>-0.2839506172839506</v>
      </c>
      <c r="L512" s="11">
        <v>7</v>
      </c>
      <c r="M512" s="13">
        <v>0.1206896551724138</v>
      </c>
      <c r="N512" s="11">
        <v>-16</v>
      </c>
      <c r="O512" s="13">
        <v>-0.19753086419753085</v>
      </c>
      <c r="P512" s="7">
        <v>113</v>
      </c>
      <c r="Q512" s="7">
        <v>86</v>
      </c>
      <c r="R512" s="7">
        <v>85</v>
      </c>
      <c r="S512" s="7">
        <v>95</v>
      </c>
      <c r="T512" s="7">
        <v>78</v>
      </c>
      <c r="U512" s="7">
        <v>78</v>
      </c>
      <c r="V512" s="7">
        <v>81</v>
      </c>
      <c r="W512" s="7">
        <v>82</v>
      </c>
      <c r="X512" s="7">
        <v>72</v>
      </c>
      <c r="Y512" s="7">
        <v>58</v>
      </c>
      <c r="Z512" s="7">
        <v>53</v>
      </c>
      <c r="AA512" s="7">
        <v>53</v>
      </c>
      <c r="AB512" s="7">
        <v>54</v>
      </c>
      <c r="AC512" s="7">
        <v>57</v>
      </c>
      <c r="AD512" s="7">
        <v>57</v>
      </c>
      <c r="AE512" s="7">
        <v>63</v>
      </c>
      <c r="AF512" s="7">
        <v>65</v>
      </c>
      <c r="AG512" s="9">
        <v>8915</v>
      </c>
      <c r="AH512" s="13">
        <v>0.40533781940529234</v>
      </c>
      <c r="AI512" s="9">
        <v>1634</v>
      </c>
      <c r="AJ512" s="13">
        <v>7.4292988996999182E-2</v>
      </c>
      <c r="AK512" s="9">
        <v>3084</v>
      </c>
      <c r="AL512" s="13">
        <v>0.13052310817673946</v>
      </c>
      <c r="AM512" s="9">
        <v>4197</v>
      </c>
      <c r="AN512" s="13">
        <v>0.1571203953279425</v>
      </c>
      <c r="AO512" s="9">
        <v>7281</v>
      </c>
      <c r="AP512" s="13">
        <v>0.30815134586084308</v>
      </c>
      <c r="AQ512" s="9">
        <v>21994</v>
      </c>
      <c r="AR512" s="9">
        <v>23764</v>
      </c>
      <c r="AS512" s="9">
        <v>24462</v>
      </c>
      <c r="AT512" s="9">
        <v>24882</v>
      </c>
      <c r="AU512" s="9">
        <v>26847</v>
      </c>
      <c r="AV512" s="9">
        <v>22635</v>
      </c>
      <c r="AW512" s="9">
        <v>23628</v>
      </c>
      <c r="AX512" s="9">
        <v>23161</v>
      </c>
      <c r="AY512" s="9">
        <v>23636</v>
      </c>
      <c r="AZ512" s="9">
        <v>26712</v>
      </c>
      <c r="BA512" s="9">
        <v>28413</v>
      </c>
      <c r="BB512" s="9">
        <v>28084</v>
      </c>
      <c r="BC512" s="9">
        <v>28292</v>
      </c>
      <c r="BD512" s="9">
        <v>30235</v>
      </c>
      <c r="BE512" s="9">
        <v>31673</v>
      </c>
      <c r="BF512" s="9">
        <v>30909</v>
      </c>
      <c r="BG512" s="11">
        <v>-7</v>
      </c>
      <c r="BH512" s="13">
        <v>-0.41176470588235292</v>
      </c>
      <c r="BI512" s="6">
        <v>-3</v>
      </c>
      <c r="BJ512" s="13">
        <v>-0.17647058823529413</v>
      </c>
      <c r="BK512" s="6">
        <v>-2</v>
      </c>
      <c r="BL512" s="13">
        <v>-0.14285714285714285</v>
      </c>
      <c r="BM512" s="11">
        <v>-2</v>
      </c>
      <c r="BN512" s="13">
        <v>-0.16666666666666666</v>
      </c>
      <c r="BO512" s="11">
        <v>-4</v>
      </c>
      <c r="BP512" s="13">
        <v>-0.2857142857142857</v>
      </c>
      <c r="BQ512" s="6">
        <v>17</v>
      </c>
      <c r="BR512" s="6">
        <v>14</v>
      </c>
      <c r="BS512" s="6">
        <v>14</v>
      </c>
      <c r="BT512" s="6">
        <v>14</v>
      </c>
      <c r="BU512" s="6">
        <v>14</v>
      </c>
      <c r="BV512" s="6">
        <v>12</v>
      </c>
      <c r="BW512" s="6">
        <v>12</v>
      </c>
      <c r="BX512" s="6">
        <v>11</v>
      </c>
      <c r="BY512" s="6">
        <v>11</v>
      </c>
      <c r="BZ512" s="6">
        <v>10</v>
      </c>
      <c r="CA512" s="6">
        <v>10</v>
      </c>
      <c r="CB512" s="6">
        <v>11</v>
      </c>
      <c r="CC512" s="11">
        <v>10</v>
      </c>
      <c r="CD512" s="11">
        <v>-55</v>
      </c>
      <c r="CE512" s="11">
        <v>-6</v>
      </c>
      <c r="CF512" s="11">
        <v>12</v>
      </c>
      <c r="CG512" s="11">
        <v>6</v>
      </c>
      <c r="CH512" s="20">
        <v>0.98</v>
      </c>
      <c r="CI512" s="20">
        <v>0.87</v>
      </c>
      <c r="CJ512" s="20">
        <v>0.84</v>
      </c>
      <c r="CK512" s="20">
        <v>0.93</v>
      </c>
      <c r="CL512" s="20">
        <v>0.72</v>
      </c>
      <c r="CM512" s="20">
        <v>0.71</v>
      </c>
      <c r="CN512" s="20">
        <v>0.84</v>
      </c>
      <c r="CO512" s="20">
        <v>0.84</v>
      </c>
      <c r="CP512" s="20">
        <v>0.75</v>
      </c>
      <c r="CQ512" s="20">
        <v>0.73</v>
      </c>
      <c r="CR512" s="20">
        <v>0.65</v>
      </c>
      <c r="CS512" s="20">
        <v>0.64</v>
      </c>
      <c r="CT512" s="20">
        <v>0.72</v>
      </c>
      <c r="CU512" s="20">
        <v>0.75</v>
      </c>
      <c r="CV512" s="20">
        <v>0.73</v>
      </c>
      <c r="CW512" s="20">
        <v>0.8</v>
      </c>
      <c r="CX512" s="20">
        <v>0.81</v>
      </c>
      <c r="CY512" s="6" t="s">
        <v>473</v>
      </c>
      <c r="CZ512" s="6" t="s">
        <v>474</v>
      </c>
      <c r="DA512" s="6" t="s">
        <v>158</v>
      </c>
      <c r="DB512" s="6"/>
      <c r="DC512" s="6">
        <v>28140</v>
      </c>
      <c r="DD512" s="6">
        <v>312</v>
      </c>
      <c r="DE512" s="6" t="s">
        <v>402</v>
      </c>
      <c r="DF512" s="6" t="s">
        <v>375</v>
      </c>
      <c r="DG512" s="6" t="s">
        <v>376</v>
      </c>
      <c r="DH512" s="6" t="s">
        <v>328</v>
      </c>
      <c r="DI512" s="6" t="s">
        <v>377</v>
      </c>
      <c r="DJ512" s="6">
        <v>29</v>
      </c>
      <c r="DK512" s="6">
        <v>49</v>
      </c>
      <c r="DL512" s="6">
        <v>1</v>
      </c>
      <c r="DM512" s="6" t="s">
        <v>404</v>
      </c>
      <c r="DN512" s="6">
        <v>1</v>
      </c>
      <c r="DO512" s="6" t="s">
        <v>405</v>
      </c>
      <c r="DP512" s="6"/>
      <c r="DQ512" s="6"/>
    </row>
    <row r="513" spans="1:121" x14ac:dyDescent="0.2">
      <c r="A513" s="6" t="s">
        <v>317</v>
      </c>
      <c r="B513" s="6" t="s">
        <v>317</v>
      </c>
      <c r="C513" s="6" t="s">
        <v>186</v>
      </c>
      <c r="D513" s="6" t="s">
        <v>158</v>
      </c>
      <c r="E513" s="6" t="s">
        <v>297</v>
      </c>
      <c r="F513" s="11">
        <v>42</v>
      </c>
      <c r="G513" s="13">
        <v>0.51</v>
      </c>
      <c r="H513" s="11">
        <v>19</v>
      </c>
      <c r="I513" s="13">
        <v>0.23170731707317072</v>
      </c>
      <c r="J513" s="11">
        <v>-1</v>
      </c>
      <c r="K513" s="13">
        <v>-9.9009900990099011E-3</v>
      </c>
      <c r="L513" s="11">
        <v>24</v>
      </c>
      <c r="M513" s="13">
        <v>0.24</v>
      </c>
      <c r="N513" s="11">
        <v>23</v>
      </c>
      <c r="O513" s="13">
        <v>0.22772277227722773</v>
      </c>
      <c r="P513" s="7">
        <v>82</v>
      </c>
      <c r="Q513" s="7">
        <v>89</v>
      </c>
      <c r="R513" s="7">
        <v>88</v>
      </c>
      <c r="S513" s="7">
        <v>94</v>
      </c>
      <c r="T513" s="7">
        <v>103</v>
      </c>
      <c r="U513" s="7">
        <v>96</v>
      </c>
      <c r="V513" s="7">
        <v>101</v>
      </c>
      <c r="W513" s="7">
        <v>95</v>
      </c>
      <c r="X513" s="7">
        <v>107</v>
      </c>
      <c r="Y513" s="7">
        <v>100</v>
      </c>
      <c r="Z513" s="7">
        <v>99</v>
      </c>
      <c r="AA513" s="7">
        <v>88</v>
      </c>
      <c r="AB513" s="7">
        <v>106</v>
      </c>
      <c r="AC513" s="7">
        <v>110</v>
      </c>
      <c r="AD513" s="7">
        <v>105</v>
      </c>
      <c r="AE513" s="7">
        <v>119</v>
      </c>
      <c r="AF513" s="7">
        <v>124</v>
      </c>
      <c r="AG513" s="9">
        <v>8952</v>
      </c>
      <c r="AH513" s="13">
        <v>0.29307578981830085</v>
      </c>
      <c r="AI513" s="9">
        <v>6349</v>
      </c>
      <c r="AJ513" s="13">
        <v>0.2078572597806515</v>
      </c>
      <c r="AK513" s="9">
        <v>-1406</v>
      </c>
      <c r="AL513" s="13">
        <v>-3.8109177644061368E-2</v>
      </c>
      <c r="AM513" s="9">
        <v>4009</v>
      </c>
      <c r="AN513" s="13">
        <v>0.11296776375112716</v>
      </c>
      <c r="AO513" s="9">
        <v>2603</v>
      </c>
      <c r="AP513" s="13">
        <v>7.0553477530221717E-2</v>
      </c>
      <c r="AQ513" s="9">
        <v>30545</v>
      </c>
      <c r="AR513" s="9">
        <v>30821</v>
      </c>
      <c r="AS513" s="9">
        <v>29808</v>
      </c>
      <c r="AT513" s="9">
        <v>31594</v>
      </c>
      <c r="AU513" s="9">
        <v>32407</v>
      </c>
      <c r="AV513" s="9">
        <v>36277</v>
      </c>
      <c r="AW513" s="9">
        <v>36894</v>
      </c>
      <c r="AX513" s="9">
        <v>36990</v>
      </c>
      <c r="AY513" s="9">
        <v>38943</v>
      </c>
      <c r="AZ513" s="9">
        <v>35488</v>
      </c>
      <c r="BA513" s="9">
        <v>26682</v>
      </c>
      <c r="BB513" s="9">
        <v>41118</v>
      </c>
      <c r="BC513" s="9">
        <v>41334</v>
      </c>
      <c r="BD513" s="9">
        <v>42827</v>
      </c>
      <c r="BE513" s="9">
        <v>40851</v>
      </c>
      <c r="BF513" s="9">
        <v>39497</v>
      </c>
      <c r="BG513" s="11">
        <v>-2</v>
      </c>
      <c r="BH513" s="13">
        <v>-7.6923076923076927E-2</v>
      </c>
      <c r="BI513" s="6">
        <v>-1</v>
      </c>
      <c r="BJ513" s="13">
        <v>-3.8461538461538464E-2</v>
      </c>
      <c r="BK513" s="6">
        <v>-4</v>
      </c>
      <c r="BL513" s="13">
        <v>-0.16</v>
      </c>
      <c r="BM513" s="11">
        <v>3</v>
      </c>
      <c r="BN513" s="13">
        <v>0.14285714285714285</v>
      </c>
      <c r="BO513" s="11">
        <v>-1</v>
      </c>
      <c r="BP513" s="13">
        <v>-0.04</v>
      </c>
      <c r="BQ513" s="6">
        <v>26</v>
      </c>
      <c r="BR513" s="6">
        <v>27</v>
      </c>
      <c r="BS513" s="6">
        <v>24</v>
      </c>
      <c r="BT513" s="6">
        <v>25</v>
      </c>
      <c r="BU513" s="6">
        <v>26</v>
      </c>
      <c r="BV513" s="6">
        <v>25</v>
      </c>
      <c r="BW513" s="6">
        <v>21</v>
      </c>
      <c r="BX513" s="6">
        <v>22</v>
      </c>
      <c r="BY513" s="6">
        <v>21</v>
      </c>
      <c r="BZ513" s="6">
        <v>27</v>
      </c>
      <c r="CA513" s="6">
        <v>26</v>
      </c>
      <c r="CB513" s="6">
        <v>27</v>
      </c>
      <c r="CC513" s="11">
        <v>24</v>
      </c>
      <c r="CD513" s="11">
        <v>16</v>
      </c>
      <c r="CE513" s="11">
        <v>16</v>
      </c>
      <c r="CF513" s="11">
        <v>9</v>
      </c>
      <c r="CG513" s="11">
        <v>25</v>
      </c>
      <c r="CH513" s="20">
        <v>0.22</v>
      </c>
      <c r="CI513" s="20">
        <v>0.28999999999999998</v>
      </c>
      <c r="CJ513" s="20">
        <v>0.28999999999999998</v>
      </c>
      <c r="CK513" s="20">
        <v>0.3</v>
      </c>
      <c r="CL513" s="20">
        <v>0.31</v>
      </c>
      <c r="CM513" s="20">
        <v>0.28000000000000003</v>
      </c>
      <c r="CN513" s="20">
        <v>0.32</v>
      </c>
      <c r="CO513" s="20">
        <v>0.28999999999999998</v>
      </c>
      <c r="CP513" s="20">
        <v>0.32</v>
      </c>
      <c r="CQ513" s="20">
        <v>0.35</v>
      </c>
      <c r="CR513" s="20">
        <v>0.33</v>
      </c>
      <c r="CS513" s="20">
        <v>0.28999999999999998</v>
      </c>
      <c r="CT513" s="20">
        <v>0.37</v>
      </c>
      <c r="CU513" s="20">
        <v>0.38</v>
      </c>
      <c r="CV513" s="20">
        <v>0.35</v>
      </c>
      <c r="CW513" s="20">
        <v>0.39</v>
      </c>
      <c r="CX513" s="20">
        <v>0.39</v>
      </c>
      <c r="CY513" s="6" t="s">
        <v>473</v>
      </c>
      <c r="CZ513" s="6" t="s">
        <v>474</v>
      </c>
      <c r="DA513" s="6" t="s">
        <v>158</v>
      </c>
      <c r="DB513" s="6"/>
      <c r="DC513" s="6">
        <v>28140</v>
      </c>
      <c r="DD513" s="6">
        <v>312</v>
      </c>
      <c r="DE513" s="6" t="s">
        <v>402</v>
      </c>
      <c r="DF513" s="6" t="s">
        <v>375</v>
      </c>
      <c r="DG513" s="6" t="s">
        <v>376</v>
      </c>
      <c r="DH513" s="6" t="s">
        <v>328</v>
      </c>
      <c r="DI513" s="6" t="s">
        <v>377</v>
      </c>
      <c r="DJ513" s="6">
        <v>29</v>
      </c>
      <c r="DK513" s="6">
        <v>49</v>
      </c>
      <c r="DL513" s="6">
        <v>1</v>
      </c>
      <c r="DM513" s="6" t="s">
        <v>404</v>
      </c>
      <c r="DN513" s="6">
        <v>1</v>
      </c>
      <c r="DO513" s="6" t="s">
        <v>405</v>
      </c>
      <c r="DP513" s="6"/>
      <c r="DQ513" s="6"/>
    </row>
    <row r="514" spans="1:121" x14ac:dyDescent="0.2">
      <c r="A514" s="6" t="s">
        <v>318</v>
      </c>
      <c r="B514" s="6" t="s">
        <v>318</v>
      </c>
      <c r="C514" s="6" t="s">
        <v>187</v>
      </c>
      <c r="D514" s="6" t="s">
        <v>158</v>
      </c>
      <c r="E514" s="6" t="s">
        <v>297</v>
      </c>
      <c r="F514" s="11">
        <v>-81</v>
      </c>
      <c r="G514" s="13">
        <v>-0.86170212765999998</v>
      </c>
      <c r="H514" s="11">
        <v>-61.44411800000001</v>
      </c>
      <c r="I514" s="13">
        <v>-0.65027707842046689</v>
      </c>
      <c r="J514" s="11">
        <v>-10.584009999999996</v>
      </c>
      <c r="K514" s="13">
        <v>-0.32029066047357935</v>
      </c>
      <c r="L514" s="11">
        <v>-9.2194877466000005</v>
      </c>
      <c r="M514" s="13">
        <v>-0.41046637655499491</v>
      </c>
      <c r="N514" s="11">
        <v>-19.803497746599994</v>
      </c>
      <c r="O514" s="13">
        <v>-0.59928849017957797</v>
      </c>
      <c r="P514" s="7">
        <v>94.489134000000007</v>
      </c>
      <c r="Q514" s="7">
        <v>97.407090999999994</v>
      </c>
      <c r="R514" s="7">
        <v>88.51</v>
      </c>
      <c r="S514" s="7">
        <v>77.575585000000004</v>
      </c>
      <c r="T514" s="7">
        <v>53.790100000000002</v>
      </c>
      <c r="U514" s="7">
        <v>52.983815</v>
      </c>
      <c r="V514" s="7">
        <v>33.045015999999997</v>
      </c>
      <c r="W514" s="7">
        <v>33.733145</v>
      </c>
      <c r="X514" s="7">
        <v>31.970680000000002</v>
      </c>
      <c r="Y514" s="7">
        <v>22.461006000000001</v>
      </c>
      <c r="Z514" s="7">
        <v>15.858943999999999</v>
      </c>
      <c r="AA514" s="7">
        <v>23.983706000000002</v>
      </c>
      <c r="AB514" s="7">
        <v>22.502071000000001</v>
      </c>
      <c r="AC514" s="7">
        <v>20.051103000000001</v>
      </c>
      <c r="AD514" s="7">
        <v>11.737589</v>
      </c>
      <c r="AE514" s="7">
        <v>15.782427999999999</v>
      </c>
      <c r="AF514" s="7">
        <v>13.241518253400001</v>
      </c>
      <c r="AG514" s="9">
        <v>28990.922047100001</v>
      </c>
      <c r="AH514" s="13">
        <v>0.8649561385158997</v>
      </c>
      <c r="AI514" s="9">
        <v>25359.037586500002</v>
      </c>
      <c r="AJ514" s="13">
        <v>0.75659736491522644</v>
      </c>
      <c r="AK514" s="9">
        <v>-37945.963546899999</v>
      </c>
      <c r="AL514" s="13">
        <v>-0.64450370048199745</v>
      </c>
      <c r="AM514" s="9">
        <v>41577.848007499997</v>
      </c>
      <c r="AN514" s="13">
        <v>1.9864916916804649</v>
      </c>
      <c r="AO514" s="9">
        <v>3631.8844605999984</v>
      </c>
      <c r="AP514" s="13">
        <v>6.1686744933664786E-2</v>
      </c>
      <c r="AQ514" s="9">
        <v>33517.216372199997</v>
      </c>
      <c r="AR514" s="9">
        <v>39533.189928799999</v>
      </c>
      <c r="AS514" s="9">
        <v>48649.6824605</v>
      </c>
      <c r="AT514" s="9">
        <v>55279.956545499997</v>
      </c>
      <c r="AU514" s="9">
        <v>66298.909834399994</v>
      </c>
      <c r="AV514" s="9">
        <v>69135.8103156</v>
      </c>
      <c r="AW514" s="9">
        <v>58876.253958699999</v>
      </c>
      <c r="AX514" s="9">
        <v>38853.479693000001</v>
      </c>
      <c r="AY514" s="9">
        <v>45311.269466199999</v>
      </c>
      <c r="AZ514" s="9">
        <v>20930.290411800001</v>
      </c>
      <c r="BA514" s="9">
        <v>58731.833044300001</v>
      </c>
      <c r="BB514" s="9">
        <v>24166.451179399999</v>
      </c>
      <c r="BC514" s="9">
        <v>30128.313377900002</v>
      </c>
      <c r="BD514" s="9">
        <v>31716.6906203</v>
      </c>
      <c r="BE514" s="9">
        <v>71152.686926099996</v>
      </c>
      <c r="BF514" s="9">
        <v>62508.138419299998</v>
      </c>
      <c r="BG514" s="11">
        <v>-4</v>
      </c>
      <c r="BH514" s="13">
        <v>-0.5714285714285714</v>
      </c>
      <c r="BI514" s="6">
        <v>-2</v>
      </c>
      <c r="BJ514" s="13">
        <v>-0.2857142857142857</v>
      </c>
      <c r="BK514" s="6">
        <v>-3</v>
      </c>
      <c r="BL514" s="13">
        <v>-0.6</v>
      </c>
      <c r="BM514" s="11">
        <v>1</v>
      </c>
      <c r="BN514" s="13">
        <v>0.5</v>
      </c>
      <c r="BO514" s="11">
        <v>-2</v>
      </c>
      <c r="BP514" s="13">
        <v>-0.4</v>
      </c>
      <c r="BQ514" s="6">
        <v>7</v>
      </c>
      <c r="BR514" s="6">
        <v>6</v>
      </c>
      <c r="BS514" s="6">
        <v>6</v>
      </c>
      <c r="BT514" s="6">
        <v>5</v>
      </c>
      <c r="BU514" s="6">
        <v>4</v>
      </c>
      <c r="BV514" s="6">
        <v>4</v>
      </c>
      <c r="BW514" s="6">
        <v>2</v>
      </c>
      <c r="BX514" s="6">
        <v>2</v>
      </c>
      <c r="BY514" s="6">
        <v>3</v>
      </c>
      <c r="BZ514" s="6">
        <v>3</v>
      </c>
      <c r="CA514" s="6">
        <v>3</v>
      </c>
      <c r="CB514" s="6">
        <v>3</v>
      </c>
      <c r="CC514" s="11">
        <v>3</v>
      </c>
      <c r="CD514" s="11">
        <v>-111.807</v>
      </c>
      <c r="CE514" s="11">
        <v>20.230899999999998</v>
      </c>
      <c r="CF514" s="11">
        <v>10.328799999999999</v>
      </c>
      <c r="CG514" s="11">
        <v>30</v>
      </c>
      <c r="CH514" s="20">
        <v>1.18337</v>
      </c>
      <c r="CI514" s="20">
        <v>1.4387799999999999</v>
      </c>
      <c r="CJ514" s="20">
        <v>1.35225</v>
      </c>
      <c r="CK514" s="20">
        <v>1.1706099999999999</v>
      </c>
      <c r="CL514" s="20">
        <v>0.77413200000000004</v>
      </c>
      <c r="CM514" s="20">
        <v>0.75117400000000001</v>
      </c>
      <c r="CN514" s="20">
        <v>0.50999000000000005</v>
      </c>
      <c r="CO514" s="20">
        <v>0.48440899999999998</v>
      </c>
      <c r="CP514" s="20">
        <v>0.452266</v>
      </c>
      <c r="CQ514" s="20">
        <v>0.36338100000000001</v>
      </c>
      <c r="CR514" s="20">
        <v>0.24213999999999999</v>
      </c>
      <c r="CS514" s="20">
        <v>0.35436699999999999</v>
      </c>
      <c r="CT514" s="20">
        <v>0.34854000000000002</v>
      </c>
      <c r="CU514" s="20">
        <v>0.30770999999999998</v>
      </c>
      <c r="CV514" s="20">
        <v>0.175979</v>
      </c>
      <c r="CW514" s="20">
        <v>0.232103</v>
      </c>
      <c r="CX514" s="20">
        <v>0.19245999999999999</v>
      </c>
      <c r="CY514" s="6" t="s">
        <v>473</v>
      </c>
      <c r="CZ514" s="6" t="s">
        <v>474</v>
      </c>
      <c r="DA514" s="6" t="s">
        <v>158</v>
      </c>
      <c r="DB514" s="6"/>
      <c r="DC514" s="6">
        <v>28140</v>
      </c>
      <c r="DD514" s="6">
        <v>312</v>
      </c>
      <c r="DE514" s="6" t="s">
        <v>402</v>
      </c>
      <c r="DF514" s="6" t="s">
        <v>375</v>
      </c>
      <c r="DG514" s="6" t="s">
        <v>376</v>
      </c>
      <c r="DH514" s="6" t="s">
        <v>328</v>
      </c>
      <c r="DI514" s="6" t="s">
        <v>377</v>
      </c>
      <c r="DJ514" s="6">
        <v>29</v>
      </c>
      <c r="DK514" s="6">
        <v>49</v>
      </c>
      <c r="DL514" s="6">
        <v>1</v>
      </c>
      <c r="DM514" s="6" t="s">
        <v>404</v>
      </c>
      <c r="DN514" s="6">
        <v>1</v>
      </c>
      <c r="DO514" s="6" t="s">
        <v>405</v>
      </c>
      <c r="DP514" s="6"/>
      <c r="DQ514" s="6"/>
    </row>
    <row r="515" spans="1:121" x14ac:dyDescent="0.2">
      <c r="A515" s="6" t="s">
        <v>319</v>
      </c>
      <c r="B515" s="6" t="s">
        <v>319</v>
      </c>
      <c r="C515" s="6" t="s">
        <v>188</v>
      </c>
      <c r="D515" s="6" t="s">
        <v>158</v>
      </c>
      <c r="E515" s="6" t="s">
        <v>297</v>
      </c>
      <c r="F515" s="11">
        <v>49</v>
      </c>
      <c r="G515" s="13">
        <v>0.462264150943</v>
      </c>
      <c r="H515" s="11">
        <v>31.439344775999984</v>
      </c>
      <c r="I515" s="13">
        <v>0.29660672561213314</v>
      </c>
      <c r="J515" s="11">
        <v>-17.763576510999997</v>
      </c>
      <c r="K515" s="13">
        <v>-0.12924973134445805</v>
      </c>
      <c r="L515" s="11">
        <v>35.737050205000003</v>
      </c>
      <c r="M515" s="13">
        <v>0.29862373516056184</v>
      </c>
      <c r="N515" s="11">
        <v>17.973473694000006</v>
      </c>
      <c r="O515" s="13">
        <v>0.13077696627352259</v>
      </c>
      <c r="P515" s="7">
        <v>105.99673595100001</v>
      </c>
      <c r="Q515" s="7">
        <v>115.350466694</v>
      </c>
      <c r="R515" s="7">
        <v>134.73882652899999</v>
      </c>
      <c r="S515" s="7">
        <v>122.334820509</v>
      </c>
      <c r="T515" s="7">
        <v>155.28891321500001</v>
      </c>
      <c r="U515" s="7">
        <v>122.563499201</v>
      </c>
      <c r="V515" s="7">
        <v>137.43608072699999</v>
      </c>
      <c r="W515" s="7">
        <v>137.75514644099999</v>
      </c>
      <c r="X515" s="7">
        <v>141.46226894200001</v>
      </c>
      <c r="Y515" s="7">
        <v>119.67250421599999</v>
      </c>
      <c r="Z515" s="7">
        <v>142.084184701</v>
      </c>
      <c r="AA515" s="7">
        <v>162.85767908599999</v>
      </c>
      <c r="AB515" s="7">
        <v>160.96084842100001</v>
      </c>
      <c r="AC515" s="7">
        <v>151.738670187</v>
      </c>
      <c r="AD515" s="7">
        <v>146.25853881800001</v>
      </c>
      <c r="AE515" s="7">
        <v>152.452758609</v>
      </c>
      <c r="AF515" s="7">
        <v>155.409554421</v>
      </c>
      <c r="AG515" s="9">
        <v>11648.636466399999</v>
      </c>
      <c r="AH515" s="13">
        <v>0.71120654183299414</v>
      </c>
      <c r="AI515" s="9">
        <v>3133.4940734000011</v>
      </c>
      <c r="AJ515" s="13">
        <v>0.19131522304994145</v>
      </c>
      <c r="AK515" s="9">
        <v>901.02993699999934</v>
      </c>
      <c r="AL515" s="13">
        <v>4.6177793808343942E-2</v>
      </c>
      <c r="AM515" s="9">
        <v>7614.1124559999989</v>
      </c>
      <c r="AN515" s="13">
        <v>0.37299906982566472</v>
      </c>
      <c r="AO515" s="9">
        <v>8515.1423929999983</v>
      </c>
      <c r="AP515" s="13">
        <v>0.43640113777112233</v>
      </c>
      <c r="AQ515" s="9">
        <v>16378.697018700001</v>
      </c>
      <c r="AR515" s="9">
        <v>17046.264642999999</v>
      </c>
      <c r="AS515" s="9">
        <v>17689.509925800001</v>
      </c>
      <c r="AT515" s="9">
        <v>17845.461536700001</v>
      </c>
      <c r="AU515" s="9">
        <v>16933.2812462</v>
      </c>
      <c r="AV515" s="9">
        <v>19105.9436986</v>
      </c>
      <c r="AW515" s="9">
        <v>19512.191092100002</v>
      </c>
      <c r="AX515" s="9">
        <v>21596.797857400001</v>
      </c>
      <c r="AY515" s="9">
        <v>22302.2047757</v>
      </c>
      <c r="AZ515" s="9">
        <v>20413.221029100001</v>
      </c>
      <c r="BA515" s="9">
        <v>21152.121532100002</v>
      </c>
      <c r="BB515" s="9">
        <v>20570.238467800002</v>
      </c>
      <c r="BC515" s="9">
        <v>22201.377781200001</v>
      </c>
      <c r="BD515" s="9">
        <v>23498.154375099999</v>
      </c>
      <c r="BE515" s="9">
        <v>27225.732999100001</v>
      </c>
      <c r="BF515" s="9">
        <v>28027.3334851</v>
      </c>
      <c r="BG515" s="11">
        <v>-4.5</v>
      </c>
      <c r="BH515" s="13">
        <v>-0.16666666666666666</v>
      </c>
      <c r="BI515" s="6">
        <v>-1</v>
      </c>
      <c r="BJ515" s="13">
        <v>-3.7037037037037035E-2</v>
      </c>
      <c r="BK515" s="6">
        <v>-4</v>
      </c>
      <c r="BL515" s="13">
        <v>-0.15384615384615385</v>
      </c>
      <c r="BM515" s="11">
        <v>0.5</v>
      </c>
      <c r="BN515" s="13">
        <v>2.2727272727272728E-2</v>
      </c>
      <c r="BO515" s="11">
        <v>-3.5</v>
      </c>
      <c r="BP515" s="13">
        <v>-0.13461538461538461</v>
      </c>
      <c r="BQ515" s="6">
        <v>27</v>
      </c>
      <c r="BR515" s="6">
        <v>25</v>
      </c>
      <c r="BS515" s="6">
        <v>23</v>
      </c>
      <c r="BT515" s="6">
        <v>26</v>
      </c>
      <c r="BU515" s="6">
        <v>27</v>
      </c>
      <c r="BV515" s="6">
        <v>26</v>
      </c>
      <c r="BW515" s="6">
        <v>22</v>
      </c>
      <c r="BX515" s="6">
        <v>26</v>
      </c>
      <c r="BY515" s="6">
        <v>25</v>
      </c>
      <c r="BZ515" s="6">
        <v>25</v>
      </c>
      <c r="CA515" s="6">
        <v>25</v>
      </c>
      <c r="CB515" s="6">
        <v>23</v>
      </c>
      <c r="CC515" s="11">
        <v>22.5</v>
      </c>
      <c r="CD515" s="11">
        <v>28.289300000000001</v>
      </c>
      <c r="CE515" s="11">
        <v>9.5367999999999995</v>
      </c>
      <c r="CF515" s="11">
        <v>11.5867</v>
      </c>
      <c r="CG515" s="11">
        <v>22</v>
      </c>
      <c r="CH515" s="20">
        <v>0.27062700000000001</v>
      </c>
      <c r="CI515" s="20">
        <v>0.34395900000000001</v>
      </c>
      <c r="CJ515" s="20">
        <v>0.40818199999999999</v>
      </c>
      <c r="CK515" s="20">
        <v>0.36176599999999998</v>
      </c>
      <c r="CL515" s="20">
        <v>0.43487900000000002</v>
      </c>
      <c r="CM515" s="20">
        <v>0.33658100000000002</v>
      </c>
      <c r="CN515" s="20">
        <v>0.41948099999999999</v>
      </c>
      <c r="CO515" s="20">
        <v>0.42155700000000002</v>
      </c>
      <c r="CP515" s="20">
        <v>0.45909100000000003</v>
      </c>
      <c r="CQ515" s="20">
        <v>0.43173699999999998</v>
      </c>
      <c r="CR515" s="20">
        <v>0.48111700000000002</v>
      </c>
      <c r="CS515" s="20">
        <v>0.54051000000000005</v>
      </c>
      <c r="CT515" s="20">
        <v>0.56640999999999997</v>
      </c>
      <c r="CU515" s="20">
        <v>0.52835900000000002</v>
      </c>
      <c r="CV515" s="20">
        <v>0.49619000000000002</v>
      </c>
      <c r="CW515" s="20">
        <v>0.50504099999999996</v>
      </c>
      <c r="CX515" s="20">
        <v>0.50815399999999999</v>
      </c>
      <c r="CY515" s="6" t="s">
        <v>473</v>
      </c>
      <c r="CZ515" s="6" t="s">
        <v>474</v>
      </c>
      <c r="DA515" s="6" t="s">
        <v>158</v>
      </c>
      <c r="DB515" s="6"/>
      <c r="DC515" s="6">
        <v>28140</v>
      </c>
      <c r="DD515" s="6">
        <v>312</v>
      </c>
      <c r="DE515" s="6" t="s">
        <v>402</v>
      </c>
      <c r="DF515" s="6" t="s">
        <v>375</v>
      </c>
      <c r="DG515" s="6" t="s">
        <v>376</v>
      </c>
      <c r="DH515" s="6" t="s">
        <v>328</v>
      </c>
      <c r="DI515" s="6" t="s">
        <v>377</v>
      </c>
      <c r="DJ515" s="6">
        <v>29</v>
      </c>
      <c r="DK515" s="6">
        <v>49</v>
      </c>
      <c r="DL515" s="6">
        <v>1</v>
      </c>
      <c r="DM515" s="6" t="s">
        <v>404</v>
      </c>
      <c r="DN515" s="6">
        <v>1</v>
      </c>
      <c r="DO515" s="6" t="s">
        <v>405</v>
      </c>
      <c r="DP515" s="6"/>
      <c r="DQ515" s="6"/>
    </row>
    <row r="516" spans="1:121" x14ac:dyDescent="0.2">
      <c r="A516" s="6" t="s">
        <v>320</v>
      </c>
      <c r="B516" s="6" t="s">
        <v>320</v>
      </c>
      <c r="C516" s="6" t="s">
        <v>189</v>
      </c>
      <c r="D516" s="6" t="s">
        <v>158</v>
      </c>
      <c r="E516" s="6" t="s">
        <v>297</v>
      </c>
      <c r="F516" s="11">
        <v>1</v>
      </c>
      <c r="G516" s="13">
        <v>1</v>
      </c>
      <c r="H516" s="11">
        <v>0</v>
      </c>
      <c r="I516" s="13">
        <v>0</v>
      </c>
      <c r="J516" s="11">
        <v>0</v>
      </c>
      <c r="K516" s="13">
        <v>0</v>
      </c>
      <c r="L516" s="11">
        <v>0</v>
      </c>
      <c r="M516" s="13">
        <v>0</v>
      </c>
      <c r="N516" s="11">
        <v>0</v>
      </c>
      <c r="O516" s="13">
        <v>0</v>
      </c>
      <c r="P516" s="7">
        <v>5</v>
      </c>
      <c r="Q516" s="7">
        <v>5</v>
      </c>
      <c r="R516" s="7">
        <v>5</v>
      </c>
      <c r="S516" s="7">
        <v>5</v>
      </c>
      <c r="T516" s="7">
        <v>5</v>
      </c>
      <c r="U516" s="7">
        <v>5</v>
      </c>
      <c r="V516" s="7">
        <v>5</v>
      </c>
      <c r="W516" s="7">
        <v>5</v>
      </c>
      <c r="X516" s="7">
        <v>5</v>
      </c>
      <c r="Y516" s="7">
        <v>5</v>
      </c>
      <c r="Z516" s="7">
        <v>5</v>
      </c>
      <c r="AA516" s="7">
        <v>5</v>
      </c>
      <c r="AB516" s="7">
        <v>5</v>
      </c>
      <c r="AC516" s="7">
        <v>5</v>
      </c>
      <c r="AD516" s="7">
        <v>5</v>
      </c>
      <c r="AE516" s="7">
        <v>5</v>
      </c>
      <c r="AF516" s="7">
        <v>5</v>
      </c>
      <c r="AG516" s="9">
        <v>0</v>
      </c>
      <c r="AH516" s="13">
        <v>0</v>
      </c>
      <c r="AI516" s="9">
        <v>0</v>
      </c>
      <c r="AJ516" s="13">
        <v>0</v>
      </c>
      <c r="AK516" s="9">
        <v>0</v>
      </c>
      <c r="AL516" s="13">
        <v>0</v>
      </c>
      <c r="AM516" s="9">
        <v>0</v>
      </c>
      <c r="AN516" s="13">
        <v>0</v>
      </c>
      <c r="AO516" s="9">
        <v>0</v>
      </c>
      <c r="AP516" s="13">
        <v>0</v>
      </c>
      <c r="AQ516" s="9">
        <v>1</v>
      </c>
      <c r="AR516" s="9">
        <v>1</v>
      </c>
      <c r="AS516" s="9">
        <v>1</v>
      </c>
      <c r="AT516" s="9">
        <v>1</v>
      </c>
      <c r="AU516" s="9">
        <v>1</v>
      </c>
      <c r="AV516" s="9">
        <v>1</v>
      </c>
      <c r="AW516" s="9">
        <v>1</v>
      </c>
      <c r="AX516" s="9">
        <v>1</v>
      </c>
      <c r="AY516" s="9">
        <v>1</v>
      </c>
      <c r="AZ516" s="9">
        <v>1</v>
      </c>
      <c r="BA516" s="9">
        <v>1</v>
      </c>
      <c r="BB516" s="9">
        <v>1</v>
      </c>
      <c r="BC516" s="9">
        <v>1</v>
      </c>
      <c r="BD516" s="9">
        <v>1</v>
      </c>
      <c r="BE516" s="9">
        <v>1</v>
      </c>
      <c r="BF516" s="9">
        <v>1</v>
      </c>
      <c r="BG516" s="11">
        <v>-2</v>
      </c>
      <c r="BH516" s="13">
        <v>-1</v>
      </c>
      <c r="BI516" s="6">
        <v>-1</v>
      </c>
      <c r="BJ516" s="13">
        <v>-0.5</v>
      </c>
      <c r="BK516" s="6">
        <v>0</v>
      </c>
      <c r="BL516" s="13">
        <v>0</v>
      </c>
      <c r="BM516" s="11">
        <v>-1</v>
      </c>
      <c r="BN516" s="13">
        <v>-1</v>
      </c>
      <c r="BO516" s="11">
        <v>-1</v>
      </c>
      <c r="BP516" s="13">
        <v>-1</v>
      </c>
      <c r="BQ516" s="6">
        <v>2</v>
      </c>
      <c r="BR516" s="6">
        <v>2</v>
      </c>
      <c r="BS516" s="6">
        <v>2</v>
      </c>
      <c r="BT516" s="6">
        <v>1</v>
      </c>
      <c r="BU516" s="6">
        <v>1</v>
      </c>
      <c r="BV516" s="6">
        <v>1</v>
      </c>
      <c r="BW516" s="6">
        <v>1</v>
      </c>
      <c r="BX516" s="6">
        <v>0</v>
      </c>
      <c r="BY516" s="6">
        <v>0</v>
      </c>
      <c r="BZ516" s="6">
        <v>0</v>
      </c>
      <c r="CA516" s="6">
        <v>0</v>
      </c>
      <c r="CB516" s="6">
        <v>0</v>
      </c>
      <c r="CC516" s="11">
        <v>0</v>
      </c>
      <c r="CD516" s="11">
        <v>-7.3179999999999996</v>
      </c>
      <c r="CE516" s="11">
        <v>3.15306</v>
      </c>
      <c r="CF516" s="11">
        <v>0.95184400000000002</v>
      </c>
      <c r="CG516" s="11">
        <v>4</v>
      </c>
      <c r="CH516" s="20">
        <v>6.6636799999999996E-2</v>
      </c>
      <c r="CI516" s="20">
        <v>4.7348800000000003E-2</v>
      </c>
      <c r="CJ516" s="20">
        <v>4.4791999999999998E-2</v>
      </c>
      <c r="CK516" s="20">
        <v>5.3233999999999997E-2</v>
      </c>
      <c r="CL516" s="20">
        <v>6.4233799999999994E-2</v>
      </c>
      <c r="CM516" s="20">
        <v>5.8132400000000001E-2</v>
      </c>
      <c r="CN516" s="20">
        <v>6.5961500000000006E-2</v>
      </c>
      <c r="CO516" s="20">
        <v>2.4617699999999999E-2</v>
      </c>
      <c r="CP516" s="20">
        <v>4.3122300000000002E-2</v>
      </c>
      <c r="CQ516" s="20">
        <v>7.5193999999999997E-2</v>
      </c>
      <c r="CR516" s="20">
        <v>3.4674099999999999E-2</v>
      </c>
      <c r="CS516" s="20">
        <v>5.6308700000000003E-2</v>
      </c>
      <c r="CT516" s="20">
        <v>5.5778599999999998E-2</v>
      </c>
      <c r="CU516" s="20">
        <v>4.51984E-2</v>
      </c>
      <c r="CV516" s="20">
        <v>4.0879100000000002E-2</v>
      </c>
      <c r="CW516" s="20">
        <v>4.2524600000000003E-2</v>
      </c>
      <c r="CX516" s="20">
        <v>4.38903E-2</v>
      </c>
      <c r="CY516" s="6" t="s">
        <v>473</v>
      </c>
      <c r="CZ516" s="6" t="s">
        <v>474</v>
      </c>
      <c r="DA516" s="6" t="s">
        <v>158</v>
      </c>
      <c r="DB516" s="6"/>
      <c r="DC516" s="6">
        <v>28140</v>
      </c>
      <c r="DD516" s="6">
        <v>312</v>
      </c>
      <c r="DE516" s="6" t="s">
        <v>402</v>
      </c>
      <c r="DF516" s="6" t="s">
        <v>375</v>
      </c>
      <c r="DG516" s="6" t="s">
        <v>376</v>
      </c>
      <c r="DH516" s="6" t="s">
        <v>328</v>
      </c>
      <c r="DI516" s="6" t="s">
        <v>377</v>
      </c>
      <c r="DJ516" s="6">
        <v>29</v>
      </c>
      <c r="DK516" s="6">
        <v>49</v>
      </c>
      <c r="DL516" s="6">
        <v>1</v>
      </c>
      <c r="DM516" s="6" t="s">
        <v>404</v>
      </c>
      <c r="DN516" s="6">
        <v>1</v>
      </c>
      <c r="DO516" s="6" t="s">
        <v>405</v>
      </c>
      <c r="DP516" s="6"/>
      <c r="DQ516" s="6"/>
    </row>
    <row r="517" spans="1:121" x14ac:dyDescent="0.2">
      <c r="A517" s="6" t="s">
        <v>321</v>
      </c>
      <c r="B517" s="6" t="s">
        <v>321</v>
      </c>
      <c r="C517" s="6" t="s">
        <v>190</v>
      </c>
      <c r="D517" s="6" t="s">
        <v>158</v>
      </c>
      <c r="E517" s="6" t="s">
        <v>297</v>
      </c>
      <c r="F517" s="11">
        <v>-49</v>
      </c>
      <c r="G517" s="13">
        <v>-4.6009389671400003E-2</v>
      </c>
      <c r="H517" s="11">
        <v>-162.49485748699988</v>
      </c>
      <c r="I517" s="13">
        <v>-0.15261593343582608</v>
      </c>
      <c r="J517" s="11">
        <v>28.929539706000014</v>
      </c>
      <c r="K517" s="13">
        <v>3.2064279532921701E-2</v>
      </c>
      <c r="L517" s="11">
        <v>84.822873570999946</v>
      </c>
      <c r="M517" s="13">
        <v>9.1093249860415323E-2</v>
      </c>
      <c r="N517" s="11">
        <v>113.75241327699996</v>
      </c>
      <c r="O517" s="13">
        <v>0.12607836882042364</v>
      </c>
      <c r="P517" s="7">
        <v>1064.7306203799999</v>
      </c>
      <c r="Q517" s="7">
        <v>1045.1709724699999</v>
      </c>
      <c r="R517" s="7">
        <v>1049.9033574499999</v>
      </c>
      <c r="S517" s="7">
        <v>981.64755103599998</v>
      </c>
      <c r="T517" s="7">
        <v>959.08540278800001</v>
      </c>
      <c r="U517" s="7">
        <v>945.57665553799995</v>
      </c>
      <c r="V517" s="7">
        <v>902.23576289300001</v>
      </c>
      <c r="W517" s="7">
        <v>870.42656891700005</v>
      </c>
      <c r="X517" s="7">
        <v>910.311590529</v>
      </c>
      <c r="Y517" s="7">
        <v>931.16530259900003</v>
      </c>
      <c r="Z517" s="7">
        <v>920.97276529800001</v>
      </c>
      <c r="AA517" s="7">
        <v>945.60292159100004</v>
      </c>
      <c r="AB517" s="7">
        <v>949.19268867899996</v>
      </c>
      <c r="AC517" s="7">
        <v>974.16662461199996</v>
      </c>
      <c r="AD517" s="7">
        <v>984.66253384699996</v>
      </c>
      <c r="AE517" s="7">
        <v>999.18850741799997</v>
      </c>
      <c r="AF517" s="7">
        <v>1015.98817617</v>
      </c>
      <c r="AG517" s="9">
        <v>24799.006419799996</v>
      </c>
      <c r="AH517" s="13">
        <v>1.0985419290063103</v>
      </c>
      <c r="AI517" s="9">
        <v>11301.179804400002</v>
      </c>
      <c r="AJ517" s="13">
        <v>0.50061763169916795</v>
      </c>
      <c r="AK517" s="9">
        <v>6108.6976081999965</v>
      </c>
      <c r="AL517" s="13">
        <v>0.18032707530112263</v>
      </c>
      <c r="AM517" s="9">
        <v>7389.1290071999974</v>
      </c>
      <c r="AN517" s="13">
        <v>0.18480052099320368</v>
      </c>
      <c r="AO517" s="9">
        <v>13497.826615399994</v>
      </c>
      <c r="AP517" s="13">
        <v>0.3984521337591545</v>
      </c>
      <c r="AQ517" s="9">
        <v>22574.474187100001</v>
      </c>
      <c r="AR517" s="9">
        <v>23542.379216400001</v>
      </c>
      <c r="AS517" s="9">
        <v>24584.894434599999</v>
      </c>
      <c r="AT517" s="9">
        <v>25889.3243955</v>
      </c>
      <c r="AU517" s="9">
        <v>28684.078410599999</v>
      </c>
      <c r="AV517" s="9">
        <v>31534.8421758</v>
      </c>
      <c r="AW517" s="9">
        <v>33875.653991500003</v>
      </c>
      <c r="AX517" s="9">
        <v>35864.977809600001</v>
      </c>
      <c r="AY517" s="9">
        <v>38607.248445899997</v>
      </c>
      <c r="AZ517" s="9">
        <v>39984.351599699999</v>
      </c>
      <c r="BA517" s="9">
        <v>41200.497007700003</v>
      </c>
      <c r="BB517" s="9">
        <v>41677.4079078</v>
      </c>
      <c r="BC517" s="9">
        <v>41833.3818369</v>
      </c>
      <c r="BD517" s="9">
        <v>42611.550706900001</v>
      </c>
      <c r="BE517" s="9">
        <v>43921.688087399998</v>
      </c>
      <c r="BF517" s="9">
        <v>47373.480606899997</v>
      </c>
      <c r="BG517" s="11">
        <v>32</v>
      </c>
      <c r="BH517" s="13">
        <v>0.78048780487804881</v>
      </c>
      <c r="BI517" s="6">
        <v>-2</v>
      </c>
      <c r="BJ517" s="13">
        <v>-4.878048780487805E-2</v>
      </c>
      <c r="BK517" s="6">
        <v>-2</v>
      </c>
      <c r="BL517" s="13">
        <v>-5.128205128205128E-2</v>
      </c>
      <c r="BM517" s="11">
        <v>36</v>
      </c>
      <c r="BN517" s="13">
        <v>0.97297297297297303</v>
      </c>
      <c r="BO517" s="11">
        <v>34</v>
      </c>
      <c r="BP517" s="13">
        <v>0.87179487179487181</v>
      </c>
      <c r="BQ517" s="6">
        <v>41</v>
      </c>
      <c r="BR517" s="6">
        <v>41</v>
      </c>
      <c r="BS517" s="6">
        <v>41</v>
      </c>
      <c r="BT517" s="6">
        <v>39</v>
      </c>
      <c r="BU517" s="6">
        <v>38</v>
      </c>
      <c r="BV517" s="6">
        <v>40</v>
      </c>
      <c r="BW517" s="6">
        <v>37</v>
      </c>
      <c r="BX517" s="6">
        <v>38</v>
      </c>
      <c r="BY517" s="6">
        <v>41</v>
      </c>
      <c r="BZ517" s="6">
        <v>72</v>
      </c>
      <c r="CA517" s="6">
        <v>72</v>
      </c>
      <c r="CB517" s="6">
        <v>74</v>
      </c>
      <c r="CC517" s="11">
        <v>73</v>
      </c>
      <c r="CD517" s="11">
        <v>-552.87</v>
      </c>
      <c r="CE517" s="11">
        <v>387.73899999999998</v>
      </c>
      <c r="CF517" s="11">
        <v>116.38800000000001</v>
      </c>
      <c r="CG517" s="11">
        <v>504</v>
      </c>
      <c r="CH517" s="20">
        <v>1.64984</v>
      </c>
      <c r="CI517" s="20">
        <v>1.8206599999999999</v>
      </c>
      <c r="CJ517" s="20">
        <v>1.8013300000000001</v>
      </c>
      <c r="CK517" s="20">
        <v>1.6643699999999999</v>
      </c>
      <c r="CL517" s="20">
        <v>1.55738</v>
      </c>
      <c r="CM517" s="20">
        <v>1.5082800000000001</v>
      </c>
      <c r="CN517" s="20">
        <v>1.57108</v>
      </c>
      <c r="CO517" s="20">
        <v>1.41717</v>
      </c>
      <c r="CP517" s="20">
        <v>1.40219</v>
      </c>
      <c r="CQ517" s="20">
        <v>1.6165099999999999</v>
      </c>
      <c r="CR517" s="20">
        <v>1.5386200000000001</v>
      </c>
      <c r="CS517" s="20">
        <v>1.5376000000000001</v>
      </c>
      <c r="CT517" s="20">
        <v>1.6491100000000001</v>
      </c>
      <c r="CU517" s="20">
        <v>1.6982999999999999</v>
      </c>
      <c r="CV517" s="20">
        <v>1.6737200000000001</v>
      </c>
      <c r="CW517" s="20">
        <v>1.6506400000000001</v>
      </c>
      <c r="CX517" s="20">
        <v>1.641</v>
      </c>
      <c r="CY517" s="6" t="s">
        <v>473</v>
      </c>
      <c r="CZ517" s="6" t="s">
        <v>474</v>
      </c>
      <c r="DA517" s="6" t="s">
        <v>158</v>
      </c>
      <c r="DB517" s="6"/>
      <c r="DC517" s="6">
        <v>28140</v>
      </c>
      <c r="DD517" s="6">
        <v>312</v>
      </c>
      <c r="DE517" s="6" t="s">
        <v>402</v>
      </c>
      <c r="DF517" s="6" t="s">
        <v>375</v>
      </c>
      <c r="DG517" s="6" t="s">
        <v>376</v>
      </c>
      <c r="DH517" s="6" t="s">
        <v>328</v>
      </c>
      <c r="DI517" s="6" t="s">
        <v>377</v>
      </c>
      <c r="DJ517" s="6">
        <v>29</v>
      </c>
      <c r="DK517" s="6">
        <v>49</v>
      </c>
      <c r="DL517" s="6">
        <v>1</v>
      </c>
      <c r="DM517" s="6" t="s">
        <v>404</v>
      </c>
      <c r="DN517" s="6">
        <v>1</v>
      </c>
      <c r="DO517" s="6" t="s">
        <v>405</v>
      </c>
      <c r="DP517" s="6"/>
      <c r="DQ517" s="6"/>
    </row>
    <row r="518" spans="1:121" x14ac:dyDescent="0.2">
      <c r="A518" s="6" t="s">
        <v>322</v>
      </c>
      <c r="B518" s="6" t="s">
        <v>322</v>
      </c>
      <c r="C518" s="6" t="s">
        <v>191</v>
      </c>
      <c r="D518" s="6" t="s">
        <v>158</v>
      </c>
      <c r="E518" s="6" t="s">
        <v>297</v>
      </c>
      <c r="F518" s="11">
        <v>7</v>
      </c>
      <c r="G518" s="13">
        <v>0.19</v>
      </c>
      <c r="H518" s="11">
        <v>3</v>
      </c>
      <c r="I518" s="13">
        <v>8.3333333333333329E-2</v>
      </c>
      <c r="J518" s="11">
        <v>-3</v>
      </c>
      <c r="K518" s="13">
        <v>-7.6923076923076927E-2</v>
      </c>
      <c r="L518" s="11">
        <v>7</v>
      </c>
      <c r="M518" s="13">
        <v>0.19444444444444445</v>
      </c>
      <c r="N518" s="11">
        <v>4</v>
      </c>
      <c r="O518" s="13">
        <v>0.10256410256410256</v>
      </c>
      <c r="P518" s="7">
        <v>36</v>
      </c>
      <c r="Q518" s="7">
        <v>39</v>
      </c>
      <c r="R518" s="7">
        <v>41</v>
      </c>
      <c r="S518" s="7">
        <v>39</v>
      </c>
      <c r="T518" s="7">
        <v>36</v>
      </c>
      <c r="U518" s="7">
        <v>40</v>
      </c>
      <c r="V518" s="7">
        <v>39</v>
      </c>
      <c r="W518" s="7">
        <v>38</v>
      </c>
      <c r="X518" s="7">
        <v>41</v>
      </c>
      <c r="Y518" s="7">
        <v>36</v>
      </c>
      <c r="Z518" s="7">
        <v>39</v>
      </c>
      <c r="AA518" s="7">
        <v>44</v>
      </c>
      <c r="AB518" s="7">
        <v>41</v>
      </c>
      <c r="AC518" s="7">
        <v>41</v>
      </c>
      <c r="AD518" s="7">
        <v>40</v>
      </c>
      <c r="AE518" s="7">
        <v>41</v>
      </c>
      <c r="AF518" s="7">
        <v>43</v>
      </c>
      <c r="AG518" s="9">
        <v>1959</v>
      </c>
      <c r="AH518" s="13">
        <v>0.12590783469374639</v>
      </c>
      <c r="AI518" s="9">
        <v>981</v>
      </c>
      <c r="AJ518" s="13">
        <v>6.3050324570987859E-2</v>
      </c>
      <c r="AK518" s="9">
        <v>2391</v>
      </c>
      <c r="AL518" s="13">
        <v>0.14455864570737606</v>
      </c>
      <c r="AM518" s="9">
        <v>-1413</v>
      </c>
      <c r="AN518" s="13">
        <v>-7.4639480217632448E-2</v>
      </c>
      <c r="AO518" s="9">
        <v>978</v>
      </c>
      <c r="AP518" s="13">
        <v>5.912938331318017E-2</v>
      </c>
      <c r="AQ518" s="9">
        <v>15559</v>
      </c>
      <c r="AR518" s="9">
        <v>15763</v>
      </c>
      <c r="AS518" s="9">
        <v>15877</v>
      </c>
      <c r="AT518" s="9">
        <v>17869</v>
      </c>
      <c r="AU518" s="9">
        <v>19121</v>
      </c>
      <c r="AV518" s="9">
        <v>18660</v>
      </c>
      <c r="AW518" s="9">
        <v>16540</v>
      </c>
      <c r="AX518" s="9">
        <v>19075</v>
      </c>
      <c r="AY518" s="9">
        <v>16924</v>
      </c>
      <c r="AZ518" s="9">
        <v>18931</v>
      </c>
      <c r="BA518" s="9">
        <v>16144</v>
      </c>
      <c r="BB518" s="9">
        <v>16847</v>
      </c>
      <c r="BC518" s="9">
        <v>21206</v>
      </c>
      <c r="BD518" s="9">
        <v>17593</v>
      </c>
      <c r="BE518" s="9">
        <v>16352</v>
      </c>
      <c r="BF518" s="9">
        <v>17518</v>
      </c>
      <c r="BG518" s="11">
        <v>-3</v>
      </c>
      <c r="BH518" s="13">
        <v>-0.42857142857142855</v>
      </c>
      <c r="BI518" s="6">
        <v>-2</v>
      </c>
      <c r="BJ518" s="13">
        <v>-0.2857142857142857</v>
      </c>
      <c r="BK518" s="6">
        <v>-1</v>
      </c>
      <c r="BL518" s="13">
        <v>-0.2</v>
      </c>
      <c r="BM518" s="11">
        <v>0</v>
      </c>
      <c r="BN518" s="13">
        <v>0</v>
      </c>
      <c r="BO518" s="11">
        <v>-1</v>
      </c>
      <c r="BP518" s="13">
        <v>-0.2</v>
      </c>
      <c r="BQ518" s="6">
        <v>7</v>
      </c>
      <c r="BR518" s="6">
        <v>6</v>
      </c>
      <c r="BS518" s="6">
        <v>5</v>
      </c>
      <c r="BT518" s="6">
        <v>5</v>
      </c>
      <c r="BU518" s="6">
        <v>5</v>
      </c>
      <c r="BV518" s="6">
        <v>4</v>
      </c>
      <c r="BW518" s="6">
        <v>4</v>
      </c>
      <c r="BX518" s="6">
        <v>4</v>
      </c>
      <c r="BY518" s="6">
        <v>4</v>
      </c>
      <c r="BZ518" s="6">
        <v>4</v>
      </c>
      <c r="CA518" s="6">
        <v>4</v>
      </c>
      <c r="CB518" s="6">
        <v>4</v>
      </c>
      <c r="CC518" s="11">
        <v>4</v>
      </c>
      <c r="CD518" s="11">
        <v>-4</v>
      </c>
      <c r="CE518" s="11">
        <v>7</v>
      </c>
      <c r="CF518" s="11">
        <v>4</v>
      </c>
      <c r="CG518" s="11">
        <v>11</v>
      </c>
      <c r="CH518" s="20">
        <v>0.36</v>
      </c>
      <c r="CI518" s="20">
        <v>0.45</v>
      </c>
      <c r="CJ518" s="20">
        <v>0.48</v>
      </c>
      <c r="CK518" s="20">
        <v>0.44</v>
      </c>
      <c r="CL518" s="20">
        <v>0.4</v>
      </c>
      <c r="CM518" s="20">
        <v>0.44</v>
      </c>
      <c r="CN518" s="20">
        <v>0.46</v>
      </c>
      <c r="CO518" s="20">
        <v>0.43</v>
      </c>
      <c r="CP518" s="20">
        <v>0.46</v>
      </c>
      <c r="CQ518" s="20">
        <v>0.46</v>
      </c>
      <c r="CR518" s="20">
        <v>0.48</v>
      </c>
      <c r="CS518" s="20">
        <v>0.54</v>
      </c>
      <c r="CT518" s="20">
        <v>0.54</v>
      </c>
      <c r="CU518" s="20">
        <v>0.53</v>
      </c>
      <c r="CV518" s="20">
        <v>0.5</v>
      </c>
      <c r="CW518" s="20">
        <v>0.5</v>
      </c>
      <c r="CX518" s="20">
        <v>0.51</v>
      </c>
      <c r="CY518" s="6" t="s">
        <v>473</v>
      </c>
      <c r="CZ518" s="6" t="s">
        <v>474</v>
      </c>
      <c r="DA518" s="6" t="s">
        <v>158</v>
      </c>
      <c r="DB518" s="6"/>
      <c r="DC518" s="6">
        <v>28140</v>
      </c>
      <c r="DD518" s="6">
        <v>312</v>
      </c>
      <c r="DE518" s="6" t="s">
        <v>402</v>
      </c>
      <c r="DF518" s="6" t="s">
        <v>375</v>
      </c>
      <c r="DG518" s="6" t="s">
        <v>376</v>
      </c>
      <c r="DH518" s="6" t="s">
        <v>328</v>
      </c>
      <c r="DI518" s="6" t="s">
        <v>377</v>
      </c>
      <c r="DJ518" s="6">
        <v>29</v>
      </c>
      <c r="DK518" s="6">
        <v>49</v>
      </c>
      <c r="DL518" s="6">
        <v>1</v>
      </c>
      <c r="DM518" s="6" t="s">
        <v>404</v>
      </c>
      <c r="DN518" s="6">
        <v>1</v>
      </c>
      <c r="DO518" s="6" t="s">
        <v>405</v>
      </c>
      <c r="DP518" s="6"/>
      <c r="DQ518" s="6"/>
    </row>
    <row r="519" spans="1:121" x14ac:dyDescent="0.2">
      <c r="A519" s="6" t="s">
        <v>323</v>
      </c>
      <c r="B519" s="6" t="s">
        <v>323</v>
      </c>
      <c r="C519" s="6" t="s">
        <v>192</v>
      </c>
      <c r="D519" s="6" t="s">
        <v>158</v>
      </c>
      <c r="E519" s="6" t="s">
        <v>297</v>
      </c>
      <c r="F519" s="11">
        <v>33</v>
      </c>
      <c r="G519" s="13">
        <v>0.14473684210500001</v>
      </c>
      <c r="H519" s="11">
        <v>147.970331547</v>
      </c>
      <c r="I519" s="13">
        <v>0.64842441700006237</v>
      </c>
      <c r="J519" s="11">
        <v>-19.106199795000009</v>
      </c>
      <c r="K519" s="13">
        <v>-5.0791377268867823E-2</v>
      </c>
      <c r="L519" s="11">
        <v>-95.776070386000015</v>
      </c>
      <c r="M519" s="13">
        <v>-0.26823226328219635</v>
      </c>
      <c r="N519" s="11">
        <v>-114.88227018100002</v>
      </c>
      <c r="O519" s="13">
        <v>-0.30539975447101586</v>
      </c>
      <c r="P519" s="7">
        <v>228.19981430000001</v>
      </c>
      <c r="Q519" s="7">
        <v>306.566238161</v>
      </c>
      <c r="R519" s="7">
        <v>279.22650511099999</v>
      </c>
      <c r="S519" s="7">
        <v>318.691839098</v>
      </c>
      <c r="T519" s="7">
        <v>334.70889725000001</v>
      </c>
      <c r="U519" s="7">
        <v>373.90906577999999</v>
      </c>
      <c r="V519" s="7">
        <v>376.17014584700001</v>
      </c>
      <c r="W519" s="7">
        <v>370.67101538999998</v>
      </c>
      <c r="X519" s="7">
        <v>323.89488232999997</v>
      </c>
      <c r="Y519" s="7">
        <v>357.06394605200001</v>
      </c>
      <c r="Z519" s="7">
        <v>337.51566511099998</v>
      </c>
      <c r="AA519" s="7">
        <v>327.78531975800001</v>
      </c>
      <c r="AB519" s="7">
        <v>223.00461759300001</v>
      </c>
      <c r="AC519" s="7">
        <v>222.10487592800001</v>
      </c>
      <c r="AD519" s="7">
        <v>244.61244088500001</v>
      </c>
      <c r="AE519" s="7">
        <v>273.54387290300002</v>
      </c>
      <c r="AF519" s="7">
        <v>261.28787566599999</v>
      </c>
      <c r="AG519" s="9">
        <v>2577.4911688699995</v>
      </c>
      <c r="AH519" s="13">
        <v>0.26471792011985434</v>
      </c>
      <c r="AI519" s="9">
        <v>1841.7964259699984</v>
      </c>
      <c r="AJ519" s="13">
        <v>0.18915933643361788</v>
      </c>
      <c r="AK519" s="9">
        <v>1148.1921834000004</v>
      </c>
      <c r="AL519" s="13">
        <v>9.9165519634113242E-2</v>
      </c>
      <c r="AM519" s="9">
        <v>-412.49744049999936</v>
      </c>
      <c r="AN519" s="13">
        <v>-3.2411883396087672E-2</v>
      </c>
      <c r="AO519" s="9">
        <v>735.69474290000107</v>
      </c>
      <c r="AP519" s="13">
        <v>6.353949497873225E-2</v>
      </c>
      <c r="AQ519" s="9">
        <v>9736.7460718300008</v>
      </c>
      <c r="AR519" s="9">
        <v>9940.3681696299991</v>
      </c>
      <c r="AS519" s="9">
        <v>10384.4552387</v>
      </c>
      <c r="AT519" s="9">
        <v>11170.7765826</v>
      </c>
      <c r="AU519" s="9">
        <v>10761.7516621</v>
      </c>
      <c r="AV519" s="9">
        <v>10616.7291635</v>
      </c>
      <c r="AW519" s="9">
        <v>11578.542497799999</v>
      </c>
      <c r="AX519" s="9">
        <v>11629.4473581</v>
      </c>
      <c r="AY519" s="9">
        <v>12103.969615600001</v>
      </c>
      <c r="AZ519" s="9">
        <v>12726.7346812</v>
      </c>
      <c r="BA519" s="9">
        <v>13224.0676176</v>
      </c>
      <c r="BB519" s="9">
        <v>14063.875527</v>
      </c>
      <c r="BC519" s="9">
        <v>11101.1664707</v>
      </c>
      <c r="BD519" s="9">
        <v>11793.0488119</v>
      </c>
      <c r="BE519" s="9">
        <v>12023.511752</v>
      </c>
      <c r="BF519" s="9">
        <v>12314.2372407</v>
      </c>
      <c r="BG519" s="11">
        <v>1.25</v>
      </c>
      <c r="BH519" s="13">
        <v>0.05</v>
      </c>
      <c r="BI519" s="6">
        <v>5</v>
      </c>
      <c r="BJ519" s="13">
        <v>0.2</v>
      </c>
      <c r="BK519" s="6">
        <v>-7</v>
      </c>
      <c r="BL519" s="13">
        <v>-0.23333333333333334</v>
      </c>
      <c r="BM519" s="11">
        <v>3.25</v>
      </c>
      <c r="BN519" s="13">
        <v>0.14130434782608695</v>
      </c>
      <c r="BO519" s="11">
        <v>-3.75</v>
      </c>
      <c r="BP519" s="13">
        <v>-0.125</v>
      </c>
      <c r="BQ519" s="6">
        <v>25</v>
      </c>
      <c r="BR519" s="6">
        <v>27</v>
      </c>
      <c r="BS519" s="6">
        <v>28</v>
      </c>
      <c r="BT519" s="6">
        <v>30</v>
      </c>
      <c r="BU519" s="6">
        <v>31</v>
      </c>
      <c r="BV519" s="6">
        <v>25</v>
      </c>
      <c r="BW519" s="6">
        <v>23</v>
      </c>
      <c r="BX519" s="6">
        <v>24</v>
      </c>
      <c r="BY519" s="6">
        <v>25</v>
      </c>
      <c r="BZ519" s="6">
        <v>21</v>
      </c>
      <c r="CA519" s="6">
        <v>22</v>
      </c>
      <c r="CB519" s="6">
        <v>26</v>
      </c>
      <c r="CC519" s="11">
        <v>26.25</v>
      </c>
      <c r="CD519" s="11">
        <v>-43.750799999999998</v>
      </c>
      <c r="CE519" s="11">
        <v>51.893900000000002</v>
      </c>
      <c r="CF519" s="11">
        <v>24.945</v>
      </c>
      <c r="CG519" s="11">
        <v>77</v>
      </c>
      <c r="CH519" s="20">
        <v>0.47647699999999998</v>
      </c>
      <c r="CI519" s="20">
        <v>0.73789899999999997</v>
      </c>
      <c r="CJ519" s="20">
        <v>0.67006200000000005</v>
      </c>
      <c r="CK519" s="20">
        <v>0.75180599999999997</v>
      </c>
      <c r="CL519" s="20">
        <v>0.75564600000000004</v>
      </c>
      <c r="CM519" s="20">
        <v>0.83249099999999998</v>
      </c>
      <c r="CN519" s="20">
        <v>0.91943299999999994</v>
      </c>
      <c r="CO519" s="20">
        <v>0.86649699999999996</v>
      </c>
      <c r="CP519" s="20">
        <v>0.75183299999999997</v>
      </c>
      <c r="CQ519" s="20">
        <v>0.94633599999999996</v>
      </c>
      <c r="CR519" s="20">
        <v>0.85141999999999995</v>
      </c>
      <c r="CS519" s="20">
        <v>0.80979299999999999</v>
      </c>
      <c r="CT519" s="20">
        <v>0.58237300000000003</v>
      </c>
      <c r="CU519" s="20">
        <v>0.57588200000000001</v>
      </c>
      <c r="CV519" s="20">
        <v>0.61247200000000002</v>
      </c>
      <c r="CW519" s="20">
        <v>0.66408400000000001</v>
      </c>
      <c r="CX519" s="20">
        <v>0.62685500000000005</v>
      </c>
      <c r="CY519" s="6" t="s">
        <v>473</v>
      </c>
      <c r="CZ519" s="6" t="s">
        <v>474</v>
      </c>
      <c r="DA519" s="6" t="s">
        <v>158</v>
      </c>
      <c r="DB519" s="6"/>
      <c r="DC519" s="6">
        <v>28140</v>
      </c>
      <c r="DD519" s="6">
        <v>312</v>
      </c>
      <c r="DE519" s="6" t="s">
        <v>402</v>
      </c>
      <c r="DF519" s="6" t="s">
        <v>375</v>
      </c>
      <c r="DG519" s="6" t="s">
        <v>376</v>
      </c>
      <c r="DH519" s="6" t="s">
        <v>328</v>
      </c>
      <c r="DI519" s="6" t="s">
        <v>377</v>
      </c>
      <c r="DJ519" s="6">
        <v>29</v>
      </c>
      <c r="DK519" s="6">
        <v>49</v>
      </c>
      <c r="DL519" s="6">
        <v>1</v>
      </c>
      <c r="DM519" s="6" t="s">
        <v>404</v>
      </c>
      <c r="DN519" s="6">
        <v>1</v>
      </c>
      <c r="DO519" s="6" t="s">
        <v>405</v>
      </c>
      <c r="DP519" s="6"/>
      <c r="DQ519" s="6"/>
    </row>
    <row r="520" spans="1:121" x14ac:dyDescent="0.2">
      <c r="A520" s="6" t="s">
        <v>325</v>
      </c>
      <c r="B520" s="6" t="s">
        <v>325</v>
      </c>
      <c r="C520" s="6" t="s">
        <v>193</v>
      </c>
      <c r="D520" s="6" t="s">
        <v>158</v>
      </c>
      <c r="E520" s="6" t="s">
        <v>297</v>
      </c>
      <c r="F520" s="11">
        <v>26</v>
      </c>
      <c r="G520" s="13">
        <v>8.3601286173600006E-2</v>
      </c>
      <c r="H520" s="11">
        <v>-16.384455462999995</v>
      </c>
      <c r="I520" s="13">
        <v>-5.2761732149744285E-2</v>
      </c>
      <c r="J520" s="11">
        <v>43.965217585999994</v>
      </c>
      <c r="K520" s="13">
        <v>0.14946414583220424</v>
      </c>
      <c r="L520" s="11">
        <v>-0.94652331300000014</v>
      </c>
      <c r="M520" s="13">
        <v>-2.799391783590201E-3</v>
      </c>
      <c r="N520" s="11">
        <v>43.018694272999994</v>
      </c>
      <c r="O520" s="13">
        <v>0.14624634534683004</v>
      </c>
      <c r="P520" s="7">
        <v>310.53672416400002</v>
      </c>
      <c r="Q520" s="7">
        <v>303.67731102800002</v>
      </c>
      <c r="R520" s="7">
        <v>313.99475495199999</v>
      </c>
      <c r="S520" s="7">
        <v>286.67489564800002</v>
      </c>
      <c r="T520" s="7">
        <v>281.13728124199997</v>
      </c>
      <c r="U520" s="7">
        <v>285.07707921600002</v>
      </c>
      <c r="V520" s="7">
        <v>294.15226870100003</v>
      </c>
      <c r="W520" s="7">
        <v>304.07877143899998</v>
      </c>
      <c r="X520" s="7">
        <v>299.67867695899997</v>
      </c>
      <c r="Y520" s="7">
        <v>338.11748628700002</v>
      </c>
      <c r="Z520" s="7">
        <v>330.30018987699998</v>
      </c>
      <c r="AA520" s="7">
        <v>319.11320337900003</v>
      </c>
      <c r="AB520" s="7">
        <v>301.83189986899998</v>
      </c>
      <c r="AC520" s="7">
        <v>269.55584324300003</v>
      </c>
      <c r="AD520" s="7">
        <v>319.13120469199998</v>
      </c>
      <c r="AE520" s="7">
        <v>329.79396213400003</v>
      </c>
      <c r="AF520" s="7">
        <v>337.17096297400002</v>
      </c>
      <c r="AG520" s="9">
        <v>4677.9373278999992</v>
      </c>
      <c r="AH520" s="13">
        <v>0.29004400284383142</v>
      </c>
      <c r="AI520" s="9">
        <v>8.7248431999996683</v>
      </c>
      <c r="AJ520" s="13">
        <v>5.4096245172414667E-4</v>
      </c>
      <c r="AK520" s="9">
        <v>65.275709699999425</v>
      </c>
      <c r="AL520" s="13">
        <v>4.0450716612626184E-3</v>
      </c>
      <c r="AM520" s="9">
        <v>4603.9367750000001</v>
      </c>
      <c r="AN520" s="13">
        <v>0.28415202781559767</v>
      </c>
      <c r="AO520" s="9">
        <v>4669.2124846999995</v>
      </c>
      <c r="AP520" s="13">
        <v>0.28934651479206747</v>
      </c>
      <c r="AQ520" s="9">
        <v>16128.371150700001</v>
      </c>
      <c r="AR520" s="9">
        <v>16139.0516751</v>
      </c>
      <c r="AS520" s="9">
        <v>16678.265727000002</v>
      </c>
      <c r="AT520" s="9">
        <v>16623.776064000001</v>
      </c>
      <c r="AU520" s="9">
        <v>16369.6105235</v>
      </c>
      <c r="AV520" s="9">
        <v>17318.503496099998</v>
      </c>
      <c r="AW520" s="9">
        <v>16137.0959939</v>
      </c>
      <c r="AX520" s="9">
        <v>16069.597081100001</v>
      </c>
      <c r="AY520" s="9">
        <v>15666.838924</v>
      </c>
      <c r="AZ520" s="9">
        <v>16202.3717036</v>
      </c>
      <c r="BA520" s="9">
        <v>15881.819103</v>
      </c>
      <c r="BB520" s="9">
        <v>16112.7156861</v>
      </c>
      <c r="BC520" s="9">
        <v>17649.775534799999</v>
      </c>
      <c r="BD520" s="9">
        <v>19068.822603600001</v>
      </c>
      <c r="BE520" s="9">
        <v>20747.526323900001</v>
      </c>
      <c r="BF520" s="9">
        <v>20806.3084786</v>
      </c>
      <c r="BG520" s="11">
        <v>-12.75</v>
      </c>
      <c r="BH520" s="13">
        <v>-0.265625</v>
      </c>
      <c r="BI520" s="6">
        <v>-5</v>
      </c>
      <c r="BJ520" s="13">
        <v>-0.10416666666666667</v>
      </c>
      <c r="BK520" s="6">
        <v>10</v>
      </c>
      <c r="BL520" s="13">
        <v>0.23255813953488372</v>
      </c>
      <c r="BM520" s="11">
        <v>-17.75</v>
      </c>
      <c r="BN520" s="13">
        <v>-0.33490566037735847</v>
      </c>
      <c r="BO520" s="11">
        <v>-7.75</v>
      </c>
      <c r="BP520" s="13">
        <v>-0.18023255813953487</v>
      </c>
      <c r="BQ520" s="6">
        <v>48</v>
      </c>
      <c r="BR520" s="6">
        <v>43</v>
      </c>
      <c r="BS520" s="6">
        <v>44</v>
      </c>
      <c r="BT520" s="6">
        <v>43</v>
      </c>
      <c r="BU520" s="6">
        <v>44</v>
      </c>
      <c r="BV520" s="6">
        <v>45</v>
      </c>
      <c r="BW520" s="6">
        <v>53</v>
      </c>
      <c r="BX520" s="6">
        <v>58</v>
      </c>
      <c r="BY520" s="6">
        <v>57</v>
      </c>
      <c r="BZ520" s="6">
        <v>35</v>
      </c>
      <c r="CA520" s="6">
        <v>38</v>
      </c>
      <c r="CB520" s="6">
        <v>36</v>
      </c>
      <c r="CC520" s="11">
        <v>35.25</v>
      </c>
      <c r="CD520" s="11">
        <v>-4.4514199999999997</v>
      </c>
      <c r="CE520" s="11">
        <v>-2.85975</v>
      </c>
      <c r="CF520" s="11">
        <v>33.945399999999999</v>
      </c>
      <c r="CG520" s="11">
        <v>31</v>
      </c>
      <c r="CH520" s="20">
        <v>0.95456700000000005</v>
      </c>
      <c r="CI520" s="20">
        <v>1.0716399999999999</v>
      </c>
      <c r="CJ520" s="20">
        <v>1.11104</v>
      </c>
      <c r="CK520" s="20">
        <v>1.0152300000000001</v>
      </c>
      <c r="CL520" s="20">
        <v>0.96861699999999995</v>
      </c>
      <c r="CM520" s="20">
        <v>0.97769200000000001</v>
      </c>
      <c r="CN520" s="20">
        <v>1.1129599999999999</v>
      </c>
      <c r="CO520" s="20">
        <v>1.09931</v>
      </c>
      <c r="CP520" s="20">
        <v>1.0538700000000001</v>
      </c>
      <c r="CQ520" s="20">
        <v>1.36768</v>
      </c>
      <c r="CR520" s="20">
        <v>1.2902400000000001</v>
      </c>
      <c r="CS520" s="20">
        <v>1.2302299999999999</v>
      </c>
      <c r="CT520" s="20">
        <v>1.34175</v>
      </c>
      <c r="CU520" s="20">
        <v>1.20238</v>
      </c>
      <c r="CV520" s="20">
        <v>1.4018600000000001</v>
      </c>
      <c r="CW520" s="20">
        <v>1.41957</v>
      </c>
      <c r="CX520" s="20">
        <v>1.4470099999999999</v>
      </c>
      <c r="CY520" s="6" t="s">
        <v>473</v>
      </c>
      <c r="CZ520" s="6" t="s">
        <v>474</v>
      </c>
      <c r="DA520" s="6" t="s">
        <v>158</v>
      </c>
      <c r="DB520" s="6"/>
      <c r="DC520" s="6">
        <v>28140</v>
      </c>
      <c r="DD520" s="6">
        <v>312</v>
      </c>
      <c r="DE520" s="6" t="s">
        <v>402</v>
      </c>
      <c r="DF520" s="6" t="s">
        <v>375</v>
      </c>
      <c r="DG520" s="6" t="s">
        <v>376</v>
      </c>
      <c r="DH520" s="6" t="s">
        <v>328</v>
      </c>
      <c r="DI520" s="6" t="s">
        <v>377</v>
      </c>
      <c r="DJ520" s="6">
        <v>29</v>
      </c>
      <c r="DK520" s="6">
        <v>49</v>
      </c>
      <c r="DL520" s="6">
        <v>1</v>
      </c>
      <c r="DM520" s="6" t="s">
        <v>404</v>
      </c>
      <c r="DN520" s="6">
        <v>1</v>
      </c>
      <c r="DO520" s="6" t="s">
        <v>405</v>
      </c>
      <c r="DP520" s="6"/>
      <c r="DQ520" s="6"/>
    </row>
    <row r="521" spans="1:121" x14ac:dyDescent="0.2">
      <c r="A521" s="6" t="s">
        <v>327</v>
      </c>
      <c r="B521" s="6" t="s">
        <v>327</v>
      </c>
      <c r="C521" s="6" t="s">
        <v>194</v>
      </c>
      <c r="D521" s="6" t="s">
        <v>158</v>
      </c>
      <c r="E521" s="6" t="s">
        <v>297</v>
      </c>
      <c r="F521" s="11">
        <v>-1089</v>
      </c>
      <c r="G521" s="13">
        <v>-0.49076160432600002</v>
      </c>
      <c r="H521" s="11">
        <v>-963.06840099999977</v>
      </c>
      <c r="I521" s="13">
        <v>-0.43409799376934127</v>
      </c>
      <c r="J521" s="11">
        <v>-22.678599000000077</v>
      </c>
      <c r="K521" s="13">
        <v>-1.8063655144387313E-2</v>
      </c>
      <c r="L521" s="11">
        <v>-102.62387250999996</v>
      </c>
      <c r="M521" s="13">
        <v>-8.3244294158030724E-2</v>
      </c>
      <c r="N521" s="11">
        <v>-125.30247151000003</v>
      </c>
      <c r="O521" s="13">
        <v>-9.9804253080009439E-2</v>
      </c>
      <c r="P521" s="7">
        <v>2218.5506839999998</v>
      </c>
      <c r="Q521" s="7">
        <v>1195.818966</v>
      </c>
      <c r="R521" s="7">
        <v>1266.8363589999999</v>
      </c>
      <c r="S521" s="7">
        <v>1321.1966990000001</v>
      </c>
      <c r="T521" s="7">
        <v>1347.8736269999999</v>
      </c>
      <c r="U521" s="7">
        <v>1411.1079769999999</v>
      </c>
      <c r="V521" s="7">
        <v>1255.4822830000001</v>
      </c>
      <c r="W521" s="7">
        <v>1553.456602</v>
      </c>
      <c r="X521" s="7">
        <v>1557.44741</v>
      </c>
      <c r="Y521" s="7">
        <v>1232.803684</v>
      </c>
      <c r="Z521" s="7">
        <v>1489.9959570000001</v>
      </c>
      <c r="AA521" s="7">
        <v>1473.2922550000001</v>
      </c>
      <c r="AB521" s="7">
        <v>1178.915452</v>
      </c>
      <c r="AC521" s="7">
        <v>1169.2617190000001</v>
      </c>
      <c r="AD521" s="7">
        <v>1159.2119009999999</v>
      </c>
      <c r="AE521" s="7">
        <v>1148.217099</v>
      </c>
      <c r="AF521" s="7">
        <v>1130.17981149</v>
      </c>
      <c r="AG521" s="9">
        <v>12868.694120499997</v>
      </c>
      <c r="AH521" s="13">
        <v>0.38239503326537616</v>
      </c>
      <c r="AI521" s="9">
        <v>9896.9834597000008</v>
      </c>
      <c r="AJ521" s="13">
        <v>0.29409023820606711</v>
      </c>
      <c r="AK521" s="9">
        <v>3421.5684159999946</v>
      </c>
      <c r="AL521" s="13">
        <v>7.8566685489970686E-2</v>
      </c>
      <c r="AM521" s="9">
        <v>-449.85775519999879</v>
      </c>
      <c r="AN521" s="13">
        <v>-9.5772629958772223E-3</v>
      </c>
      <c r="AO521" s="9">
        <v>2971.7106607999958</v>
      </c>
      <c r="AP521" s="13">
        <v>6.8236968684441651E-2</v>
      </c>
      <c r="AQ521" s="9">
        <v>33652.879878200001</v>
      </c>
      <c r="AR521" s="9">
        <v>34902.767906699999</v>
      </c>
      <c r="AS521" s="9">
        <v>34964.120992199998</v>
      </c>
      <c r="AT521" s="9">
        <v>37642.927994700003</v>
      </c>
      <c r="AU521" s="9">
        <v>39189.295940399999</v>
      </c>
      <c r="AV521" s="9">
        <v>39930.642728600003</v>
      </c>
      <c r="AW521" s="9">
        <v>43549.863337900002</v>
      </c>
      <c r="AX521" s="9">
        <v>43036.330104200002</v>
      </c>
      <c r="AY521" s="9">
        <v>44401.001391099999</v>
      </c>
      <c r="AZ521" s="9">
        <v>46971.431753899997</v>
      </c>
      <c r="BA521" s="9">
        <v>44012.119881699997</v>
      </c>
      <c r="BB521" s="9">
        <v>43526.459813200003</v>
      </c>
      <c r="BC521" s="9">
        <v>44958.882337299998</v>
      </c>
      <c r="BD521" s="9">
        <v>44694.522479599997</v>
      </c>
      <c r="BE521" s="9">
        <v>45884.584285700003</v>
      </c>
      <c r="BF521" s="9">
        <v>46521.573998699998</v>
      </c>
      <c r="BG521" s="11">
        <v>-3.25</v>
      </c>
      <c r="BH521" s="13">
        <v>-4.924242424242424E-2</v>
      </c>
      <c r="BI521" s="6">
        <v>1</v>
      </c>
      <c r="BJ521" s="13">
        <v>1.5151515151515152E-2</v>
      </c>
      <c r="BK521" s="6">
        <v>-2</v>
      </c>
      <c r="BL521" s="13">
        <v>-2.9850746268656716E-2</v>
      </c>
      <c r="BM521" s="11">
        <v>-2.25</v>
      </c>
      <c r="BN521" s="13">
        <v>-3.4615384615384617E-2</v>
      </c>
      <c r="BO521" s="11">
        <v>-4.25</v>
      </c>
      <c r="BP521" s="13">
        <v>-6.3432835820895525E-2</v>
      </c>
      <c r="BQ521" s="6">
        <v>66</v>
      </c>
      <c r="BR521" s="6">
        <v>63</v>
      </c>
      <c r="BS521" s="6">
        <v>64</v>
      </c>
      <c r="BT521" s="6">
        <v>67</v>
      </c>
      <c r="BU521" s="6">
        <v>69</v>
      </c>
      <c r="BV521" s="6">
        <v>71</v>
      </c>
      <c r="BW521" s="6">
        <v>65</v>
      </c>
      <c r="BX521" s="6">
        <v>67</v>
      </c>
      <c r="BY521" s="6">
        <v>66</v>
      </c>
      <c r="BZ521" s="6">
        <v>64</v>
      </c>
      <c r="CA521" s="6">
        <v>63</v>
      </c>
      <c r="CB521" s="6">
        <v>62</v>
      </c>
      <c r="CC521" s="11">
        <v>62.75</v>
      </c>
      <c r="CD521" s="11">
        <v>-1200.82</v>
      </c>
      <c r="CE521" s="11">
        <v>-130.06200000000001</v>
      </c>
      <c r="CF521" s="11">
        <v>242.51400000000001</v>
      </c>
      <c r="CG521" s="11">
        <v>113</v>
      </c>
      <c r="CH521" s="20">
        <v>2.0529999999999999</v>
      </c>
      <c r="CI521" s="20">
        <v>1.26786</v>
      </c>
      <c r="CJ521" s="20">
        <v>1.3567199999999999</v>
      </c>
      <c r="CK521" s="20">
        <v>1.4263999999999999</v>
      </c>
      <c r="CL521" s="20">
        <v>1.41899</v>
      </c>
      <c r="CM521" s="20">
        <v>1.4885200000000001</v>
      </c>
      <c r="CN521" s="20">
        <v>1.4715499999999999</v>
      </c>
      <c r="CO521" s="20">
        <v>1.7223599999999999</v>
      </c>
      <c r="CP521" s="20">
        <v>1.66092</v>
      </c>
      <c r="CQ521" s="20">
        <v>1.5035700000000001</v>
      </c>
      <c r="CR521" s="20">
        <v>1.7961199999999999</v>
      </c>
      <c r="CS521" s="20">
        <v>1.81219</v>
      </c>
      <c r="CT521" s="20">
        <v>1.58822</v>
      </c>
      <c r="CU521" s="20">
        <v>1.6105</v>
      </c>
      <c r="CV521" s="20">
        <v>1.58588</v>
      </c>
      <c r="CW521" s="20">
        <v>1.5470299999999999</v>
      </c>
      <c r="CX521" s="20">
        <v>1.5288200000000001</v>
      </c>
      <c r="CY521" s="6" t="s">
        <v>473</v>
      </c>
      <c r="CZ521" s="6" t="s">
        <v>474</v>
      </c>
      <c r="DA521" s="6" t="s">
        <v>158</v>
      </c>
      <c r="DB521" s="6"/>
      <c r="DC521" s="6">
        <v>28140</v>
      </c>
      <c r="DD521" s="6">
        <v>312</v>
      </c>
      <c r="DE521" s="6" t="s">
        <v>402</v>
      </c>
      <c r="DF521" s="6" t="s">
        <v>375</v>
      </c>
      <c r="DG521" s="6" t="s">
        <v>376</v>
      </c>
      <c r="DH521" s="6" t="s">
        <v>328</v>
      </c>
      <c r="DI521" s="6" t="s">
        <v>377</v>
      </c>
      <c r="DJ521" s="6">
        <v>29</v>
      </c>
      <c r="DK521" s="6">
        <v>49</v>
      </c>
      <c r="DL521" s="6">
        <v>1</v>
      </c>
      <c r="DM521" s="6" t="s">
        <v>404</v>
      </c>
      <c r="DN521" s="6">
        <v>1</v>
      </c>
      <c r="DO521" s="6" t="s">
        <v>405</v>
      </c>
      <c r="DP521" s="6"/>
      <c r="DQ521" s="6"/>
    </row>
    <row r="522" spans="1:121" x14ac:dyDescent="0.2">
      <c r="A522" s="6" t="s">
        <v>1</v>
      </c>
      <c r="B522" s="6" t="s">
        <v>1</v>
      </c>
      <c r="C522" s="6" t="s">
        <v>2</v>
      </c>
      <c r="D522" s="6" t="s">
        <v>144</v>
      </c>
      <c r="E522" s="6" t="s">
        <v>285</v>
      </c>
      <c r="F522" s="11">
        <v>-67</v>
      </c>
      <c r="G522" s="13">
        <v>-0.37222222222200002</v>
      </c>
      <c r="H522" s="11">
        <v>222.66196015899999</v>
      </c>
      <c r="I522" s="13">
        <v>1.2400404735262058</v>
      </c>
      <c r="J522" s="11">
        <v>-270.21400228300001</v>
      </c>
      <c r="K522" s="13">
        <v>-0.67180281152652399</v>
      </c>
      <c r="L522" s="11">
        <v>-19.237848116000009</v>
      </c>
      <c r="M522" s="13">
        <v>-0.14573222723058196</v>
      </c>
      <c r="N522" s="11">
        <v>-289.45185039900002</v>
      </c>
      <c r="O522" s="13">
        <v>-0.71963171877357868</v>
      </c>
      <c r="P522" s="7">
        <v>179.56023606700001</v>
      </c>
      <c r="Q522" s="7">
        <v>112.328323465</v>
      </c>
      <c r="R522" s="7">
        <v>57.489387080100002</v>
      </c>
      <c r="S522" s="7">
        <v>33.387186914099999</v>
      </c>
      <c r="T522" s="7">
        <v>39.551469858399997</v>
      </c>
      <c r="U522" s="7">
        <v>31.536592332600001</v>
      </c>
      <c r="V522" s="7">
        <v>402.22219622599999</v>
      </c>
      <c r="W522" s="7">
        <v>119.632288578</v>
      </c>
      <c r="X522" s="7">
        <v>51.475160435399999</v>
      </c>
      <c r="Y522" s="7">
        <v>132.00819394300001</v>
      </c>
      <c r="Z522" s="7">
        <v>114.051780147</v>
      </c>
      <c r="AA522" s="7">
        <v>109.474668038</v>
      </c>
      <c r="AB522" s="7">
        <v>103.502239938</v>
      </c>
      <c r="AC522" s="7">
        <v>109.42192677200001</v>
      </c>
      <c r="AD522" s="7">
        <v>116.62906212199999</v>
      </c>
      <c r="AE522" s="7">
        <v>115.281955614</v>
      </c>
      <c r="AF522" s="7">
        <v>112.770345827</v>
      </c>
      <c r="AG522" s="9">
        <v>22138.186593799997</v>
      </c>
      <c r="AH522" s="13">
        <v>0.98742217089385276</v>
      </c>
      <c r="AI522" s="9">
        <v>3754.7942784000006</v>
      </c>
      <c r="AJ522" s="13">
        <v>0.16747383991586215</v>
      </c>
      <c r="AK522" s="9">
        <v>3732.0442847999984</v>
      </c>
      <c r="AL522" s="13">
        <v>0.14258060765851988</v>
      </c>
      <c r="AM522" s="9">
        <v>14651.348030599998</v>
      </c>
      <c r="AN522" s="13">
        <v>0.4898965813352843</v>
      </c>
      <c r="AO522" s="9">
        <v>18383.392315399997</v>
      </c>
      <c r="AP522" s="13">
        <v>0.70232694125042061</v>
      </c>
      <c r="AQ522" s="9">
        <v>22420.1838346</v>
      </c>
      <c r="AR522" s="9">
        <v>22683.835030499999</v>
      </c>
      <c r="AS522" s="9">
        <v>19144.667035800001</v>
      </c>
      <c r="AT522" s="9">
        <v>18023.2787766</v>
      </c>
      <c r="AU522" s="9">
        <v>22422.496969</v>
      </c>
      <c r="AV522" s="9">
        <v>16516.387007000001</v>
      </c>
      <c r="AW522" s="9">
        <v>26174.978113000001</v>
      </c>
      <c r="AX522" s="9">
        <v>23851.461812699999</v>
      </c>
      <c r="AY522" s="9">
        <v>21071.922762800001</v>
      </c>
      <c r="AZ522" s="9">
        <v>29907.022397799999</v>
      </c>
      <c r="BA522" s="9">
        <v>37219.345527400001</v>
      </c>
      <c r="BB522" s="9">
        <v>37567.839143999998</v>
      </c>
      <c r="BC522" s="9">
        <v>42959.444323099997</v>
      </c>
      <c r="BD522" s="9">
        <v>47041.531907899996</v>
      </c>
      <c r="BE522" s="9">
        <v>44168.391734099998</v>
      </c>
      <c r="BF522" s="9">
        <v>44558.370428399998</v>
      </c>
      <c r="BG522" s="11">
        <v>0</v>
      </c>
      <c r="BH522" s="13">
        <v>0</v>
      </c>
      <c r="BI522" s="6">
        <v>-2</v>
      </c>
      <c r="BJ522" s="13">
        <v>-0.5</v>
      </c>
      <c r="BK522" s="6">
        <v>2</v>
      </c>
      <c r="BL522" s="13">
        <v>1</v>
      </c>
      <c r="BM522" s="11">
        <v>0</v>
      </c>
      <c r="BN522" s="13">
        <v>0</v>
      </c>
      <c r="BO522" s="11">
        <v>2</v>
      </c>
      <c r="BP522" s="13">
        <v>1</v>
      </c>
      <c r="BQ522" s="6">
        <v>4</v>
      </c>
      <c r="BR522" s="6">
        <v>3</v>
      </c>
      <c r="BS522" s="6">
        <v>2</v>
      </c>
      <c r="BT522" s="6">
        <v>2</v>
      </c>
      <c r="BU522" s="6">
        <v>2</v>
      </c>
      <c r="BV522" s="6">
        <v>3</v>
      </c>
      <c r="BW522" s="6">
        <v>4</v>
      </c>
      <c r="BX522" s="6">
        <v>5</v>
      </c>
      <c r="BY522" s="6">
        <v>5</v>
      </c>
      <c r="BZ522" s="6">
        <v>4</v>
      </c>
      <c r="CA522" s="6">
        <v>4</v>
      </c>
      <c r="CB522" s="6">
        <v>4</v>
      </c>
      <c r="CC522" s="11">
        <v>4</v>
      </c>
      <c r="CD522" s="11">
        <v>-70.046800000000005</v>
      </c>
      <c r="CE522" s="11">
        <v>-16.371200000000002</v>
      </c>
      <c r="CF522" s="11">
        <v>19.6281</v>
      </c>
      <c r="CG522" s="11">
        <v>4</v>
      </c>
      <c r="CH522" s="20">
        <v>0.23633199999999999</v>
      </c>
      <c r="CI522" s="20">
        <v>0.15096499999999999</v>
      </c>
      <c r="CJ522" s="20">
        <v>7.4747900000000006E-2</v>
      </c>
      <c r="CK522" s="20">
        <v>4.3649300000000002E-2</v>
      </c>
      <c r="CL522" s="20">
        <v>5.2898599999999997E-2</v>
      </c>
      <c r="CM522" s="20">
        <v>4.2914899999999999E-2</v>
      </c>
      <c r="CN522" s="20">
        <v>0.55360299999999996</v>
      </c>
      <c r="CO522" s="20">
        <v>0.167408</v>
      </c>
      <c r="CP522" s="20">
        <v>7.0922299999999994E-2</v>
      </c>
      <c r="CQ522" s="20">
        <v>0.18341099999999999</v>
      </c>
      <c r="CR522" s="20">
        <v>0.16131999999999999</v>
      </c>
      <c r="CS522" s="20">
        <v>0.155972</v>
      </c>
      <c r="CT522" s="20">
        <v>0.149314</v>
      </c>
      <c r="CU522" s="20">
        <v>0.158475</v>
      </c>
      <c r="CV522" s="20">
        <v>0.16905200000000001</v>
      </c>
      <c r="CW522" s="20">
        <v>0.16645299999999999</v>
      </c>
      <c r="CX522" s="20">
        <v>0.16387399999999999</v>
      </c>
      <c r="CY522" s="6" t="s">
        <v>476</v>
      </c>
      <c r="CZ522" s="6" t="s">
        <v>477</v>
      </c>
      <c r="DA522" s="6" t="s">
        <v>144</v>
      </c>
      <c r="DB522" s="6"/>
      <c r="DC522" s="6">
        <v>27620</v>
      </c>
      <c r="DD522" s="6"/>
      <c r="DE522" s="6" t="s">
        <v>436</v>
      </c>
      <c r="DF522" s="6" t="s">
        <v>375</v>
      </c>
      <c r="DG522" s="6" t="s">
        <v>364</v>
      </c>
      <c r="DH522" s="6" t="s">
        <v>419</v>
      </c>
      <c r="DI522" s="6"/>
      <c r="DJ522" s="6">
        <v>29</v>
      </c>
      <c r="DK522" s="6">
        <v>51</v>
      </c>
      <c r="DL522" s="6">
        <v>2</v>
      </c>
      <c r="DM522" s="6" t="s">
        <v>379</v>
      </c>
      <c r="DN522" s="6">
        <v>3</v>
      </c>
      <c r="DO522" s="6" t="s">
        <v>380</v>
      </c>
      <c r="DP522" s="6"/>
      <c r="DQ522" s="6"/>
    </row>
    <row r="523" spans="1:121" x14ac:dyDescent="0.2">
      <c r="A523" s="6" t="s">
        <v>310</v>
      </c>
      <c r="B523" s="6" t="s">
        <v>310</v>
      </c>
      <c r="C523" s="6" t="s">
        <v>173</v>
      </c>
      <c r="D523" s="6" t="s">
        <v>144</v>
      </c>
      <c r="E523" s="6" t="s">
        <v>285</v>
      </c>
      <c r="F523" s="11">
        <v>1</v>
      </c>
      <c r="G523" s="13">
        <v>1</v>
      </c>
      <c r="H523" s="11">
        <v>95.189595058999998</v>
      </c>
      <c r="I523" s="13">
        <v>19.0379190118</v>
      </c>
      <c r="J523" s="11">
        <v>-34.236588265099996</v>
      </c>
      <c r="K523" s="13">
        <v>-0.34171800220310938</v>
      </c>
      <c r="L523" s="11">
        <v>-9.2542115856000038</v>
      </c>
      <c r="M523" s="13">
        <v>-0.14031523406535465</v>
      </c>
      <c r="N523" s="11">
        <v>-43.4907998507</v>
      </c>
      <c r="O523" s="13">
        <v>-0.43408499480498935</v>
      </c>
      <c r="P523" s="7">
        <v>5</v>
      </c>
      <c r="Q523" s="7">
        <v>19.395702157900001</v>
      </c>
      <c r="R523" s="7">
        <v>31.809052377</v>
      </c>
      <c r="S523" s="7">
        <v>34.783581570099997</v>
      </c>
      <c r="T523" s="7">
        <v>42.3450280725</v>
      </c>
      <c r="U523" s="7">
        <v>35.063416975599999</v>
      </c>
      <c r="V523" s="7">
        <v>100.189595059</v>
      </c>
      <c r="W523" s="7">
        <v>5</v>
      </c>
      <c r="X523" s="7">
        <v>35.559149415599997</v>
      </c>
      <c r="Y523" s="7">
        <v>65.953006793900002</v>
      </c>
      <c r="Z523" s="7">
        <v>64.632788906900004</v>
      </c>
      <c r="AA523" s="7">
        <v>57.972811</v>
      </c>
      <c r="AB523" s="7">
        <v>56.719482834499999</v>
      </c>
      <c r="AC523" s="7">
        <v>57.837147834699998</v>
      </c>
      <c r="AD523" s="7">
        <v>53.4505921843</v>
      </c>
      <c r="AE523" s="7">
        <v>56.344781381700002</v>
      </c>
      <c r="AF523" s="7">
        <v>56.698795208299998</v>
      </c>
      <c r="AG523" s="9">
        <v>76435.927264700003</v>
      </c>
      <c r="AH523" s="13">
        <v>76435.927264700003</v>
      </c>
      <c r="AI523" s="9">
        <v>55253.801686300001</v>
      </c>
      <c r="AJ523" s="13">
        <v>55253.801686300001</v>
      </c>
      <c r="AK523" s="9">
        <v>3777.0751164999965</v>
      </c>
      <c r="AL523" s="13">
        <v>6.8357409695246327E-2</v>
      </c>
      <c r="AM523" s="9">
        <v>17405.050461900006</v>
      </c>
      <c r="AN523" s="13">
        <v>0.29484155687685082</v>
      </c>
      <c r="AO523" s="9">
        <v>21182.125578400002</v>
      </c>
      <c r="AP523" s="13">
        <v>0.38335357167071232</v>
      </c>
      <c r="AQ523" s="9">
        <v>1</v>
      </c>
      <c r="AR523" s="9">
        <v>41775.296687399998</v>
      </c>
      <c r="AS523" s="9">
        <v>45861.563951600001</v>
      </c>
      <c r="AT523" s="9">
        <v>49439.576942599997</v>
      </c>
      <c r="AU523" s="9">
        <v>50078.938423899999</v>
      </c>
      <c r="AV523" s="9">
        <v>49062.994218300002</v>
      </c>
      <c r="AW523" s="9">
        <v>55254.801686300001</v>
      </c>
      <c r="AX523" s="9">
        <v>1</v>
      </c>
      <c r="AY523" s="9">
        <v>47314.0696666</v>
      </c>
      <c r="AZ523" s="9">
        <v>59031.876802799998</v>
      </c>
      <c r="BA523" s="9">
        <v>57265.817994099998</v>
      </c>
      <c r="BB523" s="9">
        <v>62156.208516300001</v>
      </c>
      <c r="BC523" s="9">
        <v>65119.949572999998</v>
      </c>
      <c r="BD523" s="9">
        <v>70619.296879600006</v>
      </c>
      <c r="BE523" s="9">
        <v>71486.476897400004</v>
      </c>
      <c r="BF523" s="9">
        <v>76436.927264700003</v>
      </c>
      <c r="BG523" s="11">
        <v>1</v>
      </c>
      <c r="BH523" s="13">
        <v>0.25</v>
      </c>
      <c r="BI523" s="6">
        <v>-1</v>
      </c>
      <c r="BJ523" s="13">
        <v>-0.25</v>
      </c>
      <c r="BK523" s="6">
        <v>4</v>
      </c>
      <c r="BL523" s="13">
        <v>1.3333333333333333</v>
      </c>
      <c r="BM523" s="11">
        <v>-2</v>
      </c>
      <c r="BN523" s="13">
        <v>-0.2857142857142857</v>
      </c>
      <c r="BO523" s="11">
        <v>2</v>
      </c>
      <c r="BP523" s="13">
        <v>0.66666666666666663</v>
      </c>
      <c r="BQ523" s="6">
        <v>4</v>
      </c>
      <c r="BR523" s="6">
        <v>4</v>
      </c>
      <c r="BS523" s="6">
        <v>3</v>
      </c>
      <c r="BT523" s="6">
        <v>3</v>
      </c>
      <c r="BU523" s="6">
        <v>5</v>
      </c>
      <c r="BV523" s="6">
        <v>6</v>
      </c>
      <c r="BW523" s="6">
        <v>7</v>
      </c>
      <c r="BX523" s="6">
        <v>7</v>
      </c>
      <c r="BY523" s="6">
        <v>6</v>
      </c>
      <c r="BZ523" s="6">
        <v>6</v>
      </c>
      <c r="CA523" s="6">
        <v>6</v>
      </c>
      <c r="CB523" s="6">
        <v>5</v>
      </c>
      <c r="CC523" s="11">
        <v>5</v>
      </c>
      <c r="CD523" s="11">
        <v>47.494599999999998</v>
      </c>
      <c r="CE523" s="11">
        <v>0.78719600000000001</v>
      </c>
      <c r="CF523" s="11">
        <v>0.82941500000000001</v>
      </c>
      <c r="CG523" s="11">
        <v>2</v>
      </c>
      <c r="CH523" s="20">
        <v>3.5198399999999998E-2</v>
      </c>
      <c r="CI523" s="20">
        <v>9.5971100000000004E-2</v>
      </c>
      <c r="CJ523" s="20">
        <v>0.15442600000000001</v>
      </c>
      <c r="CK523" s="20">
        <v>0.164298</v>
      </c>
      <c r="CL523" s="20">
        <v>0.19090599999999999</v>
      </c>
      <c r="CM523" s="20">
        <v>0.14600099999999999</v>
      </c>
      <c r="CN523" s="20">
        <v>0.39155699999999999</v>
      </c>
      <c r="CO523" s="20">
        <v>2.3229699999999999E-2</v>
      </c>
      <c r="CP523" s="20">
        <v>0.137881</v>
      </c>
      <c r="CQ523" s="20">
        <v>0.25288899999999997</v>
      </c>
      <c r="CR523" s="20">
        <v>0.22711999999999999</v>
      </c>
      <c r="CS523" s="20">
        <v>0.19042300000000001</v>
      </c>
      <c r="CT523" s="20">
        <v>0.187218</v>
      </c>
      <c r="CU523" s="20">
        <v>0.188086</v>
      </c>
      <c r="CV523" s="20">
        <v>0.196634</v>
      </c>
      <c r="CW523" s="20">
        <v>0.24304500000000001</v>
      </c>
      <c r="CX523" s="20">
        <v>0.24373700000000001</v>
      </c>
      <c r="CY523" s="6" t="s">
        <v>476</v>
      </c>
      <c r="CZ523" s="6" t="s">
        <v>477</v>
      </c>
      <c r="DA523" s="6" t="s">
        <v>144</v>
      </c>
      <c r="DB523" s="6"/>
      <c r="DC523" s="6">
        <v>27620</v>
      </c>
      <c r="DD523" s="6"/>
      <c r="DE523" s="6" t="s">
        <v>436</v>
      </c>
      <c r="DF523" s="6" t="s">
        <v>375</v>
      </c>
      <c r="DG523" s="6" t="s">
        <v>364</v>
      </c>
      <c r="DH523" s="6" t="s">
        <v>419</v>
      </c>
      <c r="DI523" s="6"/>
      <c r="DJ523" s="6">
        <v>29</v>
      </c>
      <c r="DK523" s="6">
        <v>51</v>
      </c>
      <c r="DL523" s="6">
        <v>2</v>
      </c>
      <c r="DM523" s="6" t="s">
        <v>379</v>
      </c>
      <c r="DN523" s="6">
        <v>3</v>
      </c>
      <c r="DO523" s="6" t="s">
        <v>380</v>
      </c>
      <c r="DP523" s="6"/>
      <c r="DQ523" s="6"/>
    </row>
    <row r="524" spans="1:121" x14ac:dyDescent="0.2">
      <c r="A524" s="6" t="s">
        <v>311</v>
      </c>
      <c r="B524" s="6" t="s">
        <v>311</v>
      </c>
      <c r="C524" s="6" t="s">
        <v>174</v>
      </c>
      <c r="D524" s="6" t="s">
        <v>144</v>
      </c>
      <c r="E524" s="6" t="s">
        <v>285</v>
      </c>
      <c r="F524" s="11">
        <v>42</v>
      </c>
      <c r="G524" s="13">
        <v>0.21428571428599999</v>
      </c>
      <c r="H524" s="11">
        <v>33.380090999999993</v>
      </c>
      <c r="I524" s="13">
        <v>0.17019379687416536</v>
      </c>
      <c r="J524" s="11">
        <v>3.4979069999999979</v>
      </c>
      <c r="K524" s="13">
        <v>1.5240761880061652E-2</v>
      </c>
      <c r="L524" s="11">
        <v>4.5187618969999903</v>
      </c>
      <c r="M524" s="13">
        <v>1.9393171179739838E-2</v>
      </c>
      <c r="N524" s="11">
        <v>8.0166688969999882</v>
      </c>
      <c r="O524" s="13">
        <v>3.4929499763851179E-2</v>
      </c>
      <c r="P524" s="7">
        <v>196.12989200000001</v>
      </c>
      <c r="Q524" s="7">
        <v>206.317824</v>
      </c>
      <c r="R524" s="7">
        <v>206.891141</v>
      </c>
      <c r="S524" s="7">
        <v>203.49196000000001</v>
      </c>
      <c r="T524" s="7">
        <v>226.09186299999999</v>
      </c>
      <c r="U524" s="7">
        <v>224.46734599999999</v>
      </c>
      <c r="V524" s="7">
        <v>229.50998300000001</v>
      </c>
      <c r="W524" s="7">
        <v>244.31790100000001</v>
      </c>
      <c r="X524" s="7">
        <v>243.898011</v>
      </c>
      <c r="Y524" s="7">
        <v>233.00789</v>
      </c>
      <c r="Z524" s="7">
        <v>237.01031</v>
      </c>
      <c r="AA524" s="7">
        <v>228.608226</v>
      </c>
      <c r="AB524" s="7">
        <v>228.67857719599999</v>
      </c>
      <c r="AC524" s="7">
        <v>244.82172462899999</v>
      </c>
      <c r="AD524" s="7">
        <v>237.41468943199999</v>
      </c>
      <c r="AE524" s="7">
        <v>235.91064231999999</v>
      </c>
      <c r="AF524" s="7">
        <v>237.52665189699999</v>
      </c>
      <c r="AG524" s="9">
        <v>44665.2538776</v>
      </c>
      <c r="AH524" s="13">
        <v>0.63533562547869593</v>
      </c>
      <c r="AI524" s="9">
        <v>16634.691238600004</v>
      </c>
      <c r="AJ524" s="13">
        <v>0.23661819972372675</v>
      </c>
      <c r="AK524" s="9">
        <v>17074.026549999995</v>
      </c>
      <c r="AL524" s="13">
        <v>0.19639648922899081</v>
      </c>
      <c r="AM524" s="9">
        <v>10956.536089000001</v>
      </c>
      <c r="AN524" s="13">
        <v>0.10534062998508212</v>
      </c>
      <c r="AO524" s="9">
        <v>28030.562638999996</v>
      </c>
      <c r="AP524" s="13">
        <v>0.32242564911631322</v>
      </c>
      <c r="AQ524" s="9">
        <v>70301.8248724</v>
      </c>
      <c r="AR524" s="9">
        <v>70413.863020699995</v>
      </c>
      <c r="AS524" s="9">
        <v>71574.244374200003</v>
      </c>
      <c r="AT524" s="9">
        <v>77879.911978599994</v>
      </c>
      <c r="AU524" s="9">
        <v>75759.503705199997</v>
      </c>
      <c r="AV524" s="9">
        <v>85808.799509400007</v>
      </c>
      <c r="AW524" s="9">
        <v>86936.516111000004</v>
      </c>
      <c r="AX524" s="9">
        <v>91012.576749300002</v>
      </c>
      <c r="AY524" s="9">
        <v>98247.310979500005</v>
      </c>
      <c r="AZ524" s="9">
        <v>104010.542661</v>
      </c>
      <c r="BA524" s="9">
        <v>105988.66063899999</v>
      </c>
      <c r="BB524" s="9">
        <v>103675.71486599999</v>
      </c>
      <c r="BC524" s="9">
        <v>112724.209506</v>
      </c>
      <c r="BD524" s="9">
        <v>109927.271565</v>
      </c>
      <c r="BE524" s="9">
        <v>114847.98791900001</v>
      </c>
      <c r="BF524" s="9">
        <v>114967.07875</v>
      </c>
      <c r="BG524" s="11">
        <v>-1.5</v>
      </c>
      <c r="BH524" s="13">
        <v>-0.1875</v>
      </c>
      <c r="BI524" s="6">
        <v>-2</v>
      </c>
      <c r="BJ524" s="13">
        <v>-0.25</v>
      </c>
      <c r="BK524" s="6">
        <v>-1</v>
      </c>
      <c r="BL524" s="13">
        <v>-0.16666666666666666</v>
      </c>
      <c r="BM524" s="11">
        <v>1.5</v>
      </c>
      <c r="BN524" s="13">
        <v>0.3</v>
      </c>
      <c r="BO524" s="11">
        <v>0.5</v>
      </c>
      <c r="BP524" s="13">
        <v>8.3333333333333329E-2</v>
      </c>
      <c r="BQ524" s="6">
        <v>8</v>
      </c>
      <c r="BR524" s="6">
        <v>7</v>
      </c>
      <c r="BS524" s="6">
        <v>6</v>
      </c>
      <c r="BT524" s="6">
        <v>6</v>
      </c>
      <c r="BU524" s="6">
        <v>6</v>
      </c>
      <c r="BV524" s="6">
        <v>6</v>
      </c>
      <c r="BW524" s="6">
        <v>5</v>
      </c>
      <c r="BX524" s="6">
        <v>5</v>
      </c>
      <c r="BY524" s="6">
        <v>6</v>
      </c>
      <c r="BZ524" s="6">
        <v>6</v>
      </c>
      <c r="CA524" s="6">
        <v>6</v>
      </c>
      <c r="CB524" s="6">
        <v>6</v>
      </c>
      <c r="CC524" s="11">
        <v>6.5</v>
      </c>
      <c r="CD524" s="11">
        <v>51.895899999999997</v>
      </c>
      <c r="CE524" s="11">
        <v>-31.938500000000001</v>
      </c>
      <c r="CF524" s="11">
        <v>21.439399999999999</v>
      </c>
      <c r="CG524" s="11">
        <v>-11</v>
      </c>
      <c r="CH524" s="20">
        <v>0.83040899999999995</v>
      </c>
      <c r="CI524" s="20">
        <v>0.89496399999999998</v>
      </c>
      <c r="CJ524" s="20">
        <v>0.89652600000000005</v>
      </c>
      <c r="CK524" s="20">
        <v>0.91077900000000001</v>
      </c>
      <c r="CL524" s="20">
        <v>1.06698</v>
      </c>
      <c r="CM524" s="20">
        <v>1.08344</v>
      </c>
      <c r="CN524" s="20">
        <v>1.10534</v>
      </c>
      <c r="CO524" s="20">
        <v>1.1456999999999999</v>
      </c>
      <c r="CP524" s="20">
        <v>1.1106400000000001</v>
      </c>
      <c r="CQ524" s="20">
        <v>1.08121</v>
      </c>
      <c r="CR524" s="20">
        <v>1.1292199999999999</v>
      </c>
      <c r="CS524" s="20">
        <v>1.1115299999999999</v>
      </c>
      <c r="CT524" s="20">
        <v>1.1397699999999999</v>
      </c>
      <c r="CU524" s="20">
        <v>1.2342</v>
      </c>
      <c r="CV524" s="20">
        <v>1.1996100000000001</v>
      </c>
      <c r="CW524" s="20">
        <v>1.1858900000000001</v>
      </c>
      <c r="CX524" s="20">
        <v>1.1944399999999999</v>
      </c>
      <c r="CY524" s="6" t="s">
        <v>476</v>
      </c>
      <c r="CZ524" s="6" t="s">
        <v>477</v>
      </c>
      <c r="DA524" s="6" t="s">
        <v>144</v>
      </c>
      <c r="DB524" s="6"/>
      <c r="DC524" s="6">
        <v>27620</v>
      </c>
      <c r="DD524" s="6"/>
      <c r="DE524" s="6" t="s">
        <v>436</v>
      </c>
      <c r="DF524" s="6" t="s">
        <v>375</v>
      </c>
      <c r="DG524" s="6" t="s">
        <v>364</v>
      </c>
      <c r="DH524" s="6" t="s">
        <v>419</v>
      </c>
      <c r="DI524" s="6"/>
      <c r="DJ524" s="6">
        <v>29</v>
      </c>
      <c r="DK524" s="6">
        <v>51</v>
      </c>
      <c r="DL524" s="6">
        <v>2</v>
      </c>
      <c r="DM524" s="6" t="s">
        <v>379</v>
      </c>
      <c r="DN524" s="6">
        <v>3</v>
      </c>
      <c r="DO524" s="6" t="s">
        <v>380</v>
      </c>
      <c r="DP524" s="6"/>
      <c r="DQ524" s="6"/>
    </row>
    <row r="525" spans="1:121" x14ac:dyDescent="0.2">
      <c r="A525" s="6" t="s">
        <v>312</v>
      </c>
      <c r="B525" s="6" t="s">
        <v>312</v>
      </c>
      <c r="C525" s="6" t="s">
        <v>175</v>
      </c>
      <c r="D525" s="6" t="s">
        <v>144</v>
      </c>
      <c r="E525" s="6" t="s">
        <v>285</v>
      </c>
      <c r="F525" s="11">
        <v>-335</v>
      </c>
      <c r="G525" s="13">
        <v>-0.112946729602</v>
      </c>
      <c r="H525" s="11">
        <v>246.66185387999985</v>
      </c>
      <c r="I525" s="13">
        <v>8.3154159394785127E-2</v>
      </c>
      <c r="J525" s="11">
        <v>-403.14320597000005</v>
      </c>
      <c r="K525" s="13">
        <v>-0.12547322473596151</v>
      </c>
      <c r="L525" s="11">
        <v>-179.27334879999989</v>
      </c>
      <c r="M525" s="13">
        <v>-6.3802006197345273E-2</v>
      </c>
      <c r="N525" s="11">
        <v>-582.41655476999995</v>
      </c>
      <c r="O525" s="13">
        <v>-0.18126978747110209</v>
      </c>
      <c r="P525" s="7">
        <v>2966.3200936100002</v>
      </c>
      <c r="Q525" s="7">
        <v>3014.03724642</v>
      </c>
      <c r="R525" s="7">
        <v>3255.4488656200001</v>
      </c>
      <c r="S525" s="7">
        <v>3336.9968317399998</v>
      </c>
      <c r="T525" s="7">
        <v>3222.4076521699999</v>
      </c>
      <c r="U525" s="7">
        <v>3296.2748201300001</v>
      </c>
      <c r="V525" s="7">
        <v>3212.98194749</v>
      </c>
      <c r="W525" s="7">
        <v>3226.4787805999999</v>
      </c>
      <c r="X525" s="7">
        <v>2899.0637583900002</v>
      </c>
      <c r="Y525" s="7">
        <v>2809.83874152</v>
      </c>
      <c r="Z525" s="7">
        <v>2768.76231284</v>
      </c>
      <c r="AA525" s="7">
        <v>2626.1783527600001</v>
      </c>
      <c r="AB525" s="7">
        <v>2500.9522550699999</v>
      </c>
      <c r="AC525" s="7">
        <v>2525.6129560499999</v>
      </c>
      <c r="AD525" s="7">
        <v>2495.7374811099999</v>
      </c>
      <c r="AE525" s="7">
        <v>2650.44318703</v>
      </c>
      <c r="AF525" s="7">
        <v>2630.5653927200001</v>
      </c>
      <c r="AG525" s="9">
        <v>20666.4578243</v>
      </c>
      <c r="AH525" s="13">
        <v>0.53498417131105702</v>
      </c>
      <c r="AI525" s="9">
        <v>8361.4234416999971</v>
      </c>
      <c r="AJ525" s="13">
        <v>0.21644876102952751</v>
      </c>
      <c r="AK525" s="9">
        <v>6154.5704944000026</v>
      </c>
      <c r="AL525" s="13">
        <v>0.13097210771662435</v>
      </c>
      <c r="AM525" s="9">
        <v>6150.4638881999999</v>
      </c>
      <c r="AN525" s="13">
        <v>0.11572762612235768</v>
      </c>
      <c r="AO525" s="9">
        <v>12305.034382600003</v>
      </c>
      <c r="AP525" s="13">
        <v>0.26185682495326867</v>
      </c>
      <c r="AQ525" s="9">
        <v>38630.0360507</v>
      </c>
      <c r="AR525" s="9">
        <v>39877.299312199997</v>
      </c>
      <c r="AS525" s="9">
        <v>40393.120189100002</v>
      </c>
      <c r="AT525" s="9">
        <v>41616.591616899997</v>
      </c>
      <c r="AU525" s="9">
        <v>43427.841181199998</v>
      </c>
      <c r="AV525" s="9">
        <v>44701.789064500001</v>
      </c>
      <c r="AW525" s="9">
        <v>46991.459492399998</v>
      </c>
      <c r="AX525" s="9">
        <v>49731.269022699998</v>
      </c>
      <c r="AY525" s="9">
        <v>49689.6411142</v>
      </c>
      <c r="AZ525" s="9">
        <v>53146.0299868</v>
      </c>
      <c r="BA525" s="9">
        <v>52623.0215752</v>
      </c>
      <c r="BB525" s="9">
        <v>53444.261123700002</v>
      </c>
      <c r="BC525" s="9">
        <v>52136.622846099999</v>
      </c>
      <c r="BD525" s="9">
        <v>54297.800261999997</v>
      </c>
      <c r="BE525" s="9">
        <v>55554.982186900001</v>
      </c>
      <c r="BF525" s="9">
        <v>59296.493875</v>
      </c>
      <c r="BG525" s="11">
        <v>-39.5</v>
      </c>
      <c r="BH525" s="13">
        <v>-0.14056939501779359</v>
      </c>
      <c r="BI525" s="6">
        <v>8</v>
      </c>
      <c r="BJ525" s="13">
        <v>2.8469750889679714E-2</v>
      </c>
      <c r="BK525" s="6">
        <v>-37</v>
      </c>
      <c r="BL525" s="13">
        <v>-0.12802768166089964</v>
      </c>
      <c r="BM525" s="11">
        <v>-10.5</v>
      </c>
      <c r="BN525" s="13">
        <v>-4.1666666666666664E-2</v>
      </c>
      <c r="BO525" s="11">
        <v>-47.5</v>
      </c>
      <c r="BP525" s="13">
        <v>-0.16435986159169549</v>
      </c>
      <c r="BQ525" s="6">
        <v>281</v>
      </c>
      <c r="BR525" s="6">
        <v>287</v>
      </c>
      <c r="BS525" s="6">
        <v>298</v>
      </c>
      <c r="BT525" s="6">
        <v>289</v>
      </c>
      <c r="BU525" s="6">
        <v>281</v>
      </c>
      <c r="BV525" s="6">
        <v>270</v>
      </c>
      <c r="BW525" s="6">
        <v>252</v>
      </c>
      <c r="BX525" s="6">
        <v>247</v>
      </c>
      <c r="BY525" s="6">
        <v>246</v>
      </c>
      <c r="BZ525" s="6">
        <v>255</v>
      </c>
      <c r="CA525" s="6">
        <v>259</v>
      </c>
      <c r="CB525" s="6">
        <v>249</v>
      </c>
      <c r="CC525" s="11">
        <v>241.5</v>
      </c>
      <c r="CD525" s="11">
        <v>-300.71199999999999</v>
      </c>
      <c r="CE525" s="11">
        <v>-359.29700000000003</v>
      </c>
      <c r="CF525" s="11">
        <v>324.255</v>
      </c>
      <c r="CG525" s="11">
        <v>-35</v>
      </c>
      <c r="CH525" s="20">
        <v>0.8659</v>
      </c>
      <c r="CI525" s="20">
        <v>0.89517100000000005</v>
      </c>
      <c r="CJ525" s="20">
        <v>0.92301100000000003</v>
      </c>
      <c r="CK525" s="20">
        <v>0.91625299999999998</v>
      </c>
      <c r="CL525" s="20">
        <v>0.86976500000000001</v>
      </c>
      <c r="CM525" s="20">
        <v>0.86662899999999998</v>
      </c>
      <c r="CN525" s="20">
        <v>0.85422299999999995</v>
      </c>
      <c r="CO525" s="20">
        <v>0.89639100000000005</v>
      </c>
      <c r="CP525" s="20">
        <v>0.902169</v>
      </c>
      <c r="CQ525" s="20">
        <v>0.95325000000000004</v>
      </c>
      <c r="CR525" s="20">
        <v>0.97460800000000003</v>
      </c>
      <c r="CS525" s="20">
        <v>0.93449300000000002</v>
      </c>
      <c r="CT525" s="20">
        <v>0.89017800000000002</v>
      </c>
      <c r="CU525" s="20">
        <v>0.88164799999999999</v>
      </c>
      <c r="CV525" s="20">
        <v>0.84904100000000005</v>
      </c>
      <c r="CW525" s="20">
        <v>0.87853700000000001</v>
      </c>
      <c r="CX525" s="20">
        <v>0.87351599999999996</v>
      </c>
      <c r="CY525" s="6" t="s">
        <v>476</v>
      </c>
      <c r="CZ525" s="6" t="s">
        <v>477</v>
      </c>
      <c r="DA525" s="6" t="s">
        <v>144</v>
      </c>
      <c r="DB525" s="6"/>
      <c r="DC525" s="6">
        <v>27620</v>
      </c>
      <c r="DD525" s="6"/>
      <c r="DE525" s="6" t="s">
        <v>436</v>
      </c>
      <c r="DF525" s="6" t="s">
        <v>375</v>
      </c>
      <c r="DG525" s="6" t="s">
        <v>364</v>
      </c>
      <c r="DH525" s="6" t="s">
        <v>419</v>
      </c>
      <c r="DI525" s="6"/>
      <c r="DJ525" s="6">
        <v>29</v>
      </c>
      <c r="DK525" s="6">
        <v>51</v>
      </c>
      <c r="DL525" s="6">
        <v>2</v>
      </c>
      <c r="DM525" s="6" t="s">
        <v>379</v>
      </c>
      <c r="DN525" s="6">
        <v>3</v>
      </c>
      <c r="DO525" s="6" t="s">
        <v>380</v>
      </c>
      <c r="DP525" s="6"/>
      <c r="DQ525" s="6"/>
    </row>
    <row r="526" spans="1:121" x14ac:dyDescent="0.2">
      <c r="A526" s="6" t="s">
        <v>792</v>
      </c>
      <c r="B526" s="6" t="s">
        <v>176</v>
      </c>
      <c r="C526" s="6" t="s">
        <v>177</v>
      </c>
      <c r="D526" s="6" t="s">
        <v>144</v>
      </c>
      <c r="E526" s="6" t="s">
        <v>285</v>
      </c>
      <c r="F526" s="11">
        <v>-830</v>
      </c>
      <c r="G526" s="13">
        <v>-0.269130998703</v>
      </c>
      <c r="H526" s="11">
        <v>-688.21424235999984</v>
      </c>
      <c r="I526" s="13">
        <v>-0.22317358876663165</v>
      </c>
      <c r="J526" s="11">
        <v>17.354428929999813</v>
      </c>
      <c r="K526" s="13">
        <v>7.2444511083984012E-3</v>
      </c>
      <c r="L526" s="11">
        <v>-158.81376866999972</v>
      </c>
      <c r="M526" s="13">
        <v>-6.5818567627384958E-2</v>
      </c>
      <c r="N526" s="11">
        <v>-141.4593397399999</v>
      </c>
      <c r="O526" s="13">
        <v>-5.905093591418796E-2</v>
      </c>
      <c r="P526" s="7">
        <v>3083.76204444</v>
      </c>
      <c r="Q526" s="7">
        <v>2902.3145322</v>
      </c>
      <c r="R526" s="7">
        <v>2874.6220752300001</v>
      </c>
      <c r="S526" s="7">
        <v>2893.2885408400002</v>
      </c>
      <c r="T526" s="7">
        <v>2735.58949007</v>
      </c>
      <c r="U526" s="7">
        <v>2721.8168322199999</v>
      </c>
      <c r="V526" s="7">
        <v>2395.5478020800001</v>
      </c>
      <c r="W526" s="7">
        <v>2563.1976297000001</v>
      </c>
      <c r="X526" s="7">
        <v>2305.8436424000001</v>
      </c>
      <c r="Y526" s="7">
        <v>2412.9022310099999</v>
      </c>
      <c r="Z526" s="7">
        <v>2332.6293567100001</v>
      </c>
      <c r="AA526" s="7">
        <v>2395.5543607899999</v>
      </c>
      <c r="AB526" s="7">
        <v>2434.4723380300002</v>
      </c>
      <c r="AC526" s="7">
        <v>2127.4890737800001</v>
      </c>
      <c r="AD526" s="7">
        <v>2081.22285246</v>
      </c>
      <c r="AE526" s="7">
        <v>2218.9692399800001</v>
      </c>
      <c r="AF526" s="7">
        <v>2254.0884623400002</v>
      </c>
      <c r="AG526" s="9">
        <v>17683.780086999999</v>
      </c>
      <c r="AH526" s="13">
        <v>0.4174549074470692</v>
      </c>
      <c r="AI526" s="9">
        <v>8980.2868267000013</v>
      </c>
      <c r="AJ526" s="13">
        <v>0.21199453893028863</v>
      </c>
      <c r="AK526" s="9">
        <v>289.78659219999827</v>
      </c>
      <c r="AL526" s="13">
        <v>5.644326009678088E-3</v>
      </c>
      <c r="AM526" s="9">
        <v>8413.7066680999997</v>
      </c>
      <c r="AN526" s="13">
        <v>0.16295840367610265</v>
      </c>
      <c r="AO526" s="9">
        <v>8703.4932602999979</v>
      </c>
      <c r="AP526" s="13">
        <v>0.16952252004214538</v>
      </c>
      <c r="AQ526" s="9">
        <v>42360.934729799999</v>
      </c>
      <c r="AR526" s="9">
        <v>47041.356366200002</v>
      </c>
      <c r="AS526" s="9">
        <v>48372.595892999998</v>
      </c>
      <c r="AT526" s="9">
        <v>51671.636045899999</v>
      </c>
      <c r="AU526" s="9">
        <v>51163.6807204</v>
      </c>
      <c r="AV526" s="9">
        <v>50959.269939600003</v>
      </c>
      <c r="AW526" s="9">
        <v>51341.221556500001</v>
      </c>
      <c r="AX526" s="9">
        <v>52378.164371899999</v>
      </c>
      <c r="AY526" s="9">
        <v>52748.320175499997</v>
      </c>
      <c r="AZ526" s="9">
        <v>51631.008148699999</v>
      </c>
      <c r="BA526" s="9">
        <v>52247.564378700001</v>
      </c>
      <c r="BB526" s="9">
        <v>53069.720406499997</v>
      </c>
      <c r="BC526" s="9">
        <v>54763.067740899998</v>
      </c>
      <c r="BD526" s="9">
        <v>57572.936524299999</v>
      </c>
      <c r="BE526" s="9">
        <v>58303.535709399999</v>
      </c>
      <c r="BF526" s="9">
        <v>60044.714816799999</v>
      </c>
      <c r="BG526" s="11">
        <v>-0.5</v>
      </c>
      <c r="BH526" s="13">
        <v>-7.6923076923076927E-3</v>
      </c>
      <c r="BI526" s="6">
        <v>3</v>
      </c>
      <c r="BJ526" s="13">
        <v>4.6153846153846156E-2</v>
      </c>
      <c r="BK526" s="6">
        <v>0</v>
      </c>
      <c r="BL526" s="13">
        <v>0</v>
      </c>
      <c r="BM526" s="11">
        <v>-3.5</v>
      </c>
      <c r="BN526" s="13">
        <v>-5.1470588235294115E-2</v>
      </c>
      <c r="BO526" s="11">
        <v>-3.5</v>
      </c>
      <c r="BP526" s="13">
        <v>-5.1470588235294115E-2</v>
      </c>
      <c r="BQ526" s="6">
        <v>65</v>
      </c>
      <c r="BR526" s="6">
        <v>68</v>
      </c>
      <c r="BS526" s="6">
        <v>67</v>
      </c>
      <c r="BT526" s="6">
        <v>68</v>
      </c>
      <c r="BU526" s="6">
        <v>68</v>
      </c>
      <c r="BV526" s="6">
        <v>65</v>
      </c>
      <c r="BW526" s="6">
        <v>68</v>
      </c>
      <c r="BX526" s="6">
        <v>66</v>
      </c>
      <c r="BY526" s="6">
        <v>66</v>
      </c>
      <c r="BZ526" s="6">
        <v>64</v>
      </c>
      <c r="CA526" s="6">
        <v>64</v>
      </c>
      <c r="CB526" s="6">
        <v>66</v>
      </c>
      <c r="CC526" s="11">
        <v>64.5</v>
      </c>
      <c r="CD526" s="11">
        <v>-78.2667</v>
      </c>
      <c r="CE526" s="11">
        <v>-1088.5</v>
      </c>
      <c r="CF526" s="11">
        <v>337.09199999999998</v>
      </c>
      <c r="CG526" s="11">
        <v>-752</v>
      </c>
      <c r="CH526" s="20">
        <v>0.47020400000000001</v>
      </c>
      <c r="CI526" s="20">
        <v>0.48116100000000001</v>
      </c>
      <c r="CJ526" s="20">
        <v>0.48632399999999998</v>
      </c>
      <c r="CK526" s="20">
        <v>0.50207100000000005</v>
      </c>
      <c r="CL526" s="20">
        <v>0.49138599999999999</v>
      </c>
      <c r="CM526" s="20">
        <v>0.49916500000000003</v>
      </c>
      <c r="CN526" s="20">
        <v>0.44978099999999999</v>
      </c>
      <c r="CO526" s="20">
        <v>0.492037</v>
      </c>
      <c r="CP526" s="20">
        <v>0.48848200000000003</v>
      </c>
      <c r="CQ526" s="20">
        <v>0.52716399999999997</v>
      </c>
      <c r="CR526" s="20">
        <v>0.51302700000000001</v>
      </c>
      <c r="CS526" s="20">
        <v>0.52878599999999998</v>
      </c>
      <c r="CT526" s="20">
        <v>0.54598899999999995</v>
      </c>
      <c r="CU526" s="20">
        <v>0.47942400000000002</v>
      </c>
      <c r="CV526" s="20">
        <v>0.46986299999999998</v>
      </c>
      <c r="CW526" s="20">
        <v>0.498755</v>
      </c>
      <c r="CX526" s="20">
        <v>0.510826</v>
      </c>
      <c r="CY526" s="6" t="s">
        <v>476</v>
      </c>
      <c r="CZ526" s="6" t="s">
        <v>477</v>
      </c>
      <c r="DA526" s="6" t="s">
        <v>144</v>
      </c>
      <c r="DB526" s="6"/>
      <c r="DC526" s="6">
        <v>27620</v>
      </c>
      <c r="DD526" s="6"/>
      <c r="DE526" s="6" t="s">
        <v>436</v>
      </c>
      <c r="DF526" s="6" t="s">
        <v>375</v>
      </c>
      <c r="DG526" s="6" t="s">
        <v>364</v>
      </c>
      <c r="DH526" s="6" t="s">
        <v>419</v>
      </c>
      <c r="DI526" s="6"/>
      <c r="DJ526" s="6">
        <v>29</v>
      </c>
      <c r="DK526" s="6">
        <v>51</v>
      </c>
      <c r="DL526" s="6">
        <v>2</v>
      </c>
      <c r="DM526" s="6" t="s">
        <v>379</v>
      </c>
      <c r="DN526" s="6">
        <v>3</v>
      </c>
      <c r="DO526" s="6" t="s">
        <v>380</v>
      </c>
      <c r="DP526" s="6"/>
      <c r="DQ526" s="6"/>
    </row>
    <row r="527" spans="1:121" x14ac:dyDescent="0.2">
      <c r="A527" s="6" t="s">
        <v>313</v>
      </c>
      <c r="B527" s="6" t="s">
        <v>313</v>
      </c>
      <c r="C527" s="6" t="s">
        <v>178</v>
      </c>
      <c r="D527" s="6" t="s">
        <v>144</v>
      </c>
      <c r="E527" s="6" t="s">
        <v>285</v>
      </c>
      <c r="F527" s="11">
        <v>348</v>
      </c>
      <c r="G527" s="13">
        <v>0.26831148804900001</v>
      </c>
      <c r="H527" s="11">
        <v>58.011618589999898</v>
      </c>
      <c r="I527" s="13">
        <v>4.474097252018415E-2</v>
      </c>
      <c r="J527" s="11">
        <v>96.625068020000072</v>
      </c>
      <c r="K527" s="13">
        <v>7.1329901211364996E-2</v>
      </c>
      <c r="L527" s="11">
        <v>193.97869895999997</v>
      </c>
      <c r="M527" s="13">
        <v>0.13366343740571598</v>
      </c>
      <c r="N527" s="11">
        <v>290.60376698000005</v>
      </c>
      <c r="O527" s="13">
        <v>0.21452753840280217</v>
      </c>
      <c r="P527" s="7">
        <v>1296.61058583</v>
      </c>
      <c r="Q527" s="7">
        <v>1302.11833456</v>
      </c>
      <c r="R527" s="7">
        <v>1279.0745417799999</v>
      </c>
      <c r="S527" s="7">
        <v>1300.3175095199999</v>
      </c>
      <c r="T527" s="7">
        <v>1316.6718365300001</v>
      </c>
      <c r="U527" s="7">
        <v>1433.86866642</v>
      </c>
      <c r="V527" s="7">
        <v>1354.6222044199999</v>
      </c>
      <c r="W527" s="7">
        <v>1311.55735987</v>
      </c>
      <c r="X527" s="7">
        <v>1370.53805642</v>
      </c>
      <c r="Y527" s="7">
        <v>1451.24727244</v>
      </c>
      <c r="Z527" s="7">
        <v>1471.70000598</v>
      </c>
      <c r="AA527" s="7">
        <v>1534.49008501</v>
      </c>
      <c r="AB527" s="7">
        <v>1573.2890575700001</v>
      </c>
      <c r="AC527" s="7">
        <v>1574.7023179</v>
      </c>
      <c r="AD527" s="7">
        <v>1592.2117596099999</v>
      </c>
      <c r="AE527" s="7">
        <v>1605.2882845300001</v>
      </c>
      <c r="AF527" s="7">
        <v>1645.2259713999999</v>
      </c>
      <c r="AG527" s="9">
        <v>23116.949118699995</v>
      </c>
      <c r="AH527" s="13">
        <v>0.56631110988879219</v>
      </c>
      <c r="AI527" s="9">
        <v>4390.1679771999989</v>
      </c>
      <c r="AJ527" s="13">
        <v>0.10754883297966004</v>
      </c>
      <c r="AK527" s="9">
        <v>10420.239837599998</v>
      </c>
      <c r="AL527" s="13">
        <v>0.23048326410939576</v>
      </c>
      <c r="AM527" s="9">
        <v>8306.5413038999977</v>
      </c>
      <c r="AN527" s="13">
        <v>0.14931594888246733</v>
      </c>
      <c r="AO527" s="9">
        <v>18726.781141499996</v>
      </c>
      <c r="AP527" s="13">
        <v>0.41421404027388586</v>
      </c>
      <c r="AQ527" s="9">
        <v>40820.228872500003</v>
      </c>
      <c r="AR527" s="9">
        <v>40265.076017599997</v>
      </c>
      <c r="AS527" s="9">
        <v>40847.766525899999</v>
      </c>
      <c r="AT527" s="9">
        <v>41126.692205699997</v>
      </c>
      <c r="AU527" s="9">
        <v>44619.048254000001</v>
      </c>
      <c r="AV527" s="9">
        <v>45336.719424499999</v>
      </c>
      <c r="AW527" s="9">
        <v>45210.396849700002</v>
      </c>
      <c r="AX527" s="9">
        <v>46174.442798800002</v>
      </c>
      <c r="AY527" s="9">
        <v>47560.614207899998</v>
      </c>
      <c r="AZ527" s="9">
        <v>55630.636687300001</v>
      </c>
      <c r="BA527" s="9">
        <v>57699.159334999997</v>
      </c>
      <c r="BB527" s="9">
        <v>59892.4864418</v>
      </c>
      <c r="BC527" s="9">
        <v>60920.572690399997</v>
      </c>
      <c r="BD527" s="9">
        <v>62221.6280549</v>
      </c>
      <c r="BE527" s="9">
        <v>64087.417149399997</v>
      </c>
      <c r="BF527" s="9">
        <v>63937.177991199998</v>
      </c>
      <c r="BG527" s="11">
        <v>-8.5</v>
      </c>
      <c r="BH527" s="13">
        <v>-8.8541666666666671E-2</v>
      </c>
      <c r="BI527" s="6">
        <v>-8</v>
      </c>
      <c r="BJ527" s="13">
        <v>-8.3333333333333329E-2</v>
      </c>
      <c r="BK527" s="6">
        <v>-5</v>
      </c>
      <c r="BL527" s="13">
        <v>-5.6818181818181816E-2</v>
      </c>
      <c r="BM527" s="11">
        <v>4.5</v>
      </c>
      <c r="BN527" s="13">
        <v>5.4216867469879519E-2</v>
      </c>
      <c r="BO527" s="11">
        <v>-0.5</v>
      </c>
      <c r="BP527" s="13">
        <v>-5.681818181818182E-3</v>
      </c>
      <c r="BQ527" s="6">
        <v>96</v>
      </c>
      <c r="BR527" s="6">
        <v>94</v>
      </c>
      <c r="BS527" s="6">
        <v>94</v>
      </c>
      <c r="BT527" s="6">
        <v>88</v>
      </c>
      <c r="BU527" s="6">
        <v>86</v>
      </c>
      <c r="BV527" s="6">
        <v>82</v>
      </c>
      <c r="BW527" s="6">
        <v>83</v>
      </c>
      <c r="BX527" s="6">
        <v>77</v>
      </c>
      <c r="BY527" s="6">
        <v>81</v>
      </c>
      <c r="BZ527" s="6">
        <v>86</v>
      </c>
      <c r="CA527" s="6">
        <v>85</v>
      </c>
      <c r="CB527" s="6">
        <v>88</v>
      </c>
      <c r="CC527" s="11">
        <v>87.5</v>
      </c>
      <c r="CD527" s="11">
        <v>312.90100000000001</v>
      </c>
      <c r="CE527" s="11">
        <v>-106.021</v>
      </c>
      <c r="CF527" s="11">
        <v>141.73500000000001</v>
      </c>
      <c r="CG527" s="11">
        <v>36</v>
      </c>
      <c r="CH527" s="20">
        <v>0.55522400000000005</v>
      </c>
      <c r="CI527" s="20">
        <v>0.57578700000000005</v>
      </c>
      <c r="CJ527" s="20">
        <v>0.55172900000000002</v>
      </c>
      <c r="CK527" s="20">
        <v>0.56170200000000003</v>
      </c>
      <c r="CL527" s="20">
        <v>0.57478899999999999</v>
      </c>
      <c r="CM527" s="20">
        <v>0.62180000000000002</v>
      </c>
      <c r="CN527" s="20">
        <v>0.58011800000000002</v>
      </c>
      <c r="CO527" s="20">
        <v>0.55954199999999998</v>
      </c>
      <c r="CP527" s="20">
        <v>0.60996399999999995</v>
      </c>
      <c r="CQ527" s="20">
        <v>0.65946800000000005</v>
      </c>
      <c r="CR527" s="20">
        <v>0.67617899999999997</v>
      </c>
      <c r="CS527" s="20">
        <v>0.70676899999999998</v>
      </c>
      <c r="CT527" s="20">
        <v>0.73207800000000001</v>
      </c>
      <c r="CU527" s="20">
        <v>0.73716400000000004</v>
      </c>
      <c r="CV527" s="20">
        <v>0.74722</v>
      </c>
      <c r="CW527" s="20">
        <v>0.75197700000000001</v>
      </c>
      <c r="CX527" s="20">
        <v>0.77071599999999996</v>
      </c>
      <c r="CY527" s="6" t="s">
        <v>476</v>
      </c>
      <c r="CZ527" s="6" t="s">
        <v>477</v>
      </c>
      <c r="DA527" s="6" t="s">
        <v>144</v>
      </c>
      <c r="DB527" s="6"/>
      <c r="DC527" s="6">
        <v>27620</v>
      </c>
      <c r="DD527" s="6"/>
      <c r="DE527" s="6" t="s">
        <v>436</v>
      </c>
      <c r="DF527" s="6" t="s">
        <v>375</v>
      </c>
      <c r="DG527" s="6" t="s">
        <v>364</v>
      </c>
      <c r="DH527" s="6" t="s">
        <v>419</v>
      </c>
      <c r="DI527" s="6"/>
      <c r="DJ527" s="6">
        <v>29</v>
      </c>
      <c r="DK527" s="6">
        <v>51</v>
      </c>
      <c r="DL527" s="6">
        <v>2</v>
      </c>
      <c r="DM527" s="6" t="s">
        <v>379</v>
      </c>
      <c r="DN527" s="6">
        <v>3</v>
      </c>
      <c r="DO527" s="6" t="s">
        <v>380</v>
      </c>
      <c r="DP527" s="6"/>
      <c r="DQ527" s="6"/>
    </row>
    <row r="528" spans="1:121" x14ac:dyDescent="0.2">
      <c r="A528" s="6" t="s">
        <v>793</v>
      </c>
      <c r="B528" s="6" t="s">
        <v>179</v>
      </c>
      <c r="C528" s="6" t="s">
        <v>180</v>
      </c>
      <c r="D528" s="6" t="s">
        <v>144</v>
      </c>
      <c r="E528" s="6" t="s">
        <v>285</v>
      </c>
      <c r="F528" s="11">
        <v>-670</v>
      </c>
      <c r="G528" s="13">
        <v>-0.09</v>
      </c>
      <c r="H528" s="11">
        <v>-583</v>
      </c>
      <c r="I528" s="13">
        <v>-7.9018704255895911E-2</v>
      </c>
      <c r="J528" s="11">
        <v>-251</v>
      </c>
      <c r="K528" s="13">
        <v>-3.6938925680647536E-2</v>
      </c>
      <c r="L528" s="11">
        <v>164</v>
      </c>
      <c r="M528" s="13">
        <v>2.5061124694376529E-2</v>
      </c>
      <c r="N528" s="11">
        <v>-87</v>
      </c>
      <c r="O528" s="13">
        <v>-1.2803532008830025E-2</v>
      </c>
      <c r="P528" s="7">
        <v>7378</v>
      </c>
      <c r="Q528" s="7">
        <v>7101</v>
      </c>
      <c r="R528" s="7">
        <v>7251</v>
      </c>
      <c r="S528" s="7">
        <v>7127</v>
      </c>
      <c r="T528" s="7">
        <v>6971</v>
      </c>
      <c r="U528" s="7">
        <v>6699</v>
      </c>
      <c r="V528" s="7">
        <v>6795</v>
      </c>
      <c r="W528" s="7">
        <v>6529</v>
      </c>
      <c r="X528" s="7">
        <v>6284</v>
      </c>
      <c r="Y528" s="7">
        <v>6544</v>
      </c>
      <c r="Z528" s="7">
        <v>6478</v>
      </c>
      <c r="AA528" s="7">
        <v>6213</v>
      </c>
      <c r="AB528" s="7">
        <v>6139</v>
      </c>
      <c r="AC528" s="7">
        <v>6235</v>
      </c>
      <c r="AD528" s="7">
        <v>6533</v>
      </c>
      <c r="AE528" s="7">
        <v>6681</v>
      </c>
      <c r="AF528" s="7">
        <v>6708</v>
      </c>
      <c r="AG528" s="9">
        <v>7431</v>
      </c>
      <c r="AH528" s="13">
        <v>0.34936530324400566</v>
      </c>
      <c r="AI528" s="9">
        <v>3156</v>
      </c>
      <c r="AJ528" s="13">
        <v>0.14837799717912553</v>
      </c>
      <c r="AK528" s="9">
        <v>1027</v>
      </c>
      <c r="AL528" s="13">
        <v>4.2045361500040943E-2</v>
      </c>
      <c r="AM528" s="9">
        <v>3248</v>
      </c>
      <c r="AN528" s="13">
        <v>0.12760774761324797</v>
      </c>
      <c r="AO528" s="9">
        <v>4275</v>
      </c>
      <c r="AP528" s="13">
        <v>0.17501842299189388</v>
      </c>
      <c r="AQ528" s="9">
        <v>21270</v>
      </c>
      <c r="AR528" s="9">
        <v>23050</v>
      </c>
      <c r="AS528" s="9">
        <v>22926</v>
      </c>
      <c r="AT528" s="9">
        <v>22812</v>
      </c>
      <c r="AU528" s="9">
        <v>23530</v>
      </c>
      <c r="AV528" s="9">
        <v>24175</v>
      </c>
      <c r="AW528" s="9">
        <v>24426</v>
      </c>
      <c r="AX528" s="9">
        <v>25112</v>
      </c>
      <c r="AY528" s="9">
        <v>25261</v>
      </c>
      <c r="AZ528" s="9">
        <v>25453</v>
      </c>
      <c r="BA528" s="9">
        <v>25926</v>
      </c>
      <c r="BB528" s="9">
        <v>26259</v>
      </c>
      <c r="BC528" s="9">
        <v>27092</v>
      </c>
      <c r="BD528" s="9">
        <v>27818</v>
      </c>
      <c r="BE528" s="9">
        <v>27832</v>
      </c>
      <c r="BF528" s="9">
        <v>28701</v>
      </c>
      <c r="BG528" s="11">
        <v>-51</v>
      </c>
      <c r="BH528" s="13">
        <v>-0.15887850467289719</v>
      </c>
      <c r="BI528" s="6">
        <v>-11</v>
      </c>
      <c r="BJ528" s="13">
        <v>-3.4267912772585667E-2</v>
      </c>
      <c r="BK528" s="6">
        <v>-16</v>
      </c>
      <c r="BL528" s="13">
        <v>-5.1612903225806452E-2</v>
      </c>
      <c r="BM528" s="11">
        <v>-24</v>
      </c>
      <c r="BN528" s="13">
        <v>-8.1632653061224483E-2</v>
      </c>
      <c r="BO528" s="11">
        <v>-40</v>
      </c>
      <c r="BP528" s="13">
        <v>-0.12903225806451613</v>
      </c>
      <c r="BQ528" s="6">
        <v>321</v>
      </c>
      <c r="BR528" s="6">
        <v>321</v>
      </c>
      <c r="BS528" s="6">
        <v>312</v>
      </c>
      <c r="BT528" s="6">
        <v>310</v>
      </c>
      <c r="BU528" s="6">
        <v>306</v>
      </c>
      <c r="BV528" s="6">
        <v>296</v>
      </c>
      <c r="BW528" s="6">
        <v>294</v>
      </c>
      <c r="BX528" s="6">
        <v>289</v>
      </c>
      <c r="BY528" s="6">
        <v>277</v>
      </c>
      <c r="BZ528" s="6">
        <v>282</v>
      </c>
      <c r="CA528" s="6">
        <v>276</v>
      </c>
      <c r="CB528" s="6">
        <v>273</v>
      </c>
      <c r="CC528" s="11">
        <v>270</v>
      </c>
      <c r="CD528" s="11">
        <v>-1004</v>
      </c>
      <c r="CE528" s="11">
        <v>-473</v>
      </c>
      <c r="CF528" s="11">
        <v>806</v>
      </c>
      <c r="CG528" s="11">
        <v>333</v>
      </c>
      <c r="CH528" s="20">
        <v>1.18</v>
      </c>
      <c r="CI528" s="20">
        <v>1.1499999999999999</v>
      </c>
      <c r="CJ528" s="20">
        <v>1.1499999999999999</v>
      </c>
      <c r="CK528" s="20">
        <v>1.1299999999999999</v>
      </c>
      <c r="CL528" s="20">
        <v>1.1299999999999999</v>
      </c>
      <c r="CM528" s="20">
        <v>1.0900000000000001</v>
      </c>
      <c r="CN528" s="20">
        <v>1.1000000000000001</v>
      </c>
      <c r="CO528" s="20">
        <v>1.07</v>
      </c>
      <c r="CP528" s="20">
        <v>1.05</v>
      </c>
      <c r="CQ528" s="20">
        <v>1.1100000000000001</v>
      </c>
      <c r="CR528" s="20">
        <v>1.1100000000000001</v>
      </c>
      <c r="CS528" s="20">
        <v>1.07</v>
      </c>
      <c r="CT528" s="20">
        <v>1.07</v>
      </c>
      <c r="CU528" s="20">
        <v>1.0900000000000001</v>
      </c>
      <c r="CV528" s="20">
        <v>1.1299999999999999</v>
      </c>
      <c r="CW528" s="20">
        <v>1.1499999999999999</v>
      </c>
      <c r="CX528" s="20">
        <v>1.1499999999999999</v>
      </c>
      <c r="CY528" s="6" t="s">
        <v>476</v>
      </c>
      <c r="CZ528" s="6" t="s">
        <v>477</v>
      </c>
      <c r="DA528" s="6" t="s">
        <v>144</v>
      </c>
      <c r="DB528" s="6"/>
      <c r="DC528" s="6">
        <v>27620</v>
      </c>
      <c r="DD528" s="6"/>
      <c r="DE528" s="6" t="s">
        <v>436</v>
      </c>
      <c r="DF528" s="6" t="s">
        <v>375</v>
      </c>
      <c r="DG528" s="6" t="s">
        <v>364</v>
      </c>
      <c r="DH528" s="6" t="s">
        <v>419</v>
      </c>
      <c r="DI528" s="6"/>
      <c r="DJ528" s="6">
        <v>29</v>
      </c>
      <c r="DK528" s="6">
        <v>51</v>
      </c>
      <c r="DL528" s="6">
        <v>2</v>
      </c>
      <c r="DM528" s="6" t="s">
        <v>379</v>
      </c>
      <c r="DN528" s="6">
        <v>3</v>
      </c>
      <c r="DO528" s="6" t="s">
        <v>380</v>
      </c>
      <c r="DP528" s="6"/>
      <c r="DQ528" s="6"/>
    </row>
    <row r="529" spans="1:121" x14ac:dyDescent="0.2">
      <c r="A529" s="6" t="s">
        <v>794</v>
      </c>
      <c r="B529" s="6" t="s">
        <v>181</v>
      </c>
      <c r="C529" s="6" t="s">
        <v>182</v>
      </c>
      <c r="D529" s="6" t="s">
        <v>144</v>
      </c>
      <c r="E529" s="6" t="s">
        <v>285</v>
      </c>
      <c r="F529" s="11">
        <v>-35</v>
      </c>
      <c r="G529" s="13">
        <v>-0.05</v>
      </c>
      <c r="H529" s="11">
        <v>-116.71263891900003</v>
      </c>
      <c r="I529" s="13">
        <v>-0.16677064831063687</v>
      </c>
      <c r="J529" s="11">
        <v>-2.8702989059999027</v>
      </c>
      <c r="K529" s="13">
        <v>-4.922257094425962E-3</v>
      </c>
      <c r="L529" s="11">
        <v>84.868773501999954</v>
      </c>
      <c r="M529" s="13">
        <v>0.14626084617532453</v>
      </c>
      <c r="N529" s="11">
        <v>81.998474596000051</v>
      </c>
      <c r="O529" s="13">
        <v>0.14061865559317535</v>
      </c>
      <c r="P529" s="7">
        <v>699.83921092399999</v>
      </c>
      <c r="Q529" s="7">
        <v>623.28079637899998</v>
      </c>
      <c r="R529" s="7">
        <v>529.96814927000003</v>
      </c>
      <c r="S529" s="7">
        <v>559.68933175500001</v>
      </c>
      <c r="T529" s="7">
        <v>584.981173625</v>
      </c>
      <c r="U529" s="7">
        <v>616.64666747800004</v>
      </c>
      <c r="V529" s="7">
        <v>583.12657200499996</v>
      </c>
      <c r="W529" s="7">
        <v>597.30967644899999</v>
      </c>
      <c r="X529" s="7">
        <v>629.05548137699998</v>
      </c>
      <c r="Y529" s="7">
        <v>580.25627309900005</v>
      </c>
      <c r="Z529" s="7">
        <v>537.67138496600001</v>
      </c>
      <c r="AA529" s="7">
        <v>558.50076295300005</v>
      </c>
      <c r="AB529" s="7">
        <v>556.04218344799995</v>
      </c>
      <c r="AC529" s="7">
        <v>596.72532456099998</v>
      </c>
      <c r="AD529" s="7">
        <v>623.23166488300001</v>
      </c>
      <c r="AE529" s="7">
        <v>644.65297499200005</v>
      </c>
      <c r="AF529" s="7">
        <v>665.12504660100001</v>
      </c>
      <c r="AG529" s="9">
        <v>8952.7374334000051</v>
      </c>
      <c r="AH529" s="13">
        <v>0.24659642153545283</v>
      </c>
      <c r="AI529" s="9">
        <v>409.71609440000611</v>
      </c>
      <c r="AJ529" s="13">
        <v>1.1285321777403354E-2</v>
      </c>
      <c r="AK529" s="9">
        <v>5616.3690571999978</v>
      </c>
      <c r="AL529" s="13">
        <v>0.152972321176157</v>
      </c>
      <c r="AM529" s="9">
        <v>2926.6522818000012</v>
      </c>
      <c r="AN529" s="13">
        <v>6.913683014844664E-2</v>
      </c>
      <c r="AO529" s="9">
        <v>8543.021338999999</v>
      </c>
      <c r="AP529" s="13">
        <v>0.23268517271117323</v>
      </c>
      <c r="AQ529" s="9">
        <v>36305.220398799996</v>
      </c>
      <c r="AR529" s="9">
        <v>38512.820895700002</v>
      </c>
      <c r="AS529" s="9">
        <v>38033.430370599999</v>
      </c>
      <c r="AT529" s="9">
        <v>37753.568000599997</v>
      </c>
      <c r="AU529" s="9">
        <v>36460.074122700003</v>
      </c>
      <c r="AV529" s="9">
        <v>35210.481561300003</v>
      </c>
      <c r="AW529" s="9">
        <v>36714.936493200003</v>
      </c>
      <c r="AX529" s="9">
        <v>38092.6745028</v>
      </c>
      <c r="AY529" s="9">
        <v>40545.866479800003</v>
      </c>
      <c r="AZ529" s="9">
        <v>42331.3055504</v>
      </c>
      <c r="BA529" s="9">
        <v>43188.401310699999</v>
      </c>
      <c r="BB529" s="9">
        <v>43968.440324299998</v>
      </c>
      <c r="BC529" s="9">
        <v>43304.256072600001</v>
      </c>
      <c r="BD529" s="9">
        <v>43428.056338399998</v>
      </c>
      <c r="BE529" s="9">
        <v>44776.077937000002</v>
      </c>
      <c r="BF529" s="9">
        <v>45257.957832200002</v>
      </c>
      <c r="BG529" s="11">
        <v>-1.75</v>
      </c>
      <c r="BH529" s="13">
        <v>-4.1666666666666664E-2</v>
      </c>
      <c r="BI529" s="6">
        <v>-5</v>
      </c>
      <c r="BJ529" s="13">
        <v>-0.11904761904761904</v>
      </c>
      <c r="BK529" s="6">
        <v>5</v>
      </c>
      <c r="BL529" s="13">
        <v>0.13513513513513514</v>
      </c>
      <c r="BM529" s="11">
        <v>-1.75</v>
      </c>
      <c r="BN529" s="13">
        <v>-4.1666666666666664E-2</v>
      </c>
      <c r="BO529" s="11">
        <v>3.25</v>
      </c>
      <c r="BP529" s="13">
        <v>8.7837837837837843E-2</v>
      </c>
      <c r="BQ529" s="6">
        <v>42</v>
      </c>
      <c r="BR529" s="6">
        <v>44</v>
      </c>
      <c r="BS529" s="6">
        <v>39</v>
      </c>
      <c r="BT529" s="6">
        <v>37</v>
      </c>
      <c r="BU529" s="6">
        <v>41</v>
      </c>
      <c r="BV529" s="6">
        <v>41</v>
      </c>
      <c r="BW529" s="6">
        <v>42</v>
      </c>
      <c r="BX529" s="6">
        <v>39</v>
      </c>
      <c r="BY529" s="6">
        <v>39</v>
      </c>
      <c r="BZ529" s="6">
        <v>41</v>
      </c>
      <c r="CA529" s="6">
        <v>42</v>
      </c>
      <c r="CB529" s="6">
        <v>42</v>
      </c>
      <c r="CC529" s="11">
        <v>40.25</v>
      </c>
      <c r="CD529" s="11">
        <v>-155.32599999999999</v>
      </c>
      <c r="CE529" s="11">
        <v>44.1111</v>
      </c>
      <c r="CF529" s="11">
        <v>76.500900000000001</v>
      </c>
      <c r="CG529" s="11">
        <v>121</v>
      </c>
      <c r="CH529" s="20">
        <v>0.37857200000000002</v>
      </c>
      <c r="CI529" s="20">
        <v>0.35112100000000002</v>
      </c>
      <c r="CJ529" s="20">
        <v>0.29184599999999999</v>
      </c>
      <c r="CK529" s="20">
        <v>0.30568499999999998</v>
      </c>
      <c r="CL529" s="20">
        <v>0.32094800000000001</v>
      </c>
      <c r="CM529" s="20">
        <v>0.33511099999999999</v>
      </c>
      <c r="CN529" s="20">
        <v>0.312274</v>
      </c>
      <c r="CO529" s="20">
        <v>0.318689</v>
      </c>
      <c r="CP529" s="20">
        <v>0.349105</v>
      </c>
      <c r="CQ529" s="20">
        <v>0.32681100000000002</v>
      </c>
      <c r="CR529" s="20">
        <v>0.30221700000000001</v>
      </c>
      <c r="CS529" s="20">
        <v>0.31347199999999997</v>
      </c>
      <c r="CT529" s="20">
        <v>0.31340499999999999</v>
      </c>
      <c r="CU529" s="20">
        <v>0.33082699999999998</v>
      </c>
      <c r="CV529" s="20">
        <v>0.33452500000000002</v>
      </c>
      <c r="CW529" s="20">
        <v>0.336559</v>
      </c>
      <c r="CX529" s="20">
        <v>0.34499299999999999</v>
      </c>
      <c r="CY529" s="6" t="s">
        <v>476</v>
      </c>
      <c r="CZ529" s="6" t="s">
        <v>477</v>
      </c>
      <c r="DA529" s="6" t="s">
        <v>144</v>
      </c>
      <c r="DB529" s="6"/>
      <c r="DC529" s="6">
        <v>27620</v>
      </c>
      <c r="DD529" s="6"/>
      <c r="DE529" s="6" t="s">
        <v>436</v>
      </c>
      <c r="DF529" s="6" t="s">
        <v>375</v>
      </c>
      <c r="DG529" s="6" t="s">
        <v>364</v>
      </c>
      <c r="DH529" s="6" t="s">
        <v>419</v>
      </c>
      <c r="DI529" s="6"/>
      <c r="DJ529" s="6">
        <v>29</v>
      </c>
      <c r="DK529" s="6">
        <v>51</v>
      </c>
      <c r="DL529" s="6">
        <v>2</v>
      </c>
      <c r="DM529" s="6" t="s">
        <v>379</v>
      </c>
      <c r="DN529" s="6">
        <v>3</v>
      </c>
      <c r="DO529" s="6" t="s">
        <v>380</v>
      </c>
      <c r="DP529" s="6"/>
      <c r="DQ529" s="6"/>
    </row>
    <row r="530" spans="1:121" x14ac:dyDescent="0.2">
      <c r="A530" s="6" t="s">
        <v>314</v>
      </c>
      <c r="B530" s="6" t="s">
        <v>314</v>
      </c>
      <c r="C530" s="6" t="s">
        <v>183</v>
      </c>
      <c r="D530" s="6" t="s">
        <v>144</v>
      </c>
      <c r="E530" s="6" t="s">
        <v>285</v>
      </c>
      <c r="F530" s="11">
        <v>212</v>
      </c>
      <c r="G530" s="13">
        <v>0.22410147991500001</v>
      </c>
      <c r="H530" s="11">
        <v>130.91388943800007</v>
      </c>
      <c r="I530" s="13">
        <v>0.13841096885530071</v>
      </c>
      <c r="J530" s="11">
        <v>-213.90090878100011</v>
      </c>
      <c r="K530" s="13">
        <v>-0.19865446959976876</v>
      </c>
      <c r="L530" s="11">
        <v>294.87610068099991</v>
      </c>
      <c r="M530" s="13">
        <v>0.34174759516215636</v>
      </c>
      <c r="N530" s="11">
        <v>80.9751918999998</v>
      </c>
      <c r="O530" s="13">
        <v>7.52034383084529E-2</v>
      </c>
      <c r="P530" s="7">
        <v>945.83464389200003</v>
      </c>
      <c r="Q530" s="7">
        <v>896.214075063</v>
      </c>
      <c r="R530" s="7">
        <v>882.23714868599995</v>
      </c>
      <c r="S530" s="7">
        <v>812.36845893600002</v>
      </c>
      <c r="T530" s="7">
        <v>811.433001171</v>
      </c>
      <c r="U530" s="7">
        <v>894.130931035</v>
      </c>
      <c r="V530" s="7">
        <v>1076.7485333300001</v>
      </c>
      <c r="W530" s="7">
        <v>1135.09095729</v>
      </c>
      <c r="X530" s="7">
        <v>968.867725275</v>
      </c>
      <c r="Y530" s="7">
        <v>862.84762454899999</v>
      </c>
      <c r="Z530" s="7">
        <v>837.48857150499998</v>
      </c>
      <c r="AA530" s="7">
        <v>1004.13598496</v>
      </c>
      <c r="AB530" s="7">
        <v>993.07093607299998</v>
      </c>
      <c r="AC530" s="7">
        <v>1057.9892507100001</v>
      </c>
      <c r="AD530" s="7">
        <v>1098.5236751</v>
      </c>
      <c r="AE530" s="7">
        <v>1134.86723493</v>
      </c>
      <c r="AF530" s="7">
        <v>1157.7237252299999</v>
      </c>
      <c r="AG530" s="9">
        <v>12597.994900400001</v>
      </c>
      <c r="AH530" s="13">
        <v>0.30360778527380666</v>
      </c>
      <c r="AI530" s="9">
        <v>10529.160884199999</v>
      </c>
      <c r="AJ530" s="13">
        <v>0.25374952459633537</v>
      </c>
      <c r="AK530" s="9">
        <v>538.17245460000413</v>
      </c>
      <c r="AL530" s="13">
        <v>1.0344801451092496E-2</v>
      </c>
      <c r="AM530" s="9">
        <v>1530.6615615999981</v>
      </c>
      <c r="AN530" s="13">
        <v>2.912126652994837E-2</v>
      </c>
      <c r="AO530" s="9">
        <v>2068.8340162000022</v>
      </c>
      <c r="AP530" s="13">
        <v>3.9767321701297521E-2</v>
      </c>
      <c r="AQ530" s="9">
        <v>41494.307825600001</v>
      </c>
      <c r="AR530" s="9">
        <v>43466.053659899997</v>
      </c>
      <c r="AS530" s="9">
        <v>49113.620022199997</v>
      </c>
      <c r="AT530" s="9">
        <v>53090.196340100003</v>
      </c>
      <c r="AU530" s="9">
        <v>53296.208186000003</v>
      </c>
      <c r="AV530" s="9">
        <v>52593.3825555</v>
      </c>
      <c r="AW530" s="9">
        <v>52023.468709799999</v>
      </c>
      <c r="AX530" s="9">
        <v>57463.386381900003</v>
      </c>
      <c r="AY530" s="9">
        <v>56514.509315099996</v>
      </c>
      <c r="AZ530" s="9">
        <v>52561.641164400004</v>
      </c>
      <c r="BA530" s="9">
        <v>53801.768155600003</v>
      </c>
      <c r="BB530" s="9">
        <v>54092.3174268</v>
      </c>
      <c r="BC530" s="9">
        <v>67405.224618399996</v>
      </c>
      <c r="BD530" s="9">
        <v>54897.812406899997</v>
      </c>
      <c r="BE530" s="9">
        <v>55321.689814700003</v>
      </c>
      <c r="BF530" s="9">
        <v>54092.302726000002</v>
      </c>
      <c r="BG530" s="11">
        <v>-1</v>
      </c>
      <c r="BH530" s="13">
        <v>-2.9411764705882353E-2</v>
      </c>
      <c r="BI530" s="6">
        <v>0</v>
      </c>
      <c r="BJ530" s="13">
        <v>0</v>
      </c>
      <c r="BK530" s="6">
        <v>0</v>
      </c>
      <c r="BL530" s="13">
        <v>0</v>
      </c>
      <c r="BM530" s="11">
        <v>-1</v>
      </c>
      <c r="BN530" s="13">
        <v>-2.9411764705882353E-2</v>
      </c>
      <c r="BO530" s="11">
        <v>-1</v>
      </c>
      <c r="BP530" s="13">
        <v>-2.9411764705882353E-2</v>
      </c>
      <c r="BQ530" s="6">
        <v>34</v>
      </c>
      <c r="BR530" s="6">
        <v>32</v>
      </c>
      <c r="BS530" s="6">
        <v>33</v>
      </c>
      <c r="BT530" s="6">
        <v>34</v>
      </c>
      <c r="BU530" s="6">
        <v>34</v>
      </c>
      <c r="BV530" s="6">
        <v>36</v>
      </c>
      <c r="BW530" s="6">
        <v>34</v>
      </c>
      <c r="BX530" s="6">
        <v>31</v>
      </c>
      <c r="BY530" s="6">
        <v>33</v>
      </c>
      <c r="BZ530" s="6">
        <v>36</v>
      </c>
      <c r="CA530" s="6">
        <v>34</v>
      </c>
      <c r="CB530" s="6">
        <v>33</v>
      </c>
      <c r="CC530" s="11">
        <v>33</v>
      </c>
      <c r="CD530" s="11">
        <v>398.19799999999998</v>
      </c>
      <c r="CE530" s="11">
        <v>-289.7</v>
      </c>
      <c r="CF530" s="11">
        <v>103.39100000000001</v>
      </c>
      <c r="CG530" s="11">
        <v>-187</v>
      </c>
      <c r="CH530" s="20">
        <v>0.64971900000000005</v>
      </c>
      <c r="CI530" s="20">
        <v>0.659215</v>
      </c>
      <c r="CJ530" s="20">
        <v>0.66237000000000001</v>
      </c>
      <c r="CK530" s="20">
        <v>0.63049999999999995</v>
      </c>
      <c r="CL530" s="20">
        <v>0.65661599999999998</v>
      </c>
      <c r="CM530" s="20">
        <v>0.73802900000000005</v>
      </c>
      <c r="CN530" s="20">
        <v>0.89585899999999996</v>
      </c>
      <c r="CO530" s="20">
        <v>0.949098</v>
      </c>
      <c r="CP530" s="20">
        <v>0.83865199999999995</v>
      </c>
      <c r="CQ530" s="20">
        <v>0.77749100000000004</v>
      </c>
      <c r="CR530" s="20">
        <v>0.78115199999999996</v>
      </c>
      <c r="CS530" s="20">
        <v>0.95413000000000003</v>
      </c>
      <c r="CT530" s="20">
        <v>0.95741600000000004</v>
      </c>
      <c r="CU530" s="20">
        <v>1.02484</v>
      </c>
      <c r="CV530" s="20">
        <v>1.06786</v>
      </c>
      <c r="CW530" s="20">
        <v>1.0847100000000001</v>
      </c>
      <c r="CX530" s="20">
        <v>1.11327</v>
      </c>
      <c r="CY530" s="6" t="s">
        <v>476</v>
      </c>
      <c r="CZ530" s="6" t="s">
        <v>477</v>
      </c>
      <c r="DA530" s="6" t="s">
        <v>144</v>
      </c>
      <c r="DB530" s="6"/>
      <c r="DC530" s="6">
        <v>27620</v>
      </c>
      <c r="DD530" s="6"/>
      <c r="DE530" s="6" t="s">
        <v>436</v>
      </c>
      <c r="DF530" s="6" t="s">
        <v>375</v>
      </c>
      <c r="DG530" s="6" t="s">
        <v>364</v>
      </c>
      <c r="DH530" s="6" t="s">
        <v>419</v>
      </c>
      <c r="DI530" s="6"/>
      <c r="DJ530" s="6">
        <v>29</v>
      </c>
      <c r="DK530" s="6">
        <v>51</v>
      </c>
      <c r="DL530" s="6">
        <v>2</v>
      </c>
      <c r="DM530" s="6" t="s">
        <v>379</v>
      </c>
      <c r="DN530" s="6">
        <v>3</v>
      </c>
      <c r="DO530" s="6" t="s">
        <v>380</v>
      </c>
      <c r="DP530" s="6"/>
      <c r="DQ530" s="6"/>
    </row>
    <row r="531" spans="1:121" x14ac:dyDescent="0.2">
      <c r="A531" s="6" t="s">
        <v>315</v>
      </c>
      <c r="B531" s="6" t="s">
        <v>315</v>
      </c>
      <c r="C531" s="6" t="s">
        <v>184</v>
      </c>
      <c r="D531" s="6" t="s">
        <v>144</v>
      </c>
      <c r="E531" s="6" t="s">
        <v>285</v>
      </c>
      <c r="F531" s="11">
        <v>-179</v>
      </c>
      <c r="G531" s="13">
        <v>-0.08</v>
      </c>
      <c r="H531" s="11">
        <v>-80</v>
      </c>
      <c r="I531" s="13">
        <v>-3.7037037037037035E-2</v>
      </c>
      <c r="J531" s="11">
        <v>-196</v>
      </c>
      <c r="K531" s="13">
        <v>-9.4230769230769229E-2</v>
      </c>
      <c r="L531" s="11">
        <v>97</v>
      </c>
      <c r="M531" s="13">
        <v>5.1486199575371552E-2</v>
      </c>
      <c r="N531" s="11">
        <v>-99</v>
      </c>
      <c r="O531" s="13">
        <v>-4.7596153846153837E-2</v>
      </c>
      <c r="P531" s="7">
        <v>2160</v>
      </c>
      <c r="Q531" s="7">
        <v>2089</v>
      </c>
      <c r="R531" s="7">
        <v>2126</v>
      </c>
      <c r="S531" s="7">
        <v>2166</v>
      </c>
      <c r="T531" s="7">
        <v>2156</v>
      </c>
      <c r="U531" s="7">
        <v>2252</v>
      </c>
      <c r="V531" s="7">
        <v>2080</v>
      </c>
      <c r="W531" s="7">
        <v>1999</v>
      </c>
      <c r="X531" s="7">
        <v>1951</v>
      </c>
      <c r="Y531" s="7">
        <v>1884</v>
      </c>
      <c r="Z531" s="7">
        <v>1845</v>
      </c>
      <c r="AA531" s="7">
        <v>2008</v>
      </c>
      <c r="AB531" s="7">
        <v>1999</v>
      </c>
      <c r="AC531" s="7">
        <v>2037</v>
      </c>
      <c r="AD531" s="7">
        <v>1982</v>
      </c>
      <c r="AE531" s="7">
        <v>1963</v>
      </c>
      <c r="AF531" s="7">
        <v>1981</v>
      </c>
      <c r="AG531" s="9">
        <v>20492</v>
      </c>
      <c r="AH531" s="13">
        <v>0.4299532112209144</v>
      </c>
      <c r="AI531" s="9">
        <v>13452</v>
      </c>
      <c r="AJ531" s="13">
        <v>0.28224334361427583</v>
      </c>
      <c r="AK531" s="9">
        <v>3379</v>
      </c>
      <c r="AL531" s="13">
        <v>5.5291018277616871E-2</v>
      </c>
      <c r="AM531" s="9">
        <v>3661</v>
      </c>
      <c r="AN531" s="13">
        <v>5.6766730757303235E-2</v>
      </c>
      <c r="AO531" s="9">
        <v>7040</v>
      </c>
      <c r="AP531" s="13">
        <v>0.11519643938278272</v>
      </c>
      <c r="AQ531" s="9">
        <v>47661</v>
      </c>
      <c r="AR531" s="9">
        <v>49871</v>
      </c>
      <c r="AS531" s="9">
        <v>50555</v>
      </c>
      <c r="AT531" s="9">
        <v>51474</v>
      </c>
      <c r="AU531" s="9">
        <v>53538</v>
      </c>
      <c r="AV531" s="9">
        <v>55755</v>
      </c>
      <c r="AW531" s="9">
        <v>61113</v>
      </c>
      <c r="AX531" s="9">
        <v>61540</v>
      </c>
      <c r="AY531" s="9">
        <v>61307</v>
      </c>
      <c r="AZ531" s="9">
        <v>64492</v>
      </c>
      <c r="BA531" s="9">
        <v>65128</v>
      </c>
      <c r="BB531" s="9">
        <v>66510</v>
      </c>
      <c r="BC531" s="9">
        <v>64570</v>
      </c>
      <c r="BD531" s="9">
        <v>65224</v>
      </c>
      <c r="BE531" s="9">
        <v>66512</v>
      </c>
      <c r="BF531" s="9">
        <v>68153</v>
      </c>
      <c r="BG531" s="11">
        <v>11</v>
      </c>
      <c r="BH531" s="13">
        <v>6.6265060240963861E-2</v>
      </c>
      <c r="BI531" s="6">
        <v>11</v>
      </c>
      <c r="BJ531" s="13">
        <v>6.6265060240963861E-2</v>
      </c>
      <c r="BK531" s="6">
        <v>-9</v>
      </c>
      <c r="BL531" s="13">
        <v>-5.0847457627118647E-2</v>
      </c>
      <c r="BM531" s="11">
        <v>9</v>
      </c>
      <c r="BN531" s="13">
        <v>5.3571428571428568E-2</v>
      </c>
      <c r="BO531" s="11">
        <v>0</v>
      </c>
      <c r="BP531" s="13">
        <v>0</v>
      </c>
      <c r="BQ531" s="6">
        <v>166</v>
      </c>
      <c r="BR531" s="6">
        <v>165</v>
      </c>
      <c r="BS531" s="6">
        <v>164</v>
      </c>
      <c r="BT531" s="6">
        <v>177</v>
      </c>
      <c r="BU531" s="6">
        <v>166</v>
      </c>
      <c r="BV531" s="6">
        <v>167</v>
      </c>
      <c r="BW531" s="6">
        <v>168</v>
      </c>
      <c r="BX531" s="6">
        <v>169</v>
      </c>
      <c r="BY531" s="6">
        <v>170</v>
      </c>
      <c r="BZ531" s="6">
        <v>178</v>
      </c>
      <c r="CA531" s="6">
        <v>180</v>
      </c>
      <c r="CB531" s="6">
        <v>180</v>
      </c>
      <c r="CC531" s="11">
        <v>177</v>
      </c>
      <c r="CD531" s="11">
        <v>-243</v>
      </c>
      <c r="CE531" s="11">
        <v>-172</v>
      </c>
      <c r="CF531" s="11">
        <v>236</v>
      </c>
      <c r="CG531" s="11">
        <v>64</v>
      </c>
      <c r="CH531" s="20">
        <v>0.91</v>
      </c>
      <c r="CI531" s="20">
        <v>0.89</v>
      </c>
      <c r="CJ531" s="20">
        <v>0.86</v>
      </c>
      <c r="CK531" s="20">
        <v>0.89</v>
      </c>
      <c r="CL531" s="20">
        <v>0.89</v>
      </c>
      <c r="CM531" s="20">
        <v>0.93</v>
      </c>
      <c r="CN531" s="20">
        <v>0.86</v>
      </c>
      <c r="CO531" s="20">
        <v>0.84</v>
      </c>
      <c r="CP531" s="20">
        <v>0.84</v>
      </c>
      <c r="CQ531" s="20">
        <v>0.83</v>
      </c>
      <c r="CR531" s="20">
        <v>0.83</v>
      </c>
      <c r="CS531" s="20">
        <v>0.91</v>
      </c>
      <c r="CT531" s="20">
        <v>0.92</v>
      </c>
      <c r="CU531" s="20">
        <v>0.95</v>
      </c>
      <c r="CV531" s="20">
        <v>0.92</v>
      </c>
      <c r="CW531" s="20">
        <v>0.9</v>
      </c>
      <c r="CX531" s="20">
        <v>0.91</v>
      </c>
      <c r="CY531" s="6" t="s">
        <v>476</v>
      </c>
      <c r="CZ531" s="6" t="s">
        <v>477</v>
      </c>
      <c r="DA531" s="6" t="s">
        <v>144</v>
      </c>
      <c r="DB531" s="6"/>
      <c r="DC531" s="6">
        <v>27620</v>
      </c>
      <c r="DD531" s="6"/>
      <c r="DE531" s="6" t="s">
        <v>436</v>
      </c>
      <c r="DF531" s="6" t="s">
        <v>375</v>
      </c>
      <c r="DG531" s="6" t="s">
        <v>364</v>
      </c>
      <c r="DH531" s="6" t="s">
        <v>419</v>
      </c>
      <c r="DI531" s="6"/>
      <c r="DJ531" s="6">
        <v>29</v>
      </c>
      <c r="DK531" s="6">
        <v>51</v>
      </c>
      <c r="DL531" s="6">
        <v>2</v>
      </c>
      <c r="DM531" s="6" t="s">
        <v>379</v>
      </c>
      <c r="DN531" s="6">
        <v>3</v>
      </c>
      <c r="DO531" s="6" t="s">
        <v>380</v>
      </c>
      <c r="DP531" s="6"/>
      <c r="DQ531" s="6"/>
    </row>
    <row r="532" spans="1:121" x14ac:dyDescent="0.2">
      <c r="A532" s="6" t="s">
        <v>316</v>
      </c>
      <c r="B532" s="6" t="s">
        <v>316</v>
      </c>
      <c r="C532" s="6" t="s">
        <v>185</v>
      </c>
      <c r="D532" s="6" t="s">
        <v>144</v>
      </c>
      <c r="E532" s="6" t="s">
        <v>285</v>
      </c>
      <c r="F532" s="11">
        <v>24</v>
      </c>
      <c r="G532" s="13">
        <v>7.0000000000000007E-2</v>
      </c>
      <c r="H532" s="11">
        <v>71</v>
      </c>
      <c r="I532" s="13">
        <v>0.19887955182072828</v>
      </c>
      <c r="J532" s="11">
        <v>-32</v>
      </c>
      <c r="K532" s="13">
        <v>-7.476635514018691E-2</v>
      </c>
      <c r="L532" s="11">
        <v>-15</v>
      </c>
      <c r="M532" s="13">
        <v>-3.787878787878788E-2</v>
      </c>
      <c r="N532" s="11">
        <v>-47</v>
      </c>
      <c r="O532" s="13">
        <v>-0.10981308411214952</v>
      </c>
      <c r="P532" s="7">
        <v>357</v>
      </c>
      <c r="Q532" s="7">
        <v>353</v>
      </c>
      <c r="R532" s="7">
        <v>369</v>
      </c>
      <c r="S532" s="7">
        <v>372</v>
      </c>
      <c r="T532" s="7">
        <v>413</v>
      </c>
      <c r="U532" s="7">
        <v>438</v>
      </c>
      <c r="V532" s="7">
        <v>428</v>
      </c>
      <c r="W532" s="7">
        <v>412</v>
      </c>
      <c r="X532" s="7">
        <v>426</v>
      </c>
      <c r="Y532" s="7">
        <v>396</v>
      </c>
      <c r="Z532" s="7">
        <v>395</v>
      </c>
      <c r="AA532" s="7">
        <v>397</v>
      </c>
      <c r="AB532" s="7">
        <v>384</v>
      </c>
      <c r="AC532" s="7">
        <v>370</v>
      </c>
      <c r="AD532" s="7">
        <v>385</v>
      </c>
      <c r="AE532" s="7">
        <v>379</v>
      </c>
      <c r="AF532" s="7">
        <v>381</v>
      </c>
      <c r="AG532" s="9">
        <v>10748</v>
      </c>
      <c r="AH532" s="13">
        <v>0.4238838933585739</v>
      </c>
      <c r="AI532" s="9">
        <v>3009</v>
      </c>
      <c r="AJ532" s="13">
        <v>0.11867013724562234</v>
      </c>
      <c r="AK532" s="9">
        <v>1130</v>
      </c>
      <c r="AL532" s="13">
        <v>3.9837828309536402E-2</v>
      </c>
      <c r="AM532" s="9">
        <v>6609</v>
      </c>
      <c r="AN532" s="13">
        <v>0.22407187658925243</v>
      </c>
      <c r="AO532" s="9">
        <v>7739</v>
      </c>
      <c r="AP532" s="13">
        <v>0.27283624184734706</v>
      </c>
      <c r="AQ532" s="9">
        <v>25356</v>
      </c>
      <c r="AR532" s="9">
        <v>25773</v>
      </c>
      <c r="AS532" s="9">
        <v>26132</v>
      </c>
      <c r="AT532" s="9">
        <v>26377</v>
      </c>
      <c r="AU532" s="9">
        <v>27507</v>
      </c>
      <c r="AV532" s="9">
        <v>27910</v>
      </c>
      <c r="AW532" s="9">
        <v>28365</v>
      </c>
      <c r="AX532" s="9">
        <v>28994</v>
      </c>
      <c r="AY532" s="9">
        <v>30221</v>
      </c>
      <c r="AZ532" s="9">
        <v>29495</v>
      </c>
      <c r="BA532" s="9">
        <v>30131</v>
      </c>
      <c r="BB532" s="9">
        <v>32121</v>
      </c>
      <c r="BC532" s="9">
        <v>33849</v>
      </c>
      <c r="BD532" s="9">
        <v>33967</v>
      </c>
      <c r="BE532" s="9">
        <v>35982</v>
      </c>
      <c r="BF532" s="9">
        <v>36104</v>
      </c>
      <c r="BG532" s="11">
        <v>4</v>
      </c>
      <c r="BH532" s="13">
        <v>5.8823529411764705E-2</v>
      </c>
      <c r="BI532" s="6">
        <v>8</v>
      </c>
      <c r="BJ532" s="13">
        <v>0.11764705882352941</v>
      </c>
      <c r="BK532" s="6">
        <v>-16</v>
      </c>
      <c r="BL532" s="13">
        <v>-0.21052631578947367</v>
      </c>
      <c r="BM532" s="11">
        <v>12</v>
      </c>
      <c r="BN532" s="13">
        <v>0.2</v>
      </c>
      <c r="BO532" s="11">
        <v>-4</v>
      </c>
      <c r="BP532" s="13">
        <v>-5.2631578947368418E-2</v>
      </c>
      <c r="BQ532" s="6">
        <v>68</v>
      </c>
      <c r="BR532" s="6">
        <v>74</v>
      </c>
      <c r="BS532" s="6">
        <v>77</v>
      </c>
      <c r="BT532" s="6">
        <v>76</v>
      </c>
      <c r="BU532" s="6">
        <v>70</v>
      </c>
      <c r="BV532" s="6">
        <v>67</v>
      </c>
      <c r="BW532" s="6">
        <v>60</v>
      </c>
      <c r="BX532" s="6">
        <v>59</v>
      </c>
      <c r="BY532" s="6">
        <v>59</v>
      </c>
      <c r="BZ532" s="6">
        <v>61</v>
      </c>
      <c r="CA532" s="6">
        <v>63</v>
      </c>
      <c r="CB532" s="6">
        <v>75</v>
      </c>
      <c r="CC532" s="11">
        <v>72</v>
      </c>
      <c r="CD532" s="11">
        <v>3</v>
      </c>
      <c r="CE532" s="11">
        <v>-18</v>
      </c>
      <c r="CF532" s="11">
        <v>39</v>
      </c>
      <c r="CG532" s="11">
        <v>21</v>
      </c>
      <c r="CH532" s="20">
        <v>0.37</v>
      </c>
      <c r="CI532" s="20">
        <v>0.36</v>
      </c>
      <c r="CJ532" s="20">
        <v>0.36</v>
      </c>
      <c r="CK532" s="20">
        <v>0.36</v>
      </c>
      <c r="CL532" s="20">
        <v>0.39</v>
      </c>
      <c r="CM532" s="20">
        <v>0.42</v>
      </c>
      <c r="CN532" s="20">
        <v>0.41</v>
      </c>
      <c r="CO532" s="20">
        <v>0.4</v>
      </c>
      <c r="CP532" s="20">
        <v>0.43</v>
      </c>
      <c r="CQ532" s="20">
        <v>0.42</v>
      </c>
      <c r="CR532" s="20">
        <v>0.43</v>
      </c>
      <c r="CS532" s="20">
        <v>0.44</v>
      </c>
      <c r="CT532" s="20">
        <v>0.43</v>
      </c>
      <c r="CU532" s="20">
        <v>0.41</v>
      </c>
      <c r="CV532" s="20">
        <v>0.42</v>
      </c>
      <c r="CW532" s="20">
        <v>0.41</v>
      </c>
      <c r="CX532" s="20">
        <v>0.41</v>
      </c>
      <c r="CY532" s="6" t="s">
        <v>476</v>
      </c>
      <c r="CZ532" s="6" t="s">
        <v>477</v>
      </c>
      <c r="DA532" s="6" t="s">
        <v>144</v>
      </c>
      <c r="DB532" s="6"/>
      <c r="DC532" s="6">
        <v>27620</v>
      </c>
      <c r="DD532" s="6"/>
      <c r="DE532" s="6" t="s">
        <v>436</v>
      </c>
      <c r="DF532" s="6" t="s">
        <v>375</v>
      </c>
      <c r="DG532" s="6" t="s">
        <v>364</v>
      </c>
      <c r="DH532" s="6" t="s">
        <v>419</v>
      </c>
      <c r="DI532" s="6"/>
      <c r="DJ532" s="6">
        <v>29</v>
      </c>
      <c r="DK532" s="6">
        <v>51</v>
      </c>
      <c r="DL532" s="6">
        <v>2</v>
      </c>
      <c r="DM532" s="6" t="s">
        <v>379</v>
      </c>
      <c r="DN532" s="6">
        <v>3</v>
      </c>
      <c r="DO532" s="6" t="s">
        <v>380</v>
      </c>
      <c r="DP532" s="6"/>
      <c r="DQ532" s="6"/>
    </row>
    <row r="533" spans="1:121" x14ac:dyDescent="0.2">
      <c r="A533" s="6" t="s">
        <v>317</v>
      </c>
      <c r="B533" s="6" t="s">
        <v>317</v>
      </c>
      <c r="C533" s="6" t="s">
        <v>186</v>
      </c>
      <c r="D533" s="6" t="s">
        <v>144</v>
      </c>
      <c r="E533" s="6" t="s">
        <v>285</v>
      </c>
      <c r="F533" s="11">
        <v>568</v>
      </c>
      <c r="G533" s="13">
        <v>0.4</v>
      </c>
      <c r="H533" s="11">
        <v>330</v>
      </c>
      <c r="I533" s="13">
        <v>0.23093072078376489</v>
      </c>
      <c r="J533" s="11">
        <v>178</v>
      </c>
      <c r="K533" s="13">
        <v>0.10119386014781126</v>
      </c>
      <c r="L533" s="11">
        <v>60</v>
      </c>
      <c r="M533" s="13">
        <v>3.0975735673722252E-2</v>
      </c>
      <c r="N533" s="11">
        <v>238</v>
      </c>
      <c r="O533" s="13">
        <v>0.13530415008527572</v>
      </c>
      <c r="P533" s="7">
        <v>1429</v>
      </c>
      <c r="Q533" s="7">
        <v>1502</v>
      </c>
      <c r="R533" s="7">
        <v>1608</v>
      </c>
      <c r="S533" s="7">
        <v>1742</v>
      </c>
      <c r="T533" s="7">
        <v>1825</v>
      </c>
      <c r="U533" s="7">
        <v>1768</v>
      </c>
      <c r="V533" s="7">
        <v>1759</v>
      </c>
      <c r="W533" s="7">
        <v>1852</v>
      </c>
      <c r="X533" s="7">
        <v>1872</v>
      </c>
      <c r="Y533" s="7">
        <v>1937</v>
      </c>
      <c r="Z533" s="7">
        <v>1955</v>
      </c>
      <c r="AA533" s="7">
        <v>2004</v>
      </c>
      <c r="AB533" s="7">
        <v>2079</v>
      </c>
      <c r="AC533" s="7">
        <v>2048</v>
      </c>
      <c r="AD533" s="7">
        <v>2086</v>
      </c>
      <c r="AE533" s="7">
        <v>1965</v>
      </c>
      <c r="AF533" s="7">
        <v>1997</v>
      </c>
      <c r="AG533" s="9">
        <v>24295</v>
      </c>
      <c r="AH533" s="13">
        <v>0.50962829333780835</v>
      </c>
      <c r="AI533" s="9">
        <v>11302</v>
      </c>
      <c r="AJ533" s="13">
        <v>0.23707836885383457</v>
      </c>
      <c r="AK533" s="9">
        <v>6157</v>
      </c>
      <c r="AL533" s="13">
        <v>0.10440193983789468</v>
      </c>
      <c r="AM533" s="9">
        <v>6836</v>
      </c>
      <c r="AN533" s="13">
        <v>0.10495770063410664</v>
      </c>
      <c r="AO533" s="9">
        <v>12993</v>
      </c>
      <c r="AP533" s="13">
        <v>0.22031742801912707</v>
      </c>
      <c r="AQ533" s="9">
        <v>47672</v>
      </c>
      <c r="AR533" s="9">
        <v>47111</v>
      </c>
      <c r="AS533" s="9">
        <v>51057</v>
      </c>
      <c r="AT533" s="9">
        <v>52650</v>
      </c>
      <c r="AU533" s="9">
        <v>55061</v>
      </c>
      <c r="AV533" s="9">
        <v>58541</v>
      </c>
      <c r="AW533" s="9">
        <v>58974</v>
      </c>
      <c r="AX533" s="9">
        <v>61860</v>
      </c>
      <c r="AY533" s="9">
        <v>63003</v>
      </c>
      <c r="AZ533" s="9">
        <v>65131</v>
      </c>
      <c r="BA533" s="9">
        <v>63962</v>
      </c>
      <c r="BB533" s="9">
        <v>68679</v>
      </c>
      <c r="BC533" s="9">
        <v>66175</v>
      </c>
      <c r="BD533" s="9">
        <v>69415</v>
      </c>
      <c r="BE533" s="9">
        <v>69822</v>
      </c>
      <c r="BF533" s="9">
        <v>71967</v>
      </c>
      <c r="BG533" s="11">
        <v>23</v>
      </c>
      <c r="BH533" s="13">
        <v>9.5435684647302899E-2</v>
      </c>
      <c r="BI533" s="6">
        <v>8</v>
      </c>
      <c r="BJ533" s="13">
        <v>3.3195020746887967E-2</v>
      </c>
      <c r="BK533" s="6">
        <v>-9</v>
      </c>
      <c r="BL533" s="13">
        <v>-3.614457831325301E-2</v>
      </c>
      <c r="BM533" s="11">
        <v>24</v>
      </c>
      <c r="BN533" s="13">
        <v>0.1</v>
      </c>
      <c r="BO533" s="11">
        <v>15</v>
      </c>
      <c r="BP533" s="13">
        <v>6.0240963855421686E-2</v>
      </c>
      <c r="BQ533" s="6">
        <v>241</v>
      </c>
      <c r="BR533" s="6">
        <v>245</v>
      </c>
      <c r="BS533" s="6">
        <v>249</v>
      </c>
      <c r="BT533" s="6">
        <v>249</v>
      </c>
      <c r="BU533" s="6">
        <v>245</v>
      </c>
      <c r="BV533" s="6">
        <v>248</v>
      </c>
      <c r="BW533" s="6">
        <v>240</v>
      </c>
      <c r="BX533" s="6">
        <v>238</v>
      </c>
      <c r="BY533" s="6">
        <v>239</v>
      </c>
      <c r="BZ533" s="6">
        <v>253</v>
      </c>
      <c r="CA533" s="6">
        <v>247</v>
      </c>
      <c r="CB533" s="6">
        <v>263</v>
      </c>
      <c r="CC533" s="11">
        <v>264</v>
      </c>
      <c r="CD533" s="11">
        <v>126</v>
      </c>
      <c r="CE533" s="11">
        <v>286</v>
      </c>
      <c r="CF533" s="11">
        <v>156</v>
      </c>
      <c r="CG533" s="11">
        <v>442</v>
      </c>
      <c r="CH533" s="20">
        <v>0.46</v>
      </c>
      <c r="CI533" s="20">
        <v>0.5</v>
      </c>
      <c r="CJ533" s="20">
        <v>0.52</v>
      </c>
      <c r="CK533" s="20">
        <v>0.55000000000000004</v>
      </c>
      <c r="CL533" s="20">
        <v>0.56999999999999995</v>
      </c>
      <c r="CM533" s="20">
        <v>0.54</v>
      </c>
      <c r="CN533" s="20">
        <v>0.52</v>
      </c>
      <c r="CO533" s="20">
        <v>0.54</v>
      </c>
      <c r="CP533" s="20">
        <v>0.55000000000000004</v>
      </c>
      <c r="CQ533" s="20">
        <v>0.56999999999999995</v>
      </c>
      <c r="CR533" s="20">
        <v>0.57999999999999996</v>
      </c>
      <c r="CS533" s="20">
        <v>0.59</v>
      </c>
      <c r="CT533" s="20">
        <v>0.61</v>
      </c>
      <c r="CU533" s="20">
        <v>0.6</v>
      </c>
      <c r="CV533" s="20">
        <v>0.6</v>
      </c>
      <c r="CW533" s="20">
        <v>0.55000000000000004</v>
      </c>
      <c r="CX533" s="20">
        <v>0.55000000000000004</v>
      </c>
      <c r="CY533" s="6" t="s">
        <v>476</v>
      </c>
      <c r="CZ533" s="6" t="s">
        <v>477</v>
      </c>
      <c r="DA533" s="6" t="s">
        <v>144</v>
      </c>
      <c r="DB533" s="6"/>
      <c r="DC533" s="6">
        <v>27620</v>
      </c>
      <c r="DD533" s="6"/>
      <c r="DE533" s="6" t="s">
        <v>436</v>
      </c>
      <c r="DF533" s="6" t="s">
        <v>375</v>
      </c>
      <c r="DG533" s="6" t="s">
        <v>364</v>
      </c>
      <c r="DH533" s="6" t="s">
        <v>419</v>
      </c>
      <c r="DI533" s="6"/>
      <c r="DJ533" s="6">
        <v>29</v>
      </c>
      <c r="DK533" s="6">
        <v>51</v>
      </c>
      <c r="DL533" s="6">
        <v>2</v>
      </c>
      <c r="DM533" s="6" t="s">
        <v>379</v>
      </c>
      <c r="DN533" s="6">
        <v>3</v>
      </c>
      <c r="DO533" s="6" t="s">
        <v>380</v>
      </c>
      <c r="DP533" s="6"/>
      <c r="DQ533" s="6"/>
    </row>
    <row r="534" spans="1:121" x14ac:dyDescent="0.2">
      <c r="A534" s="6" t="s">
        <v>318</v>
      </c>
      <c r="B534" s="6" t="s">
        <v>318</v>
      </c>
      <c r="C534" s="6" t="s">
        <v>187</v>
      </c>
      <c r="D534" s="6" t="s">
        <v>144</v>
      </c>
      <c r="E534" s="6" t="s">
        <v>285</v>
      </c>
      <c r="F534" s="11">
        <v>537</v>
      </c>
      <c r="G534" s="13">
        <v>1.00750469043</v>
      </c>
      <c r="H534" s="11">
        <v>635.43740600000012</v>
      </c>
      <c r="I534" s="13">
        <v>1.191140476017061</v>
      </c>
      <c r="J534" s="11">
        <v>-27.968502000000171</v>
      </c>
      <c r="K534" s="13">
        <v>-2.3927051841605311E-2</v>
      </c>
      <c r="L534" s="11">
        <v>-70.457753059999959</v>
      </c>
      <c r="M534" s="13">
        <v>-6.1754199598509661E-2</v>
      </c>
      <c r="N534" s="11">
        <v>-98.42625506000013</v>
      </c>
      <c r="O534" s="13">
        <v>-8.4203655504884595E-2</v>
      </c>
      <c r="P534" s="7">
        <v>533.46974499999999</v>
      </c>
      <c r="Q534" s="7">
        <v>674.26827500000002</v>
      </c>
      <c r="R534" s="7">
        <v>690.50983599999995</v>
      </c>
      <c r="S534" s="7">
        <v>710.86303099999998</v>
      </c>
      <c r="T534" s="7">
        <v>742.904628</v>
      </c>
      <c r="U534" s="7">
        <v>1000.02133</v>
      </c>
      <c r="V534" s="7">
        <v>1168.9071510000001</v>
      </c>
      <c r="W534" s="7">
        <v>1147.855362</v>
      </c>
      <c r="X534" s="7">
        <v>1128.9812959999999</v>
      </c>
      <c r="Y534" s="7">
        <v>1140.9386489999999</v>
      </c>
      <c r="Z534" s="7">
        <v>1057.077773</v>
      </c>
      <c r="AA534" s="7">
        <v>1011.941861</v>
      </c>
      <c r="AB534" s="7">
        <v>996.08804399999997</v>
      </c>
      <c r="AC534" s="7">
        <v>1014.971166</v>
      </c>
      <c r="AD534" s="7">
        <v>1052.335513</v>
      </c>
      <c r="AE534" s="7">
        <v>1066.3889112500001</v>
      </c>
      <c r="AF534" s="7">
        <v>1070.48089594</v>
      </c>
      <c r="AG534" s="9">
        <v>21490.079262099993</v>
      </c>
      <c r="AH534" s="13">
        <v>0.46508523092949383</v>
      </c>
      <c r="AI534" s="9">
        <v>6394.2939434</v>
      </c>
      <c r="AJ534" s="13">
        <v>0.13838439770401509</v>
      </c>
      <c r="AK534" s="9">
        <v>4963.5550094999999</v>
      </c>
      <c r="AL534" s="13">
        <v>9.4362282138573977E-2</v>
      </c>
      <c r="AM534" s="9">
        <v>10132.230309199993</v>
      </c>
      <c r="AN534" s="13">
        <v>0.17601494034912402</v>
      </c>
      <c r="AO534" s="9">
        <v>15095.785318699993</v>
      </c>
      <c r="AP534" s="13">
        <v>0.28698639394952635</v>
      </c>
      <c r="AQ534" s="9">
        <v>46206.754876200001</v>
      </c>
      <c r="AR534" s="9">
        <v>47855.554020399999</v>
      </c>
      <c r="AS534" s="9">
        <v>50880.595430000001</v>
      </c>
      <c r="AT534" s="9">
        <v>54968.525344399997</v>
      </c>
      <c r="AU534" s="9">
        <v>55279.233482299998</v>
      </c>
      <c r="AV534" s="9">
        <v>50658.504580200002</v>
      </c>
      <c r="AW534" s="9">
        <v>52601.048819600001</v>
      </c>
      <c r="AX534" s="9">
        <v>51199.979983500001</v>
      </c>
      <c r="AY534" s="9">
        <v>57471.099667399998</v>
      </c>
      <c r="AZ534" s="9">
        <v>57564.6038291</v>
      </c>
      <c r="BA534" s="9">
        <v>57930.946659699999</v>
      </c>
      <c r="BB534" s="9">
        <v>62864.771999700002</v>
      </c>
      <c r="BC534" s="9">
        <v>64585.936735700001</v>
      </c>
      <c r="BD534" s="9">
        <v>64612.534224499999</v>
      </c>
      <c r="BE534" s="9">
        <v>65824.440295299995</v>
      </c>
      <c r="BF534" s="9">
        <v>67696.834138299993</v>
      </c>
      <c r="BG534" s="11">
        <v>-5.25</v>
      </c>
      <c r="BH534" s="13">
        <v>-0.18103448275862069</v>
      </c>
      <c r="BI534" s="6">
        <v>0</v>
      </c>
      <c r="BJ534" s="13">
        <v>0</v>
      </c>
      <c r="BK534" s="6">
        <v>-2</v>
      </c>
      <c r="BL534" s="13">
        <v>-6.8965517241379309E-2</v>
      </c>
      <c r="BM534" s="11">
        <v>-3.25</v>
      </c>
      <c r="BN534" s="13">
        <v>-0.12037037037037036</v>
      </c>
      <c r="BO534" s="11">
        <v>-5.25</v>
      </c>
      <c r="BP534" s="13">
        <v>-0.18103448275862069</v>
      </c>
      <c r="BQ534" s="6">
        <v>29</v>
      </c>
      <c r="BR534" s="6">
        <v>29</v>
      </c>
      <c r="BS534" s="6">
        <v>33</v>
      </c>
      <c r="BT534" s="6">
        <v>29</v>
      </c>
      <c r="BU534" s="6">
        <v>28</v>
      </c>
      <c r="BV534" s="6">
        <v>26</v>
      </c>
      <c r="BW534" s="6">
        <v>27</v>
      </c>
      <c r="BX534" s="6">
        <v>25</v>
      </c>
      <c r="BY534" s="6">
        <v>23</v>
      </c>
      <c r="BZ534" s="6">
        <v>23</v>
      </c>
      <c r="CA534" s="6">
        <v>24</v>
      </c>
      <c r="CB534" s="6">
        <v>23</v>
      </c>
      <c r="CC534" s="11">
        <v>23.75</v>
      </c>
      <c r="CD534" s="11">
        <v>364.476</v>
      </c>
      <c r="CE534" s="11">
        <v>114.22</v>
      </c>
      <c r="CF534" s="11">
        <v>58.314700000000002</v>
      </c>
      <c r="CG534" s="11">
        <v>172</v>
      </c>
      <c r="CH534" s="20">
        <v>0.78956300000000001</v>
      </c>
      <c r="CI534" s="20">
        <v>1.02146</v>
      </c>
      <c r="CJ534" s="20">
        <v>1.0379499999999999</v>
      </c>
      <c r="CK534" s="20">
        <v>1.05758</v>
      </c>
      <c r="CL534" s="20">
        <v>1.10734</v>
      </c>
      <c r="CM534" s="20">
        <v>1.4776400000000001</v>
      </c>
      <c r="CN534" s="20">
        <v>1.6816899999999999</v>
      </c>
      <c r="CO534" s="20">
        <v>1.5846</v>
      </c>
      <c r="CP534" s="20">
        <v>1.5538700000000001</v>
      </c>
      <c r="CQ534" s="20">
        <v>1.57412</v>
      </c>
      <c r="CR534" s="20">
        <v>1.4476199999999999</v>
      </c>
      <c r="CS534" s="20">
        <v>1.3521300000000001</v>
      </c>
      <c r="CT534" s="20">
        <v>1.3072900000000001</v>
      </c>
      <c r="CU534" s="20">
        <v>1.31447</v>
      </c>
      <c r="CV534" s="20">
        <v>1.3526</v>
      </c>
      <c r="CW534" s="20">
        <v>1.3510200000000001</v>
      </c>
      <c r="CX534" s="20">
        <v>1.3457600000000001</v>
      </c>
      <c r="CY534" s="6" t="s">
        <v>476</v>
      </c>
      <c r="CZ534" s="6" t="s">
        <v>477</v>
      </c>
      <c r="DA534" s="6" t="s">
        <v>144</v>
      </c>
      <c r="DB534" s="6"/>
      <c r="DC534" s="6">
        <v>27620</v>
      </c>
      <c r="DD534" s="6"/>
      <c r="DE534" s="6" t="s">
        <v>436</v>
      </c>
      <c r="DF534" s="6" t="s">
        <v>375</v>
      </c>
      <c r="DG534" s="6" t="s">
        <v>364</v>
      </c>
      <c r="DH534" s="6" t="s">
        <v>419</v>
      </c>
      <c r="DI534" s="6"/>
      <c r="DJ534" s="6">
        <v>29</v>
      </c>
      <c r="DK534" s="6">
        <v>51</v>
      </c>
      <c r="DL534" s="6">
        <v>2</v>
      </c>
      <c r="DM534" s="6" t="s">
        <v>379</v>
      </c>
      <c r="DN534" s="6">
        <v>3</v>
      </c>
      <c r="DO534" s="6" t="s">
        <v>380</v>
      </c>
      <c r="DP534" s="6"/>
      <c r="DQ534" s="6"/>
    </row>
    <row r="535" spans="1:121" x14ac:dyDescent="0.2">
      <c r="A535" s="6" t="s">
        <v>319</v>
      </c>
      <c r="B535" s="6" t="s">
        <v>319</v>
      </c>
      <c r="C535" s="6" t="s">
        <v>188</v>
      </c>
      <c r="D535" s="6" t="s">
        <v>144</v>
      </c>
      <c r="E535" s="6" t="s">
        <v>285</v>
      </c>
      <c r="F535" s="11">
        <v>563</v>
      </c>
      <c r="G535" s="13">
        <v>0.27816205533600002</v>
      </c>
      <c r="H535" s="11">
        <v>69.658203299999968</v>
      </c>
      <c r="I535" s="13">
        <v>3.4424259178771219E-2</v>
      </c>
      <c r="J535" s="11">
        <v>215.75964152999995</v>
      </c>
      <c r="K535" s="13">
        <v>0.10307749346887889</v>
      </c>
      <c r="L535" s="11">
        <v>277.93039806000024</v>
      </c>
      <c r="M535" s="13">
        <v>0.12037149743384384</v>
      </c>
      <c r="N535" s="11">
        <v>493.6900395900002</v>
      </c>
      <c r="O535" s="13">
        <v>0.23585658314329891</v>
      </c>
      <c r="P535" s="7">
        <v>2023.5207659299999</v>
      </c>
      <c r="Q535" s="7">
        <v>1983.2189844</v>
      </c>
      <c r="R535" s="7">
        <v>1988.35315165</v>
      </c>
      <c r="S535" s="7">
        <v>1849.5851859300001</v>
      </c>
      <c r="T535" s="7">
        <v>2030.52119898</v>
      </c>
      <c r="U535" s="7">
        <v>2011.6814022999999</v>
      </c>
      <c r="V535" s="7">
        <v>2093.1789692299999</v>
      </c>
      <c r="W535" s="7">
        <v>2256.2086520799999</v>
      </c>
      <c r="X535" s="7">
        <v>2302.87457726</v>
      </c>
      <c r="Y535" s="7">
        <v>2308.9386107599998</v>
      </c>
      <c r="Z535" s="7">
        <v>2214.0978553599998</v>
      </c>
      <c r="AA535" s="7">
        <v>2111.3662209700001</v>
      </c>
      <c r="AB535" s="7">
        <v>2112.2324194299999</v>
      </c>
      <c r="AC535" s="7">
        <v>2056.8571641100002</v>
      </c>
      <c r="AD535" s="7">
        <v>2242.2720651700001</v>
      </c>
      <c r="AE535" s="7">
        <v>2528.86112675</v>
      </c>
      <c r="AF535" s="7">
        <v>2586.8690088200001</v>
      </c>
      <c r="AG535" s="9">
        <v>11123.9944593</v>
      </c>
      <c r="AH535" s="13">
        <v>0.63360813925626414</v>
      </c>
      <c r="AI535" s="9">
        <v>5589.1227822000001</v>
      </c>
      <c r="AJ535" s="13">
        <v>0.31834910553590656</v>
      </c>
      <c r="AK535" s="9">
        <v>4281.5278707999969</v>
      </c>
      <c r="AL535" s="13">
        <v>0.1849815142303366</v>
      </c>
      <c r="AM535" s="9">
        <v>1253.3438063000031</v>
      </c>
      <c r="AN535" s="13">
        <v>4.5697053550242624E-2</v>
      </c>
      <c r="AO535" s="9">
        <v>5534.8716770999999</v>
      </c>
      <c r="AP535" s="13">
        <v>0.23913167794216789</v>
      </c>
      <c r="AQ535" s="9">
        <v>17556.583904300001</v>
      </c>
      <c r="AR535" s="9">
        <v>19105.737659800001</v>
      </c>
      <c r="AS535" s="9">
        <v>20136.230710899999</v>
      </c>
      <c r="AT535" s="9">
        <v>21625.989596799998</v>
      </c>
      <c r="AU535" s="9">
        <v>21748.690331199999</v>
      </c>
      <c r="AV535" s="9">
        <v>22043.815359200002</v>
      </c>
      <c r="AW535" s="9">
        <v>23145.706686500002</v>
      </c>
      <c r="AX535" s="9">
        <v>24172.034736000001</v>
      </c>
      <c r="AY535" s="9">
        <v>26925.538054199998</v>
      </c>
      <c r="AZ535" s="9">
        <v>27427.234557299998</v>
      </c>
      <c r="BA535" s="9">
        <v>26943.275485599999</v>
      </c>
      <c r="BB535" s="9">
        <v>24948.3017177</v>
      </c>
      <c r="BC535" s="9">
        <v>25556.755069399998</v>
      </c>
      <c r="BD535" s="9">
        <v>26462.1370499</v>
      </c>
      <c r="BE535" s="9">
        <v>26529.8442736</v>
      </c>
      <c r="BF535" s="9">
        <v>28680.578363600001</v>
      </c>
      <c r="BG535" s="11">
        <v>35</v>
      </c>
      <c r="BH535" s="13">
        <v>0.30973451327433627</v>
      </c>
      <c r="BI535" s="6">
        <v>-2</v>
      </c>
      <c r="BJ535" s="13">
        <v>-1.7699115044247787E-2</v>
      </c>
      <c r="BK535" s="6">
        <v>17</v>
      </c>
      <c r="BL535" s="13">
        <v>0.15315315315315314</v>
      </c>
      <c r="BM535" s="11">
        <v>20</v>
      </c>
      <c r="BN535" s="13">
        <v>0.15625</v>
      </c>
      <c r="BO535" s="11">
        <v>37</v>
      </c>
      <c r="BP535" s="13">
        <v>0.33333333333333331</v>
      </c>
      <c r="BQ535" s="6">
        <v>113</v>
      </c>
      <c r="BR535" s="6">
        <v>117</v>
      </c>
      <c r="BS535" s="6">
        <v>110</v>
      </c>
      <c r="BT535" s="6">
        <v>111</v>
      </c>
      <c r="BU535" s="6">
        <v>118</v>
      </c>
      <c r="BV535" s="6">
        <v>125</v>
      </c>
      <c r="BW535" s="6">
        <v>128</v>
      </c>
      <c r="BX535" s="6">
        <v>133</v>
      </c>
      <c r="BY535" s="6">
        <v>134</v>
      </c>
      <c r="BZ535" s="6">
        <v>141</v>
      </c>
      <c r="CA535" s="6">
        <v>138</v>
      </c>
      <c r="CB535" s="6">
        <v>150</v>
      </c>
      <c r="CC535" s="11">
        <v>148</v>
      </c>
      <c r="CD535" s="11">
        <v>160.09200000000001</v>
      </c>
      <c r="CE535" s="11">
        <v>182.06100000000001</v>
      </c>
      <c r="CF535" s="11">
        <v>221.19499999999999</v>
      </c>
      <c r="CG535" s="11">
        <v>403</v>
      </c>
      <c r="CH535" s="20">
        <v>0.61055499999999996</v>
      </c>
      <c r="CI535" s="20">
        <v>0.60651699999999997</v>
      </c>
      <c r="CJ535" s="20">
        <v>0.59264899999999998</v>
      </c>
      <c r="CK535" s="20">
        <v>0.53925299999999998</v>
      </c>
      <c r="CL535" s="20">
        <v>0.58894299999999999</v>
      </c>
      <c r="CM535" s="20">
        <v>0.57577</v>
      </c>
      <c r="CN535" s="20">
        <v>0.59556500000000001</v>
      </c>
      <c r="CO535" s="20">
        <v>0.66374900000000003</v>
      </c>
      <c r="CP535" s="20">
        <v>0.72713499999999998</v>
      </c>
      <c r="CQ535" s="20">
        <v>0.71036500000000002</v>
      </c>
      <c r="CR535" s="20">
        <v>0.67244499999999996</v>
      </c>
      <c r="CS535" s="20">
        <v>0.63370300000000002</v>
      </c>
      <c r="CT535" s="20">
        <v>0.62978900000000004</v>
      </c>
      <c r="CU535" s="20">
        <v>0.60440700000000003</v>
      </c>
      <c r="CV535" s="20">
        <v>0.65215100000000004</v>
      </c>
      <c r="CW535" s="20">
        <v>0.721696</v>
      </c>
      <c r="CX535" s="20">
        <v>0.73161100000000001</v>
      </c>
      <c r="CY535" s="6" t="s">
        <v>476</v>
      </c>
      <c r="CZ535" s="6" t="s">
        <v>477</v>
      </c>
      <c r="DA535" s="6" t="s">
        <v>144</v>
      </c>
      <c r="DB535" s="6"/>
      <c r="DC535" s="6">
        <v>27620</v>
      </c>
      <c r="DD535" s="6"/>
      <c r="DE535" s="6" t="s">
        <v>436</v>
      </c>
      <c r="DF535" s="6" t="s">
        <v>375</v>
      </c>
      <c r="DG535" s="6" t="s">
        <v>364</v>
      </c>
      <c r="DH535" s="6" t="s">
        <v>419</v>
      </c>
      <c r="DI535" s="6"/>
      <c r="DJ535" s="6">
        <v>29</v>
      </c>
      <c r="DK535" s="6">
        <v>51</v>
      </c>
      <c r="DL535" s="6">
        <v>2</v>
      </c>
      <c r="DM535" s="6" t="s">
        <v>379</v>
      </c>
      <c r="DN535" s="6">
        <v>3</v>
      </c>
      <c r="DO535" s="6" t="s">
        <v>380</v>
      </c>
      <c r="DP535" s="6"/>
      <c r="DQ535" s="6"/>
    </row>
    <row r="536" spans="1:121" x14ac:dyDescent="0.2">
      <c r="A536" s="6" t="s">
        <v>320</v>
      </c>
      <c r="B536" s="6" t="s">
        <v>320</v>
      </c>
      <c r="C536" s="6" t="s">
        <v>189</v>
      </c>
      <c r="D536" s="6" t="s">
        <v>144</v>
      </c>
      <c r="E536" s="6" t="s">
        <v>285</v>
      </c>
      <c r="F536" s="11">
        <v>42</v>
      </c>
      <c r="G536" s="13">
        <v>8.8421052631599995E-2</v>
      </c>
      <c r="H536" s="11">
        <v>6.0031142500000101</v>
      </c>
      <c r="I536" s="13">
        <v>1.2643154134073646E-2</v>
      </c>
      <c r="J536" s="11">
        <v>-12.547228932999985</v>
      </c>
      <c r="K536" s="13">
        <v>-2.6095775931260359E-2</v>
      </c>
      <c r="L536" s="11">
        <v>48.312905012999977</v>
      </c>
      <c r="M536" s="13">
        <v>0.10317376882937328</v>
      </c>
      <c r="N536" s="11">
        <v>35.765676079999992</v>
      </c>
      <c r="O536" s="13">
        <v>7.4385593344757958E-2</v>
      </c>
      <c r="P536" s="7">
        <v>474.81144232999998</v>
      </c>
      <c r="Q536" s="7">
        <v>471.29871803200001</v>
      </c>
      <c r="R536" s="7">
        <v>505.382488438</v>
      </c>
      <c r="S536" s="7">
        <v>522.76136120299998</v>
      </c>
      <c r="T536" s="7">
        <v>457.19597369000002</v>
      </c>
      <c r="U536" s="7">
        <v>502.61968095899999</v>
      </c>
      <c r="V536" s="7">
        <v>480.81455657999999</v>
      </c>
      <c r="W536" s="7">
        <v>525.26206351099995</v>
      </c>
      <c r="X536" s="7">
        <v>609.75320567000006</v>
      </c>
      <c r="Y536" s="7">
        <v>468.267327647</v>
      </c>
      <c r="Z536" s="7">
        <v>521.26755156800004</v>
      </c>
      <c r="AA536" s="7">
        <v>543.30363559900002</v>
      </c>
      <c r="AB536" s="7">
        <v>575.452896861</v>
      </c>
      <c r="AC536" s="7">
        <v>531.48223154200002</v>
      </c>
      <c r="AD536" s="7">
        <v>526.21273178299998</v>
      </c>
      <c r="AE536" s="7">
        <v>516.39087997800004</v>
      </c>
      <c r="AF536" s="7">
        <v>516.58023265999998</v>
      </c>
      <c r="AG536" s="9">
        <v>6912.4618592000006</v>
      </c>
      <c r="AH536" s="13">
        <v>0.34108351916989338</v>
      </c>
      <c r="AI536" s="9">
        <v>9902.4451450000015</v>
      </c>
      <c r="AJ536" s="13">
        <v>0.48861909219045158</v>
      </c>
      <c r="AK536" s="9">
        <v>213.80964939999831</v>
      </c>
      <c r="AL536" s="13">
        <v>7.0871512913702221E-3</v>
      </c>
      <c r="AM536" s="9">
        <v>-3203.7929351999992</v>
      </c>
      <c r="AN536" s="13">
        <v>-0.10544883517078348</v>
      </c>
      <c r="AO536" s="9">
        <v>-2989.9832858000009</v>
      </c>
      <c r="AP536" s="13">
        <v>-9.9109015727767355E-2</v>
      </c>
      <c r="AQ536" s="9">
        <v>20266.185466899999</v>
      </c>
      <c r="AR536" s="9">
        <v>22749.425719399998</v>
      </c>
      <c r="AS536" s="9">
        <v>23717.447503399999</v>
      </c>
      <c r="AT536" s="9">
        <v>26264.063630500001</v>
      </c>
      <c r="AU536" s="9">
        <v>29494.680671300001</v>
      </c>
      <c r="AV536" s="9">
        <v>29734.736413300001</v>
      </c>
      <c r="AW536" s="9">
        <v>30168.6306119</v>
      </c>
      <c r="AX536" s="9">
        <v>29865.2088965</v>
      </c>
      <c r="AY536" s="9">
        <v>24645.1566146</v>
      </c>
      <c r="AZ536" s="9">
        <v>30382.440261299998</v>
      </c>
      <c r="BA536" s="9">
        <v>28797.423819200001</v>
      </c>
      <c r="BB536" s="9">
        <v>28808.840112000002</v>
      </c>
      <c r="BC536" s="9">
        <v>28546.232276999999</v>
      </c>
      <c r="BD536" s="9">
        <v>29622.6404048</v>
      </c>
      <c r="BE536" s="9">
        <v>26525.912603000001</v>
      </c>
      <c r="BF536" s="9">
        <v>27178.647326099999</v>
      </c>
      <c r="BG536" s="11">
        <v>11.75</v>
      </c>
      <c r="BH536" s="13">
        <v>0.78333333333333333</v>
      </c>
      <c r="BI536" s="6">
        <v>10</v>
      </c>
      <c r="BJ536" s="13">
        <v>0.66666666666666663</v>
      </c>
      <c r="BK536" s="6">
        <v>1</v>
      </c>
      <c r="BL536" s="13">
        <v>0.04</v>
      </c>
      <c r="BM536" s="11">
        <v>0.75</v>
      </c>
      <c r="BN536" s="13">
        <v>2.8846153846153848E-2</v>
      </c>
      <c r="BO536" s="11">
        <v>1.75</v>
      </c>
      <c r="BP536" s="13">
        <v>7.0000000000000007E-2</v>
      </c>
      <c r="BQ536" s="6">
        <v>15</v>
      </c>
      <c r="BR536" s="6">
        <v>18</v>
      </c>
      <c r="BS536" s="6">
        <v>23</v>
      </c>
      <c r="BT536" s="6">
        <v>25</v>
      </c>
      <c r="BU536" s="6">
        <v>29</v>
      </c>
      <c r="BV536" s="6">
        <v>27</v>
      </c>
      <c r="BW536" s="6">
        <v>26</v>
      </c>
      <c r="BX536" s="6">
        <v>28</v>
      </c>
      <c r="BY536" s="6">
        <v>28</v>
      </c>
      <c r="BZ536" s="6">
        <v>29</v>
      </c>
      <c r="CA536" s="6">
        <v>27</v>
      </c>
      <c r="CB536" s="6">
        <v>28</v>
      </c>
      <c r="CC536" s="11">
        <v>26.75</v>
      </c>
      <c r="CD536" s="11">
        <v>-182.065</v>
      </c>
      <c r="CE536" s="11">
        <v>171.93199999999999</v>
      </c>
      <c r="CF536" s="11">
        <v>51.9026</v>
      </c>
      <c r="CG536" s="11">
        <v>224</v>
      </c>
      <c r="CH536" s="20">
        <v>0.42941299999999999</v>
      </c>
      <c r="CI536" s="20">
        <v>0.41284999999999999</v>
      </c>
      <c r="CJ536" s="20">
        <v>0.419014</v>
      </c>
      <c r="CK536" s="20">
        <v>0.422342</v>
      </c>
      <c r="CL536" s="20">
        <v>0.375689</v>
      </c>
      <c r="CM536" s="20">
        <v>0.409557</v>
      </c>
      <c r="CN536" s="20">
        <v>0.38340400000000002</v>
      </c>
      <c r="CO536" s="20">
        <v>0.40250399999999997</v>
      </c>
      <c r="CP536" s="20">
        <v>0.44397900000000001</v>
      </c>
      <c r="CQ536" s="20">
        <v>0.33471299999999998</v>
      </c>
      <c r="CR536" s="20">
        <v>0.37050899999999998</v>
      </c>
      <c r="CS536" s="20">
        <v>0.38531199999999999</v>
      </c>
      <c r="CT536" s="20">
        <v>0.410723</v>
      </c>
      <c r="CU536" s="20">
        <v>0.37833299999999997</v>
      </c>
      <c r="CV536" s="20">
        <v>0.37475799999999998</v>
      </c>
      <c r="CW536" s="20">
        <v>0.36132900000000001</v>
      </c>
      <c r="CX536" s="20">
        <v>0.35691699999999998</v>
      </c>
      <c r="CY536" s="6" t="s">
        <v>476</v>
      </c>
      <c r="CZ536" s="6" t="s">
        <v>477</v>
      </c>
      <c r="DA536" s="6" t="s">
        <v>144</v>
      </c>
      <c r="DB536" s="6"/>
      <c r="DC536" s="6">
        <v>27620</v>
      </c>
      <c r="DD536" s="6"/>
      <c r="DE536" s="6" t="s">
        <v>436</v>
      </c>
      <c r="DF536" s="6" t="s">
        <v>375</v>
      </c>
      <c r="DG536" s="6" t="s">
        <v>364</v>
      </c>
      <c r="DH536" s="6" t="s">
        <v>419</v>
      </c>
      <c r="DI536" s="6"/>
      <c r="DJ536" s="6">
        <v>29</v>
      </c>
      <c r="DK536" s="6">
        <v>51</v>
      </c>
      <c r="DL536" s="6">
        <v>2</v>
      </c>
      <c r="DM536" s="6" t="s">
        <v>379</v>
      </c>
      <c r="DN536" s="6">
        <v>3</v>
      </c>
      <c r="DO536" s="6" t="s">
        <v>380</v>
      </c>
      <c r="DP536" s="6"/>
      <c r="DQ536" s="6"/>
    </row>
    <row r="537" spans="1:121" x14ac:dyDescent="0.2">
      <c r="A537" s="6" t="s">
        <v>321</v>
      </c>
      <c r="B537" s="6" t="s">
        <v>321</v>
      </c>
      <c r="C537" s="6" t="s">
        <v>190</v>
      </c>
      <c r="D537" s="6" t="s">
        <v>144</v>
      </c>
      <c r="E537" s="6" t="s">
        <v>285</v>
      </c>
      <c r="F537" s="11">
        <v>1000</v>
      </c>
      <c r="G537" s="13">
        <v>0.19146084625699999</v>
      </c>
      <c r="H537" s="11">
        <v>530.89355388999957</v>
      </c>
      <c r="I537" s="13">
        <v>0.10165176346388947</v>
      </c>
      <c r="J537" s="11">
        <v>-123.00486654999986</v>
      </c>
      <c r="K537" s="13">
        <v>-2.1378903414082849E-2</v>
      </c>
      <c r="L537" s="11">
        <v>592.92950775000008</v>
      </c>
      <c r="M537" s="13">
        <v>0.10530563741344756</v>
      </c>
      <c r="N537" s="11">
        <v>469.92464120000022</v>
      </c>
      <c r="O537" s="13">
        <v>8.167541494814419E-2</v>
      </c>
      <c r="P537" s="7">
        <v>5222.6693940100004</v>
      </c>
      <c r="Q537" s="7">
        <v>5404.3374391799998</v>
      </c>
      <c r="R537" s="7">
        <v>5584.1488914700003</v>
      </c>
      <c r="S537" s="7">
        <v>5623.6095236700003</v>
      </c>
      <c r="T537" s="7">
        <v>5642.2470498800003</v>
      </c>
      <c r="U537" s="7">
        <v>5549.4521144700002</v>
      </c>
      <c r="V537" s="7">
        <v>5753.5629478999999</v>
      </c>
      <c r="W537" s="7">
        <v>5700.5134777900003</v>
      </c>
      <c r="X537" s="7">
        <v>5652.4859487100002</v>
      </c>
      <c r="Y537" s="7">
        <v>5630.5580813500001</v>
      </c>
      <c r="Z537" s="7">
        <v>5906.3963513600002</v>
      </c>
      <c r="AA537" s="7">
        <v>6081.2566988199997</v>
      </c>
      <c r="AB537" s="7">
        <v>5840.5388904600004</v>
      </c>
      <c r="AC537" s="7">
        <v>5895.4931487499998</v>
      </c>
      <c r="AD537" s="7">
        <v>6016.8341017399998</v>
      </c>
      <c r="AE537" s="7">
        <v>6118.5008741000001</v>
      </c>
      <c r="AF537" s="7">
        <v>6223.4875891000002</v>
      </c>
      <c r="AG537" s="9">
        <v>16572.975614900002</v>
      </c>
      <c r="AH537" s="13">
        <v>0.43393667811848591</v>
      </c>
      <c r="AI537" s="9">
        <v>8816.6208095000038</v>
      </c>
      <c r="AJ537" s="13">
        <v>0.23084901801611879</v>
      </c>
      <c r="AK537" s="9">
        <v>6343.2816243999987</v>
      </c>
      <c r="AL537" s="13">
        <v>0.1349382515441587</v>
      </c>
      <c r="AM537" s="9">
        <v>1413.0731809999997</v>
      </c>
      <c r="AN537" s="13">
        <v>2.6485825020174426E-2</v>
      </c>
      <c r="AO537" s="9">
        <v>7756.3548053999984</v>
      </c>
      <c r="AP537" s="13">
        <v>0.16499802748326001</v>
      </c>
      <c r="AQ537" s="9">
        <v>38192.152105599998</v>
      </c>
      <c r="AR537" s="9">
        <v>39655.662555900002</v>
      </c>
      <c r="AS537" s="9">
        <v>40047.320159499999</v>
      </c>
      <c r="AT537" s="9">
        <v>43832.836593400003</v>
      </c>
      <c r="AU537" s="9">
        <v>44854.780371499997</v>
      </c>
      <c r="AV537" s="9">
        <v>47009.695892000003</v>
      </c>
      <c r="AW537" s="9">
        <v>47008.772915100002</v>
      </c>
      <c r="AX537" s="9">
        <v>49910.532585699999</v>
      </c>
      <c r="AY537" s="9">
        <v>51670.078875200001</v>
      </c>
      <c r="AZ537" s="9">
        <v>53352.054539500001</v>
      </c>
      <c r="BA537" s="9">
        <v>53077.261502699999</v>
      </c>
      <c r="BB537" s="9">
        <v>52744.357857299998</v>
      </c>
      <c r="BC537" s="9">
        <v>52477.318603599997</v>
      </c>
      <c r="BD537" s="9">
        <v>53080.651610699999</v>
      </c>
      <c r="BE537" s="9">
        <v>53775.430268399999</v>
      </c>
      <c r="BF537" s="9">
        <v>54765.127720500001</v>
      </c>
      <c r="BG537" s="11">
        <v>75</v>
      </c>
      <c r="BH537" s="13">
        <v>0.34722222222222221</v>
      </c>
      <c r="BI537" s="6">
        <v>-1</v>
      </c>
      <c r="BJ537" s="13">
        <v>-4.6296296296296294E-3</v>
      </c>
      <c r="BK537" s="6">
        <v>-7</v>
      </c>
      <c r="BL537" s="13">
        <v>-3.255813953488372E-2</v>
      </c>
      <c r="BM537" s="11">
        <v>83</v>
      </c>
      <c r="BN537" s="13">
        <v>0.39903846153846156</v>
      </c>
      <c r="BO537" s="11">
        <v>76</v>
      </c>
      <c r="BP537" s="13">
        <v>0.35348837209302325</v>
      </c>
      <c r="BQ537" s="6">
        <v>216</v>
      </c>
      <c r="BR537" s="6">
        <v>213</v>
      </c>
      <c r="BS537" s="6">
        <v>218</v>
      </c>
      <c r="BT537" s="6">
        <v>215</v>
      </c>
      <c r="BU537" s="6">
        <v>210</v>
      </c>
      <c r="BV537" s="6">
        <v>213</v>
      </c>
      <c r="BW537" s="6">
        <v>208</v>
      </c>
      <c r="BX537" s="6">
        <v>215</v>
      </c>
      <c r="BY537" s="6">
        <v>222</v>
      </c>
      <c r="BZ537" s="6">
        <v>288</v>
      </c>
      <c r="CA537" s="6">
        <v>288</v>
      </c>
      <c r="CB537" s="6">
        <v>286</v>
      </c>
      <c r="CC537" s="11">
        <v>291</v>
      </c>
      <c r="CD537" s="11">
        <v>-1472</v>
      </c>
      <c r="CE537" s="11">
        <v>1901.92</v>
      </c>
      <c r="CF537" s="11">
        <v>570.90099999999995</v>
      </c>
      <c r="CG537" s="11">
        <v>2473</v>
      </c>
      <c r="CH537" s="20">
        <v>0.95638500000000004</v>
      </c>
      <c r="CI537" s="20">
        <v>0.96553999999999995</v>
      </c>
      <c r="CJ537" s="20">
        <v>0.942635</v>
      </c>
      <c r="CK537" s="20">
        <v>0.94004699999999997</v>
      </c>
      <c r="CL537" s="20">
        <v>0.94891400000000004</v>
      </c>
      <c r="CM537" s="20">
        <v>0.92256300000000002</v>
      </c>
      <c r="CN537" s="20">
        <v>0.93395600000000001</v>
      </c>
      <c r="CO537" s="20">
        <v>0.89223399999999997</v>
      </c>
      <c r="CP537" s="20">
        <v>0.84711499999999995</v>
      </c>
      <c r="CQ537" s="20">
        <v>0.83358100000000002</v>
      </c>
      <c r="CR537" s="20">
        <v>0.88503799999999999</v>
      </c>
      <c r="CS537" s="20">
        <v>0.89424099999999995</v>
      </c>
      <c r="CT537" s="20">
        <v>0.85979000000000005</v>
      </c>
      <c r="CU537" s="20">
        <v>0.86735099999999998</v>
      </c>
      <c r="CV537" s="20">
        <v>0.87678900000000004</v>
      </c>
      <c r="CW537" s="20">
        <v>0.87073900000000004</v>
      </c>
      <c r="CX537" s="20">
        <v>0.86944299999999997</v>
      </c>
      <c r="CY537" s="6" t="s">
        <v>476</v>
      </c>
      <c r="CZ537" s="6" t="s">
        <v>477</v>
      </c>
      <c r="DA537" s="6" t="s">
        <v>144</v>
      </c>
      <c r="DB537" s="6"/>
      <c r="DC537" s="6">
        <v>27620</v>
      </c>
      <c r="DD537" s="6"/>
      <c r="DE537" s="6" t="s">
        <v>436</v>
      </c>
      <c r="DF537" s="6" t="s">
        <v>375</v>
      </c>
      <c r="DG537" s="6" t="s">
        <v>364</v>
      </c>
      <c r="DH537" s="6" t="s">
        <v>419</v>
      </c>
      <c r="DI537" s="6"/>
      <c r="DJ537" s="6">
        <v>29</v>
      </c>
      <c r="DK537" s="6">
        <v>51</v>
      </c>
      <c r="DL537" s="6">
        <v>2</v>
      </c>
      <c r="DM537" s="6" t="s">
        <v>379</v>
      </c>
      <c r="DN537" s="6">
        <v>3</v>
      </c>
      <c r="DO537" s="6" t="s">
        <v>380</v>
      </c>
      <c r="DP537" s="6"/>
      <c r="DQ537" s="6"/>
    </row>
    <row r="538" spans="1:121" x14ac:dyDescent="0.2">
      <c r="A538" s="6" t="s">
        <v>322</v>
      </c>
      <c r="B538" s="6" t="s">
        <v>322</v>
      </c>
      <c r="C538" s="6" t="s">
        <v>191</v>
      </c>
      <c r="D538" s="6" t="s">
        <v>144</v>
      </c>
      <c r="E538" s="6" t="s">
        <v>285</v>
      </c>
      <c r="F538" s="11">
        <v>59</v>
      </c>
      <c r="G538" s="13">
        <v>0.12</v>
      </c>
      <c r="H538" s="11">
        <v>-11</v>
      </c>
      <c r="I538" s="13">
        <v>-2.3109243697478993E-2</v>
      </c>
      <c r="J538" s="11">
        <v>10</v>
      </c>
      <c r="K538" s="13">
        <v>2.1505376344086023E-2</v>
      </c>
      <c r="L538" s="11">
        <v>60</v>
      </c>
      <c r="M538" s="13">
        <v>0.12631578947368419</v>
      </c>
      <c r="N538" s="11">
        <v>70</v>
      </c>
      <c r="O538" s="13">
        <v>0.15053763440860216</v>
      </c>
      <c r="P538" s="7">
        <v>476</v>
      </c>
      <c r="Q538" s="7">
        <v>511</v>
      </c>
      <c r="R538" s="7">
        <v>544</v>
      </c>
      <c r="S538" s="7">
        <v>549</v>
      </c>
      <c r="T538" s="7">
        <v>511</v>
      </c>
      <c r="U538" s="7">
        <v>486</v>
      </c>
      <c r="V538" s="7">
        <v>465</v>
      </c>
      <c r="W538" s="7">
        <v>479</v>
      </c>
      <c r="X538" s="7">
        <v>466</v>
      </c>
      <c r="Y538" s="7">
        <v>475</v>
      </c>
      <c r="Z538" s="7">
        <v>476</v>
      </c>
      <c r="AA538" s="7">
        <v>476</v>
      </c>
      <c r="AB538" s="7">
        <v>467</v>
      </c>
      <c r="AC538" s="7">
        <v>482</v>
      </c>
      <c r="AD538" s="7">
        <v>506</v>
      </c>
      <c r="AE538" s="7">
        <v>525</v>
      </c>
      <c r="AF538" s="7">
        <v>535</v>
      </c>
      <c r="AG538" s="9">
        <v>2496</v>
      </c>
      <c r="AH538" s="13">
        <v>0.13985543788872079</v>
      </c>
      <c r="AI538" s="9">
        <v>-216</v>
      </c>
      <c r="AJ538" s="13">
        <v>-1.210287443267776E-2</v>
      </c>
      <c r="AK538" s="9">
        <v>1202</v>
      </c>
      <c r="AL538" s="13">
        <v>6.8175372922692989E-2</v>
      </c>
      <c r="AM538" s="9">
        <v>1510</v>
      </c>
      <c r="AN538" s="13">
        <v>8.017841023734934E-2</v>
      </c>
      <c r="AO538" s="9">
        <v>2712</v>
      </c>
      <c r="AP538" s="13">
        <v>0.15381997617832227</v>
      </c>
      <c r="AQ538" s="9">
        <v>17847</v>
      </c>
      <c r="AR538" s="9">
        <v>17980</v>
      </c>
      <c r="AS538" s="9">
        <v>18160</v>
      </c>
      <c r="AT538" s="9">
        <v>18245</v>
      </c>
      <c r="AU538" s="9">
        <v>16924</v>
      </c>
      <c r="AV538" s="9">
        <v>17144</v>
      </c>
      <c r="AW538" s="9">
        <v>17631</v>
      </c>
      <c r="AX538" s="9">
        <v>17478</v>
      </c>
      <c r="AY538" s="9">
        <v>18679</v>
      </c>
      <c r="AZ538" s="9">
        <v>18833</v>
      </c>
      <c r="BA538" s="9">
        <v>19951</v>
      </c>
      <c r="BB538" s="9">
        <v>19714</v>
      </c>
      <c r="BC538" s="9">
        <v>21163</v>
      </c>
      <c r="BD538" s="9">
        <v>21811</v>
      </c>
      <c r="BE538" s="9">
        <v>20996</v>
      </c>
      <c r="BF538" s="9">
        <v>20343</v>
      </c>
      <c r="BG538" s="11">
        <v>-2</v>
      </c>
      <c r="BH538" s="13">
        <v>-9.5238095238095233E-2</v>
      </c>
      <c r="BI538" s="6">
        <v>-4</v>
      </c>
      <c r="BJ538" s="13">
        <v>-0.19047619047619047</v>
      </c>
      <c r="BK538" s="6">
        <v>3</v>
      </c>
      <c r="BL538" s="13">
        <v>0.17647058823529413</v>
      </c>
      <c r="BM538" s="11">
        <v>-1</v>
      </c>
      <c r="BN538" s="13">
        <v>-0.05</v>
      </c>
      <c r="BO538" s="11">
        <v>2</v>
      </c>
      <c r="BP538" s="13">
        <v>0.11764705882352941</v>
      </c>
      <c r="BQ538" s="6">
        <v>21</v>
      </c>
      <c r="BR538" s="6">
        <v>19</v>
      </c>
      <c r="BS538" s="6">
        <v>18</v>
      </c>
      <c r="BT538" s="6">
        <v>17</v>
      </c>
      <c r="BU538" s="6">
        <v>16</v>
      </c>
      <c r="BV538" s="6">
        <v>15</v>
      </c>
      <c r="BW538" s="6">
        <v>20</v>
      </c>
      <c r="BX538" s="6">
        <v>19</v>
      </c>
      <c r="BY538" s="6">
        <v>19</v>
      </c>
      <c r="BZ538" s="6">
        <v>19</v>
      </c>
      <c r="CA538" s="6">
        <v>16</v>
      </c>
      <c r="CB538" s="6">
        <v>18</v>
      </c>
      <c r="CC538" s="11">
        <v>19</v>
      </c>
      <c r="CD538" s="11">
        <v>-80</v>
      </c>
      <c r="CE538" s="11">
        <v>87</v>
      </c>
      <c r="CF538" s="11">
        <v>52</v>
      </c>
      <c r="CG538" s="11">
        <v>139</v>
      </c>
      <c r="CH538" s="20">
        <v>0.56999999999999995</v>
      </c>
      <c r="CI538" s="20">
        <v>0.61</v>
      </c>
      <c r="CJ538" s="20">
        <v>0.62</v>
      </c>
      <c r="CK538" s="20">
        <v>0.62</v>
      </c>
      <c r="CL538" s="20">
        <v>0.57999999999999996</v>
      </c>
      <c r="CM538" s="20">
        <v>0.55000000000000004</v>
      </c>
      <c r="CN538" s="20">
        <v>0.52</v>
      </c>
      <c r="CO538" s="20">
        <v>0.52</v>
      </c>
      <c r="CP538" s="20">
        <v>0.51</v>
      </c>
      <c r="CQ538" s="20">
        <v>0.52</v>
      </c>
      <c r="CR538" s="20">
        <v>0.53</v>
      </c>
      <c r="CS538" s="20">
        <v>0.53</v>
      </c>
      <c r="CT538" s="20">
        <v>0.52</v>
      </c>
      <c r="CU538" s="20">
        <v>0.53</v>
      </c>
      <c r="CV538" s="20">
        <v>0.55000000000000004</v>
      </c>
      <c r="CW538" s="20">
        <v>0.55000000000000004</v>
      </c>
      <c r="CX538" s="20">
        <v>0.56000000000000005</v>
      </c>
      <c r="CY538" s="6" t="s">
        <v>476</v>
      </c>
      <c r="CZ538" s="6" t="s">
        <v>477</v>
      </c>
      <c r="DA538" s="6" t="s">
        <v>144</v>
      </c>
      <c r="DB538" s="6"/>
      <c r="DC538" s="6">
        <v>27620</v>
      </c>
      <c r="DD538" s="6"/>
      <c r="DE538" s="6" t="s">
        <v>436</v>
      </c>
      <c r="DF538" s="6" t="s">
        <v>375</v>
      </c>
      <c r="DG538" s="6" t="s">
        <v>364</v>
      </c>
      <c r="DH538" s="6" t="s">
        <v>419</v>
      </c>
      <c r="DI538" s="6"/>
      <c r="DJ538" s="6">
        <v>29</v>
      </c>
      <c r="DK538" s="6">
        <v>51</v>
      </c>
      <c r="DL538" s="6">
        <v>2</v>
      </c>
      <c r="DM538" s="6" t="s">
        <v>379</v>
      </c>
      <c r="DN538" s="6">
        <v>3</v>
      </c>
      <c r="DO538" s="6" t="s">
        <v>380</v>
      </c>
      <c r="DP538" s="6"/>
      <c r="DQ538" s="6"/>
    </row>
    <row r="539" spans="1:121" x14ac:dyDescent="0.2">
      <c r="A539" s="6" t="s">
        <v>323</v>
      </c>
      <c r="B539" s="6" t="s">
        <v>323</v>
      </c>
      <c r="C539" s="6" t="s">
        <v>192</v>
      </c>
      <c r="D539" s="6" t="s">
        <v>144</v>
      </c>
      <c r="E539" s="6" t="s">
        <v>285</v>
      </c>
      <c r="F539" s="11">
        <v>390</v>
      </c>
      <c r="G539" s="13">
        <v>0.129310344828</v>
      </c>
      <c r="H539" s="11">
        <v>128.84946092000018</v>
      </c>
      <c r="I539" s="13">
        <v>4.2728216806613283E-2</v>
      </c>
      <c r="J539" s="11">
        <v>-83.924626580000222</v>
      </c>
      <c r="K539" s="13">
        <v>-2.6690115570074009E-2</v>
      </c>
      <c r="L539" s="11">
        <v>345.61350588999994</v>
      </c>
      <c r="M539" s="13">
        <v>0.1129277326232016</v>
      </c>
      <c r="N539" s="11">
        <v>261.68887930999972</v>
      </c>
      <c r="O539" s="13">
        <v>8.3223562818347932E-2</v>
      </c>
      <c r="P539" s="7">
        <v>3015.5590508999999</v>
      </c>
      <c r="Q539" s="7">
        <v>2974.7419815500002</v>
      </c>
      <c r="R539" s="7">
        <v>3025.9431323200001</v>
      </c>
      <c r="S539" s="7">
        <v>3044.9886005799999</v>
      </c>
      <c r="T539" s="7">
        <v>3037.5433325099998</v>
      </c>
      <c r="U539" s="7">
        <v>3115.9560102999999</v>
      </c>
      <c r="V539" s="7">
        <v>3144.4085118200001</v>
      </c>
      <c r="W539" s="7">
        <v>3111.4217359600002</v>
      </c>
      <c r="X539" s="7">
        <v>3037.5857747199998</v>
      </c>
      <c r="Y539" s="7">
        <v>3060.4838852399998</v>
      </c>
      <c r="Z539" s="7">
        <v>3087.6367186000002</v>
      </c>
      <c r="AA539" s="7">
        <v>3091.2992558800001</v>
      </c>
      <c r="AB539" s="7">
        <v>3192.5659023899998</v>
      </c>
      <c r="AC539" s="7">
        <v>3371.4517027900001</v>
      </c>
      <c r="AD539" s="7">
        <v>3313.1004485600001</v>
      </c>
      <c r="AE539" s="7">
        <v>3369.9560280999999</v>
      </c>
      <c r="AF539" s="7">
        <v>3406.0973911299998</v>
      </c>
      <c r="AG539" s="9">
        <v>4850.940168000001</v>
      </c>
      <c r="AH539" s="13">
        <v>0.39574537695212153</v>
      </c>
      <c r="AI539" s="9">
        <v>2525.4527093999986</v>
      </c>
      <c r="AJ539" s="13">
        <v>0.2060293880862929</v>
      </c>
      <c r="AK539" s="9">
        <v>727.04550930000005</v>
      </c>
      <c r="AL539" s="13">
        <v>4.9180579051029162E-2</v>
      </c>
      <c r="AM539" s="9">
        <v>1598.4419493000023</v>
      </c>
      <c r="AN539" s="13">
        <v>0.10305727792361162</v>
      </c>
      <c r="AO539" s="9">
        <v>2325.4874586000024</v>
      </c>
      <c r="AP539" s="13">
        <v>0.15730627357834684</v>
      </c>
      <c r="AQ539" s="9">
        <v>12257.730476500001</v>
      </c>
      <c r="AR539" s="9">
        <v>12582.268153499999</v>
      </c>
      <c r="AS539" s="9">
        <v>12886.852513</v>
      </c>
      <c r="AT539" s="9">
        <v>13257.597537400001</v>
      </c>
      <c r="AU539" s="9">
        <v>13640.8025578</v>
      </c>
      <c r="AV539" s="9">
        <v>13892.5998346</v>
      </c>
      <c r="AW539" s="9">
        <v>14783.183185899999</v>
      </c>
      <c r="AX539" s="9">
        <v>14691.3741156</v>
      </c>
      <c r="AY539" s="9">
        <v>15249.564790500001</v>
      </c>
      <c r="AZ539" s="9">
        <v>15510.228695199999</v>
      </c>
      <c r="BA539" s="9">
        <v>15555.7697107</v>
      </c>
      <c r="BB539" s="9">
        <v>15615.300950000001</v>
      </c>
      <c r="BC539" s="9">
        <v>15678.882336000001</v>
      </c>
      <c r="BD539" s="9">
        <v>15726.0138634</v>
      </c>
      <c r="BE539" s="9">
        <v>16476.0587299</v>
      </c>
      <c r="BF539" s="9">
        <v>17108.670644500002</v>
      </c>
      <c r="BG539" s="11">
        <v>7.5</v>
      </c>
      <c r="BH539" s="13">
        <v>4.8701298701298704E-2</v>
      </c>
      <c r="BI539" s="6">
        <v>-2</v>
      </c>
      <c r="BJ539" s="13">
        <v>-1.2987012987012988E-2</v>
      </c>
      <c r="BK539" s="6">
        <v>6</v>
      </c>
      <c r="BL539" s="13">
        <v>3.9473684210526314E-2</v>
      </c>
      <c r="BM539" s="11">
        <v>3.5</v>
      </c>
      <c r="BN539" s="13">
        <v>2.2151898734177215E-2</v>
      </c>
      <c r="BO539" s="11">
        <v>9.5</v>
      </c>
      <c r="BP539" s="13">
        <v>6.25E-2</v>
      </c>
      <c r="BQ539" s="6">
        <v>154</v>
      </c>
      <c r="BR539" s="6">
        <v>149</v>
      </c>
      <c r="BS539" s="6">
        <v>147</v>
      </c>
      <c r="BT539" s="6">
        <v>152</v>
      </c>
      <c r="BU539" s="6">
        <v>152</v>
      </c>
      <c r="BV539" s="6">
        <v>151</v>
      </c>
      <c r="BW539" s="6">
        <v>158</v>
      </c>
      <c r="BX539" s="6">
        <v>167</v>
      </c>
      <c r="BY539" s="6">
        <v>168</v>
      </c>
      <c r="BZ539" s="6">
        <v>171</v>
      </c>
      <c r="CA539" s="6">
        <v>170</v>
      </c>
      <c r="CB539" s="6">
        <v>165</v>
      </c>
      <c r="CC539" s="11">
        <v>161.5</v>
      </c>
      <c r="CD539" s="11">
        <v>-624.85400000000004</v>
      </c>
      <c r="CE539" s="11">
        <v>685.755</v>
      </c>
      <c r="CF539" s="11">
        <v>329.637</v>
      </c>
      <c r="CG539" s="11">
        <v>1016</v>
      </c>
      <c r="CH539" s="20">
        <v>0.74410200000000004</v>
      </c>
      <c r="CI539" s="20">
        <v>0.73435700000000004</v>
      </c>
      <c r="CJ539" s="20">
        <v>0.71443299999999998</v>
      </c>
      <c r="CK539" s="20">
        <v>0.70820799999999995</v>
      </c>
      <c r="CL539" s="20">
        <v>0.71025000000000005</v>
      </c>
      <c r="CM539" s="20">
        <v>0.72304599999999997</v>
      </c>
      <c r="CN539" s="20">
        <v>0.71645000000000003</v>
      </c>
      <c r="CO539" s="20">
        <v>0.69921900000000003</v>
      </c>
      <c r="CP539" s="20">
        <v>0.68601299999999998</v>
      </c>
      <c r="CQ539" s="20">
        <v>0.69172500000000003</v>
      </c>
      <c r="CR539" s="20">
        <v>0.69860500000000003</v>
      </c>
      <c r="CS539" s="20">
        <v>0.69064099999999995</v>
      </c>
      <c r="CT539" s="20">
        <v>0.70643199999999995</v>
      </c>
      <c r="CU539" s="20">
        <v>0.73770800000000003</v>
      </c>
      <c r="CV539" s="20">
        <v>0.71117300000000006</v>
      </c>
      <c r="CW539" s="20">
        <v>0.70478700000000005</v>
      </c>
      <c r="CX539" s="20">
        <v>0.70679400000000003</v>
      </c>
      <c r="CY539" s="6" t="s">
        <v>476</v>
      </c>
      <c r="CZ539" s="6" t="s">
        <v>477</v>
      </c>
      <c r="DA539" s="6" t="s">
        <v>144</v>
      </c>
      <c r="DB539" s="6"/>
      <c r="DC539" s="6">
        <v>27620</v>
      </c>
      <c r="DD539" s="6"/>
      <c r="DE539" s="6" t="s">
        <v>436</v>
      </c>
      <c r="DF539" s="6" t="s">
        <v>375</v>
      </c>
      <c r="DG539" s="6" t="s">
        <v>364</v>
      </c>
      <c r="DH539" s="6" t="s">
        <v>419</v>
      </c>
      <c r="DI539" s="6"/>
      <c r="DJ539" s="6">
        <v>29</v>
      </c>
      <c r="DK539" s="6">
        <v>51</v>
      </c>
      <c r="DL539" s="6">
        <v>2</v>
      </c>
      <c r="DM539" s="6" t="s">
        <v>379</v>
      </c>
      <c r="DN539" s="6">
        <v>3</v>
      </c>
      <c r="DO539" s="6" t="s">
        <v>380</v>
      </c>
      <c r="DP539" s="6"/>
      <c r="DQ539" s="6"/>
    </row>
    <row r="540" spans="1:121" x14ac:dyDescent="0.2">
      <c r="A540" s="6" t="s">
        <v>325</v>
      </c>
      <c r="B540" s="6" t="s">
        <v>325</v>
      </c>
      <c r="C540" s="6" t="s">
        <v>193</v>
      </c>
      <c r="D540" s="6" t="s">
        <v>144</v>
      </c>
      <c r="E540" s="6" t="s">
        <v>285</v>
      </c>
      <c r="F540" s="11">
        <v>104</v>
      </c>
      <c r="G540" s="13">
        <v>4.0928768201500002E-2</v>
      </c>
      <c r="H540" s="11">
        <v>82.722256259999995</v>
      </c>
      <c r="I540" s="13">
        <v>3.2549692221094079E-2</v>
      </c>
      <c r="J540" s="11">
        <v>9.1290173899997171</v>
      </c>
      <c r="K540" s="13">
        <v>3.4788650951844058E-3</v>
      </c>
      <c r="L540" s="11">
        <v>11.287030890000096</v>
      </c>
      <c r="M540" s="13">
        <v>4.2863244062332478E-3</v>
      </c>
      <c r="N540" s="11">
        <v>20.416048279999814</v>
      </c>
      <c r="O540" s="13">
        <v>7.780101045781136E-3</v>
      </c>
      <c r="P540" s="7">
        <v>2541.4143918200002</v>
      </c>
      <c r="Q540" s="7">
        <v>2598.8950092199998</v>
      </c>
      <c r="R540" s="7">
        <v>2533.1715879100002</v>
      </c>
      <c r="S540" s="7">
        <v>2595.3951322900002</v>
      </c>
      <c r="T540" s="7">
        <v>2492.1761067399998</v>
      </c>
      <c r="U540" s="7">
        <v>2590.6488705199999</v>
      </c>
      <c r="V540" s="7">
        <v>2624.1366480800002</v>
      </c>
      <c r="W540" s="7">
        <v>2736.7587084000002</v>
      </c>
      <c r="X540" s="7">
        <v>2597.9777874800002</v>
      </c>
      <c r="Y540" s="7">
        <v>2633.2656654699999</v>
      </c>
      <c r="Z540" s="7">
        <v>2595.4513751099998</v>
      </c>
      <c r="AA540" s="7">
        <v>2670.5545168200001</v>
      </c>
      <c r="AB540" s="7">
        <v>2632.0372240900001</v>
      </c>
      <c r="AC540" s="7">
        <v>2655.72047613</v>
      </c>
      <c r="AD540" s="7">
        <v>2583.0798802999998</v>
      </c>
      <c r="AE540" s="7">
        <v>2636.4436679700002</v>
      </c>
      <c r="AF540" s="7">
        <v>2644.55269636</v>
      </c>
      <c r="AG540" s="9">
        <v>13942.729284000001</v>
      </c>
      <c r="AH540" s="13">
        <v>0.56977593041118868</v>
      </c>
      <c r="AI540" s="9">
        <v>4814.0588492000024</v>
      </c>
      <c r="AJ540" s="13">
        <v>0.19672868948296993</v>
      </c>
      <c r="AK540" s="9">
        <v>3086.0254251000006</v>
      </c>
      <c r="AL540" s="13">
        <v>0.10538046269535356</v>
      </c>
      <c r="AM540" s="9">
        <v>6042.6450096999979</v>
      </c>
      <c r="AN540" s="13">
        <v>0.18667058921770155</v>
      </c>
      <c r="AO540" s="9">
        <v>9128.6704347999985</v>
      </c>
      <c r="AP540" s="13">
        <v>0.31172248497643079</v>
      </c>
      <c r="AQ540" s="9">
        <v>24470.548051999998</v>
      </c>
      <c r="AR540" s="9">
        <v>26281.994221699999</v>
      </c>
      <c r="AS540" s="9">
        <v>26839.4334451</v>
      </c>
      <c r="AT540" s="9">
        <v>28017.417755800001</v>
      </c>
      <c r="AU540" s="9">
        <v>29024.064262600001</v>
      </c>
      <c r="AV540" s="9">
        <v>29186.5048952</v>
      </c>
      <c r="AW540" s="9">
        <v>29284.606901200001</v>
      </c>
      <c r="AX540" s="9">
        <v>30793.669576299999</v>
      </c>
      <c r="AY540" s="9">
        <v>32398.471873400002</v>
      </c>
      <c r="AZ540" s="9">
        <v>32370.632326300001</v>
      </c>
      <c r="BA540" s="9">
        <v>32697.878694499999</v>
      </c>
      <c r="BB540" s="9">
        <v>34035.641812399997</v>
      </c>
      <c r="BC540" s="9">
        <v>35382.914846599997</v>
      </c>
      <c r="BD540" s="9">
        <v>35919.984255800002</v>
      </c>
      <c r="BE540" s="9">
        <v>37324.541044700003</v>
      </c>
      <c r="BF540" s="9">
        <v>38413.277335999999</v>
      </c>
      <c r="BG540" s="11">
        <v>-71.75</v>
      </c>
      <c r="BH540" s="13">
        <v>-0.2161144578313253</v>
      </c>
      <c r="BI540" s="6">
        <v>0</v>
      </c>
      <c r="BJ540" s="13">
        <v>0</v>
      </c>
      <c r="BK540" s="6">
        <v>0</v>
      </c>
      <c r="BL540" s="13">
        <v>0</v>
      </c>
      <c r="BM540" s="11">
        <v>-71.75</v>
      </c>
      <c r="BN540" s="13">
        <v>-0.2161144578313253</v>
      </c>
      <c r="BO540" s="11">
        <v>-71.75</v>
      </c>
      <c r="BP540" s="13">
        <v>-0.2161144578313253</v>
      </c>
      <c r="BQ540" s="6">
        <v>332</v>
      </c>
      <c r="BR540" s="6">
        <v>336</v>
      </c>
      <c r="BS540" s="6">
        <v>331</v>
      </c>
      <c r="BT540" s="6">
        <v>332</v>
      </c>
      <c r="BU540" s="6">
        <v>321</v>
      </c>
      <c r="BV540" s="6">
        <v>323</v>
      </c>
      <c r="BW540" s="6">
        <v>332</v>
      </c>
      <c r="BX540" s="6">
        <v>329</v>
      </c>
      <c r="BY540" s="6">
        <v>346</v>
      </c>
      <c r="BZ540" s="6">
        <v>279</v>
      </c>
      <c r="CA540" s="6">
        <v>275</v>
      </c>
      <c r="CB540" s="6">
        <v>268</v>
      </c>
      <c r="CC540" s="11">
        <v>260.25</v>
      </c>
      <c r="CD540" s="11">
        <v>-151.26499999999999</v>
      </c>
      <c r="CE540" s="11">
        <v>-23.404</v>
      </c>
      <c r="CF540" s="11">
        <v>277.80700000000002</v>
      </c>
      <c r="CG540" s="11">
        <v>255</v>
      </c>
      <c r="CH540" s="20">
        <v>0.92322400000000004</v>
      </c>
      <c r="CI540" s="20">
        <v>0.94060900000000003</v>
      </c>
      <c r="CJ540" s="20">
        <v>0.88188999999999995</v>
      </c>
      <c r="CK540" s="20">
        <v>0.90619000000000005</v>
      </c>
      <c r="CL540" s="20">
        <v>0.88930299999999995</v>
      </c>
      <c r="CM540" s="20">
        <v>0.92599699999999996</v>
      </c>
      <c r="CN540" s="20">
        <v>0.92555600000000005</v>
      </c>
      <c r="CO540" s="20">
        <v>0.95114399999999999</v>
      </c>
      <c r="CP540" s="20">
        <v>0.88889700000000005</v>
      </c>
      <c r="CQ540" s="20">
        <v>0.90835600000000005</v>
      </c>
      <c r="CR540" s="20">
        <v>0.90934599999999999</v>
      </c>
      <c r="CS540" s="20">
        <v>0.93103999999999998</v>
      </c>
      <c r="CT540" s="20">
        <v>0.99138099999999996</v>
      </c>
      <c r="CU540" s="20">
        <v>0.99969300000000005</v>
      </c>
      <c r="CV540" s="20">
        <v>0.97275999999999996</v>
      </c>
      <c r="CW540" s="20">
        <v>0.97761699999999996</v>
      </c>
      <c r="CX540" s="20">
        <v>0.98165999999999998</v>
      </c>
      <c r="CY540" s="6" t="s">
        <v>476</v>
      </c>
      <c r="CZ540" s="6" t="s">
        <v>477</v>
      </c>
      <c r="DA540" s="6" t="s">
        <v>144</v>
      </c>
      <c r="DB540" s="6"/>
      <c r="DC540" s="6">
        <v>27620</v>
      </c>
      <c r="DD540" s="6"/>
      <c r="DE540" s="6" t="s">
        <v>436</v>
      </c>
      <c r="DF540" s="6" t="s">
        <v>375</v>
      </c>
      <c r="DG540" s="6" t="s">
        <v>364</v>
      </c>
      <c r="DH540" s="6" t="s">
        <v>419</v>
      </c>
      <c r="DI540" s="6"/>
      <c r="DJ540" s="6">
        <v>29</v>
      </c>
      <c r="DK540" s="6">
        <v>51</v>
      </c>
      <c r="DL540" s="6">
        <v>2</v>
      </c>
      <c r="DM540" s="6" t="s">
        <v>379</v>
      </c>
      <c r="DN540" s="6">
        <v>3</v>
      </c>
      <c r="DO540" s="6" t="s">
        <v>380</v>
      </c>
      <c r="DP540" s="6"/>
      <c r="DQ540" s="6"/>
    </row>
    <row r="541" spans="1:121" x14ac:dyDescent="0.2">
      <c r="A541" s="6" t="s">
        <v>327</v>
      </c>
      <c r="B541" s="6" t="s">
        <v>327</v>
      </c>
      <c r="C541" s="6" t="s">
        <v>194</v>
      </c>
      <c r="D541" s="6" t="s">
        <v>144</v>
      </c>
      <c r="E541" s="6" t="s">
        <v>285</v>
      </c>
      <c r="F541" s="11">
        <v>-2574</v>
      </c>
      <c r="G541" s="13">
        <v>-0.116899041737</v>
      </c>
      <c r="H541" s="11">
        <v>-561.96114300000045</v>
      </c>
      <c r="I541" s="13">
        <v>-2.5522142574144834E-2</v>
      </c>
      <c r="J541" s="11">
        <v>-130.54708500000197</v>
      </c>
      <c r="K541" s="13">
        <v>-6.0842359351106863E-3</v>
      </c>
      <c r="L541" s="11">
        <v>-1880.8446552999994</v>
      </c>
      <c r="M541" s="13">
        <v>-8.819464500503682E-2</v>
      </c>
      <c r="N541" s="11">
        <v>-2011.3917403000014</v>
      </c>
      <c r="O541" s="13">
        <v>-9.374228391172354E-2</v>
      </c>
      <c r="P541" s="7">
        <v>22018.572358000001</v>
      </c>
      <c r="Q541" s="7">
        <v>21332.605480999999</v>
      </c>
      <c r="R541" s="7">
        <v>22367.677795</v>
      </c>
      <c r="S541" s="7">
        <v>22331.020461</v>
      </c>
      <c r="T541" s="7">
        <v>21867.998068000001</v>
      </c>
      <c r="U541" s="7">
        <v>21573.378169</v>
      </c>
      <c r="V541" s="7">
        <v>21456.611215000001</v>
      </c>
      <c r="W541" s="7">
        <v>21961.551542000001</v>
      </c>
      <c r="X541" s="7">
        <v>22119.511791000001</v>
      </c>
      <c r="Y541" s="7">
        <v>21326.064129999999</v>
      </c>
      <c r="Z541" s="7">
        <v>20675.401646999999</v>
      </c>
      <c r="AA541" s="7">
        <v>20335.117639</v>
      </c>
      <c r="AB541" s="7">
        <v>19971.302013</v>
      </c>
      <c r="AC541" s="7">
        <v>19878.778326</v>
      </c>
      <c r="AD541" s="7">
        <v>19682.662494</v>
      </c>
      <c r="AE541" s="7">
        <v>19683.8717225</v>
      </c>
      <c r="AF541" s="7">
        <v>19445.219474699999</v>
      </c>
      <c r="AG541" s="9">
        <v>16818.033613799998</v>
      </c>
      <c r="AH541" s="13">
        <v>0.38666626006265481</v>
      </c>
      <c r="AI541" s="9">
        <v>7764.5374077000015</v>
      </c>
      <c r="AJ541" s="13">
        <v>0.1785157949790529</v>
      </c>
      <c r="AK541" s="9">
        <v>2533.6155040000012</v>
      </c>
      <c r="AL541" s="13">
        <v>4.9427240208584161E-2</v>
      </c>
      <c r="AM541" s="9">
        <v>6519.8807020999957</v>
      </c>
      <c r="AN541" s="13">
        <v>0.12120288858839888</v>
      </c>
      <c r="AO541" s="9">
        <v>9053.4962060999969</v>
      </c>
      <c r="AP541" s="13">
        <v>0.17662085308521608</v>
      </c>
      <c r="AQ541" s="9">
        <v>43494.960256099999</v>
      </c>
      <c r="AR541" s="9">
        <v>43847.268263600003</v>
      </c>
      <c r="AS541" s="9">
        <v>43999.601872699997</v>
      </c>
      <c r="AT541" s="9">
        <v>45285.099941</v>
      </c>
      <c r="AU541" s="9">
        <v>47455.601438099999</v>
      </c>
      <c r="AV541" s="9">
        <v>49629.283528100001</v>
      </c>
      <c r="AW541" s="9">
        <v>51259.497663800001</v>
      </c>
      <c r="AX541" s="9">
        <v>51156.363215899997</v>
      </c>
      <c r="AY541" s="9">
        <v>51987.840802799998</v>
      </c>
      <c r="AZ541" s="9">
        <v>53793.113167800002</v>
      </c>
      <c r="BA541" s="9">
        <v>54523.456036000003</v>
      </c>
      <c r="BB541" s="9">
        <v>54856.325074699998</v>
      </c>
      <c r="BC541" s="9">
        <v>57686.987680999999</v>
      </c>
      <c r="BD541" s="9">
        <v>57822.245903100003</v>
      </c>
      <c r="BE541" s="9">
        <v>59797.7418358</v>
      </c>
      <c r="BF541" s="9">
        <v>60312.993869899998</v>
      </c>
      <c r="BG541" s="11">
        <v>-27.75</v>
      </c>
      <c r="BH541" s="13">
        <v>-0.14015151515151514</v>
      </c>
      <c r="BI541" s="6">
        <v>-4</v>
      </c>
      <c r="BJ541" s="13">
        <v>-2.0202020202020204E-2</v>
      </c>
      <c r="BK541" s="6">
        <v>13</v>
      </c>
      <c r="BL541" s="13">
        <v>6.7010309278350513E-2</v>
      </c>
      <c r="BM541" s="11">
        <v>-36.75</v>
      </c>
      <c r="BN541" s="13">
        <v>-0.17753623188405798</v>
      </c>
      <c r="BO541" s="11">
        <v>-23.75</v>
      </c>
      <c r="BP541" s="13">
        <v>-0.12242268041237113</v>
      </c>
      <c r="BQ541" s="6">
        <v>198</v>
      </c>
      <c r="BR541" s="6">
        <v>198</v>
      </c>
      <c r="BS541" s="6">
        <v>194</v>
      </c>
      <c r="BT541" s="6">
        <v>194</v>
      </c>
      <c r="BU541" s="6">
        <v>195</v>
      </c>
      <c r="BV541" s="6">
        <v>195</v>
      </c>
      <c r="BW541" s="6">
        <v>207</v>
      </c>
      <c r="BX541" s="6">
        <v>192</v>
      </c>
      <c r="BY541" s="6">
        <v>180</v>
      </c>
      <c r="BZ541" s="6">
        <v>174</v>
      </c>
      <c r="CA541" s="6">
        <v>173</v>
      </c>
      <c r="CB541" s="6">
        <v>170</v>
      </c>
      <c r="CC541" s="11">
        <v>170.25</v>
      </c>
      <c r="CD541" s="11">
        <v>-3689.42</v>
      </c>
      <c r="CE541" s="11">
        <v>-1290.83</v>
      </c>
      <c r="CF541" s="11">
        <v>2406.9</v>
      </c>
      <c r="CG541" s="11">
        <v>1116</v>
      </c>
      <c r="CH541" s="20">
        <v>2.40795</v>
      </c>
      <c r="CI541" s="20">
        <v>2.3197100000000002</v>
      </c>
      <c r="CJ541" s="20">
        <v>2.3568500000000001</v>
      </c>
      <c r="CK541" s="20">
        <v>2.37696</v>
      </c>
      <c r="CL541" s="20">
        <v>2.3843899999999998</v>
      </c>
      <c r="CM541" s="20">
        <v>2.3717700000000002</v>
      </c>
      <c r="CN541" s="20">
        <v>2.3444199999999999</v>
      </c>
      <c r="CO541" s="20">
        <v>2.3408000000000002</v>
      </c>
      <c r="CP541" s="20">
        <v>2.29508</v>
      </c>
      <c r="CQ541" s="20">
        <v>2.2181199999999999</v>
      </c>
      <c r="CR541" s="20">
        <v>2.23542</v>
      </c>
      <c r="CS541" s="20">
        <v>2.2619799999999999</v>
      </c>
      <c r="CT541" s="20">
        <v>2.2797000000000001</v>
      </c>
      <c r="CU541" s="20">
        <v>2.3106300000000002</v>
      </c>
      <c r="CV541" s="20">
        <v>2.3084799999999999</v>
      </c>
      <c r="CW541" s="20">
        <v>2.2846700000000002</v>
      </c>
      <c r="CX541" s="20">
        <v>2.2751399999999999</v>
      </c>
      <c r="CY541" s="6" t="s">
        <v>476</v>
      </c>
      <c r="CZ541" s="6" t="s">
        <v>477</v>
      </c>
      <c r="DA541" s="6" t="s">
        <v>144</v>
      </c>
      <c r="DB541" s="6"/>
      <c r="DC541" s="6">
        <v>27620</v>
      </c>
      <c r="DD541" s="6"/>
      <c r="DE541" s="6" t="s">
        <v>436</v>
      </c>
      <c r="DF541" s="6" t="s">
        <v>375</v>
      </c>
      <c r="DG541" s="6" t="s">
        <v>364</v>
      </c>
      <c r="DH541" s="6" t="s">
        <v>419</v>
      </c>
      <c r="DI541" s="6"/>
      <c r="DJ541" s="6">
        <v>29</v>
      </c>
      <c r="DK541" s="6">
        <v>51</v>
      </c>
      <c r="DL541" s="6">
        <v>2</v>
      </c>
      <c r="DM541" s="6" t="s">
        <v>379</v>
      </c>
      <c r="DN541" s="6">
        <v>3</v>
      </c>
      <c r="DO541" s="6" t="s">
        <v>380</v>
      </c>
      <c r="DP541" s="6"/>
      <c r="DQ541" s="6"/>
    </row>
    <row r="542" spans="1:121" x14ac:dyDescent="0.2">
      <c r="A542" s="6" t="s">
        <v>1</v>
      </c>
      <c r="B542" s="6" t="s">
        <v>1</v>
      </c>
      <c r="C542" s="6" t="s">
        <v>2</v>
      </c>
      <c r="D542" s="6" t="s">
        <v>74</v>
      </c>
      <c r="E542" s="6" t="s">
        <v>215</v>
      </c>
      <c r="F542" s="11">
        <v>97</v>
      </c>
      <c r="G542" s="13">
        <v>0.97979797979799998</v>
      </c>
      <c r="H542" s="11">
        <v>4.5934369028999953</v>
      </c>
      <c r="I542" s="13">
        <v>4.6177633164343285E-2</v>
      </c>
      <c r="J542" s="11">
        <v>61.638665674000009</v>
      </c>
      <c r="K542" s="13">
        <v>0.5922999721628891</v>
      </c>
      <c r="L542" s="11">
        <v>30.341461159000005</v>
      </c>
      <c r="M542" s="13">
        <v>0.18310495096671767</v>
      </c>
      <c r="N542" s="11">
        <v>91.980126833000014</v>
      </c>
      <c r="O542" s="13">
        <v>0.88385798049008091</v>
      </c>
      <c r="P542" s="7">
        <v>99.473199212099999</v>
      </c>
      <c r="Q542" s="7">
        <v>116.957383976</v>
      </c>
      <c r="R542" s="7">
        <v>101.19213800199999</v>
      </c>
      <c r="S542" s="7">
        <v>91.1328304301</v>
      </c>
      <c r="T542" s="7">
        <v>120.123655266</v>
      </c>
      <c r="U542" s="7">
        <v>116.48960816100001</v>
      </c>
      <c r="V542" s="7">
        <v>104.06663611499999</v>
      </c>
      <c r="W542" s="7">
        <v>98.532506391799998</v>
      </c>
      <c r="X542" s="7">
        <v>147.41433348800001</v>
      </c>
      <c r="Y542" s="7">
        <v>165.705301789</v>
      </c>
      <c r="Z542" s="7">
        <v>172.029494798</v>
      </c>
      <c r="AA542" s="7">
        <v>167.239839773</v>
      </c>
      <c r="AB542" s="7">
        <v>156.001352594</v>
      </c>
      <c r="AC542" s="7">
        <v>175.75796774899999</v>
      </c>
      <c r="AD542" s="7">
        <v>181.52191254499999</v>
      </c>
      <c r="AE542" s="7">
        <v>189.444320132</v>
      </c>
      <c r="AF542" s="7">
        <v>196.04676294800001</v>
      </c>
      <c r="AG542" s="9">
        <v>9317.5085921999998</v>
      </c>
      <c r="AH542" s="13">
        <v>0.4179441992356997</v>
      </c>
      <c r="AI542" s="9">
        <v>-1161.0906628999983</v>
      </c>
      <c r="AJ542" s="13">
        <v>-5.2081637762268797E-2</v>
      </c>
      <c r="AK542" s="9">
        <v>5516.7500146999992</v>
      </c>
      <c r="AL542" s="13">
        <v>0.26105431055620942</v>
      </c>
      <c r="AM542" s="9">
        <v>4961.849240399999</v>
      </c>
      <c r="AN542" s="13">
        <v>0.18619042254632456</v>
      </c>
      <c r="AO542" s="9">
        <v>10478.599255099998</v>
      </c>
      <c r="AP542" s="13">
        <v>0.4958505454925341</v>
      </c>
      <c r="AQ542" s="9">
        <v>22293.6664972</v>
      </c>
      <c r="AR542" s="9">
        <v>22223.793347999999</v>
      </c>
      <c r="AS542" s="9">
        <v>22035.064421999999</v>
      </c>
      <c r="AT542" s="9">
        <v>20972.565848099999</v>
      </c>
      <c r="AU542" s="9">
        <v>22035.4876057</v>
      </c>
      <c r="AV542" s="9">
        <v>22511.140889599999</v>
      </c>
      <c r="AW542" s="9">
        <v>21132.575834300002</v>
      </c>
      <c r="AX542" s="9">
        <v>24588.575438799999</v>
      </c>
      <c r="AY542" s="9">
        <v>24764.801855999998</v>
      </c>
      <c r="AZ542" s="9">
        <v>26649.325849000001</v>
      </c>
      <c r="BA542" s="9">
        <v>27121.5799659</v>
      </c>
      <c r="BB542" s="9">
        <v>27791.571316699999</v>
      </c>
      <c r="BC542" s="9">
        <v>29286.103917</v>
      </c>
      <c r="BD542" s="9">
        <v>38007.186580499998</v>
      </c>
      <c r="BE542" s="9">
        <v>30797.636189299999</v>
      </c>
      <c r="BF542" s="9">
        <v>31611.1750894</v>
      </c>
      <c r="BG542" s="11">
        <v>9</v>
      </c>
      <c r="BH542" s="13">
        <v>1.8</v>
      </c>
      <c r="BI542" s="6">
        <v>2</v>
      </c>
      <c r="BJ542" s="13">
        <v>0.4</v>
      </c>
      <c r="BK542" s="6">
        <v>3</v>
      </c>
      <c r="BL542" s="13">
        <v>0.42857142857142855</v>
      </c>
      <c r="BM542" s="11">
        <v>4</v>
      </c>
      <c r="BN542" s="13">
        <v>0.4</v>
      </c>
      <c r="BO542" s="11">
        <v>7</v>
      </c>
      <c r="BP542" s="13">
        <v>1</v>
      </c>
      <c r="BQ542" s="6">
        <v>5</v>
      </c>
      <c r="BR542" s="6">
        <v>8</v>
      </c>
      <c r="BS542" s="6">
        <v>8</v>
      </c>
      <c r="BT542" s="6">
        <v>7</v>
      </c>
      <c r="BU542" s="6">
        <v>7</v>
      </c>
      <c r="BV542" s="6">
        <v>8</v>
      </c>
      <c r="BW542" s="6">
        <v>10</v>
      </c>
      <c r="BX542" s="6">
        <v>11</v>
      </c>
      <c r="BY542" s="6">
        <v>11</v>
      </c>
      <c r="BZ542" s="6">
        <v>12</v>
      </c>
      <c r="CA542" s="6">
        <v>12</v>
      </c>
      <c r="CB542" s="6">
        <v>13</v>
      </c>
      <c r="CC542" s="11">
        <v>14</v>
      </c>
      <c r="CD542" s="11">
        <v>94.769300000000001</v>
      </c>
      <c r="CE542" s="11">
        <v>-9.0693400000000004</v>
      </c>
      <c r="CF542" s="11">
        <v>10.8736</v>
      </c>
      <c r="CG542" s="11">
        <v>2</v>
      </c>
      <c r="CH542" s="20">
        <v>1.2226300000000001</v>
      </c>
      <c r="CI542" s="20">
        <v>1.34815</v>
      </c>
      <c r="CJ542" s="20">
        <v>1.1617900000000001</v>
      </c>
      <c r="CK542" s="20">
        <v>1.0440499999999999</v>
      </c>
      <c r="CL542" s="20">
        <v>1.3314600000000001</v>
      </c>
      <c r="CM542" s="20">
        <v>1.3000700000000001</v>
      </c>
      <c r="CN542" s="20">
        <v>1.17066</v>
      </c>
      <c r="CO542" s="20">
        <v>1.16537</v>
      </c>
      <c r="CP542" s="20">
        <v>1.7772399999999999</v>
      </c>
      <c r="CQ542" s="20">
        <v>2.08548</v>
      </c>
      <c r="CR542" s="20">
        <v>2.1882299999999999</v>
      </c>
      <c r="CS542" s="20">
        <v>2.1751100000000001</v>
      </c>
      <c r="CT542" s="20">
        <v>2.08894</v>
      </c>
      <c r="CU542" s="20">
        <v>2.33568</v>
      </c>
      <c r="CV542" s="20">
        <v>2.4620199999999999</v>
      </c>
      <c r="CW542" s="20">
        <v>2.6025700000000001</v>
      </c>
      <c r="CX542" s="20">
        <v>2.6486399999999999</v>
      </c>
      <c r="CY542" s="6" t="s">
        <v>479</v>
      </c>
      <c r="CZ542" s="6" t="s">
        <v>480</v>
      </c>
      <c r="DA542" s="6" t="s">
        <v>74</v>
      </c>
      <c r="DB542" s="6"/>
      <c r="DC542" s="6"/>
      <c r="DD542" s="6"/>
      <c r="DE542" s="6"/>
      <c r="DF542" s="6"/>
      <c r="DG542" s="6"/>
      <c r="DH542" s="6" t="s">
        <v>333</v>
      </c>
      <c r="DI542" s="6"/>
      <c r="DJ542" s="6"/>
      <c r="DK542" s="6"/>
      <c r="DL542" s="6">
        <v>6</v>
      </c>
      <c r="DM542" s="6" t="s">
        <v>396</v>
      </c>
      <c r="DN542" s="6">
        <v>6</v>
      </c>
      <c r="DO542" s="6" t="s">
        <v>393</v>
      </c>
      <c r="DP542" s="6"/>
      <c r="DQ542" s="6"/>
    </row>
    <row r="543" spans="1:121" x14ac:dyDescent="0.2">
      <c r="A543" s="6" t="s">
        <v>310</v>
      </c>
      <c r="B543" s="6" t="s">
        <v>310</v>
      </c>
      <c r="C543" s="6" t="s">
        <v>173</v>
      </c>
      <c r="D543" s="6" t="s">
        <v>74</v>
      </c>
      <c r="E543" s="6" t="s">
        <v>215</v>
      </c>
      <c r="F543" s="11">
        <v>1</v>
      </c>
      <c r="G543" s="13">
        <v>1</v>
      </c>
      <c r="H543" s="11">
        <v>0</v>
      </c>
      <c r="I543" s="13">
        <v>0</v>
      </c>
      <c r="J543" s="11">
        <v>0</v>
      </c>
      <c r="K543" s="13">
        <v>0</v>
      </c>
      <c r="L543" s="11">
        <v>0</v>
      </c>
      <c r="M543" s="13">
        <v>0</v>
      </c>
      <c r="N543" s="11">
        <v>0</v>
      </c>
      <c r="O543" s="13">
        <v>0</v>
      </c>
      <c r="P543" s="7">
        <v>5</v>
      </c>
      <c r="Q543" s="7">
        <v>5</v>
      </c>
      <c r="R543" s="7">
        <v>5</v>
      </c>
      <c r="S543" s="7">
        <v>5</v>
      </c>
      <c r="T543" s="7">
        <v>5</v>
      </c>
      <c r="U543" s="7">
        <v>5</v>
      </c>
      <c r="V543" s="7">
        <v>5</v>
      </c>
      <c r="W543" s="7">
        <v>10.236269999999999</v>
      </c>
      <c r="X543" s="7">
        <v>5</v>
      </c>
      <c r="Y543" s="7">
        <v>5</v>
      </c>
      <c r="Z543" s="7">
        <v>5</v>
      </c>
      <c r="AA543" s="7">
        <v>5</v>
      </c>
      <c r="AB543" s="7">
        <v>5</v>
      </c>
      <c r="AC543" s="7">
        <v>5</v>
      </c>
      <c r="AD543" s="7">
        <v>5</v>
      </c>
      <c r="AE543" s="7">
        <v>5</v>
      </c>
      <c r="AF543" s="7">
        <v>5</v>
      </c>
      <c r="AG543" s="9">
        <v>0</v>
      </c>
      <c r="AH543" s="13">
        <v>0</v>
      </c>
      <c r="AI543" s="9">
        <v>0</v>
      </c>
      <c r="AJ543" s="13">
        <v>0</v>
      </c>
      <c r="AK543" s="9">
        <v>0</v>
      </c>
      <c r="AL543" s="13">
        <v>0</v>
      </c>
      <c r="AM543" s="9">
        <v>0</v>
      </c>
      <c r="AN543" s="13">
        <v>0</v>
      </c>
      <c r="AO543" s="9">
        <v>0</v>
      </c>
      <c r="AP543" s="13">
        <v>0</v>
      </c>
      <c r="AQ543" s="9">
        <v>1</v>
      </c>
      <c r="AR543" s="9">
        <v>1</v>
      </c>
      <c r="AS543" s="9">
        <v>1</v>
      </c>
      <c r="AT543" s="9">
        <v>1</v>
      </c>
      <c r="AU543" s="9">
        <v>1</v>
      </c>
      <c r="AV543" s="9">
        <v>1</v>
      </c>
      <c r="AW543" s="9">
        <v>1</v>
      </c>
      <c r="AX543" s="9">
        <v>36490.148122999999</v>
      </c>
      <c r="AY543" s="9">
        <v>1</v>
      </c>
      <c r="AZ543" s="9">
        <v>1</v>
      </c>
      <c r="BA543" s="9">
        <v>1</v>
      </c>
      <c r="BB543" s="9">
        <v>1</v>
      </c>
      <c r="BC543" s="9">
        <v>1</v>
      </c>
      <c r="BD543" s="9">
        <v>1</v>
      </c>
      <c r="BE543" s="9">
        <v>1</v>
      </c>
      <c r="BF543" s="9">
        <v>1</v>
      </c>
      <c r="BG543" s="11">
        <v>0.5</v>
      </c>
      <c r="BH543" s="13">
        <v>0.5</v>
      </c>
      <c r="BI543" s="6">
        <v>0</v>
      </c>
      <c r="BJ543" s="13">
        <v>0</v>
      </c>
      <c r="BK543" s="6">
        <v>0</v>
      </c>
      <c r="BL543" s="13">
        <v>0</v>
      </c>
      <c r="BM543" s="11">
        <v>0.5</v>
      </c>
      <c r="BN543" s="13">
        <v>0.5</v>
      </c>
      <c r="BO543" s="11">
        <v>0.5</v>
      </c>
      <c r="BP543" s="13">
        <v>0.5</v>
      </c>
      <c r="BQ543" s="6">
        <v>1</v>
      </c>
      <c r="BR543" s="6">
        <v>1</v>
      </c>
      <c r="BS543" s="6">
        <v>1</v>
      </c>
      <c r="BT543" s="6">
        <v>1</v>
      </c>
      <c r="BU543" s="6">
        <v>1</v>
      </c>
      <c r="BV543" s="6">
        <v>1</v>
      </c>
      <c r="BW543" s="6">
        <v>1</v>
      </c>
      <c r="BX543" s="6">
        <v>1</v>
      </c>
      <c r="BY543" s="6">
        <v>1</v>
      </c>
      <c r="BZ543" s="6">
        <v>1</v>
      </c>
      <c r="CA543" s="6">
        <v>1</v>
      </c>
      <c r="CB543" s="6">
        <v>1</v>
      </c>
      <c r="CC543" s="11">
        <v>1.5</v>
      </c>
      <c r="CD543" s="11">
        <v>-7.8092899999999998</v>
      </c>
      <c r="CE543" s="11">
        <v>0.77914600000000001</v>
      </c>
      <c r="CF543" s="11">
        <v>0.82093300000000002</v>
      </c>
      <c r="CG543" s="11">
        <v>2</v>
      </c>
      <c r="CH543" s="20">
        <v>0.32533800000000002</v>
      </c>
      <c r="CI543" s="20">
        <v>0.118341</v>
      </c>
      <c r="CJ543" s="20">
        <v>0.30990400000000001</v>
      </c>
      <c r="CK543" s="20">
        <v>0.346605</v>
      </c>
      <c r="CL543" s="20">
        <v>0.30559900000000001</v>
      </c>
      <c r="CM543" s="20">
        <v>0.215889</v>
      </c>
      <c r="CN543" s="20">
        <v>0.24233399999999999</v>
      </c>
      <c r="CO543" s="20">
        <v>0.31015999999999999</v>
      </c>
      <c r="CP543" s="20">
        <v>1.76674E-2</v>
      </c>
      <c r="CQ543" s="20">
        <v>7.3793999999999998E-2</v>
      </c>
      <c r="CR543" s="20">
        <v>7.8605099999999997E-2</v>
      </c>
      <c r="CS543" s="20">
        <v>9.5279699999999995E-2</v>
      </c>
      <c r="CT543" s="20">
        <v>7.6687900000000003E-2</v>
      </c>
      <c r="CU543" s="20">
        <v>4.5920000000000002E-2</v>
      </c>
      <c r="CV543" s="20">
        <v>2.0915699999999999E-2</v>
      </c>
      <c r="CW543" s="20">
        <v>5.2820400000000003E-2</v>
      </c>
      <c r="CX543" s="20">
        <v>5.1988100000000002E-2</v>
      </c>
      <c r="CY543" s="6" t="s">
        <v>479</v>
      </c>
      <c r="CZ543" s="6" t="s">
        <v>480</v>
      </c>
      <c r="DA543" s="6" t="s">
        <v>74</v>
      </c>
      <c r="DB543" s="6"/>
      <c r="DC543" s="6"/>
      <c r="DD543" s="6"/>
      <c r="DE543" s="6"/>
      <c r="DF543" s="6"/>
      <c r="DG543" s="6"/>
      <c r="DH543" s="6" t="s">
        <v>333</v>
      </c>
      <c r="DI543" s="6"/>
      <c r="DJ543" s="6"/>
      <c r="DK543" s="6"/>
      <c r="DL543" s="6">
        <v>6</v>
      </c>
      <c r="DM543" s="6" t="s">
        <v>396</v>
      </c>
      <c r="DN543" s="6">
        <v>6</v>
      </c>
      <c r="DO543" s="6" t="s">
        <v>393</v>
      </c>
      <c r="DP543" s="6"/>
      <c r="DQ543" s="6"/>
    </row>
    <row r="544" spans="1:121" x14ac:dyDescent="0.2">
      <c r="A544" s="6" t="s">
        <v>311</v>
      </c>
      <c r="B544" s="6" t="s">
        <v>311</v>
      </c>
      <c r="C544" s="6" t="s">
        <v>174</v>
      </c>
      <c r="D544" s="6" t="s">
        <v>74</v>
      </c>
      <c r="E544" s="6" t="s">
        <v>215</v>
      </c>
      <c r="F544" s="11">
        <v>1</v>
      </c>
      <c r="G544" s="13">
        <v>1</v>
      </c>
      <c r="H544" s="11">
        <v>-9.2178799999999992</v>
      </c>
      <c r="I544" s="13">
        <v>-0.64833013079305779</v>
      </c>
      <c r="J544" s="11">
        <v>0</v>
      </c>
      <c r="K544" s="13">
        <v>0</v>
      </c>
      <c r="L544" s="11">
        <v>0</v>
      </c>
      <c r="M544" s="13">
        <v>0</v>
      </c>
      <c r="N544" s="11">
        <v>0</v>
      </c>
      <c r="O544" s="13">
        <v>0</v>
      </c>
      <c r="P544" s="7">
        <v>14.217879999999999</v>
      </c>
      <c r="Q544" s="7">
        <v>13.375544</v>
      </c>
      <c r="R544" s="7">
        <v>15.519685000000001</v>
      </c>
      <c r="S544" s="7">
        <v>19.320388000000001</v>
      </c>
      <c r="T544" s="7">
        <v>12.014087</v>
      </c>
      <c r="U544" s="7">
        <v>5</v>
      </c>
      <c r="V544" s="7">
        <v>5</v>
      </c>
      <c r="W544" s="7">
        <v>5</v>
      </c>
      <c r="X544" s="7">
        <v>5</v>
      </c>
      <c r="Y544" s="7">
        <v>5</v>
      </c>
      <c r="Z544" s="7">
        <v>5</v>
      </c>
      <c r="AA544" s="7">
        <v>5</v>
      </c>
      <c r="AB544" s="7">
        <v>5</v>
      </c>
      <c r="AC544" s="7">
        <v>5</v>
      </c>
      <c r="AD544" s="7">
        <v>5</v>
      </c>
      <c r="AE544" s="7">
        <v>5</v>
      </c>
      <c r="AF544" s="7">
        <v>5</v>
      </c>
      <c r="AG544" s="9">
        <v>-120485.43122699999</v>
      </c>
      <c r="AH544" s="13">
        <v>-0.99999170031023565</v>
      </c>
      <c r="AI544" s="9">
        <v>-120485.43122699999</v>
      </c>
      <c r="AJ544" s="13">
        <v>-0.99999170031023565</v>
      </c>
      <c r="AK544" s="9">
        <v>0</v>
      </c>
      <c r="AL544" s="13">
        <v>0</v>
      </c>
      <c r="AM544" s="9">
        <v>0</v>
      </c>
      <c r="AN544" s="13">
        <v>0</v>
      </c>
      <c r="AO544" s="9">
        <v>0</v>
      </c>
      <c r="AP544" s="13">
        <v>0</v>
      </c>
      <c r="AQ544" s="9">
        <v>120486.43122699999</v>
      </c>
      <c r="AR544" s="9">
        <v>132792.43266399999</v>
      </c>
      <c r="AS544" s="9">
        <v>72966.378056000001</v>
      </c>
      <c r="AT544" s="9">
        <v>97446.359365199998</v>
      </c>
      <c r="AU544" s="9">
        <v>199768.442266</v>
      </c>
      <c r="AV544" s="9">
        <v>1</v>
      </c>
      <c r="AW544" s="9">
        <v>1</v>
      </c>
      <c r="AX544" s="9">
        <v>1</v>
      </c>
      <c r="AY544" s="9">
        <v>1</v>
      </c>
      <c r="AZ544" s="9">
        <v>1</v>
      </c>
      <c r="BA544" s="9">
        <v>1</v>
      </c>
      <c r="BB544" s="9">
        <v>1</v>
      </c>
      <c r="BC544" s="9">
        <v>1</v>
      </c>
      <c r="BD544" s="9">
        <v>1</v>
      </c>
      <c r="BE544" s="9">
        <v>1</v>
      </c>
      <c r="BF544" s="9">
        <v>1</v>
      </c>
      <c r="BG544" s="11">
        <v>1</v>
      </c>
      <c r="BH544" s="13">
        <v>0.5</v>
      </c>
      <c r="BI544" s="6">
        <v>0</v>
      </c>
      <c r="BJ544" s="13">
        <v>0</v>
      </c>
      <c r="BK544" s="6">
        <v>0</v>
      </c>
      <c r="BL544" s="13">
        <v>0</v>
      </c>
      <c r="BM544" s="11">
        <v>1</v>
      </c>
      <c r="BN544" s="13">
        <v>0.5</v>
      </c>
      <c r="BO544" s="11">
        <v>1</v>
      </c>
      <c r="BP544" s="13">
        <v>0.5</v>
      </c>
      <c r="BQ544" s="6">
        <v>2</v>
      </c>
      <c r="BR544" s="6">
        <v>2</v>
      </c>
      <c r="BS544" s="6">
        <v>2</v>
      </c>
      <c r="BT544" s="6">
        <v>2</v>
      </c>
      <c r="BU544" s="6">
        <v>2</v>
      </c>
      <c r="BV544" s="6">
        <v>2</v>
      </c>
      <c r="BW544" s="6">
        <v>2</v>
      </c>
      <c r="BX544" s="6">
        <v>2</v>
      </c>
      <c r="BY544" s="6">
        <v>2</v>
      </c>
      <c r="BZ544" s="6">
        <v>3</v>
      </c>
      <c r="CA544" s="6">
        <v>3</v>
      </c>
      <c r="CB544" s="6">
        <v>3</v>
      </c>
      <c r="CC544" s="11">
        <v>3</v>
      </c>
      <c r="CD544" s="11">
        <v>-11.430300000000001</v>
      </c>
      <c r="CE544" s="11">
        <v>-2.3152900000000001</v>
      </c>
      <c r="CF544" s="11">
        <v>1.55419</v>
      </c>
      <c r="CG544" s="11">
        <v>0</v>
      </c>
      <c r="CH544" s="20">
        <v>0.56215999999999999</v>
      </c>
      <c r="CI544" s="20">
        <v>0.49762699999999999</v>
      </c>
      <c r="CJ544" s="20">
        <v>0.59384599999999998</v>
      </c>
      <c r="CK544" s="20">
        <v>0.75775999999999999</v>
      </c>
      <c r="CL544" s="20">
        <v>0.46987099999999998</v>
      </c>
      <c r="CM544" s="20">
        <v>9.8963799999999998E-3</v>
      </c>
      <c r="CN544" s="20">
        <v>9.8406299999999995E-3</v>
      </c>
      <c r="CO544" s="20">
        <v>5.4988700000000001E-2</v>
      </c>
      <c r="CP544" s="20">
        <v>5.5877599999999999E-2</v>
      </c>
      <c r="CQ544" s="20">
        <v>0.17711099999999999</v>
      </c>
      <c r="CR544" s="20">
        <v>0.22939100000000001</v>
      </c>
      <c r="CS544" s="20">
        <v>9.5714400000000005E-2</v>
      </c>
      <c r="CT544" s="20">
        <v>0.188523</v>
      </c>
      <c r="CU544" s="20">
        <v>7.9376699999999994E-2</v>
      </c>
      <c r="CV544" s="20">
        <v>0.101323</v>
      </c>
      <c r="CW544" s="20">
        <v>9.2716699999999999E-2</v>
      </c>
      <c r="CX544" s="20">
        <v>9.47408E-2</v>
      </c>
      <c r="CY544" s="6" t="s">
        <v>479</v>
      </c>
      <c r="CZ544" s="6" t="s">
        <v>480</v>
      </c>
      <c r="DA544" s="6" t="s">
        <v>74</v>
      </c>
      <c r="DB544" s="6"/>
      <c r="DC544" s="6"/>
      <c r="DD544" s="6"/>
      <c r="DE544" s="6"/>
      <c r="DF544" s="6"/>
      <c r="DG544" s="6"/>
      <c r="DH544" s="6" t="s">
        <v>333</v>
      </c>
      <c r="DI544" s="6"/>
      <c r="DJ544" s="6"/>
      <c r="DK544" s="6"/>
      <c r="DL544" s="6">
        <v>6</v>
      </c>
      <c r="DM544" s="6" t="s">
        <v>396</v>
      </c>
      <c r="DN544" s="6">
        <v>6</v>
      </c>
      <c r="DO544" s="6" t="s">
        <v>393</v>
      </c>
      <c r="DP544" s="6"/>
      <c r="DQ544" s="6"/>
    </row>
    <row r="545" spans="1:121" x14ac:dyDescent="0.2">
      <c r="A545" s="6" t="s">
        <v>312</v>
      </c>
      <c r="B545" s="6" t="s">
        <v>312</v>
      </c>
      <c r="C545" s="6" t="s">
        <v>175</v>
      </c>
      <c r="D545" s="6" t="s">
        <v>74</v>
      </c>
      <c r="E545" s="6" t="s">
        <v>215</v>
      </c>
      <c r="F545" s="11">
        <v>154</v>
      </c>
      <c r="G545" s="13">
        <v>0.45161290322600001</v>
      </c>
      <c r="H545" s="11">
        <v>81.024077496000018</v>
      </c>
      <c r="I545" s="13">
        <v>0.23792964989298651</v>
      </c>
      <c r="J545" s="11">
        <v>-58.594200556000033</v>
      </c>
      <c r="K545" s="13">
        <v>-0.13899306722129606</v>
      </c>
      <c r="L545" s="11">
        <v>132.332025939</v>
      </c>
      <c r="M545" s="13">
        <v>0.36458333942486831</v>
      </c>
      <c r="N545" s="11">
        <v>73.737825382999972</v>
      </c>
      <c r="O545" s="13">
        <v>0.17491571559912691</v>
      </c>
      <c r="P545" s="7">
        <v>340.53795957099999</v>
      </c>
      <c r="Q545" s="7">
        <v>344.14662299700001</v>
      </c>
      <c r="R545" s="7">
        <v>369.54573636600003</v>
      </c>
      <c r="S545" s="7">
        <v>421.64978363300003</v>
      </c>
      <c r="T545" s="7">
        <v>439.02167440300002</v>
      </c>
      <c r="U545" s="7">
        <v>449.54525808199998</v>
      </c>
      <c r="V545" s="7">
        <v>421.56203706700001</v>
      </c>
      <c r="W545" s="7">
        <v>434.826495357</v>
      </c>
      <c r="X545" s="7">
        <v>405.257961749</v>
      </c>
      <c r="Y545" s="7">
        <v>362.96783651099997</v>
      </c>
      <c r="Z545" s="7">
        <v>398.06775538400001</v>
      </c>
      <c r="AA545" s="7">
        <v>406.56111433400002</v>
      </c>
      <c r="AB545" s="7">
        <v>397.866888012</v>
      </c>
      <c r="AC545" s="7">
        <v>416.68654487100002</v>
      </c>
      <c r="AD545" s="7">
        <v>470.96050608799999</v>
      </c>
      <c r="AE545" s="7">
        <v>477.69380558</v>
      </c>
      <c r="AF545" s="7">
        <v>495.29986244999998</v>
      </c>
      <c r="AG545" s="9">
        <v>21327.426582699998</v>
      </c>
      <c r="AH545" s="13">
        <v>0.81594288548508542</v>
      </c>
      <c r="AI545" s="9">
        <v>2549.5573427999989</v>
      </c>
      <c r="AJ545" s="13">
        <v>9.7540749556787751E-2</v>
      </c>
      <c r="AK545" s="9">
        <v>8303.7884376000002</v>
      </c>
      <c r="AL545" s="13">
        <v>0.28945224773575018</v>
      </c>
      <c r="AM545" s="9">
        <v>10474.080802299999</v>
      </c>
      <c r="AN545" s="13">
        <v>0.28314657132644594</v>
      </c>
      <c r="AO545" s="9">
        <v>18777.869239899999</v>
      </c>
      <c r="AP545" s="13">
        <v>0.65455623057130674</v>
      </c>
      <c r="AQ545" s="9">
        <v>26138.381695700002</v>
      </c>
      <c r="AR545" s="9">
        <v>24218.830244100001</v>
      </c>
      <c r="AS545" s="9">
        <v>25828.0648263</v>
      </c>
      <c r="AT545" s="9">
        <v>27586.778075400001</v>
      </c>
      <c r="AU545" s="9">
        <v>27730.657784300001</v>
      </c>
      <c r="AV545" s="9">
        <v>28930.113271099999</v>
      </c>
      <c r="AW545" s="9">
        <v>28687.939038500001</v>
      </c>
      <c r="AX545" s="9">
        <v>31164.679578899999</v>
      </c>
      <c r="AY545" s="9">
        <v>33034.8043072</v>
      </c>
      <c r="AZ545" s="9">
        <v>36991.727476100001</v>
      </c>
      <c r="BA545" s="9">
        <v>39900.404145699998</v>
      </c>
      <c r="BB545" s="9">
        <v>41691.239277499997</v>
      </c>
      <c r="BC545" s="9">
        <v>39173.777774399998</v>
      </c>
      <c r="BD545" s="9">
        <v>43620.328896599996</v>
      </c>
      <c r="BE545" s="9">
        <v>46678.367179599998</v>
      </c>
      <c r="BF545" s="9">
        <v>47465.8082784</v>
      </c>
      <c r="BG545" s="11">
        <v>-19.75</v>
      </c>
      <c r="BH545" s="13">
        <v>-0.29924242424242425</v>
      </c>
      <c r="BI545" s="6">
        <v>2</v>
      </c>
      <c r="BJ545" s="13">
        <v>3.0303030303030304E-2</v>
      </c>
      <c r="BK545" s="6">
        <v>-15</v>
      </c>
      <c r="BL545" s="13">
        <v>-0.22058823529411764</v>
      </c>
      <c r="BM545" s="11">
        <v>-6.75</v>
      </c>
      <c r="BN545" s="13">
        <v>-0.12735849056603774</v>
      </c>
      <c r="BO545" s="11">
        <v>-21.75</v>
      </c>
      <c r="BP545" s="13">
        <v>-0.31985294117647056</v>
      </c>
      <c r="BQ545" s="6">
        <v>66</v>
      </c>
      <c r="BR545" s="6">
        <v>76</v>
      </c>
      <c r="BS545" s="6">
        <v>73</v>
      </c>
      <c r="BT545" s="6">
        <v>68</v>
      </c>
      <c r="BU545" s="6">
        <v>65</v>
      </c>
      <c r="BV545" s="6">
        <v>59</v>
      </c>
      <c r="BW545" s="6">
        <v>53</v>
      </c>
      <c r="BX545" s="6">
        <v>47</v>
      </c>
      <c r="BY545" s="6">
        <v>46</v>
      </c>
      <c r="BZ545" s="6">
        <v>44</v>
      </c>
      <c r="CA545" s="6">
        <v>41</v>
      </c>
      <c r="CB545" s="6">
        <v>44</v>
      </c>
      <c r="CC545" s="11">
        <v>46.25</v>
      </c>
      <c r="CD545" s="11">
        <v>158.785</v>
      </c>
      <c r="CE545" s="11">
        <v>-41.247799999999998</v>
      </c>
      <c r="CF545" s="11">
        <v>37.224899999999998</v>
      </c>
      <c r="CG545" s="11">
        <v>-4</v>
      </c>
      <c r="CH545" s="20">
        <v>0.92830699999999999</v>
      </c>
      <c r="CI545" s="20">
        <v>0.87664799999999998</v>
      </c>
      <c r="CJ545" s="20">
        <v>0.92519700000000005</v>
      </c>
      <c r="CK545" s="20">
        <v>1.0145200000000001</v>
      </c>
      <c r="CL545" s="20">
        <v>0.98203200000000002</v>
      </c>
      <c r="CM545" s="20">
        <v>0.96932200000000002</v>
      </c>
      <c r="CN545" s="20">
        <v>0.91603500000000004</v>
      </c>
      <c r="CO545" s="20">
        <v>1.0210300000000001</v>
      </c>
      <c r="CP545" s="20">
        <v>1.1035299999999999</v>
      </c>
      <c r="CQ545" s="20">
        <v>1.1154200000000001</v>
      </c>
      <c r="CR545" s="20">
        <v>1.2601</v>
      </c>
      <c r="CS545" s="20">
        <v>1.3206500000000001</v>
      </c>
      <c r="CT545" s="20">
        <v>1.3144899999999999</v>
      </c>
      <c r="CU545" s="20">
        <v>1.3346899999999999</v>
      </c>
      <c r="CV545" s="20">
        <v>1.4992099999999999</v>
      </c>
      <c r="CW545" s="20">
        <v>1.50654</v>
      </c>
      <c r="CX545" s="20">
        <v>1.52911</v>
      </c>
      <c r="CY545" s="6" t="s">
        <v>479</v>
      </c>
      <c r="CZ545" s="6" t="s">
        <v>480</v>
      </c>
      <c r="DA545" s="6" t="s">
        <v>74</v>
      </c>
      <c r="DB545" s="6"/>
      <c r="DC545" s="6"/>
      <c r="DD545" s="6"/>
      <c r="DE545" s="6"/>
      <c r="DF545" s="6"/>
      <c r="DG545" s="6"/>
      <c r="DH545" s="6" t="s">
        <v>333</v>
      </c>
      <c r="DI545" s="6"/>
      <c r="DJ545" s="6"/>
      <c r="DK545" s="6"/>
      <c r="DL545" s="6">
        <v>6</v>
      </c>
      <c r="DM545" s="6" t="s">
        <v>396</v>
      </c>
      <c r="DN545" s="6">
        <v>6</v>
      </c>
      <c r="DO545" s="6" t="s">
        <v>393</v>
      </c>
      <c r="DP545" s="6"/>
      <c r="DQ545" s="6"/>
    </row>
    <row r="546" spans="1:121" x14ac:dyDescent="0.2">
      <c r="A546" s="6" t="s">
        <v>792</v>
      </c>
      <c r="B546" s="6" t="s">
        <v>176</v>
      </c>
      <c r="C546" s="6" t="s">
        <v>177</v>
      </c>
      <c r="D546" s="6" t="s">
        <v>74</v>
      </c>
      <c r="E546" s="6" t="s">
        <v>215</v>
      </c>
      <c r="F546" s="11">
        <v>-694</v>
      </c>
      <c r="G546" s="13">
        <v>-0.75352877307300004</v>
      </c>
      <c r="H546" s="11">
        <v>81.822586849000004</v>
      </c>
      <c r="I546" s="13">
        <v>8.8851564127058164E-2</v>
      </c>
      <c r="J546" s="11">
        <v>-272.92727294199995</v>
      </c>
      <c r="K546" s="13">
        <v>-0.27218872307511133</v>
      </c>
      <c r="L546" s="11">
        <v>-502.72696545400004</v>
      </c>
      <c r="M546" s="13">
        <v>-0.68886892277988965</v>
      </c>
      <c r="N546" s="11">
        <v>-775.65423839599998</v>
      </c>
      <c r="O546" s="13">
        <v>-0.77355529339741536</v>
      </c>
      <c r="P546" s="7">
        <v>920.890787381</v>
      </c>
      <c r="Q546" s="7">
        <v>890.47720784199998</v>
      </c>
      <c r="R546" s="7">
        <v>905.60706976300003</v>
      </c>
      <c r="S546" s="7">
        <v>863.137214191</v>
      </c>
      <c r="T546" s="7">
        <v>919.47926108900003</v>
      </c>
      <c r="U546" s="7">
        <v>947.54795550899996</v>
      </c>
      <c r="V546" s="7">
        <v>1002.71337423</v>
      </c>
      <c r="W546" s="7">
        <v>1054.40074727</v>
      </c>
      <c r="X546" s="7">
        <v>932.302963417</v>
      </c>
      <c r="Y546" s="7">
        <v>729.78610128800005</v>
      </c>
      <c r="Z546" s="7">
        <v>741.67713660200002</v>
      </c>
      <c r="AA546" s="7">
        <v>662.56365101300003</v>
      </c>
      <c r="AB546" s="7">
        <v>538.40139187</v>
      </c>
      <c r="AC546" s="7">
        <v>507.46471861200001</v>
      </c>
      <c r="AD546" s="7">
        <v>310.713648439</v>
      </c>
      <c r="AE546" s="7">
        <v>248.35111598200001</v>
      </c>
      <c r="AF546" s="7">
        <v>227.05913583399999</v>
      </c>
      <c r="AG546" s="9">
        <v>23995.923220899997</v>
      </c>
      <c r="AH546" s="13">
        <v>0.71023244771711613</v>
      </c>
      <c r="AI546" s="9">
        <v>5749.1699727999949</v>
      </c>
      <c r="AJ546" s="13">
        <v>0.17016419933228721</v>
      </c>
      <c r="AK546" s="9">
        <v>5876.3353811000052</v>
      </c>
      <c r="AL546" s="13">
        <v>0.14863559069794394</v>
      </c>
      <c r="AM546" s="9">
        <v>12370.417866999996</v>
      </c>
      <c r="AN546" s="13">
        <v>0.27240704825705336</v>
      </c>
      <c r="AO546" s="9">
        <v>18246.753248100002</v>
      </c>
      <c r="AP546" s="13">
        <v>0.46153202148296774</v>
      </c>
      <c r="AQ546" s="9">
        <v>33786.013717100002</v>
      </c>
      <c r="AR546" s="9">
        <v>33413.766797999997</v>
      </c>
      <c r="AS546" s="9">
        <v>35697.169285099997</v>
      </c>
      <c r="AT546" s="9">
        <v>39486.176750699997</v>
      </c>
      <c r="AU546" s="9">
        <v>40471.293833700001</v>
      </c>
      <c r="AV546" s="9">
        <v>40987.052302999997</v>
      </c>
      <c r="AW546" s="9">
        <v>39535.183689899997</v>
      </c>
      <c r="AX546" s="9">
        <v>40183.124859900003</v>
      </c>
      <c r="AY546" s="9">
        <v>38969.615794799996</v>
      </c>
      <c r="AZ546" s="9">
        <v>45411.519071000002</v>
      </c>
      <c r="BA546" s="9">
        <v>45818.403756300002</v>
      </c>
      <c r="BB546" s="9">
        <v>50796.819108000003</v>
      </c>
      <c r="BC546" s="9">
        <v>53165.752101500002</v>
      </c>
      <c r="BD546" s="9">
        <v>61518.029371600001</v>
      </c>
      <c r="BE546" s="9">
        <v>62451.571687199998</v>
      </c>
      <c r="BF546" s="9">
        <v>57781.936937999999</v>
      </c>
      <c r="BG546" s="11">
        <v>-8</v>
      </c>
      <c r="BH546" s="13">
        <v>-0.47058823529411764</v>
      </c>
      <c r="BI546" s="6">
        <v>2</v>
      </c>
      <c r="BJ546" s="13">
        <v>0.11764705882352941</v>
      </c>
      <c r="BK546" s="6">
        <v>-1</v>
      </c>
      <c r="BL546" s="13">
        <v>-5.2631578947368418E-2</v>
      </c>
      <c r="BM546" s="11">
        <v>-9</v>
      </c>
      <c r="BN546" s="13">
        <v>-0.5</v>
      </c>
      <c r="BO546" s="11">
        <v>-10</v>
      </c>
      <c r="BP546" s="13">
        <v>-0.52631578947368418</v>
      </c>
      <c r="BQ546" s="6">
        <v>17</v>
      </c>
      <c r="BR546" s="6">
        <v>16</v>
      </c>
      <c r="BS546" s="6">
        <v>18</v>
      </c>
      <c r="BT546" s="6">
        <v>19</v>
      </c>
      <c r="BU546" s="6">
        <v>18</v>
      </c>
      <c r="BV546" s="6">
        <v>17</v>
      </c>
      <c r="BW546" s="6">
        <v>18</v>
      </c>
      <c r="BX546" s="6">
        <v>18</v>
      </c>
      <c r="BY546" s="6">
        <v>14</v>
      </c>
      <c r="BZ546" s="6">
        <v>13</v>
      </c>
      <c r="CA546" s="6">
        <v>12</v>
      </c>
      <c r="CB546" s="6">
        <v>10</v>
      </c>
      <c r="CC546" s="11">
        <v>9</v>
      </c>
      <c r="CD546" s="11">
        <v>-469.44200000000001</v>
      </c>
      <c r="CE546" s="11">
        <v>-325.05399999999997</v>
      </c>
      <c r="CF546" s="11">
        <v>100.664</v>
      </c>
      <c r="CG546" s="11">
        <v>-224</v>
      </c>
      <c r="CH546" s="20">
        <v>1.3112600000000001</v>
      </c>
      <c r="CI546" s="20">
        <v>1.26617</v>
      </c>
      <c r="CJ546" s="20">
        <v>1.35286</v>
      </c>
      <c r="CK546" s="20">
        <v>1.3125100000000001</v>
      </c>
      <c r="CL546" s="20">
        <v>1.36877</v>
      </c>
      <c r="CM546" s="20">
        <v>1.42519</v>
      </c>
      <c r="CN546" s="20">
        <v>1.5387200000000001</v>
      </c>
      <c r="CO546" s="20">
        <v>1.71071</v>
      </c>
      <c r="CP546" s="20">
        <v>1.7282200000000001</v>
      </c>
      <c r="CQ546" s="20">
        <v>1.4442600000000001</v>
      </c>
      <c r="CR546" s="20">
        <v>1.4669399999999999</v>
      </c>
      <c r="CS546" s="20">
        <v>1.3350900000000001</v>
      </c>
      <c r="CT546" s="20">
        <v>1.1208100000000001</v>
      </c>
      <c r="CU546" s="20">
        <v>1.0492999999999999</v>
      </c>
      <c r="CV546" s="20">
        <v>0.65639000000000003</v>
      </c>
      <c r="CW546" s="20">
        <v>0.53111799999999998</v>
      </c>
      <c r="CX546" s="20">
        <v>0.47839799999999999</v>
      </c>
      <c r="CY546" s="6" t="s">
        <v>479</v>
      </c>
      <c r="CZ546" s="6" t="s">
        <v>480</v>
      </c>
      <c r="DA546" s="6" t="s">
        <v>74</v>
      </c>
      <c r="DB546" s="6"/>
      <c r="DC546" s="6"/>
      <c r="DD546" s="6"/>
      <c r="DE546" s="6"/>
      <c r="DF546" s="6"/>
      <c r="DG546" s="6"/>
      <c r="DH546" s="6" t="s">
        <v>333</v>
      </c>
      <c r="DI546" s="6"/>
      <c r="DJ546" s="6"/>
      <c r="DK546" s="6"/>
      <c r="DL546" s="6">
        <v>6</v>
      </c>
      <c r="DM546" s="6" t="s">
        <v>396</v>
      </c>
      <c r="DN546" s="6">
        <v>6</v>
      </c>
      <c r="DO546" s="6" t="s">
        <v>393</v>
      </c>
      <c r="DP546" s="6"/>
      <c r="DQ546" s="6"/>
    </row>
    <row r="547" spans="1:121" x14ac:dyDescent="0.2">
      <c r="A547" s="6" t="s">
        <v>313</v>
      </c>
      <c r="B547" s="6" t="s">
        <v>313</v>
      </c>
      <c r="C547" s="6" t="s">
        <v>178</v>
      </c>
      <c r="D547" s="6" t="s">
        <v>74</v>
      </c>
      <c r="E547" s="6" t="s">
        <v>215</v>
      </c>
      <c r="F547" s="11">
        <v>-171</v>
      </c>
      <c r="G547" s="13">
        <v>-0.61510791366899997</v>
      </c>
      <c r="H547" s="11">
        <v>-13.536840365999979</v>
      </c>
      <c r="I547" s="13">
        <v>-4.866916560609616E-2</v>
      </c>
      <c r="J547" s="11">
        <v>-138.41515997000002</v>
      </c>
      <c r="K547" s="13">
        <v>-0.52310476841070108</v>
      </c>
      <c r="L547" s="11">
        <v>-19.109440185000011</v>
      </c>
      <c r="M547" s="13">
        <v>-0.1514363049904974</v>
      </c>
      <c r="N547" s="11">
        <v>-157.52460015500003</v>
      </c>
      <c r="O547" s="13">
        <v>-0.59532402015017205</v>
      </c>
      <c r="P547" s="7">
        <v>278.139972145</v>
      </c>
      <c r="Q547" s="7">
        <v>263.13508906200002</v>
      </c>
      <c r="R547" s="7">
        <v>256.71632891199999</v>
      </c>
      <c r="S547" s="7">
        <v>268.54225715699999</v>
      </c>
      <c r="T547" s="7">
        <v>300.81394888900002</v>
      </c>
      <c r="U547" s="7">
        <v>286.54335689599998</v>
      </c>
      <c r="V547" s="7">
        <v>264.60313177900002</v>
      </c>
      <c r="W547" s="7">
        <v>254.75784728400001</v>
      </c>
      <c r="X547" s="7">
        <v>131.10368267600001</v>
      </c>
      <c r="Y547" s="7">
        <v>126.187971809</v>
      </c>
      <c r="Z547" s="7">
        <v>122.11761796499999</v>
      </c>
      <c r="AA547" s="7">
        <v>118.260122908</v>
      </c>
      <c r="AB547" s="7">
        <v>90.699555387399997</v>
      </c>
      <c r="AC547" s="7">
        <v>104.658778977</v>
      </c>
      <c r="AD547" s="7">
        <v>105.000103235</v>
      </c>
      <c r="AE547" s="7">
        <v>105.29079939099999</v>
      </c>
      <c r="AF547" s="7">
        <v>107.07853162399999</v>
      </c>
      <c r="AG547" s="9">
        <v>21139.601864999997</v>
      </c>
      <c r="AH547" s="13">
        <v>0.73994769572428221</v>
      </c>
      <c r="AI547" s="9">
        <v>9146.3595997000011</v>
      </c>
      <c r="AJ547" s="13">
        <v>0.32014925130964311</v>
      </c>
      <c r="AK547" s="9">
        <v>6546.613655299996</v>
      </c>
      <c r="AL547" s="13">
        <v>0.17357928561664385</v>
      </c>
      <c r="AM547" s="9">
        <v>5446.6286099999998</v>
      </c>
      <c r="AN547" s="13">
        <v>0.1230542200981634</v>
      </c>
      <c r="AO547" s="9">
        <v>11993.242265299996</v>
      </c>
      <c r="AP547" s="13">
        <v>0.31799316933155969</v>
      </c>
      <c r="AQ547" s="9">
        <v>28569.0488492</v>
      </c>
      <c r="AR547" s="9">
        <v>30053.871697999999</v>
      </c>
      <c r="AS547" s="9">
        <v>31679.8604624</v>
      </c>
      <c r="AT547" s="9">
        <v>32909.585288200004</v>
      </c>
      <c r="AU547" s="9">
        <v>35597.455956799997</v>
      </c>
      <c r="AV547" s="9">
        <v>37318.230524799998</v>
      </c>
      <c r="AW547" s="9">
        <v>37715.408448900002</v>
      </c>
      <c r="AX547" s="9">
        <v>40267.003780599996</v>
      </c>
      <c r="AY547" s="9">
        <v>45951.039302999998</v>
      </c>
      <c r="AZ547" s="9">
        <v>44262.022104199998</v>
      </c>
      <c r="BA547" s="9">
        <v>44301.950629999999</v>
      </c>
      <c r="BB547" s="9">
        <v>46593.084789400004</v>
      </c>
      <c r="BC547" s="9">
        <v>51430.573770800002</v>
      </c>
      <c r="BD547" s="9">
        <v>50511.566027100002</v>
      </c>
      <c r="BE547" s="9">
        <v>52417.056096499997</v>
      </c>
      <c r="BF547" s="9">
        <v>49708.650714199997</v>
      </c>
      <c r="BG547" s="11">
        <v>-2.25</v>
      </c>
      <c r="BH547" s="13">
        <v>-9.7826086956521743E-2</v>
      </c>
      <c r="BI547" s="6">
        <v>-2</v>
      </c>
      <c r="BJ547" s="13">
        <v>-8.6956521739130432E-2</v>
      </c>
      <c r="BK547" s="6">
        <v>-3</v>
      </c>
      <c r="BL547" s="13">
        <v>-0.14285714285714285</v>
      </c>
      <c r="BM547" s="11">
        <v>2.75</v>
      </c>
      <c r="BN547" s="13">
        <v>0.15277777777777779</v>
      </c>
      <c r="BO547" s="11">
        <v>-0.25</v>
      </c>
      <c r="BP547" s="13">
        <v>-1.1904761904761904E-2</v>
      </c>
      <c r="BQ547" s="6">
        <v>23</v>
      </c>
      <c r="BR547" s="6">
        <v>25</v>
      </c>
      <c r="BS547" s="6">
        <v>23</v>
      </c>
      <c r="BT547" s="6">
        <v>21</v>
      </c>
      <c r="BU547" s="6">
        <v>21</v>
      </c>
      <c r="BV547" s="6">
        <v>18</v>
      </c>
      <c r="BW547" s="6">
        <v>18</v>
      </c>
      <c r="BX547" s="6">
        <v>19</v>
      </c>
      <c r="BY547" s="6">
        <v>17</v>
      </c>
      <c r="BZ547" s="6">
        <v>16</v>
      </c>
      <c r="CA547" s="6">
        <v>17</v>
      </c>
      <c r="CB547" s="6">
        <v>19</v>
      </c>
      <c r="CC547" s="11">
        <v>20.75</v>
      </c>
      <c r="CD547" s="11">
        <v>-178.72300000000001</v>
      </c>
      <c r="CE547" s="11">
        <v>-22.742799999999999</v>
      </c>
      <c r="CF547" s="11">
        <v>30.404</v>
      </c>
      <c r="CG547" s="11">
        <v>7</v>
      </c>
      <c r="CH547" s="20">
        <v>1.1122399999999999</v>
      </c>
      <c r="CI547" s="20">
        <v>0.99796300000000004</v>
      </c>
      <c r="CJ547" s="20">
        <v>0.97780699999999998</v>
      </c>
      <c r="CK547" s="20">
        <v>1.0165299999999999</v>
      </c>
      <c r="CL547" s="20">
        <v>1.08829</v>
      </c>
      <c r="CM547" s="20">
        <v>1.0190999999999999</v>
      </c>
      <c r="CN547" s="20">
        <v>0.926149</v>
      </c>
      <c r="CO547" s="20">
        <v>0.91860200000000003</v>
      </c>
      <c r="CP547" s="20">
        <v>0.51056400000000002</v>
      </c>
      <c r="CQ547" s="20">
        <v>0.51941599999999999</v>
      </c>
      <c r="CR547" s="20">
        <v>0.50457300000000005</v>
      </c>
      <c r="CS547" s="20">
        <v>0.49723400000000001</v>
      </c>
      <c r="CT547" s="20">
        <v>0.39174300000000001</v>
      </c>
      <c r="CU547" s="20">
        <v>0.44955600000000001</v>
      </c>
      <c r="CV547" s="20">
        <v>0.46109099999999997</v>
      </c>
      <c r="CW547" s="20">
        <v>0.469279</v>
      </c>
      <c r="CX547" s="20">
        <v>0.46635799999999999</v>
      </c>
      <c r="CY547" s="6" t="s">
        <v>479</v>
      </c>
      <c r="CZ547" s="6" t="s">
        <v>480</v>
      </c>
      <c r="DA547" s="6" t="s">
        <v>74</v>
      </c>
      <c r="DB547" s="6"/>
      <c r="DC547" s="6"/>
      <c r="DD547" s="6"/>
      <c r="DE547" s="6"/>
      <c r="DF547" s="6"/>
      <c r="DG547" s="6"/>
      <c r="DH547" s="6" t="s">
        <v>333</v>
      </c>
      <c r="DI547" s="6"/>
      <c r="DJ547" s="6"/>
      <c r="DK547" s="6"/>
      <c r="DL547" s="6">
        <v>6</v>
      </c>
      <c r="DM547" s="6" t="s">
        <v>396</v>
      </c>
      <c r="DN547" s="6">
        <v>6</v>
      </c>
      <c r="DO547" s="6" t="s">
        <v>393</v>
      </c>
      <c r="DP547" s="6"/>
      <c r="DQ547" s="6"/>
    </row>
    <row r="548" spans="1:121" x14ac:dyDescent="0.2">
      <c r="A548" s="6" t="s">
        <v>793</v>
      </c>
      <c r="B548" s="6" t="s">
        <v>179</v>
      </c>
      <c r="C548" s="6" t="s">
        <v>180</v>
      </c>
      <c r="D548" s="6" t="s">
        <v>74</v>
      </c>
      <c r="E548" s="6" t="s">
        <v>215</v>
      </c>
      <c r="F548" s="11">
        <v>112</v>
      </c>
      <c r="G548" s="13">
        <v>0.16</v>
      </c>
      <c r="H548" s="11">
        <v>15</v>
      </c>
      <c r="I548" s="13">
        <v>2.097902097902098E-2</v>
      </c>
      <c r="J548" s="11">
        <v>17</v>
      </c>
      <c r="K548" s="13">
        <v>2.328767123287671E-2</v>
      </c>
      <c r="L548" s="11">
        <v>80</v>
      </c>
      <c r="M548" s="13">
        <v>0.107095046854083</v>
      </c>
      <c r="N548" s="11">
        <v>97</v>
      </c>
      <c r="O548" s="13">
        <v>0.13287671232876713</v>
      </c>
      <c r="P548" s="7">
        <v>715</v>
      </c>
      <c r="Q548" s="7">
        <v>733</v>
      </c>
      <c r="R548" s="7">
        <v>727</v>
      </c>
      <c r="S548" s="7">
        <v>715</v>
      </c>
      <c r="T548" s="7">
        <v>737</v>
      </c>
      <c r="U548" s="7">
        <v>718</v>
      </c>
      <c r="V548" s="7">
        <v>730</v>
      </c>
      <c r="W548" s="7">
        <v>731</v>
      </c>
      <c r="X548" s="7">
        <v>756</v>
      </c>
      <c r="Y548" s="7">
        <v>747</v>
      </c>
      <c r="Z548" s="7">
        <v>709</v>
      </c>
      <c r="AA548" s="7">
        <v>696</v>
      </c>
      <c r="AB548" s="7">
        <v>682</v>
      </c>
      <c r="AC548" s="7">
        <v>726</v>
      </c>
      <c r="AD548" s="7">
        <v>747</v>
      </c>
      <c r="AE548" s="7">
        <v>781</v>
      </c>
      <c r="AF548" s="7">
        <v>827</v>
      </c>
      <c r="AG548" s="9">
        <v>10048</v>
      </c>
      <c r="AH548" s="13">
        <v>0.59642666350092</v>
      </c>
      <c r="AI548" s="9">
        <v>6204</v>
      </c>
      <c r="AJ548" s="13">
        <v>0.36825547575235945</v>
      </c>
      <c r="AK548" s="9">
        <v>1678</v>
      </c>
      <c r="AL548" s="13">
        <v>7.2795106502971677E-2</v>
      </c>
      <c r="AM548" s="9">
        <v>2166</v>
      </c>
      <c r="AN548" s="13">
        <v>8.7589469853208785E-2</v>
      </c>
      <c r="AO548" s="9">
        <v>3844</v>
      </c>
      <c r="AP548" s="13">
        <v>0.16676066114268362</v>
      </c>
      <c r="AQ548" s="9">
        <v>16847</v>
      </c>
      <c r="AR548" s="9">
        <v>16879</v>
      </c>
      <c r="AS548" s="9">
        <v>17519</v>
      </c>
      <c r="AT548" s="9">
        <v>18817</v>
      </c>
      <c r="AU548" s="9">
        <v>20703</v>
      </c>
      <c r="AV548" s="9">
        <v>22308</v>
      </c>
      <c r="AW548" s="9">
        <v>23051</v>
      </c>
      <c r="AX548" s="9">
        <v>24523</v>
      </c>
      <c r="AY548" s="9">
        <v>24201</v>
      </c>
      <c r="AZ548" s="9">
        <v>24729</v>
      </c>
      <c r="BA548" s="9">
        <v>25219</v>
      </c>
      <c r="BB548" s="9">
        <v>25824</v>
      </c>
      <c r="BC548" s="9">
        <v>26896</v>
      </c>
      <c r="BD548" s="9">
        <v>27152</v>
      </c>
      <c r="BE548" s="9">
        <v>26341</v>
      </c>
      <c r="BF548" s="9">
        <v>26895</v>
      </c>
      <c r="BG548" s="11">
        <v>-19</v>
      </c>
      <c r="BH548" s="13">
        <v>-0.26760563380281688</v>
      </c>
      <c r="BI548" s="6">
        <v>-5</v>
      </c>
      <c r="BJ548" s="13">
        <v>-7.0422535211267609E-2</v>
      </c>
      <c r="BK548" s="6">
        <v>-5</v>
      </c>
      <c r="BL548" s="13">
        <v>-7.575757575757576E-2</v>
      </c>
      <c r="BM548" s="11">
        <v>-9</v>
      </c>
      <c r="BN548" s="13">
        <v>-0.14754098360655737</v>
      </c>
      <c r="BO548" s="11">
        <v>-14</v>
      </c>
      <c r="BP548" s="13">
        <v>-0.21212121212121213</v>
      </c>
      <c r="BQ548" s="6">
        <v>71</v>
      </c>
      <c r="BR548" s="6">
        <v>72</v>
      </c>
      <c r="BS548" s="6">
        <v>72</v>
      </c>
      <c r="BT548" s="6">
        <v>66</v>
      </c>
      <c r="BU548" s="6">
        <v>69</v>
      </c>
      <c r="BV548" s="6">
        <v>61</v>
      </c>
      <c r="BW548" s="6">
        <v>61</v>
      </c>
      <c r="BX548" s="6">
        <v>57</v>
      </c>
      <c r="BY548" s="6">
        <v>56</v>
      </c>
      <c r="BZ548" s="6">
        <v>53</v>
      </c>
      <c r="CA548" s="6">
        <v>54</v>
      </c>
      <c r="CB548" s="6">
        <v>54</v>
      </c>
      <c r="CC548" s="11">
        <v>52</v>
      </c>
      <c r="CD548" s="11">
        <v>80</v>
      </c>
      <c r="CE548" s="11">
        <v>-46</v>
      </c>
      <c r="CF548" s="11">
        <v>78</v>
      </c>
      <c r="CG548" s="11">
        <v>32</v>
      </c>
      <c r="CH548" s="20">
        <v>1.06</v>
      </c>
      <c r="CI548" s="20">
        <v>1.02</v>
      </c>
      <c r="CJ548" s="20">
        <v>1.02</v>
      </c>
      <c r="CK548" s="20">
        <v>1</v>
      </c>
      <c r="CL548" s="20">
        <v>0.99</v>
      </c>
      <c r="CM548" s="20">
        <v>0.96</v>
      </c>
      <c r="CN548" s="20">
        <v>0.97</v>
      </c>
      <c r="CO548" s="20">
        <v>1.01</v>
      </c>
      <c r="CP548" s="20">
        <v>1.1100000000000001</v>
      </c>
      <c r="CQ548" s="20">
        <v>1.1399999999999999</v>
      </c>
      <c r="CR548" s="20">
        <v>1.0900000000000001</v>
      </c>
      <c r="CS548" s="20">
        <v>1.1000000000000001</v>
      </c>
      <c r="CT548" s="20">
        <v>1.1000000000000001</v>
      </c>
      <c r="CU548" s="20">
        <v>1.1599999999999999</v>
      </c>
      <c r="CV548" s="20">
        <v>1.21</v>
      </c>
      <c r="CW548" s="20">
        <v>1.27</v>
      </c>
      <c r="CX548" s="20">
        <v>1.32</v>
      </c>
      <c r="CY548" s="6" t="s">
        <v>479</v>
      </c>
      <c r="CZ548" s="6" t="s">
        <v>480</v>
      </c>
      <c r="DA548" s="6" t="s">
        <v>74</v>
      </c>
      <c r="DB548" s="6"/>
      <c r="DC548" s="6"/>
      <c r="DD548" s="6"/>
      <c r="DE548" s="6"/>
      <c r="DF548" s="6"/>
      <c r="DG548" s="6"/>
      <c r="DH548" s="6" t="s">
        <v>333</v>
      </c>
      <c r="DI548" s="6"/>
      <c r="DJ548" s="6"/>
      <c r="DK548" s="6"/>
      <c r="DL548" s="6">
        <v>6</v>
      </c>
      <c r="DM548" s="6" t="s">
        <v>396</v>
      </c>
      <c r="DN548" s="6">
        <v>6</v>
      </c>
      <c r="DO548" s="6" t="s">
        <v>393</v>
      </c>
      <c r="DP548" s="6"/>
      <c r="DQ548" s="6"/>
    </row>
    <row r="549" spans="1:121" x14ac:dyDescent="0.2">
      <c r="A549" s="6" t="s">
        <v>794</v>
      </c>
      <c r="B549" s="6" t="s">
        <v>181</v>
      </c>
      <c r="C549" s="6" t="s">
        <v>182</v>
      </c>
      <c r="D549" s="6" t="s">
        <v>74</v>
      </c>
      <c r="E549" s="6" t="s">
        <v>215</v>
      </c>
      <c r="F549" s="11">
        <v>-142</v>
      </c>
      <c r="G549" s="13">
        <v>-0.41764705882399999</v>
      </c>
      <c r="H549" s="11">
        <v>-4.7555666569999744</v>
      </c>
      <c r="I549" s="13">
        <v>-1.3992293874411015E-2</v>
      </c>
      <c r="J549" s="11">
        <v>-72.267003235000004</v>
      </c>
      <c r="K549" s="13">
        <v>-0.21564846993256964</v>
      </c>
      <c r="L549" s="11">
        <v>-64.370045927999996</v>
      </c>
      <c r="M549" s="13">
        <v>-0.24489471126313753</v>
      </c>
      <c r="N549" s="11">
        <v>-136.637049163</v>
      </c>
      <c r="O549" s="13">
        <v>-0.40773201141723314</v>
      </c>
      <c r="P549" s="7">
        <v>339.87041007599998</v>
      </c>
      <c r="Q549" s="7">
        <v>298.41954449299999</v>
      </c>
      <c r="R549" s="7">
        <v>321.61731140699999</v>
      </c>
      <c r="S549" s="7">
        <v>309.81010247</v>
      </c>
      <c r="T549" s="7">
        <v>305.01865310199997</v>
      </c>
      <c r="U549" s="7">
        <v>309.90236923999998</v>
      </c>
      <c r="V549" s="7">
        <v>335.11484341900001</v>
      </c>
      <c r="W549" s="7">
        <v>322.76848953299998</v>
      </c>
      <c r="X549" s="7">
        <v>261.57825985300002</v>
      </c>
      <c r="Y549" s="7">
        <v>262.84784018400001</v>
      </c>
      <c r="Z549" s="7">
        <v>269.41535872499998</v>
      </c>
      <c r="AA549" s="7">
        <v>261.08435649699999</v>
      </c>
      <c r="AB549" s="7">
        <v>252.950900813</v>
      </c>
      <c r="AC549" s="7">
        <v>209.98282729300001</v>
      </c>
      <c r="AD549" s="7">
        <v>210.72826164400001</v>
      </c>
      <c r="AE549" s="7">
        <v>208.511554123</v>
      </c>
      <c r="AF549" s="7">
        <v>198.47779425600001</v>
      </c>
      <c r="AG549" s="9">
        <v>23514.981944400002</v>
      </c>
      <c r="AH549" s="13">
        <v>0.72363730117858882</v>
      </c>
      <c r="AI549" s="9">
        <v>10673.154537499999</v>
      </c>
      <c r="AJ549" s="13">
        <v>0.32844986922976677</v>
      </c>
      <c r="AK549" s="9">
        <v>2624.8612575000006</v>
      </c>
      <c r="AL549" s="13">
        <v>6.0804745918522585E-2</v>
      </c>
      <c r="AM549" s="9">
        <v>10216.966149400003</v>
      </c>
      <c r="AN549" s="13">
        <v>0.22310927537264155</v>
      </c>
      <c r="AO549" s="9">
        <v>12841.827406900004</v>
      </c>
      <c r="AP549" s="13">
        <v>0.29748012409226332</v>
      </c>
      <c r="AQ549" s="9">
        <v>32495.5359627</v>
      </c>
      <c r="AR549" s="9">
        <v>33409.8480385</v>
      </c>
      <c r="AS549" s="9">
        <v>34103.8045881</v>
      </c>
      <c r="AT549" s="9">
        <v>36512.0349947</v>
      </c>
      <c r="AU549" s="9">
        <v>36205.736500300001</v>
      </c>
      <c r="AV549" s="9">
        <v>42379.409015800004</v>
      </c>
      <c r="AW549" s="9">
        <v>43168.690500199998</v>
      </c>
      <c r="AX549" s="9">
        <v>44711.856153399996</v>
      </c>
      <c r="AY549" s="9">
        <v>43538.754645200002</v>
      </c>
      <c r="AZ549" s="9">
        <v>45793.551757699999</v>
      </c>
      <c r="BA549" s="9">
        <v>48238.976475199997</v>
      </c>
      <c r="BB549" s="9">
        <v>51098.941848499999</v>
      </c>
      <c r="BC549" s="9">
        <v>49862.463170900002</v>
      </c>
      <c r="BD549" s="9">
        <v>54387.098626300001</v>
      </c>
      <c r="BE549" s="9">
        <v>55420.233250400001</v>
      </c>
      <c r="BF549" s="9">
        <v>56010.517907100002</v>
      </c>
      <c r="BG549" s="11">
        <v>-4.75</v>
      </c>
      <c r="BH549" s="13">
        <v>-0.20652173913043478</v>
      </c>
      <c r="BI549" s="6">
        <v>-3</v>
      </c>
      <c r="BJ549" s="13">
        <v>-0.13043478260869565</v>
      </c>
      <c r="BK549" s="6">
        <v>3</v>
      </c>
      <c r="BL549" s="13">
        <v>0.15</v>
      </c>
      <c r="BM549" s="11">
        <v>-4.75</v>
      </c>
      <c r="BN549" s="13">
        <v>-0.20652173913043478</v>
      </c>
      <c r="BO549" s="11">
        <v>-1.75</v>
      </c>
      <c r="BP549" s="13">
        <v>-8.7499999999999994E-2</v>
      </c>
      <c r="BQ549" s="6">
        <v>23</v>
      </c>
      <c r="BR549" s="6">
        <v>22</v>
      </c>
      <c r="BS549" s="6">
        <v>21</v>
      </c>
      <c r="BT549" s="6">
        <v>20</v>
      </c>
      <c r="BU549" s="6">
        <v>19</v>
      </c>
      <c r="BV549" s="6">
        <v>24</v>
      </c>
      <c r="BW549" s="6">
        <v>23</v>
      </c>
      <c r="BX549" s="6">
        <v>20</v>
      </c>
      <c r="BY549" s="6">
        <v>22</v>
      </c>
      <c r="BZ549" s="6">
        <v>23</v>
      </c>
      <c r="CA549" s="6">
        <v>21</v>
      </c>
      <c r="CB549" s="6">
        <v>20</v>
      </c>
      <c r="CC549" s="11">
        <v>18.25</v>
      </c>
      <c r="CD549" s="11">
        <v>-199.96700000000001</v>
      </c>
      <c r="CE549" s="11">
        <v>21.4222</v>
      </c>
      <c r="CF549" s="11">
        <v>37.151899999999998</v>
      </c>
      <c r="CG549" s="11">
        <v>58</v>
      </c>
      <c r="CH549" s="20">
        <v>1.71688</v>
      </c>
      <c r="CI549" s="20">
        <v>1.4418599999999999</v>
      </c>
      <c r="CJ549" s="20">
        <v>1.5639099999999999</v>
      </c>
      <c r="CK549" s="20">
        <v>1.4827699999999999</v>
      </c>
      <c r="CL549" s="20">
        <v>1.38687</v>
      </c>
      <c r="CM549" s="20">
        <v>1.3812199999999999</v>
      </c>
      <c r="CN549" s="20">
        <v>1.46675</v>
      </c>
      <c r="CO549" s="20">
        <v>1.4555</v>
      </c>
      <c r="CP549" s="20">
        <v>1.2702500000000001</v>
      </c>
      <c r="CQ549" s="20">
        <v>1.3409899999999999</v>
      </c>
      <c r="CR549" s="20">
        <v>1.36185</v>
      </c>
      <c r="CS549" s="20">
        <v>1.33772</v>
      </c>
      <c r="CT549" s="20">
        <v>1.3233699999999999</v>
      </c>
      <c r="CU549" s="20">
        <v>1.0682</v>
      </c>
      <c r="CV549" s="20">
        <v>1.0584</v>
      </c>
      <c r="CW549" s="20">
        <v>1.0357499999999999</v>
      </c>
      <c r="CX549" s="20">
        <v>0.957121</v>
      </c>
      <c r="CY549" s="6" t="s">
        <v>479</v>
      </c>
      <c r="CZ549" s="6" t="s">
        <v>480</v>
      </c>
      <c r="DA549" s="6" t="s">
        <v>74</v>
      </c>
      <c r="DB549" s="6"/>
      <c r="DC549" s="6"/>
      <c r="DD549" s="6"/>
      <c r="DE549" s="6"/>
      <c r="DF549" s="6"/>
      <c r="DG549" s="6"/>
      <c r="DH549" s="6" t="s">
        <v>333</v>
      </c>
      <c r="DI549" s="6"/>
      <c r="DJ549" s="6"/>
      <c r="DK549" s="6"/>
      <c r="DL549" s="6">
        <v>6</v>
      </c>
      <c r="DM549" s="6" t="s">
        <v>396</v>
      </c>
      <c r="DN549" s="6">
        <v>6</v>
      </c>
      <c r="DO549" s="6" t="s">
        <v>393</v>
      </c>
      <c r="DP549" s="6"/>
      <c r="DQ549" s="6"/>
    </row>
    <row r="550" spans="1:121" x14ac:dyDescent="0.2">
      <c r="A550" s="6" t="s">
        <v>314</v>
      </c>
      <c r="B550" s="6" t="s">
        <v>314</v>
      </c>
      <c r="C550" s="6" t="s">
        <v>183</v>
      </c>
      <c r="D550" s="6" t="s">
        <v>74</v>
      </c>
      <c r="E550" s="6" t="s">
        <v>215</v>
      </c>
      <c r="F550" s="11">
        <v>-51</v>
      </c>
      <c r="G550" s="13">
        <v>-0.66233766233799996</v>
      </c>
      <c r="H550" s="11">
        <v>-26.004071525400001</v>
      </c>
      <c r="I550" s="13">
        <v>-0.3386097540022297</v>
      </c>
      <c r="J550" s="11">
        <v>3.0427179218999996</v>
      </c>
      <c r="K550" s="13">
        <v>5.9904854698046447E-2</v>
      </c>
      <c r="L550" s="11">
        <v>-27.774446381299999</v>
      </c>
      <c r="M550" s="13">
        <v>-0.51591583307755695</v>
      </c>
      <c r="N550" s="11">
        <v>-24.731728459399999</v>
      </c>
      <c r="O550" s="13">
        <v>-0.48691684139644315</v>
      </c>
      <c r="P550" s="7">
        <v>76.7965813685</v>
      </c>
      <c r="Q550" s="7">
        <v>71.774557169100007</v>
      </c>
      <c r="R550" s="7">
        <v>67.810889540800005</v>
      </c>
      <c r="S550" s="7">
        <v>64.949275809300005</v>
      </c>
      <c r="T550" s="7">
        <v>61.671175220099997</v>
      </c>
      <c r="U550" s="7">
        <v>61.494793883900002</v>
      </c>
      <c r="V550" s="7">
        <v>50.7925098431</v>
      </c>
      <c r="W550" s="7">
        <v>57.2006480473</v>
      </c>
      <c r="X550" s="7">
        <v>50.579386172500001</v>
      </c>
      <c r="Y550" s="7">
        <v>53.835227764999999</v>
      </c>
      <c r="Z550" s="7">
        <v>47.323986437599999</v>
      </c>
      <c r="AA550" s="7">
        <v>43.204230256999999</v>
      </c>
      <c r="AB550" s="7">
        <v>39.7264932362</v>
      </c>
      <c r="AC550" s="7">
        <v>38.695192652499998</v>
      </c>
      <c r="AD550" s="7">
        <v>32.774721544499997</v>
      </c>
      <c r="AE550" s="7">
        <v>28.1558073532</v>
      </c>
      <c r="AF550" s="7">
        <v>26.0607813837</v>
      </c>
      <c r="AG550" s="9">
        <v>24473.232971900001</v>
      </c>
      <c r="AH550" s="13">
        <v>0.94232884604361211</v>
      </c>
      <c r="AI550" s="9">
        <v>6735.7816219999986</v>
      </c>
      <c r="AJ550" s="13">
        <v>0.25935769623690424</v>
      </c>
      <c r="AK550" s="9">
        <v>242.80261540000356</v>
      </c>
      <c r="AL550" s="13">
        <v>7.4236143255756995E-3</v>
      </c>
      <c r="AM550" s="9">
        <v>17494.648734499999</v>
      </c>
      <c r="AN550" s="13">
        <v>0.53095185316744775</v>
      </c>
      <c r="AO550" s="9">
        <v>17737.451349900002</v>
      </c>
      <c r="AP550" s="13">
        <v>0.54231704927638824</v>
      </c>
      <c r="AQ550" s="9">
        <v>25971.011154600001</v>
      </c>
      <c r="AR550" s="9">
        <v>26723.374112099998</v>
      </c>
      <c r="AS550" s="9">
        <v>26974.619710300001</v>
      </c>
      <c r="AT550" s="9">
        <v>27182.7390419</v>
      </c>
      <c r="AU550" s="9">
        <v>25780.228469400001</v>
      </c>
      <c r="AV550" s="9">
        <v>33265.745693299999</v>
      </c>
      <c r="AW550" s="9">
        <v>32706.792776599999</v>
      </c>
      <c r="AX550" s="9">
        <v>32001.076491799999</v>
      </c>
      <c r="AY550" s="9">
        <v>34456.409454499997</v>
      </c>
      <c r="AZ550" s="9">
        <v>32949.595392000003</v>
      </c>
      <c r="BA550" s="9">
        <v>34833.541054699999</v>
      </c>
      <c r="BB550" s="9">
        <v>66532.595665200002</v>
      </c>
      <c r="BC550" s="9">
        <v>39014.349384699999</v>
      </c>
      <c r="BD550" s="9">
        <v>42751.033418400002</v>
      </c>
      <c r="BE550" s="9">
        <v>44996.203980500002</v>
      </c>
      <c r="BF550" s="9">
        <v>50444.244126500002</v>
      </c>
      <c r="BG550" s="11">
        <v>-4</v>
      </c>
      <c r="BH550" s="13">
        <v>-0.5</v>
      </c>
      <c r="BI550" s="6">
        <v>0</v>
      </c>
      <c r="BJ550" s="13">
        <v>0</v>
      </c>
      <c r="BK550" s="6">
        <v>1</v>
      </c>
      <c r="BL550" s="13">
        <v>0.125</v>
      </c>
      <c r="BM550" s="11">
        <v>-5</v>
      </c>
      <c r="BN550" s="13">
        <v>-0.55555555555555558</v>
      </c>
      <c r="BO550" s="11">
        <v>-4</v>
      </c>
      <c r="BP550" s="13">
        <v>-0.5</v>
      </c>
      <c r="BQ550" s="6">
        <v>8</v>
      </c>
      <c r="BR550" s="6">
        <v>9</v>
      </c>
      <c r="BS550" s="6">
        <v>9</v>
      </c>
      <c r="BT550" s="6">
        <v>8</v>
      </c>
      <c r="BU550" s="6">
        <v>8</v>
      </c>
      <c r="BV550" s="6">
        <v>8</v>
      </c>
      <c r="BW550" s="6">
        <v>9</v>
      </c>
      <c r="BX550" s="6">
        <v>8</v>
      </c>
      <c r="BY550" s="6">
        <v>8</v>
      </c>
      <c r="BZ550" s="6">
        <v>6</v>
      </c>
      <c r="CA550" s="6">
        <v>5</v>
      </c>
      <c r="CB550" s="6">
        <v>4</v>
      </c>
      <c r="CC550" s="11">
        <v>4</v>
      </c>
      <c r="CD550" s="11">
        <v>-35.608499999999999</v>
      </c>
      <c r="CE550" s="11">
        <v>-23.522099999999998</v>
      </c>
      <c r="CF550" s="11">
        <v>8.3947900000000004</v>
      </c>
      <c r="CG550" s="11">
        <v>-16</v>
      </c>
      <c r="CH550" s="20">
        <v>0.49263899999999999</v>
      </c>
      <c r="CI550" s="20">
        <v>0.45280300000000001</v>
      </c>
      <c r="CJ550" s="20">
        <v>0.44955699999999998</v>
      </c>
      <c r="CK550" s="20">
        <v>0.44172899999999998</v>
      </c>
      <c r="CL550" s="20">
        <v>0.41357899999999997</v>
      </c>
      <c r="CM550" s="20">
        <v>0.41628999999999999</v>
      </c>
      <c r="CN550" s="20">
        <v>0.34539199999999998</v>
      </c>
      <c r="CO550" s="20">
        <v>0.40423700000000001</v>
      </c>
      <c r="CP550" s="20">
        <v>0.38310100000000002</v>
      </c>
      <c r="CQ550" s="20">
        <v>0.439413</v>
      </c>
      <c r="CR550" s="20">
        <v>0.396955</v>
      </c>
      <c r="CS550" s="20">
        <v>0.37475700000000001</v>
      </c>
      <c r="CT550" s="20">
        <v>0.35550700000000002</v>
      </c>
      <c r="CU550" s="20">
        <v>0.34393200000000002</v>
      </c>
      <c r="CV550" s="20">
        <v>0.29812</v>
      </c>
      <c r="CW550" s="20">
        <v>0.25605</v>
      </c>
      <c r="CX550" s="20">
        <v>0.232986</v>
      </c>
      <c r="CY550" s="6" t="s">
        <v>479</v>
      </c>
      <c r="CZ550" s="6" t="s">
        <v>480</v>
      </c>
      <c r="DA550" s="6" t="s">
        <v>74</v>
      </c>
      <c r="DB550" s="6"/>
      <c r="DC550" s="6"/>
      <c r="DD550" s="6"/>
      <c r="DE550" s="6"/>
      <c r="DF550" s="6"/>
      <c r="DG550" s="6"/>
      <c r="DH550" s="6" t="s">
        <v>333</v>
      </c>
      <c r="DI550" s="6"/>
      <c r="DJ550" s="6"/>
      <c r="DK550" s="6"/>
      <c r="DL550" s="6">
        <v>6</v>
      </c>
      <c r="DM550" s="6" t="s">
        <v>396</v>
      </c>
      <c r="DN550" s="6">
        <v>6</v>
      </c>
      <c r="DO550" s="6" t="s">
        <v>393</v>
      </c>
      <c r="DP550" s="6"/>
      <c r="DQ550" s="6"/>
    </row>
    <row r="551" spans="1:121" x14ac:dyDescent="0.2">
      <c r="A551" s="6" t="s">
        <v>315</v>
      </c>
      <c r="B551" s="6" t="s">
        <v>315</v>
      </c>
      <c r="C551" s="6" t="s">
        <v>184</v>
      </c>
      <c r="D551" s="6" t="s">
        <v>74</v>
      </c>
      <c r="E551" s="6" t="s">
        <v>215</v>
      </c>
      <c r="F551" s="11">
        <v>-12</v>
      </c>
      <c r="G551" s="13">
        <v>-7.0000000000000007E-2</v>
      </c>
      <c r="H551" s="11">
        <v>47</v>
      </c>
      <c r="I551" s="13">
        <v>0.28658536585365851</v>
      </c>
      <c r="J551" s="11">
        <v>-21</v>
      </c>
      <c r="K551" s="13">
        <v>-9.9526066350710901E-2</v>
      </c>
      <c r="L551" s="11">
        <v>-38</v>
      </c>
      <c r="M551" s="13">
        <v>-0.2</v>
      </c>
      <c r="N551" s="11">
        <v>-59</v>
      </c>
      <c r="O551" s="13">
        <v>-0.27962085308056872</v>
      </c>
      <c r="P551" s="7">
        <v>164</v>
      </c>
      <c r="Q551" s="7">
        <v>200</v>
      </c>
      <c r="R551" s="7">
        <v>206</v>
      </c>
      <c r="S551" s="7">
        <v>219</v>
      </c>
      <c r="T551" s="7">
        <v>194</v>
      </c>
      <c r="U551" s="7">
        <v>204</v>
      </c>
      <c r="V551" s="7">
        <v>211</v>
      </c>
      <c r="W551" s="7">
        <v>193</v>
      </c>
      <c r="X551" s="7">
        <v>188</v>
      </c>
      <c r="Y551" s="7">
        <v>190</v>
      </c>
      <c r="Z551" s="7">
        <v>209</v>
      </c>
      <c r="AA551" s="7">
        <v>176</v>
      </c>
      <c r="AB551" s="7">
        <v>165</v>
      </c>
      <c r="AC551" s="7">
        <v>160</v>
      </c>
      <c r="AD551" s="7">
        <v>158</v>
      </c>
      <c r="AE551" s="7">
        <v>157</v>
      </c>
      <c r="AF551" s="7">
        <v>152</v>
      </c>
      <c r="AG551" s="9">
        <v>60017</v>
      </c>
      <c r="AH551" s="13">
        <v>1.8471316016250152</v>
      </c>
      <c r="AI551" s="9">
        <v>6514</v>
      </c>
      <c r="AJ551" s="13">
        <v>0.20048011818293737</v>
      </c>
      <c r="AK551" s="9">
        <v>31392</v>
      </c>
      <c r="AL551" s="13">
        <v>0.8047992616520534</v>
      </c>
      <c r="AM551" s="9">
        <v>22111</v>
      </c>
      <c r="AN551" s="13">
        <v>0.31408562743259749</v>
      </c>
      <c r="AO551" s="9">
        <v>53503</v>
      </c>
      <c r="AP551" s="13">
        <v>1.3716607701379275</v>
      </c>
      <c r="AQ551" s="9">
        <v>32492</v>
      </c>
      <c r="AR551" s="9">
        <v>33161</v>
      </c>
      <c r="AS551" s="9">
        <v>32245</v>
      </c>
      <c r="AT551" s="9">
        <v>36125</v>
      </c>
      <c r="AU551" s="9">
        <v>38239</v>
      </c>
      <c r="AV551" s="9">
        <v>38144</v>
      </c>
      <c r="AW551" s="9">
        <v>39006</v>
      </c>
      <c r="AX551" s="9">
        <v>42334</v>
      </c>
      <c r="AY551" s="9">
        <v>61669</v>
      </c>
      <c r="AZ551" s="9">
        <v>70398</v>
      </c>
      <c r="BA551" s="9">
        <v>69201</v>
      </c>
      <c r="BB551" s="9">
        <v>74375</v>
      </c>
      <c r="BC551" s="9">
        <v>82949</v>
      </c>
      <c r="BD551" s="9">
        <v>84898</v>
      </c>
      <c r="BE551" s="9">
        <v>89974</v>
      </c>
      <c r="BF551" s="9">
        <v>92509</v>
      </c>
      <c r="BG551" s="11">
        <v>4</v>
      </c>
      <c r="BH551" s="13">
        <v>0.11764705882352941</v>
      </c>
      <c r="BI551" s="6">
        <v>5</v>
      </c>
      <c r="BJ551" s="13">
        <v>0.14705882352941177</v>
      </c>
      <c r="BK551" s="6">
        <v>-5</v>
      </c>
      <c r="BL551" s="13">
        <v>-0.12820512820512819</v>
      </c>
      <c r="BM551" s="11">
        <v>4</v>
      </c>
      <c r="BN551" s="13">
        <v>0.11764705882352941</v>
      </c>
      <c r="BO551" s="11">
        <v>-1</v>
      </c>
      <c r="BP551" s="13">
        <v>-2.564102564102564E-2</v>
      </c>
      <c r="BQ551" s="6">
        <v>34</v>
      </c>
      <c r="BR551" s="6">
        <v>36</v>
      </c>
      <c r="BS551" s="6">
        <v>38</v>
      </c>
      <c r="BT551" s="6">
        <v>39</v>
      </c>
      <c r="BU551" s="6">
        <v>36</v>
      </c>
      <c r="BV551" s="6">
        <v>34</v>
      </c>
      <c r="BW551" s="6">
        <v>34</v>
      </c>
      <c r="BX551" s="6">
        <v>36</v>
      </c>
      <c r="BY551" s="6">
        <v>36</v>
      </c>
      <c r="BZ551" s="6">
        <v>38</v>
      </c>
      <c r="CA551" s="6">
        <v>37</v>
      </c>
      <c r="CB551" s="6">
        <v>38</v>
      </c>
      <c r="CC551" s="11">
        <v>38</v>
      </c>
      <c r="CD551" s="11">
        <v>-17</v>
      </c>
      <c r="CE551" s="11">
        <v>-13</v>
      </c>
      <c r="CF551" s="11">
        <v>18</v>
      </c>
      <c r="CG551" s="11">
        <v>5</v>
      </c>
      <c r="CH551" s="20">
        <v>0.65</v>
      </c>
      <c r="CI551" s="20">
        <v>0.73</v>
      </c>
      <c r="CJ551" s="20">
        <v>0.74</v>
      </c>
      <c r="CK551" s="20">
        <v>0.78</v>
      </c>
      <c r="CL551" s="20">
        <v>0.67</v>
      </c>
      <c r="CM551" s="20">
        <v>0.69</v>
      </c>
      <c r="CN551" s="20">
        <v>0.72</v>
      </c>
      <c r="CO551" s="20">
        <v>0.69</v>
      </c>
      <c r="CP551" s="20">
        <v>0.71</v>
      </c>
      <c r="CQ551" s="20">
        <v>0.76</v>
      </c>
      <c r="CR551" s="20">
        <v>0.84</v>
      </c>
      <c r="CS551" s="20">
        <v>0.73</v>
      </c>
      <c r="CT551" s="20">
        <v>0.71</v>
      </c>
      <c r="CU551" s="20">
        <v>0.69</v>
      </c>
      <c r="CV551" s="20">
        <v>0.69</v>
      </c>
      <c r="CW551" s="20">
        <v>0.68</v>
      </c>
      <c r="CX551" s="20">
        <v>0.65</v>
      </c>
      <c r="CY551" s="6" t="s">
        <v>479</v>
      </c>
      <c r="CZ551" s="6" t="s">
        <v>480</v>
      </c>
      <c r="DA551" s="6" t="s">
        <v>74</v>
      </c>
      <c r="DB551" s="6"/>
      <c r="DC551" s="6"/>
      <c r="DD551" s="6"/>
      <c r="DE551" s="6"/>
      <c r="DF551" s="6"/>
      <c r="DG551" s="6"/>
      <c r="DH551" s="6" t="s">
        <v>333</v>
      </c>
      <c r="DI551" s="6"/>
      <c r="DJ551" s="6"/>
      <c r="DK551" s="6"/>
      <c r="DL551" s="6">
        <v>6</v>
      </c>
      <c r="DM551" s="6" t="s">
        <v>396</v>
      </c>
      <c r="DN551" s="6">
        <v>6</v>
      </c>
      <c r="DO551" s="6" t="s">
        <v>393</v>
      </c>
      <c r="DP551" s="6"/>
      <c r="DQ551" s="6"/>
    </row>
    <row r="552" spans="1:121" x14ac:dyDescent="0.2">
      <c r="A552" s="6" t="s">
        <v>316</v>
      </c>
      <c r="B552" s="6" t="s">
        <v>316</v>
      </c>
      <c r="C552" s="6" t="s">
        <v>185</v>
      </c>
      <c r="D552" s="6" t="s">
        <v>74</v>
      </c>
      <c r="E552" s="6" t="s">
        <v>215</v>
      </c>
      <c r="F552" s="11">
        <v>13</v>
      </c>
      <c r="G552" s="13">
        <v>0.25</v>
      </c>
      <c r="H552" s="11">
        <v>15</v>
      </c>
      <c r="I552" s="13">
        <v>0.28301886792452829</v>
      </c>
      <c r="J552" s="11">
        <v>-5</v>
      </c>
      <c r="K552" s="13">
        <v>-7.3529411764705885E-2</v>
      </c>
      <c r="L552" s="11">
        <v>3</v>
      </c>
      <c r="M552" s="13">
        <v>4.7619047619047616E-2</v>
      </c>
      <c r="N552" s="11">
        <v>-2</v>
      </c>
      <c r="O552" s="13">
        <v>-2.9411764705882353E-2</v>
      </c>
      <c r="P552" s="7">
        <v>53</v>
      </c>
      <c r="Q552" s="7">
        <v>58</v>
      </c>
      <c r="R552" s="7">
        <v>57</v>
      </c>
      <c r="S552" s="7">
        <v>68</v>
      </c>
      <c r="T552" s="7">
        <v>69</v>
      </c>
      <c r="U552" s="7">
        <v>69</v>
      </c>
      <c r="V552" s="7">
        <v>68</v>
      </c>
      <c r="W552" s="7">
        <v>65</v>
      </c>
      <c r="X552" s="7">
        <v>67</v>
      </c>
      <c r="Y552" s="7">
        <v>63</v>
      </c>
      <c r="Z552" s="7">
        <v>52</v>
      </c>
      <c r="AA552" s="7">
        <v>56</v>
      </c>
      <c r="AB552" s="7">
        <v>57</v>
      </c>
      <c r="AC552" s="7">
        <v>65</v>
      </c>
      <c r="AD552" s="7">
        <v>65</v>
      </c>
      <c r="AE552" s="7">
        <v>64</v>
      </c>
      <c r="AF552" s="7">
        <v>66</v>
      </c>
      <c r="AG552" s="9">
        <v>8793</v>
      </c>
      <c r="AH552" s="13">
        <v>0.51098326359832635</v>
      </c>
      <c r="AI552" s="9">
        <v>4623</v>
      </c>
      <c r="AJ552" s="13">
        <v>0.26865411436541142</v>
      </c>
      <c r="AK552" s="9">
        <v>2074</v>
      </c>
      <c r="AL552" s="13">
        <v>9.5002519353213327E-2</v>
      </c>
      <c r="AM552" s="9">
        <v>2096</v>
      </c>
      <c r="AN552" s="13">
        <v>8.7680401589625603E-2</v>
      </c>
      <c r="AO552" s="9">
        <v>4170</v>
      </c>
      <c r="AP552" s="13">
        <v>0.19101277999175484</v>
      </c>
      <c r="AQ552" s="9">
        <v>17208</v>
      </c>
      <c r="AR552" s="9">
        <v>16768</v>
      </c>
      <c r="AS552" s="9">
        <v>17899</v>
      </c>
      <c r="AT552" s="9">
        <v>20436</v>
      </c>
      <c r="AU552" s="9">
        <v>21677</v>
      </c>
      <c r="AV552" s="9">
        <v>21405</v>
      </c>
      <c r="AW552" s="9">
        <v>21831</v>
      </c>
      <c r="AX552" s="9">
        <v>22591</v>
      </c>
      <c r="AY552" s="9">
        <v>23093</v>
      </c>
      <c r="AZ552" s="9">
        <v>23905</v>
      </c>
      <c r="BA552" s="9">
        <v>25312</v>
      </c>
      <c r="BB552" s="9">
        <v>25908</v>
      </c>
      <c r="BC552" s="9">
        <v>26240</v>
      </c>
      <c r="BD552" s="9">
        <v>24845</v>
      </c>
      <c r="BE552" s="9">
        <v>24999</v>
      </c>
      <c r="BF552" s="9">
        <v>26001</v>
      </c>
      <c r="BG552" s="11">
        <v>-3</v>
      </c>
      <c r="BH552" s="13">
        <v>-0.16666666666666666</v>
      </c>
      <c r="BI552" s="6">
        <v>-2</v>
      </c>
      <c r="BJ552" s="13">
        <v>-0.1111111111111111</v>
      </c>
      <c r="BK552" s="6">
        <v>0</v>
      </c>
      <c r="BL552" s="13">
        <v>0</v>
      </c>
      <c r="BM552" s="11">
        <v>-1</v>
      </c>
      <c r="BN552" s="13">
        <v>-6.25E-2</v>
      </c>
      <c r="BO552" s="11">
        <v>-1</v>
      </c>
      <c r="BP552" s="13">
        <v>-6.25E-2</v>
      </c>
      <c r="BQ552" s="6">
        <v>18</v>
      </c>
      <c r="BR552" s="6">
        <v>16</v>
      </c>
      <c r="BS552" s="6">
        <v>16</v>
      </c>
      <c r="BT552" s="6">
        <v>16</v>
      </c>
      <c r="BU552" s="6">
        <v>16</v>
      </c>
      <c r="BV552" s="6">
        <v>16</v>
      </c>
      <c r="BW552" s="6">
        <v>16</v>
      </c>
      <c r="BX552" s="6">
        <v>13</v>
      </c>
      <c r="BY552" s="6">
        <v>14</v>
      </c>
      <c r="BZ552" s="6">
        <v>14</v>
      </c>
      <c r="CA552" s="6">
        <v>17</v>
      </c>
      <c r="CB552" s="6">
        <v>16</v>
      </c>
      <c r="CC552" s="11">
        <v>15</v>
      </c>
      <c r="CD552" s="11">
        <v>10</v>
      </c>
      <c r="CE552" s="11">
        <v>-3</v>
      </c>
      <c r="CF552" s="11">
        <v>6</v>
      </c>
      <c r="CG552" s="11">
        <v>3</v>
      </c>
      <c r="CH552" s="20">
        <v>0.51</v>
      </c>
      <c r="CI552" s="20">
        <v>0.51</v>
      </c>
      <c r="CJ552" s="20">
        <v>0.49</v>
      </c>
      <c r="CK552" s="20">
        <v>0.56999999999999995</v>
      </c>
      <c r="CL552" s="20">
        <v>0.54</v>
      </c>
      <c r="CM552" s="20">
        <v>0.54</v>
      </c>
      <c r="CN552" s="20">
        <v>0.53</v>
      </c>
      <c r="CO552" s="20">
        <v>0.54</v>
      </c>
      <c r="CP552" s="20">
        <v>0.59</v>
      </c>
      <c r="CQ552" s="20">
        <v>0.61</v>
      </c>
      <c r="CR552" s="20">
        <v>0.51</v>
      </c>
      <c r="CS552" s="20">
        <v>0.56999999999999995</v>
      </c>
      <c r="CT552" s="20">
        <v>0.6</v>
      </c>
      <c r="CU552" s="20">
        <v>0.67</v>
      </c>
      <c r="CV552" s="20">
        <v>0.67</v>
      </c>
      <c r="CW552" s="20">
        <v>0.66</v>
      </c>
      <c r="CX552" s="20">
        <v>0.67</v>
      </c>
      <c r="CY552" s="6" t="s">
        <v>479</v>
      </c>
      <c r="CZ552" s="6" t="s">
        <v>480</v>
      </c>
      <c r="DA552" s="6" t="s">
        <v>74</v>
      </c>
      <c r="DB552" s="6"/>
      <c r="DC552" s="6"/>
      <c r="DD552" s="6"/>
      <c r="DE552" s="6"/>
      <c r="DF552" s="6"/>
      <c r="DG552" s="6"/>
      <c r="DH552" s="6" t="s">
        <v>333</v>
      </c>
      <c r="DI552" s="6"/>
      <c r="DJ552" s="6"/>
      <c r="DK552" s="6"/>
      <c r="DL552" s="6">
        <v>6</v>
      </c>
      <c r="DM552" s="6" t="s">
        <v>396</v>
      </c>
      <c r="DN552" s="6">
        <v>6</v>
      </c>
      <c r="DO552" s="6" t="s">
        <v>393</v>
      </c>
      <c r="DP552" s="6"/>
      <c r="DQ552" s="6"/>
    </row>
    <row r="553" spans="1:121" x14ac:dyDescent="0.2">
      <c r="A553" s="6" t="s">
        <v>317</v>
      </c>
      <c r="B553" s="6" t="s">
        <v>317</v>
      </c>
      <c r="C553" s="6" t="s">
        <v>186</v>
      </c>
      <c r="D553" s="6" t="s">
        <v>74</v>
      </c>
      <c r="E553" s="6" t="s">
        <v>215</v>
      </c>
      <c r="F553" s="11">
        <v>38</v>
      </c>
      <c r="G553" s="13">
        <v>0.37</v>
      </c>
      <c r="H553" s="11">
        <v>-2</v>
      </c>
      <c r="I553" s="13">
        <v>-1.9607843137254905E-2</v>
      </c>
      <c r="J553" s="11">
        <v>4</v>
      </c>
      <c r="K553" s="13">
        <v>0.04</v>
      </c>
      <c r="L553" s="11">
        <v>36</v>
      </c>
      <c r="M553" s="13">
        <v>0.34615384615384615</v>
      </c>
      <c r="N553" s="11">
        <v>40</v>
      </c>
      <c r="O553" s="13">
        <v>0.4</v>
      </c>
      <c r="P553" s="7">
        <v>102</v>
      </c>
      <c r="Q553" s="7">
        <v>94</v>
      </c>
      <c r="R553" s="7">
        <v>98</v>
      </c>
      <c r="S553" s="7">
        <v>95</v>
      </c>
      <c r="T553" s="7">
        <v>101</v>
      </c>
      <c r="U553" s="7">
        <v>100</v>
      </c>
      <c r="V553" s="7">
        <v>100</v>
      </c>
      <c r="W553" s="7">
        <v>95</v>
      </c>
      <c r="X553" s="7">
        <v>98</v>
      </c>
      <c r="Y553" s="7">
        <v>104</v>
      </c>
      <c r="Z553" s="7">
        <v>87</v>
      </c>
      <c r="AA553" s="7">
        <v>104</v>
      </c>
      <c r="AB553" s="7">
        <v>101</v>
      </c>
      <c r="AC553" s="7">
        <v>116</v>
      </c>
      <c r="AD553" s="7">
        <v>125</v>
      </c>
      <c r="AE553" s="7">
        <v>134</v>
      </c>
      <c r="AF553" s="7">
        <v>140</v>
      </c>
      <c r="AG553" s="9">
        <v>13998</v>
      </c>
      <c r="AH553" s="13">
        <v>0.44875452825954543</v>
      </c>
      <c r="AI553" s="9">
        <v>5993</v>
      </c>
      <c r="AJ553" s="13">
        <v>0.19212643862405027</v>
      </c>
      <c r="AK553" s="9">
        <v>-449</v>
      </c>
      <c r="AL553" s="13">
        <v>-1.2074436615930727E-2</v>
      </c>
      <c r="AM553" s="9">
        <v>8454</v>
      </c>
      <c r="AN553" s="13">
        <v>0.23012222010507119</v>
      </c>
      <c r="AO553" s="9">
        <v>8005</v>
      </c>
      <c r="AP553" s="13">
        <v>0.21526918732856451</v>
      </c>
      <c r="AQ553" s="9">
        <v>31193</v>
      </c>
      <c r="AR553" s="9">
        <v>31326</v>
      </c>
      <c r="AS553" s="9">
        <v>31738</v>
      </c>
      <c r="AT553" s="9">
        <v>33820</v>
      </c>
      <c r="AU553" s="9">
        <v>33801</v>
      </c>
      <c r="AV553" s="9">
        <v>36952</v>
      </c>
      <c r="AW553" s="9">
        <v>37186</v>
      </c>
      <c r="AX553" s="9">
        <v>38519</v>
      </c>
      <c r="AY553" s="9">
        <v>40786</v>
      </c>
      <c r="AZ553" s="9">
        <v>36737</v>
      </c>
      <c r="BA553" s="9">
        <v>35600</v>
      </c>
      <c r="BB553" s="9">
        <v>37878</v>
      </c>
      <c r="BC553" s="9">
        <v>39017</v>
      </c>
      <c r="BD553" s="9">
        <v>40370</v>
      </c>
      <c r="BE553" s="9">
        <v>39360</v>
      </c>
      <c r="BF553" s="9">
        <v>45191</v>
      </c>
      <c r="BG553" s="11">
        <v>1</v>
      </c>
      <c r="BH553" s="13">
        <v>4.7619047619047616E-2</v>
      </c>
      <c r="BI553" s="6">
        <v>-1</v>
      </c>
      <c r="BJ553" s="13">
        <v>-4.7619047619047616E-2</v>
      </c>
      <c r="BK553" s="6">
        <v>3</v>
      </c>
      <c r="BL553" s="13">
        <v>0.15</v>
      </c>
      <c r="BM553" s="11">
        <v>-1</v>
      </c>
      <c r="BN553" s="13">
        <v>-4.3478260869565216E-2</v>
      </c>
      <c r="BO553" s="11">
        <v>2</v>
      </c>
      <c r="BP553" s="13">
        <v>0.1</v>
      </c>
      <c r="BQ553" s="6">
        <v>21</v>
      </c>
      <c r="BR553" s="6">
        <v>21</v>
      </c>
      <c r="BS553" s="6">
        <v>19</v>
      </c>
      <c r="BT553" s="6">
        <v>20</v>
      </c>
      <c r="BU553" s="6">
        <v>20</v>
      </c>
      <c r="BV553" s="6">
        <v>22</v>
      </c>
      <c r="BW553" s="6">
        <v>23</v>
      </c>
      <c r="BX553" s="6">
        <v>21</v>
      </c>
      <c r="BY553" s="6">
        <v>24</v>
      </c>
      <c r="BZ553" s="6">
        <v>22</v>
      </c>
      <c r="CA553" s="6">
        <v>20</v>
      </c>
      <c r="CB553" s="6">
        <v>21</v>
      </c>
      <c r="CC553" s="11">
        <v>22</v>
      </c>
      <c r="CD553" s="11">
        <v>6</v>
      </c>
      <c r="CE553" s="11">
        <v>20</v>
      </c>
      <c r="CF553" s="11">
        <v>11</v>
      </c>
      <c r="CG553" s="11">
        <v>31</v>
      </c>
      <c r="CH553" s="20">
        <v>0.31</v>
      </c>
      <c r="CI553" s="20">
        <v>0.27</v>
      </c>
      <c r="CJ553" s="20">
        <v>0.28000000000000003</v>
      </c>
      <c r="CK553" s="20">
        <v>0.27</v>
      </c>
      <c r="CL553" s="20">
        <v>0.26</v>
      </c>
      <c r="CM553" s="20">
        <v>0.25</v>
      </c>
      <c r="CN553" s="20">
        <v>0.24</v>
      </c>
      <c r="CO553" s="20">
        <v>0.23</v>
      </c>
      <c r="CP553" s="20">
        <v>0.25</v>
      </c>
      <c r="CQ553" s="20">
        <v>0.28000000000000003</v>
      </c>
      <c r="CR553" s="20">
        <v>0.23</v>
      </c>
      <c r="CS553" s="20">
        <v>0.28000000000000003</v>
      </c>
      <c r="CT553" s="20">
        <v>0.27</v>
      </c>
      <c r="CU553" s="20">
        <v>0.31</v>
      </c>
      <c r="CV553" s="20">
        <v>0.33</v>
      </c>
      <c r="CW553" s="20">
        <v>0.36</v>
      </c>
      <c r="CX553" s="20">
        <v>0.36</v>
      </c>
      <c r="CY553" s="6" t="s">
        <v>479</v>
      </c>
      <c r="CZ553" s="6" t="s">
        <v>480</v>
      </c>
      <c r="DA553" s="6" t="s">
        <v>74</v>
      </c>
      <c r="DB553" s="6"/>
      <c r="DC553" s="6"/>
      <c r="DD553" s="6"/>
      <c r="DE553" s="6"/>
      <c r="DF553" s="6"/>
      <c r="DG553" s="6"/>
      <c r="DH553" s="6" t="s">
        <v>333</v>
      </c>
      <c r="DI553" s="6"/>
      <c r="DJ553" s="6"/>
      <c r="DK553" s="6"/>
      <c r="DL553" s="6">
        <v>6</v>
      </c>
      <c r="DM553" s="6" t="s">
        <v>396</v>
      </c>
      <c r="DN553" s="6">
        <v>6</v>
      </c>
      <c r="DO553" s="6" t="s">
        <v>393</v>
      </c>
      <c r="DP553" s="6"/>
      <c r="DQ553" s="6"/>
    </row>
    <row r="554" spans="1:121" x14ac:dyDescent="0.2">
      <c r="A554" s="6" t="s">
        <v>318</v>
      </c>
      <c r="B554" s="6" t="s">
        <v>318</v>
      </c>
      <c r="C554" s="6" t="s">
        <v>187</v>
      </c>
      <c r="D554" s="6" t="s">
        <v>74</v>
      </c>
      <c r="E554" s="6" t="s">
        <v>215</v>
      </c>
      <c r="F554" s="11">
        <v>-17</v>
      </c>
      <c r="G554" s="13">
        <v>-0.53125</v>
      </c>
      <c r="H554" s="11">
        <v>35.694015999999998</v>
      </c>
      <c r="I554" s="13">
        <v>1.1134715744036163</v>
      </c>
      <c r="J554" s="11">
        <v>-62.750529</v>
      </c>
      <c r="K554" s="13">
        <v>-0.92619983823299745</v>
      </c>
      <c r="L554" s="11">
        <v>10.1098586508</v>
      </c>
      <c r="M554" s="13">
        <v>2.0219717301600002</v>
      </c>
      <c r="N554" s="11">
        <v>-52.640670349200001</v>
      </c>
      <c r="O554" s="13">
        <v>-0.7769779974588833</v>
      </c>
      <c r="P554" s="7">
        <v>32.056513000000002</v>
      </c>
      <c r="Q554" s="7">
        <v>27.440854000000002</v>
      </c>
      <c r="R554" s="7">
        <v>20.926697000000001</v>
      </c>
      <c r="S554" s="7">
        <v>16.053557999999999</v>
      </c>
      <c r="T554" s="7">
        <v>10.644178999999999</v>
      </c>
      <c r="U554" s="7">
        <v>19.919443999999999</v>
      </c>
      <c r="V554" s="7">
        <v>67.750529</v>
      </c>
      <c r="W554" s="7">
        <v>5</v>
      </c>
      <c r="X554" s="7">
        <v>5</v>
      </c>
      <c r="Y554" s="7">
        <v>5</v>
      </c>
      <c r="Z554" s="7">
        <v>5</v>
      </c>
      <c r="AA554" s="7">
        <v>5</v>
      </c>
      <c r="AB554" s="7">
        <v>17.326758999999999</v>
      </c>
      <c r="AC554" s="7">
        <v>21.248034000000001</v>
      </c>
      <c r="AD554" s="7">
        <v>13.230809000000001</v>
      </c>
      <c r="AE554" s="7">
        <v>15.833046250000001</v>
      </c>
      <c r="AF554" s="7">
        <v>15.1098586508</v>
      </c>
      <c r="AG554" s="9">
        <v>82686.3521454</v>
      </c>
      <c r="AH554" s="13">
        <v>2.2804997968225318</v>
      </c>
      <c r="AI554" s="9">
        <v>42470.473997599998</v>
      </c>
      <c r="AJ554" s="13">
        <v>1.1713409143043394</v>
      </c>
      <c r="AK554" s="9">
        <v>-78727.469837199998</v>
      </c>
      <c r="AL554" s="13">
        <v>-0.99998729811462017</v>
      </c>
      <c r="AM554" s="9">
        <v>118943.347985</v>
      </c>
      <c r="AN554" s="13">
        <v>118943.347985</v>
      </c>
      <c r="AO554" s="9">
        <v>40215.878147800002</v>
      </c>
      <c r="AP554" s="13">
        <v>0.51081747468179028</v>
      </c>
      <c r="AQ554" s="9">
        <v>36257.9958396</v>
      </c>
      <c r="AR554" s="9">
        <v>37957.474901100002</v>
      </c>
      <c r="AS554" s="9">
        <v>50894.5473977</v>
      </c>
      <c r="AT554" s="9">
        <v>42210.118903299997</v>
      </c>
      <c r="AU554" s="9">
        <v>42834.192259199997</v>
      </c>
      <c r="AV554" s="9">
        <v>138642.34481099999</v>
      </c>
      <c r="AW554" s="9">
        <v>78728.469837199998</v>
      </c>
      <c r="AX554" s="9">
        <v>1</v>
      </c>
      <c r="AY554" s="9">
        <v>1</v>
      </c>
      <c r="AZ554" s="9">
        <v>1</v>
      </c>
      <c r="BA554" s="9">
        <v>1</v>
      </c>
      <c r="BB554" s="9">
        <v>1</v>
      </c>
      <c r="BC554" s="9">
        <v>55510.712637099998</v>
      </c>
      <c r="BD554" s="9">
        <v>62882.850915199997</v>
      </c>
      <c r="BE554" s="9">
        <v>108516.751672</v>
      </c>
      <c r="BF554" s="9">
        <v>118944.347985</v>
      </c>
      <c r="BG554" s="11">
        <v>0</v>
      </c>
      <c r="BH554" s="13">
        <v>0</v>
      </c>
      <c r="BI554" s="6">
        <v>0</v>
      </c>
      <c r="BJ554" s="13">
        <v>0</v>
      </c>
      <c r="BK554" s="6">
        <v>-1</v>
      </c>
      <c r="BL554" s="13">
        <v>-0.5</v>
      </c>
      <c r="BM554" s="11">
        <v>1</v>
      </c>
      <c r="BN554" s="13">
        <v>1</v>
      </c>
      <c r="BO554" s="11">
        <v>0</v>
      </c>
      <c r="BP554" s="13">
        <v>0</v>
      </c>
      <c r="BQ554" s="6">
        <v>2</v>
      </c>
      <c r="BR554" s="6">
        <v>2</v>
      </c>
      <c r="BS554" s="6">
        <v>2</v>
      </c>
      <c r="BT554" s="6">
        <v>2</v>
      </c>
      <c r="BU554" s="6">
        <v>1</v>
      </c>
      <c r="BV554" s="6">
        <v>1</v>
      </c>
      <c r="BW554" s="6">
        <v>1</v>
      </c>
      <c r="BX554" s="6">
        <v>1</v>
      </c>
      <c r="BY554" s="6">
        <v>1</v>
      </c>
      <c r="BZ554" s="6">
        <v>3</v>
      </c>
      <c r="CA554" s="6">
        <v>2</v>
      </c>
      <c r="CB554" s="6">
        <v>2</v>
      </c>
      <c r="CC554" s="11">
        <v>2</v>
      </c>
      <c r="CD554" s="11">
        <v>-27.314399999999999</v>
      </c>
      <c r="CE554" s="11">
        <v>6.8635599999999997</v>
      </c>
      <c r="CF554" s="11">
        <v>3.5041600000000002</v>
      </c>
      <c r="CG554" s="11">
        <v>11</v>
      </c>
      <c r="CH554" s="20">
        <v>0.44306699999999999</v>
      </c>
      <c r="CI554" s="20">
        <v>0.356543</v>
      </c>
      <c r="CJ554" s="20">
        <v>0.27776499999999998</v>
      </c>
      <c r="CK554" s="20">
        <v>0.20929</v>
      </c>
      <c r="CL554" s="20">
        <v>0.13148599999999999</v>
      </c>
      <c r="CM554" s="20">
        <v>0.24139099999999999</v>
      </c>
      <c r="CN554" s="20">
        <v>0.79664900000000005</v>
      </c>
      <c r="CO554" s="20">
        <v>4.08064E-3</v>
      </c>
      <c r="CP554" s="20">
        <v>1.1207999999999999E-2</v>
      </c>
      <c r="CQ554" s="20">
        <v>3.3786299999999998E-2</v>
      </c>
      <c r="CR554" s="20">
        <v>5.2299400000000003E-2</v>
      </c>
      <c r="CS554" s="20">
        <v>0.111346</v>
      </c>
      <c r="CT554" s="20">
        <v>0.21107500000000001</v>
      </c>
      <c r="CU554" s="20">
        <v>0.252498</v>
      </c>
      <c r="CV554" s="20">
        <v>0.15912899999999999</v>
      </c>
      <c r="CW554" s="20">
        <v>0.19085299999999999</v>
      </c>
      <c r="CX554" s="20">
        <v>0.17660300000000001</v>
      </c>
      <c r="CY554" s="6" t="s">
        <v>479</v>
      </c>
      <c r="CZ554" s="6" t="s">
        <v>480</v>
      </c>
      <c r="DA554" s="6" t="s">
        <v>74</v>
      </c>
      <c r="DB554" s="6"/>
      <c r="DC554" s="6"/>
      <c r="DD554" s="6"/>
      <c r="DE554" s="6"/>
      <c r="DF554" s="6"/>
      <c r="DG554" s="6"/>
      <c r="DH554" s="6" t="s">
        <v>333</v>
      </c>
      <c r="DI554" s="6"/>
      <c r="DJ554" s="6"/>
      <c r="DK554" s="6"/>
      <c r="DL554" s="6">
        <v>6</v>
      </c>
      <c r="DM554" s="6" t="s">
        <v>396</v>
      </c>
      <c r="DN554" s="6">
        <v>6</v>
      </c>
      <c r="DO554" s="6" t="s">
        <v>393</v>
      </c>
      <c r="DP554" s="6"/>
      <c r="DQ554" s="6"/>
    </row>
    <row r="555" spans="1:121" x14ac:dyDescent="0.2">
      <c r="A555" s="6" t="s">
        <v>319</v>
      </c>
      <c r="B555" s="6" t="s">
        <v>319</v>
      </c>
      <c r="C555" s="6" t="s">
        <v>188</v>
      </c>
      <c r="D555" s="6" t="s">
        <v>74</v>
      </c>
      <c r="E555" s="6" t="s">
        <v>215</v>
      </c>
      <c r="F555" s="11">
        <v>80</v>
      </c>
      <c r="G555" s="13">
        <v>1.19402985075</v>
      </c>
      <c r="H555" s="11">
        <v>140.6719334716</v>
      </c>
      <c r="I555" s="13">
        <v>2.110416833240544</v>
      </c>
      <c r="J555" s="11">
        <v>-119.2250187098</v>
      </c>
      <c r="K555" s="13">
        <v>-0.57505527451701899</v>
      </c>
      <c r="L555" s="11">
        <v>58.608141893799996</v>
      </c>
      <c r="M555" s="13">
        <v>0.66522368196889337</v>
      </c>
      <c r="N555" s="11">
        <v>-60.616876816000001</v>
      </c>
      <c r="O555" s="13">
        <v>-0.29237197959796973</v>
      </c>
      <c r="P555" s="7">
        <v>66.655994804399995</v>
      </c>
      <c r="Q555" s="7">
        <v>63.3019159754</v>
      </c>
      <c r="R555" s="7">
        <v>74.477836684600007</v>
      </c>
      <c r="S555" s="7">
        <v>75.668835650299997</v>
      </c>
      <c r="T555" s="7">
        <v>103.186032192</v>
      </c>
      <c r="U555" s="7">
        <v>170.545650897</v>
      </c>
      <c r="V555" s="7">
        <v>207.32792827599999</v>
      </c>
      <c r="W555" s="7">
        <v>129.75503831899999</v>
      </c>
      <c r="X555" s="7">
        <v>120.73706135099999</v>
      </c>
      <c r="Y555" s="7">
        <v>88.102909566199997</v>
      </c>
      <c r="Z555" s="7">
        <v>87.671021947499995</v>
      </c>
      <c r="AA555" s="7">
        <v>114.94707678</v>
      </c>
      <c r="AB555" s="7">
        <v>139.57189941300001</v>
      </c>
      <c r="AC555" s="7">
        <v>143.107792426</v>
      </c>
      <c r="AD555" s="7">
        <v>143.00155015799999</v>
      </c>
      <c r="AE555" s="7">
        <v>138.03009253100001</v>
      </c>
      <c r="AF555" s="7">
        <v>146.71105145999999</v>
      </c>
      <c r="AG555" s="9">
        <v>4260.3345095000004</v>
      </c>
      <c r="AH555" s="13">
        <v>0.26387736561352892</v>
      </c>
      <c r="AI555" s="9">
        <v>59210.401453300001</v>
      </c>
      <c r="AJ555" s="13">
        <v>3.667384501751239</v>
      </c>
      <c r="AK555" s="9">
        <v>-55314.063756400006</v>
      </c>
      <c r="AL555" s="13">
        <v>-0.73404118193867762</v>
      </c>
      <c r="AM555" s="9">
        <v>363.99681259999852</v>
      </c>
      <c r="AN555" s="13">
        <v>1.816218296151648E-2</v>
      </c>
      <c r="AO555" s="9">
        <v>-54950.066943800004</v>
      </c>
      <c r="AP555" s="13">
        <v>-0.72921078922481908</v>
      </c>
      <c r="AQ555" s="9">
        <v>16145.130521499999</v>
      </c>
      <c r="AR555" s="9">
        <v>13792.9554649</v>
      </c>
      <c r="AS555" s="9">
        <v>16135.3641773</v>
      </c>
      <c r="AT555" s="9">
        <v>23394.946528600001</v>
      </c>
      <c r="AU555" s="9">
        <v>21246.8170704</v>
      </c>
      <c r="AV555" s="9">
        <v>64122.457095999998</v>
      </c>
      <c r="AW555" s="9">
        <v>75355.531974800004</v>
      </c>
      <c r="AX555" s="9">
        <v>22925.385847400001</v>
      </c>
      <c r="AY555" s="9">
        <v>23720.626198400001</v>
      </c>
      <c r="AZ555" s="9">
        <v>20041.468218400001</v>
      </c>
      <c r="BA555" s="9">
        <v>19748.105136800001</v>
      </c>
      <c r="BB555" s="9">
        <v>18374.5936526</v>
      </c>
      <c r="BC555" s="9">
        <v>17079.8553646</v>
      </c>
      <c r="BD555" s="9">
        <v>18776.822132000001</v>
      </c>
      <c r="BE555" s="9">
        <v>26370.7438592</v>
      </c>
      <c r="BF555" s="9">
        <v>20405.465031</v>
      </c>
      <c r="BG555" s="11">
        <v>2</v>
      </c>
      <c r="BH555" s="13">
        <v>0.14285714285714285</v>
      </c>
      <c r="BI555" s="6">
        <v>-1</v>
      </c>
      <c r="BJ555" s="13">
        <v>-7.1428571428571425E-2</v>
      </c>
      <c r="BK555" s="6">
        <v>-2</v>
      </c>
      <c r="BL555" s="13">
        <v>-0.15384615384615385</v>
      </c>
      <c r="BM555" s="11">
        <v>5</v>
      </c>
      <c r="BN555" s="13">
        <v>0.45454545454545453</v>
      </c>
      <c r="BO555" s="11">
        <v>3</v>
      </c>
      <c r="BP555" s="13">
        <v>0.23076923076923078</v>
      </c>
      <c r="BQ555" s="6">
        <v>14</v>
      </c>
      <c r="BR555" s="6">
        <v>14</v>
      </c>
      <c r="BS555" s="6">
        <v>14</v>
      </c>
      <c r="BT555" s="6">
        <v>13</v>
      </c>
      <c r="BU555" s="6">
        <v>10</v>
      </c>
      <c r="BV555" s="6">
        <v>12</v>
      </c>
      <c r="BW555" s="6">
        <v>11</v>
      </c>
      <c r="BX555" s="6">
        <v>10</v>
      </c>
      <c r="BY555" s="6">
        <v>11</v>
      </c>
      <c r="BZ555" s="6">
        <v>12</v>
      </c>
      <c r="CA555" s="6">
        <v>13</v>
      </c>
      <c r="CB555" s="6">
        <v>15</v>
      </c>
      <c r="CC555" s="11">
        <v>16</v>
      </c>
      <c r="CD555" s="11">
        <v>66.771500000000003</v>
      </c>
      <c r="CE555" s="11">
        <v>5.9972099999999999</v>
      </c>
      <c r="CF555" s="11">
        <v>7.2862999999999998</v>
      </c>
      <c r="CG555" s="11">
        <v>13</v>
      </c>
      <c r="CH555" s="20">
        <v>0.18781600000000001</v>
      </c>
      <c r="CI555" s="20">
        <v>0.16603999999999999</v>
      </c>
      <c r="CJ555" s="20">
        <v>0.19602</v>
      </c>
      <c r="CK555" s="20">
        <v>0.193324</v>
      </c>
      <c r="CL555" s="20">
        <v>0.24803</v>
      </c>
      <c r="CM555" s="20">
        <v>0.40032800000000002</v>
      </c>
      <c r="CN555" s="20">
        <v>0.48213499999999998</v>
      </c>
      <c r="CO555" s="20">
        <v>0.322629</v>
      </c>
      <c r="CP555" s="20">
        <v>0.33358599999999999</v>
      </c>
      <c r="CQ555" s="20">
        <v>0.24553</v>
      </c>
      <c r="CR555" s="20">
        <v>0.239453</v>
      </c>
      <c r="CS555" s="20">
        <v>0.31494</v>
      </c>
      <c r="CT555" s="20">
        <v>0.38627699999999998</v>
      </c>
      <c r="CU555" s="20">
        <v>0.38586199999999998</v>
      </c>
      <c r="CV555" s="20">
        <v>0.389179</v>
      </c>
      <c r="CW555" s="20">
        <v>0.37479299999999999</v>
      </c>
      <c r="CX555" s="20">
        <v>0.38575999999999999</v>
      </c>
      <c r="CY555" s="6" t="s">
        <v>479</v>
      </c>
      <c r="CZ555" s="6" t="s">
        <v>480</v>
      </c>
      <c r="DA555" s="6" t="s">
        <v>74</v>
      </c>
      <c r="DB555" s="6"/>
      <c r="DC555" s="6"/>
      <c r="DD555" s="6"/>
      <c r="DE555" s="6"/>
      <c r="DF555" s="6"/>
      <c r="DG555" s="6"/>
      <c r="DH555" s="6" t="s">
        <v>333</v>
      </c>
      <c r="DI555" s="6"/>
      <c r="DJ555" s="6"/>
      <c r="DK555" s="6"/>
      <c r="DL555" s="6">
        <v>6</v>
      </c>
      <c r="DM555" s="6" t="s">
        <v>396</v>
      </c>
      <c r="DN555" s="6">
        <v>6</v>
      </c>
      <c r="DO555" s="6" t="s">
        <v>393</v>
      </c>
      <c r="DP555" s="6"/>
      <c r="DQ555" s="6"/>
    </row>
    <row r="556" spans="1:121" x14ac:dyDescent="0.2">
      <c r="A556" s="6" t="s">
        <v>320</v>
      </c>
      <c r="B556" s="6" t="s">
        <v>320</v>
      </c>
      <c r="C556" s="6" t="s">
        <v>189</v>
      </c>
      <c r="D556" s="6" t="s">
        <v>74</v>
      </c>
      <c r="E556" s="6" t="s">
        <v>215</v>
      </c>
      <c r="F556" s="11">
        <v>1</v>
      </c>
      <c r="G556" s="13">
        <v>1</v>
      </c>
      <c r="H556" s="11">
        <v>-27.329186999999997</v>
      </c>
      <c r="I556" s="13">
        <v>-0.84534099171748411</v>
      </c>
      <c r="J556" s="11">
        <v>0</v>
      </c>
      <c r="K556" s="13">
        <v>0</v>
      </c>
      <c r="L556" s="11">
        <v>0</v>
      </c>
      <c r="M556" s="13">
        <v>0</v>
      </c>
      <c r="N556" s="11">
        <v>0</v>
      </c>
      <c r="O556" s="13">
        <v>0</v>
      </c>
      <c r="P556" s="7">
        <v>32.329186999999997</v>
      </c>
      <c r="Q556" s="7">
        <v>5</v>
      </c>
      <c r="R556" s="7">
        <v>0</v>
      </c>
      <c r="S556" s="7">
        <v>5</v>
      </c>
      <c r="T556" s="7">
        <v>5</v>
      </c>
      <c r="U556" s="7">
        <v>5</v>
      </c>
      <c r="V556" s="7">
        <v>5</v>
      </c>
      <c r="W556" s="7">
        <v>5</v>
      </c>
      <c r="X556" s="7">
        <v>5</v>
      </c>
      <c r="Y556" s="7">
        <v>5</v>
      </c>
      <c r="Z556" s="7">
        <v>5</v>
      </c>
      <c r="AA556" s="7">
        <v>23.876290106900001</v>
      </c>
      <c r="AB556" s="7">
        <v>5</v>
      </c>
      <c r="AC556" s="7">
        <v>5</v>
      </c>
      <c r="AD556" s="7">
        <v>5</v>
      </c>
      <c r="AE556" s="7">
        <v>5</v>
      </c>
      <c r="AF556" s="7">
        <v>5</v>
      </c>
      <c r="AG556" s="9">
        <v>-29493.457083900001</v>
      </c>
      <c r="AH556" s="13">
        <v>-0.99996609532438063</v>
      </c>
      <c r="AI556" s="9">
        <v>-29493.457083900001</v>
      </c>
      <c r="AJ556" s="13">
        <v>-0.99996609532438063</v>
      </c>
      <c r="AK556" s="9">
        <v>0</v>
      </c>
      <c r="AL556" s="13">
        <v>0</v>
      </c>
      <c r="AM556" s="9">
        <v>0</v>
      </c>
      <c r="AN556" s="13">
        <v>0</v>
      </c>
      <c r="AO556" s="9">
        <v>0</v>
      </c>
      <c r="AP556" s="13">
        <v>0</v>
      </c>
      <c r="AQ556" s="9">
        <v>29494.457083900001</v>
      </c>
      <c r="AR556" s="9">
        <v>1</v>
      </c>
      <c r="AS556" s="9">
        <v>0</v>
      </c>
      <c r="AT556" s="9">
        <v>1</v>
      </c>
      <c r="AU556" s="9">
        <v>1</v>
      </c>
      <c r="AV556" s="9">
        <v>1</v>
      </c>
      <c r="AW556" s="9">
        <v>1</v>
      </c>
      <c r="AX556" s="9">
        <v>1</v>
      </c>
      <c r="AY556" s="9">
        <v>1</v>
      </c>
      <c r="AZ556" s="9">
        <v>1</v>
      </c>
      <c r="BA556" s="9">
        <v>1</v>
      </c>
      <c r="BB556" s="9">
        <v>49399.454030499997</v>
      </c>
      <c r="BC556" s="9">
        <v>1</v>
      </c>
      <c r="BD556" s="9">
        <v>1</v>
      </c>
      <c r="BE556" s="9">
        <v>1</v>
      </c>
      <c r="BF556" s="9">
        <v>1</v>
      </c>
      <c r="BG556" s="11">
        <v>0</v>
      </c>
      <c r="BH556" s="13" t="e">
        <v>#DIV/0!</v>
      </c>
      <c r="BI556" s="6">
        <v>0</v>
      </c>
      <c r="BJ556" s="13" t="e">
        <v>#DIV/0!</v>
      </c>
      <c r="BK556" s="6">
        <v>1</v>
      </c>
      <c r="BL556" s="13" t="e">
        <v>#DIV/0!</v>
      </c>
      <c r="BM556" s="11">
        <v>-1</v>
      </c>
      <c r="BN556" s="13">
        <v>-1</v>
      </c>
      <c r="BO556" s="11">
        <v>0</v>
      </c>
      <c r="BP556" s="13" t="e">
        <v>#DIV/0!</v>
      </c>
      <c r="BQ556" s="6">
        <v>0</v>
      </c>
      <c r="BR556" s="6">
        <v>0</v>
      </c>
      <c r="BS556" s="6">
        <v>0</v>
      </c>
      <c r="BT556" s="6">
        <v>0</v>
      </c>
      <c r="BU556" s="6">
        <v>0</v>
      </c>
      <c r="BV556" s="6">
        <v>1</v>
      </c>
      <c r="BW556" s="6">
        <v>1</v>
      </c>
      <c r="BX556" s="6">
        <v>1</v>
      </c>
      <c r="BY556" s="6">
        <v>1</v>
      </c>
      <c r="BZ556" s="6">
        <v>0</v>
      </c>
      <c r="CA556" s="6">
        <v>0</v>
      </c>
      <c r="CB556" s="6">
        <v>0</v>
      </c>
      <c r="CC556" s="11">
        <v>0</v>
      </c>
      <c r="CD556" s="11">
        <v>-41.025199999999998</v>
      </c>
      <c r="CE556" s="11">
        <v>11.7066</v>
      </c>
      <c r="CF556" s="11">
        <v>3.5339700000000001</v>
      </c>
      <c r="CG556" s="11">
        <v>16</v>
      </c>
      <c r="CH556" s="20">
        <v>0.27304</v>
      </c>
      <c r="CI556" s="20">
        <v>1.78941E-2</v>
      </c>
      <c r="CJ556" s="20">
        <v>0</v>
      </c>
      <c r="CK556" s="20">
        <v>1.7073399999999999E-2</v>
      </c>
      <c r="CL556" s="20">
        <v>2.8944299999999999E-2</v>
      </c>
      <c r="CM556" s="20">
        <v>4.5712700000000002E-2</v>
      </c>
      <c r="CN556" s="20">
        <v>1.18215E-2</v>
      </c>
      <c r="CO556" s="20">
        <v>9.2317100000000006E-3</v>
      </c>
      <c r="CP556" s="20">
        <v>2.4983700000000001E-2</v>
      </c>
      <c r="CQ556" s="20">
        <v>3.4386800000000002E-2</v>
      </c>
      <c r="CR556" s="20">
        <v>3.5754000000000001E-2</v>
      </c>
      <c r="CS556" s="20">
        <v>0.15457699999999999</v>
      </c>
      <c r="CT556" s="20">
        <v>5.20223E-2</v>
      </c>
      <c r="CU556" s="20">
        <v>4.0664400000000003E-2</v>
      </c>
      <c r="CV556" s="20">
        <v>3.82102E-2</v>
      </c>
      <c r="CW556" s="20">
        <v>4.1132599999999998E-2</v>
      </c>
      <c r="CX556" s="20">
        <v>4.2039199999999999E-2</v>
      </c>
      <c r="CY556" s="6" t="s">
        <v>479</v>
      </c>
      <c r="CZ556" s="6" t="s">
        <v>480</v>
      </c>
      <c r="DA556" s="6" t="s">
        <v>74</v>
      </c>
      <c r="DB556" s="6"/>
      <c r="DC556" s="6"/>
      <c r="DD556" s="6"/>
      <c r="DE556" s="6"/>
      <c r="DF556" s="6"/>
      <c r="DG556" s="6"/>
      <c r="DH556" s="6" t="s">
        <v>333</v>
      </c>
      <c r="DI556" s="6"/>
      <c r="DJ556" s="6"/>
      <c r="DK556" s="6"/>
      <c r="DL556" s="6">
        <v>6</v>
      </c>
      <c r="DM556" s="6" t="s">
        <v>396</v>
      </c>
      <c r="DN556" s="6">
        <v>6</v>
      </c>
      <c r="DO556" s="6" t="s">
        <v>393</v>
      </c>
      <c r="DP556" s="6"/>
      <c r="DQ556" s="6"/>
    </row>
    <row r="557" spans="1:121" x14ac:dyDescent="0.2">
      <c r="A557" s="6" t="s">
        <v>321</v>
      </c>
      <c r="B557" s="6" t="s">
        <v>321</v>
      </c>
      <c r="C557" s="6" t="s">
        <v>190</v>
      </c>
      <c r="D557" s="6" t="s">
        <v>74</v>
      </c>
      <c r="E557" s="6" t="s">
        <v>215</v>
      </c>
      <c r="F557" s="11">
        <v>215</v>
      </c>
      <c r="G557" s="13">
        <v>0.44057377049200003</v>
      </c>
      <c r="H557" s="11">
        <v>73.075390380000044</v>
      </c>
      <c r="I557" s="13">
        <v>0.14979119213533559</v>
      </c>
      <c r="J557" s="11">
        <v>26.462152512999978</v>
      </c>
      <c r="K557" s="13">
        <v>4.7176022702943833E-2</v>
      </c>
      <c r="L557" s="11">
        <v>115.84726540700001</v>
      </c>
      <c r="M557" s="13">
        <v>0.19722513078124015</v>
      </c>
      <c r="N557" s="11">
        <v>142.30941791999999</v>
      </c>
      <c r="O557" s="13">
        <v>0.25370545073151085</v>
      </c>
      <c r="P557" s="7">
        <v>487.84837972299999</v>
      </c>
      <c r="Q557" s="7">
        <v>477.94540969299999</v>
      </c>
      <c r="R557" s="7">
        <v>465.49559872499998</v>
      </c>
      <c r="S557" s="7">
        <v>471.97559897100001</v>
      </c>
      <c r="T557" s="7">
        <v>541.85405548400001</v>
      </c>
      <c r="U557" s="7">
        <v>540.71979223899996</v>
      </c>
      <c r="V557" s="7">
        <v>560.92377010300004</v>
      </c>
      <c r="W557" s="7">
        <v>580.13398999000003</v>
      </c>
      <c r="X557" s="7">
        <v>610.40022948800004</v>
      </c>
      <c r="Y557" s="7">
        <v>587.38592261600002</v>
      </c>
      <c r="Z557" s="7">
        <v>616.50058622100005</v>
      </c>
      <c r="AA557" s="7">
        <v>638.11333970299995</v>
      </c>
      <c r="AB557" s="7">
        <v>666.376502308</v>
      </c>
      <c r="AC557" s="7">
        <v>676.40331241199999</v>
      </c>
      <c r="AD557" s="7">
        <v>686.34190478000005</v>
      </c>
      <c r="AE557" s="7">
        <v>673.51857478199997</v>
      </c>
      <c r="AF557" s="7">
        <v>703.23318802300003</v>
      </c>
      <c r="AG557" s="9">
        <v>9425.1157205000018</v>
      </c>
      <c r="AH557" s="13">
        <v>0.45315384386561747</v>
      </c>
      <c r="AI557" s="9">
        <v>4747.4494327000029</v>
      </c>
      <c r="AJ557" s="13">
        <v>0.22825448756097855</v>
      </c>
      <c r="AK557" s="9">
        <v>2385.9054031999985</v>
      </c>
      <c r="AL557" s="13">
        <v>9.3395045549342595E-2</v>
      </c>
      <c r="AM557" s="9">
        <v>2291.7608846000003</v>
      </c>
      <c r="AN557" s="13">
        <v>8.2047021276513046E-2</v>
      </c>
      <c r="AO557" s="9">
        <v>4677.6662877999988</v>
      </c>
      <c r="AP557" s="13">
        <v>0.18310485211516345</v>
      </c>
      <c r="AQ557" s="9">
        <v>20798.931418299999</v>
      </c>
      <c r="AR557" s="9">
        <v>21482.553253999999</v>
      </c>
      <c r="AS557" s="9">
        <v>22049.847325700001</v>
      </c>
      <c r="AT557" s="9">
        <v>22824.8146972</v>
      </c>
      <c r="AU557" s="9">
        <v>23088.423192800001</v>
      </c>
      <c r="AV557" s="9">
        <v>23429.320662300001</v>
      </c>
      <c r="AW557" s="9">
        <v>25546.380851000002</v>
      </c>
      <c r="AX557" s="9">
        <v>26035.6287835</v>
      </c>
      <c r="AY557" s="9">
        <v>27457.9451658</v>
      </c>
      <c r="AZ557" s="9">
        <v>27932.2862542</v>
      </c>
      <c r="BA557" s="9">
        <v>27820.678597400001</v>
      </c>
      <c r="BB557" s="9">
        <v>26678.4786623</v>
      </c>
      <c r="BC557" s="9">
        <v>28508.387382699999</v>
      </c>
      <c r="BD557" s="9">
        <v>29041.5781131</v>
      </c>
      <c r="BE557" s="9">
        <v>29267.200033000001</v>
      </c>
      <c r="BF557" s="9">
        <v>30224.047138800001</v>
      </c>
      <c r="BG557" s="11">
        <v>29.25</v>
      </c>
      <c r="BH557" s="13">
        <v>0.9140625</v>
      </c>
      <c r="BI557" s="6">
        <v>4</v>
      </c>
      <c r="BJ557" s="13">
        <v>0.125</v>
      </c>
      <c r="BK557" s="6">
        <v>-1</v>
      </c>
      <c r="BL557" s="13">
        <v>-2.7777777777777776E-2</v>
      </c>
      <c r="BM557" s="11">
        <v>26.25</v>
      </c>
      <c r="BN557" s="13">
        <v>0.75</v>
      </c>
      <c r="BO557" s="11">
        <v>25.25</v>
      </c>
      <c r="BP557" s="13">
        <v>0.70138888888888884</v>
      </c>
      <c r="BQ557" s="6">
        <v>32</v>
      </c>
      <c r="BR557" s="6">
        <v>34</v>
      </c>
      <c r="BS557" s="6">
        <v>34</v>
      </c>
      <c r="BT557" s="6">
        <v>36</v>
      </c>
      <c r="BU557" s="6">
        <v>36</v>
      </c>
      <c r="BV557" s="6">
        <v>36</v>
      </c>
      <c r="BW557" s="6">
        <v>35</v>
      </c>
      <c r="BX557" s="6">
        <v>36</v>
      </c>
      <c r="BY557" s="6">
        <v>43</v>
      </c>
      <c r="BZ557" s="6">
        <v>63</v>
      </c>
      <c r="CA557" s="6">
        <v>61</v>
      </c>
      <c r="CB557" s="6">
        <v>62</v>
      </c>
      <c r="CC557" s="11">
        <v>61.25</v>
      </c>
      <c r="CD557" s="11">
        <v>-15.601000000000001</v>
      </c>
      <c r="CE557" s="11">
        <v>177.65799999999999</v>
      </c>
      <c r="CF557" s="11">
        <v>53.3277</v>
      </c>
      <c r="CG557" s="11">
        <v>231</v>
      </c>
      <c r="CH557" s="20">
        <v>0.83426</v>
      </c>
      <c r="CI557" s="20">
        <v>0.73236900000000005</v>
      </c>
      <c r="CJ557" s="20">
        <v>0.69386000000000003</v>
      </c>
      <c r="CK557" s="20">
        <v>0.69135899999999995</v>
      </c>
      <c r="CL557" s="20">
        <v>0.75522299999999998</v>
      </c>
      <c r="CM557" s="20">
        <v>0.73723000000000005</v>
      </c>
      <c r="CN557" s="20">
        <v>0.74418499999999999</v>
      </c>
      <c r="CO557" s="20">
        <v>0.76744599999999996</v>
      </c>
      <c r="CP557" s="20">
        <v>0.80045999999999995</v>
      </c>
      <c r="CQ557" s="20">
        <v>0.78770799999999996</v>
      </c>
      <c r="CR557" s="20">
        <v>0.83076099999999997</v>
      </c>
      <c r="CS557" s="20">
        <v>0.85657899999999998</v>
      </c>
      <c r="CT557" s="20">
        <v>0.910555</v>
      </c>
      <c r="CU557" s="20">
        <v>0.91310999999999998</v>
      </c>
      <c r="CV557" s="20">
        <v>0.93587299999999995</v>
      </c>
      <c r="CW557" s="20">
        <v>0.91197099999999998</v>
      </c>
      <c r="CX557" s="20">
        <v>0.91338699999999995</v>
      </c>
      <c r="CY557" s="6" t="s">
        <v>479</v>
      </c>
      <c r="CZ557" s="6" t="s">
        <v>480</v>
      </c>
      <c r="DA557" s="6" t="s">
        <v>74</v>
      </c>
      <c r="DB557" s="6"/>
      <c r="DC557" s="6"/>
      <c r="DD557" s="6"/>
      <c r="DE557" s="6"/>
      <c r="DF557" s="6"/>
      <c r="DG557" s="6"/>
      <c r="DH557" s="6" t="s">
        <v>333</v>
      </c>
      <c r="DI557" s="6"/>
      <c r="DJ557" s="6"/>
      <c r="DK557" s="6"/>
      <c r="DL557" s="6">
        <v>6</v>
      </c>
      <c r="DM557" s="6" t="s">
        <v>396</v>
      </c>
      <c r="DN557" s="6">
        <v>6</v>
      </c>
      <c r="DO557" s="6" t="s">
        <v>393</v>
      </c>
      <c r="DP557" s="6"/>
      <c r="DQ557" s="6"/>
    </row>
    <row r="558" spans="1:121" x14ac:dyDescent="0.2">
      <c r="A558" s="6" t="s">
        <v>322</v>
      </c>
      <c r="B558" s="6" t="s">
        <v>322</v>
      </c>
      <c r="C558" s="6" t="s">
        <v>191</v>
      </c>
      <c r="D558" s="6" t="s">
        <v>74</v>
      </c>
      <c r="E558" s="6" t="s">
        <v>215</v>
      </c>
      <c r="F558" s="11">
        <v>-19</v>
      </c>
      <c r="G558" s="13">
        <v>-0.5</v>
      </c>
      <c r="H558" s="11">
        <v>558</v>
      </c>
      <c r="I558" s="13">
        <v>14.684210526315788</v>
      </c>
      <c r="J558" s="11">
        <v>-573</v>
      </c>
      <c r="K558" s="13">
        <v>-0.96140939597315445</v>
      </c>
      <c r="L558" s="11">
        <v>-4</v>
      </c>
      <c r="M558" s="13">
        <v>-0.17391304347826086</v>
      </c>
      <c r="N558" s="11">
        <v>-577</v>
      </c>
      <c r="O558" s="13">
        <v>-0.96812080536912748</v>
      </c>
      <c r="P558" s="7">
        <v>38</v>
      </c>
      <c r="Q558" s="7">
        <v>525</v>
      </c>
      <c r="R558" s="7">
        <v>514</v>
      </c>
      <c r="S558" s="7">
        <v>590</v>
      </c>
      <c r="T558" s="7">
        <v>689</v>
      </c>
      <c r="U558" s="7">
        <v>647</v>
      </c>
      <c r="V558" s="7">
        <v>596</v>
      </c>
      <c r="W558" s="7">
        <v>407</v>
      </c>
      <c r="X558" s="7">
        <v>328</v>
      </c>
      <c r="Y558" s="7">
        <v>23</v>
      </c>
      <c r="Z558" s="7">
        <v>24</v>
      </c>
      <c r="AA558" s="7">
        <v>22</v>
      </c>
      <c r="AB558" s="7">
        <v>21</v>
      </c>
      <c r="AC558" s="7">
        <v>23</v>
      </c>
      <c r="AD558" s="7">
        <v>17</v>
      </c>
      <c r="AE558" s="7">
        <v>19</v>
      </c>
      <c r="AF558" s="7">
        <v>19</v>
      </c>
      <c r="AG558" s="9">
        <v>-11105</v>
      </c>
      <c r="AH558" s="13">
        <v>-0.42408157030474297</v>
      </c>
      <c r="AI558" s="9">
        <v>3978</v>
      </c>
      <c r="AJ558" s="13">
        <v>0.15191323608034829</v>
      </c>
      <c r="AK558" s="9">
        <v>-12723</v>
      </c>
      <c r="AL558" s="13">
        <v>-0.42179419175175714</v>
      </c>
      <c r="AM558" s="9">
        <v>-2360</v>
      </c>
      <c r="AN558" s="13">
        <v>-0.13531334212487817</v>
      </c>
      <c r="AO558" s="9">
        <v>-15083</v>
      </c>
      <c r="AP558" s="13">
        <v>-0.50003315210184329</v>
      </c>
      <c r="AQ558" s="9">
        <v>26186</v>
      </c>
      <c r="AR558" s="9">
        <v>29606</v>
      </c>
      <c r="AS558" s="9">
        <v>29749</v>
      </c>
      <c r="AT558" s="9">
        <v>27618</v>
      </c>
      <c r="AU558" s="9">
        <v>24796</v>
      </c>
      <c r="AV558" s="9">
        <v>27604</v>
      </c>
      <c r="AW558" s="9">
        <v>30164</v>
      </c>
      <c r="AX558" s="9">
        <v>34349</v>
      </c>
      <c r="AY558" s="9">
        <v>38771</v>
      </c>
      <c r="AZ558" s="9">
        <v>17441</v>
      </c>
      <c r="BA558" s="9">
        <v>16369</v>
      </c>
      <c r="BB558" s="9">
        <v>15730</v>
      </c>
      <c r="BC558" s="9">
        <v>13091</v>
      </c>
      <c r="BD558" s="9">
        <v>13794</v>
      </c>
      <c r="BE558" s="9">
        <v>16428</v>
      </c>
      <c r="BF558" s="9">
        <v>15081</v>
      </c>
      <c r="BG558" s="11">
        <v>0</v>
      </c>
      <c r="BH558" s="13">
        <v>0</v>
      </c>
      <c r="BI558" s="6">
        <v>-1</v>
      </c>
      <c r="BJ558" s="13">
        <v>-0.125</v>
      </c>
      <c r="BK558" s="6">
        <v>-2</v>
      </c>
      <c r="BL558" s="13">
        <v>-0.2857142857142857</v>
      </c>
      <c r="BM558" s="11">
        <v>3</v>
      </c>
      <c r="BN558" s="13">
        <v>0.6</v>
      </c>
      <c r="BO558" s="11">
        <v>1</v>
      </c>
      <c r="BP558" s="13">
        <v>0.14285714285714285</v>
      </c>
      <c r="BQ558" s="6">
        <v>8</v>
      </c>
      <c r="BR558" s="6">
        <v>8</v>
      </c>
      <c r="BS558" s="6">
        <v>8</v>
      </c>
      <c r="BT558" s="6">
        <v>7</v>
      </c>
      <c r="BU558" s="6">
        <v>7</v>
      </c>
      <c r="BV558" s="6">
        <v>7</v>
      </c>
      <c r="BW558" s="6">
        <v>5</v>
      </c>
      <c r="BX558" s="6">
        <v>5</v>
      </c>
      <c r="BY558" s="6">
        <v>5</v>
      </c>
      <c r="BZ558" s="6">
        <v>6</v>
      </c>
      <c r="CA558" s="6">
        <v>6</v>
      </c>
      <c r="CB558" s="6">
        <v>7</v>
      </c>
      <c r="CC558" s="11">
        <v>8</v>
      </c>
      <c r="CD558" s="11">
        <v>-31</v>
      </c>
      <c r="CE558" s="11">
        <v>7</v>
      </c>
      <c r="CF558" s="11">
        <v>4</v>
      </c>
      <c r="CG558" s="11">
        <v>11</v>
      </c>
      <c r="CH558" s="20">
        <v>0.43</v>
      </c>
      <c r="CI558" s="20">
        <v>5.34</v>
      </c>
      <c r="CJ558" s="20">
        <v>5.17</v>
      </c>
      <c r="CK558" s="20">
        <v>5.82</v>
      </c>
      <c r="CL558" s="20">
        <v>6.51</v>
      </c>
      <c r="CM558" s="20">
        <v>6.04</v>
      </c>
      <c r="CN558" s="20">
        <v>5.42</v>
      </c>
      <c r="CO558" s="20">
        <v>3.76</v>
      </c>
      <c r="CP558" s="20">
        <v>3.13</v>
      </c>
      <c r="CQ558" s="20">
        <v>0.23</v>
      </c>
      <c r="CR558" s="20">
        <v>0.24</v>
      </c>
      <c r="CS558" s="20">
        <v>0.22</v>
      </c>
      <c r="CT558" s="20">
        <v>0.22</v>
      </c>
      <c r="CU558" s="20">
        <v>0.23</v>
      </c>
      <c r="CV558" s="20">
        <v>0.17</v>
      </c>
      <c r="CW558" s="20">
        <v>0.19</v>
      </c>
      <c r="CX558" s="20">
        <v>0.18</v>
      </c>
      <c r="CY558" s="6" t="s">
        <v>479</v>
      </c>
      <c r="CZ558" s="6" t="s">
        <v>480</v>
      </c>
      <c r="DA558" s="6" t="s">
        <v>74</v>
      </c>
      <c r="DB558" s="6"/>
      <c r="DC558" s="6"/>
      <c r="DD558" s="6"/>
      <c r="DE558" s="6"/>
      <c r="DF558" s="6"/>
      <c r="DG558" s="6"/>
      <c r="DH558" s="6" t="s">
        <v>333</v>
      </c>
      <c r="DI558" s="6"/>
      <c r="DJ558" s="6"/>
      <c r="DK558" s="6"/>
      <c r="DL558" s="6">
        <v>6</v>
      </c>
      <c r="DM558" s="6" t="s">
        <v>396</v>
      </c>
      <c r="DN558" s="6">
        <v>6</v>
      </c>
      <c r="DO558" s="6" t="s">
        <v>393</v>
      </c>
      <c r="DP558" s="6"/>
      <c r="DQ558" s="6"/>
    </row>
    <row r="559" spans="1:121" x14ac:dyDescent="0.2">
      <c r="A559" s="6" t="s">
        <v>323</v>
      </c>
      <c r="B559" s="6" t="s">
        <v>323</v>
      </c>
      <c r="C559" s="6" t="s">
        <v>192</v>
      </c>
      <c r="D559" s="6" t="s">
        <v>74</v>
      </c>
      <c r="E559" s="6" t="s">
        <v>215</v>
      </c>
      <c r="F559" s="11">
        <v>312</v>
      </c>
      <c r="G559" s="13">
        <v>0.51655629139100001</v>
      </c>
      <c r="H559" s="11">
        <v>-91.111344529000007</v>
      </c>
      <c r="I559" s="13">
        <v>-0.15084442330011014</v>
      </c>
      <c r="J559" s="11">
        <v>421.137932482</v>
      </c>
      <c r="K559" s="13">
        <v>0.82109592731911041</v>
      </c>
      <c r="L559" s="11">
        <v>-17.941896086999918</v>
      </c>
      <c r="M559" s="13">
        <v>-1.920901303576136E-2</v>
      </c>
      <c r="N559" s="11">
        <v>403.19603639500008</v>
      </c>
      <c r="O559" s="13">
        <v>0.78611447191186579</v>
      </c>
      <c r="P559" s="7">
        <v>604.00870337599997</v>
      </c>
      <c r="Q559" s="7">
        <v>656.44388966600002</v>
      </c>
      <c r="R559" s="7">
        <v>565.26910175800003</v>
      </c>
      <c r="S559" s="7">
        <v>532.03894308199995</v>
      </c>
      <c r="T559" s="7">
        <v>506.528057612</v>
      </c>
      <c r="U559" s="7">
        <v>530.334362328</v>
      </c>
      <c r="V559" s="7">
        <v>512.89735884699996</v>
      </c>
      <c r="W559" s="7">
        <v>627.44909136299998</v>
      </c>
      <c r="X559" s="7">
        <v>646.79847710599995</v>
      </c>
      <c r="Y559" s="7">
        <v>934.03529132899996</v>
      </c>
      <c r="Z559" s="7">
        <v>892.34913911900003</v>
      </c>
      <c r="AA559" s="7">
        <v>863.39611014100001</v>
      </c>
      <c r="AB559" s="7">
        <v>869.80290483900001</v>
      </c>
      <c r="AC559" s="7">
        <v>859.77012409300005</v>
      </c>
      <c r="AD559" s="7">
        <v>864.42672823299995</v>
      </c>
      <c r="AE559" s="7">
        <v>866.72254346700004</v>
      </c>
      <c r="AF559" s="7">
        <v>916.09339524200004</v>
      </c>
      <c r="AG559" s="9">
        <v>9526.0950739000018</v>
      </c>
      <c r="AH559" s="13">
        <v>0.72207369145384404</v>
      </c>
      <c r="AI559" s="9">
        <v>-214.8107901000003</v>
      </c>
      <c r="AJ559" s="13">
        <v>-1.6282560584199801E-2</v>
      </c>
      <c r="AK559" s="9">
        <v>10507.875466200001</v>
      </c>
      <c r="AL559" s="13">
        <v>0.80967579565788572</v>
      </c>
      <c r="AM559" s="9">
        <v>-766.96960219999892</v>
      </c>
      <c r="AN559" s="13">
        <v>-3.2656799020304397E-2</v>
      </c>
      <c r="AO559" s="9">
        <v>9740.9058640000021</v>
      </c>
      <c r="AP559" s="13">
        <v>0.75057757690717675</v>
      </c>
      <c r="AQ559" s="9">
        <v>13192.690976899999</v>
      </c>
      <c r="AR559" s="9">
        <v>13312.3788659</v>
      </c>
      <c r="AS559" s="9">
        <v>13352.251366300001</v>
      </c>
      <c r="AT559" s="9">
        <v>14467.8916589</v>
      </c>
      <c r="AU559" s="9">
        <v>14052.717954199999</v>
      </c>
      <c r="AV559" s="9">
        <v>14917.799761800001</v>
      </c>
      <c r="AW559" s="9">
        <v>12977.880186799999</v>
      </c>
      <c r="AX559" s="9">
        <v>15399.5569794</v>
      </c>
      <c r="AY559" s="9">
        <v>15604.7412795</v>
      </c>
      <c r="AZ559" s="9">
        <v>23485.755653</v>
      </c>
      <c r="BA559" s="9">
        <v>23584.5187529</v>
      </c>
      <c r="BB559" s="9">
        <v>24135.726359299999</v>
      </c>
      <c r="BC559" s="9">
        <v>22652.884705299999</v>
      </c>
      <c r="BD559" s="9">
        <v>21894.908707400002</v>
      </c>
      <c r="BE559" s="9">
        <v>22356.0281407</v>
      </c>
      <c r="BF559" s="9">
        <v>22718.786050800001</v>
      </c>
      <c r="BG559" s="11">
        <v>-1.5</v>
      </c>
      <c r="BH559" s="13">
        <v>-3.8461538461538464E-2</v>
      </c>
      <c r="BI559" s="6">
        <v>1</v>
      </c>
      <c r="BJ559" s="13">
        <v>2.564102564102564E-2</v>
      </c>
      <c r="BK559" s="6">
        <v>3</v>
      </c>
      <c r="BL559" s="13">
        <v>7.4999999999999997E-2</v>
      </c>
      <c r="BM559" s="11">
        <v>-5.5</v>
      </c>
      <c r="BN559" s="13">
        <v>-0.12790697674418605</v>
      </c>
      <c r="BO559" s="11">
        <v>-2.5</v>
      </c>
      <c r="BP559" s="13">
        <v>-6.25E-2</v>
      </c>
      <c r="BQ559" s="6">
        <v>39</v>
      </c>
      <c r="BR559" s="6">
        <v>39</v>
      </c>
      <c r="BS559" s="6">
        <v>39</v>
      </c>
      <c r="BT559" s="6">
        <v>40</v>
      </c>
      <c r="BU559" s="6">
        <v>42</v>
      </c>
      <c r="BV559" s="6">
        <v>40</v>
      </c>
      <c r="BW559" s="6">
        <v>43</v>
      </c>
      <c r="BX559" s="6">
        <v>41</v>
      </c>
      <c r="BY559" s="6">
        <v>42</v>
      </c>
      <c r="BZ559" s="6">
        <v>40</v>
      </c>
      <c r="CA559" s="6">
        <v>36</v>
      </c>
      <c r="CB559" s="6">
        <v>36</v>
      </c>
      <c r="CC559" s="11">
        <v>37.5</v>
      </c>
      <c r="CD559" s="11">
        <v>108.70399999999999</v>
      </c>
      <c r="CE559" s="11">
        <v>137.35499999999999</v>
      </c>
      <c r="CF559" s="11">
        <v>66.025400000000005</v>
      </c>
      <c r="CG559" s="11">
        <v>203</v>
      </c>
      <c r="CH559" s="20">
        <v>1.3918200000000001</v>
      </c>
      <c r="CI559" s="20">
        <v>1.3898900000000001</v>
      </c>
      <c r="CJ559" s="20">
        <v>1.17849</v>
      </c>
      <c r="CK559" s="20">
        <v>1.0843499999999999</v>
      </c>
      <c r="CL559" s="20">
        <v>0.981545</v>
      </c>
      <c r="CM559" s="20">
        <v>1.00928</v>
      </c>
      <c r="CN559" s="20">
        <v>0.95513499999999996</v>
      </c>
      <c r="CO559" s="20">
        <v>1.1917599999999999</v>
      </c>
      <c r="CP559" s="20">
        <v>1.2781899999999999</v>
      </c>
      <c r="CQ559" s="20">
        <v>1.91228</v>
      </c>
      <c r="CR559" s="20">
        <v>1.8157000000000001</v>
      </c>
      <c r="CS559" s="20">
        <v>1.76088</v>
      </c>
      <c r="CT559" s="20">
        <v>1.7864800000000001</v>
      </c>
      <c r="CU559" s="20">
        <v>1.72621</v>
      </c>
      <c r="CV559" s="20">
        <v>1.73627</v>
      </c>
      <c r="CW559" s="20">
        <v>1.7246600000000001</v>
      </c>
      <c r="CX559" s="20">
        <v>1.76735</v>
      </c>
      <c r="CY559" s="6" t="s">
        <v>479</v>
      </c>
      <c r="CZ559" s="6" t="s">
        <v>480</v>
      </c>
      <c r="DA559" s="6" t="s">
        <v>74</v>
      </c>
      <c r="DB559" s="6"/>
      <c r="DC559" s="6"/>
      <c r="DD559" s="6"/>
      <c r="DE559" s="6"/>
      <c r="DF559" s="6"/>
      <c r="DG559" s="6"/>
      <c r="DH559" s="6" t="s">
        <v>333</v>
      </c>
      <c r="DI559" s="6"/>
      <c r="DJ559" s="6"/>
      <c r="DK559" s="6"/>
      <c r="DL559" s="6">
        <v>6</v>
      </c>
      <c r="DM559" s="6" t="s">
        <v>396</v>
      </c>
      <c r="DN559" s="6">
        <v>6</v>
      </c>
      <c r="DO559" s="6" t="s">
        <v>393</v>
      </c>
      <c r="DP559" s="6"/>
      <c r="DQ559" s="6"/>
    </row>
    <row r="560" spans="1:121" x14ac:dyDescent="0.2">
      <c r="A560" s="6" t="s">
        <v>325</v>
      </c>
      <c r="B560" s="6" t="s">
        <v>325</v>
      </c>
      <c r="C560" s="6" t="s">
        <v>193</v>
      </c>
      <c r="D560" s="6" t="s">
        <v>74</v>
      </c>
      <c r="E560" s="6" t="s">
        <v>215</v>
      </c>
      <c r="F560" s="11">
        <v>21</v>
      </c>
      <c r="G560" s="13">
        <v>6.6455696202499998E-2</v>
      </c>
      <c r="H560" s="11">
        <v>74.047920556999998</v>
      </c>
      <c r="I560" s="13">
        <v>0.2343248894146249</v>
      </c>
      <c r="J560" s="11">
        <v>-23.986038519999966</v>
      </c>
      <c r="K560" s="13">
        <v>-6.1494262044315906E-2</v>
      </c>
      <c r="L560" s="11">
        <v>-29.471103690000007</v>
      </c>
      <c r="M560" s="13">
        <v>-8.050735075535459E-2</v>
      </c>
      <c r="N560" s="11">
        <v>-53.457142209999972</v>
      </c>
      <c r="O560" s="13">
        <v>-0.13705087267582708</v>
      </c>
      <c r="P560" s="7">
        <v>316.00535795399998</v>
      </c>
      <c r="Q560" s="7">
        <v>319.60947634899998</v>
      </c>
      <c r="R560" s="7">
        <v>349.74350349299999</v>
      </c>
      <c r="S560" s="7">
        <v>369.64898062700001</v>
      </c>
      <c r="T560" s="7">
        <v>374.07670769200001</v>
      </c>
      <c r="U560" s="7">
        <v>380.59920153799999</v>
      </c>
      <c r="V560" s="7">
        <v>390.05327851099997</v>
      </c>
      <c r="W560" s="7">
        <v>371.65863190800002</v>
      </c>
      <c r="X560" s="7">
        <v>348.27743886500002</v>
      </c>
      <c r="Y560" s="7">
        <v>366.06723999100001</v>
      </c>
      <c r="Z560" s="7">
        <v>365.89524915300001</v>
      </c>
      <c r="AA560" s="7">
        <v>362.68747411200002</v>
      </c>
      <c r="AB560" s="7">
        <v>335.12074517899998</v>
      </c>
      <c r="AC560" s="7">
        <v>322.05619403399999</v>
      </c>
      <c r="AD560" s="7">
        <v>331.674942601</v>
      </c>
      <c r="AE560" s="7">
        <v>335.71854385699999</v>
      </c>
      <c r="AF560" s="7">
        <v>336.596136301</v>
      </c>
      <c r="AG560" s="9">
        <v>5727.8176535000021</v>
      </c>
      <c r="AH560" s="13">
        <v>0.3473904705484373</v>
      </c>
      <c r="AI560" s="9">
        <v>2228.4369493000013</v>
      </c>
      <c r="AJ560" s="13">
        <v>0.1351540511999037</v>
      </c>
      <c r="AK560" s="9">
        <v>831.06728659999862</v>
      </c>
      <c r="AL560" s="13">
        <v>4.4402773838155281E-2</v>
      </c>
      <c r="AM560" s="9">
        <v>2668.3134176000021</v>
      </c>
      <c r="AN560" s="13">
        <v>0.13650317007509064</v>
      </c>
      <c r="AO560" s="9">
        <v>3499.3807042000008</v>
      </c>
      <c r="AP560" s="13">
        <v>0.18696706330228141</v>
      </c>
      <c r="AQ560" s="9">
        <v>16488.125435499998</v>
      </c>
      <c r="AR560" s="9">
        <v>17291.930234899999</v>
      </c>
      <c r="AS560" s="9">
        <v>16106.183861</v>
      </c>
      <c r="AT560" s="9">
        <v>17345.521826299999</v>
      </c>
      <c r="AU560" s="9">
        <v>17885.311049200001</v>
      </c>
      <c r="AV560" s="9">
        <v>17703.320098600001</v>
      </c>
      <c r="AW560" s="9">
        <v>18716.5623848</v>
      </c>
      <c r="AX560" s="9">
        <v>19708.882724399999</v>
      </c>
      <c r="AY560" s="9">
        <v>18940.917670999999</v>
      </c>
      <c r="AZ560" s="9">
        <v>19547.629671399998</v>
      </c>
      <c r="BA560" s="9">
        <v>19961.223121700001</v>
      </c>
      <c r="BB560" s="9">
        <v>20304.070118600001</v>
      </c>
      <c r="BC560" s="9">
        <v>21573.2902717</v>
      </c>
      <c r="BD560" s="9">
        <v>21776.0119882</v>
      </c>
      <c r="BE560" s="9">
        <v>22061.699880799999</v>
      </c>
      <c r="BF560" s="9">
        <v>22215.943089</v>
      </c>
      <c r="BG560" s="11">
        <v>-22.25</v>
      </c>
      <c r="BH560" s="13">
        <v>-0.37083333333333335</v>
      </c>
      <c r="BI560" s="6">
        <v>1</v>
      </c>
      <c r="BJ560" s="13">
        <v>1.6666666666666666E-2</v>
      </c>
      <c r="BK560" s="6">
        <v>-2</v>
      </c>
      <c r="BL560" s="13">
        <v>-3.2786885245901641E-2</v>
      </c>
      <c r="BM560" s="11">
        <v>-21.25</v>
      </c>
      <c r="BN560" s="13">
        <v>-0.36016949152542371</v>
      </c>
      <c r="BO560" s="11">
        <v>-23.25</v>
      </c>
      <c r="BP560" s="13">
        <v>-0.38114754098360654</v>
      </c>
      <c r="BQ560" s="6">
        <v>60</v>
      </c>
      <c r="BR560" s="6">
        <v>59</v>
      </c>
      <c r="BS560" s="6">
        <v>61</v>
      </c>
      <c r="BT560" s="6">
        <v>61</v>
      </c>
      <c r="BU560" s="6">
        <v>60</v>
      </c>
      <c r="BV560" s="6">
        <v>57</v>
      </c>
      <c r="BW560" s="6">
        <v>59</v>
      </c>
      <c r="BX560" s="6">
        <v>57</v>
      </c>
      <c r="BY560" s="6">
        <v>53</v>
      </c>
      <c r="BZ560" s="6">
        <v>34</v>
      </c>
      <c r="CA560" s="6">
        <v>33</v>
      </c>
      <c r="CB560" s="6">
        <v>36</v>
      </c>
      <c r="CC560" s="11">
        <v>37.75</v>
      </c>
      <c r="CD560" s="11">
        <v>-11.042299999999999</v>
      </c>
      <c r="CE560" s="11">
        <v>-2.91011</v>
      </c>
      <c r="CF560" s="11">
        <v>34.543199999999999</v>
      </c>
      <c r="CG560" s="11">
        <v>32</v>
      </c>
      <c r="CH560" s="20">
        <v>1.07202</v>
      </c>
      <c r="CI560" s="20">
        <v>0.99211899999999997</v>
      </c>
      <c r="CJ560" s="20">
        <v>1.0751500000000001</v>
      </c>
      <c r="CK560" s="20">
        <v>1.1309800000000001</v>
      </c>
      <c r="CL560" s="20">
        <v>1.1062399999999999</v>
      </c>
      <c r="CM560" s="20">
        <v>1.11572</v>
      </c>
      <c r="CN560" s="20">
        <v>1.12442</v>
      </c>
      <c r="CO560" s="20">
        <v>1.09171</v>
      </c>
      <c r="CP560" s="20">
        <v>1.04271</v>
      </c>
      <c r="CQ560" s="20">
        <v>1.14385</v>
      </c>
      <c r="CR560" s="20">
        <v>1.15286</v>
      </c>
      <c r="CS560" s="20">
        <v>1.1542699999999999</v>
      </c>
      <c r="CT560" s="20">
        <v>1.1716500000000001</v>
      </c>
      <c r="CU560" s="20">
        <v>1.11239</v>
      </c>
      <c r="CV560" s="20">
        <v>1.1687700000000001</v>
      </c>
      <c r="CW560" s="20">
        <v>1.1844399999999999</v>
      </c>
      <c r="CX560" s="20">
        <v>1.1616299999999999</v>
      </c>
      <c r="CY560" s="6" t="s">
        <v>479</v>
      </c>
      <c r="CZ560" s="6" t="s">
        <v>480</v>
      </c>
      <c r="DA560" s="6" t="s">
        <v>74</v>
      </c>
      <c r="DB560" s="6"/>
      <c r="DC560" s="6"/>
      <c r="DD560" s="6"/>
      <c r="DE560" s="6"/>
      <c r="DF560" s="6"/>
      <c r="DG560" s="6"/>
      <c r="DH560" s="6" t="s">
        <v>333</v>
      </c>
      <c r="DI560" s="6"/>
      <c r="DJ560" s="6"/>
      <c r="DK560" s="6"/>
      <c r="DL560" s="6">
        <v>6</v>
      </c>
      <c r="DM560" s="6" t="s">
        <v>396</v>
      </c>
      <c r="DN560" s="6">
        <v>6</v>
      </c>
      <c r="DO560" s="6" t="s">
        <v>393</v>
      </c>
      <c r="DP560" s="6"/>
      <c r="DQ560" s="6"/>
    </row>
    <row r="561" spans="1:121" x14ac:dyDescent="0.2">
      <c r="A561" s="6" t="s">
        <v>327</v>
      </c>
      <c r="B561" s="6" t="s">
        <v>327</v>
      </c>
      <c r="C561" s="6" t="s">
        <v>194</v>
      </c>
      <c r="D561" s="6" t="s">
        <v>74</v>
      </c>
      <c r="E561" s="6" t="s">
        <v>215</v>
      </c>
      <c r="F561" s="11">
        <v>53</v>
      </c>
      <c r="G561" s="13">
        <v>3.7429378531099997E-2</v>
      </c>
      <c r="H561" s="11">
        <v>1.0489440000001196</v>
      </c>
      <c r="I561" s="13">
        <v>7.4069060081858402E-4</v>
      </c>
      <c r="J561" s="11">
        <v>-15.29031800000007</v>
      </c>
      <c r="K561" s="13">
        <v>-1.0788957676859863E-2</v>
      </c>
      <c r="L561" s="11">
        <v>67.503646679999974</v>
      </c>
      <c r="M561" s="13">
        <v>4.815054986187832E-2</v>
      </c>
      <c r="N561" s="11">
        <v>52.213328679999904</v>
      </c>
      <c r="O561" s="13">
        <v>3.6842097940441118E-2</v>
      </c>
      <c r="P561" s="7">
        <v>1416.170259</v>
      </c>
      <c r="Q561" s="7">
        <v>1380.3122229999999</v>
      </c>
      <c r="R561" s="7">
        <v>1412.7576200000001</v>
      </c>
      <c r="S561" s="7">
        <v>1395.6135770000001</v>
      </c>
      <c r="T561" s="7">
        <v>1396.786513</v>
      </c>
      <c r="U561" s="7">
        <v>1413.3956229999999</v>
      </c>
      <c r="V561" s="7">
        <v>1417.2192030000001</v>
      </c>
      <c r="W561" s="7">
        <v>1418.168932</v>
      </c>
      <c r="X561" s="7">
        <v>1411.2685469999999</v>
      </c>
      <c r="Y561" s="7">
        <v>1401.928885</v>
      </c>
      <c r="Z561" s="7">
        <v>1368.1446980000001</v>
      </c>
      <c r="AA561" s="7">
        <v>1344.642965</v>
      </c>
      <c r="AB561" s="7">
        <v>1363.5204900000001</v>
      </c>
      <c r="AC561" s="7">
        <v>1404.5000299999999</v>
      </c>
      <c r="AD561" s="7">
        <v>1428.0687969999999</v>
      </c>
      <c r="AE561" s="7">
        <v>1445.4590787499999</v>
      </c>
      <c r="AF561" s="7">
        <v>1469.43253168</v>
      </c>
      <c r="AG561" s="9">
        <v>22977.984057500002</v>
      </c>
      <c r="AH561" s="13">
        <v>0.7498998032201466</v>
      </c>
      <c r="AI561" s="9">
        <v>10129.834073000002</v>
      </c>
      <c r="AJ561" s="13">
        <v>0.33059299540753184</v>
      </c>
      <c r="AK561" s="9">
        <v>1663.0436850999977</v>
      </c>
      <c r="AL561" s="13">
        <v>4.0789627613314401E-2</v>
      </c>
      <c r="AM561" s="9">
        <v>11185.106299400002</v>
      </c>
      <c r="AN561" s="13">
        <v>0.26358654852924734</v>
      </c>
      <c r="AO561" s="9">
        <v>12848.1499845</v>
      </c>
      <c r="AP561" s="13">
        <v>0.3151277733009486</v>
      </c>
      <c r="AQ561" s="9">
        <v>30641.405636899999</v>
      </c>
      <c r="AR561" s="9">
        <v>32539.948521900002</v>
      </c>
      <c r="AS561" s="9">
        <v>33525.358313299999</v>
      </c>
      <c r="AT561" s="9">
        <v>36379.517816200001</v>
      </c>
      <c r="AU561" s="9">
        <v>37574.301317199999</v>
      </c>
      <c r="AV561" s="9">
        <v>39294.777430800001</v>
      </c>
      <c r="AW561" s="9">
        <v>40771.239709900001</v>
      </c>
      <c r="AX561" s="9">
        <v>41262.815779600001</v>
      </c>
      <c r="AY561" s="9">
        <v>42185.646893899997</v>
      </c>
      <c r="AZ561" s="9">
        <v>42434.283394999999</v>
      </c>
      <c r="BA561" s="9">
        <v>41893.710619600002</v>
      </c>
      <c r="BB561" s="9">
        <v>42316.782474599997</v>
      </c>
      <c r="BC561" s="9">
        <v>49267.468404599997</v>
      </c>
      <c r="BD561" s="9">
        <v>46130.612247199999</v>
      </c>
      <c r="BE561" s="9">
        <v>51224.325550499998</v>
      </c>
      <c r="BF561" s="9">
        <v>53619.389694400001</v>
      </c>
      <c r="BG561" s="11">
        <v>-4.5</v>
      </c>
      <c r="BH561" s="13">
        <v>-7.2580645161290328E-2</v>
      </c>
      <c r="BI561" s="6">
        <v>2</v>
      </c>
      <c r="BJ561" s="13">
        <v>3.2258064516129031E-2</v>
      </c>
      <c r="BK561" s="6">
        <v>-1</v>
      </c>
      <c r="BL561" s="13">
        <v>-1.5625E-2</v>
      </c>
      <c r="BM561" s="11">
        <v>-5.5</v>
      </c>
      <c r="BN561" s="13">
        <v>-8.7301587301587297E-2</v>
      </c>
      <c r="BO561" s="11">
        <v>-6.5</v>
      </c>
      <c r="BP561" s="13">
        <v>-0.1015625</v>
      </c>
      <c r="BQ561" s="6">
        <v>62</v>
      </c>
      <c r="BR561" s="6">
        <v>62</v>
      </c>
      <c r="BS561" s="6">
        <v>62</v>
      </c>
      <c r="BT561" s="6">
        <v>64</v>
      </c>
      <c r="BU561" s="6">
        <v>61</v>
      </c>
      <c r="BV561" s="6">
        <v>63</v>
      </c>
      <c r="BW561" s="6">
        <v>63</v>
      </c>
      <c r="BX561" s="6">
        <v>62</v>
      </c>
      <c r="BY561" s="6">
        <v>60</v>
      </c>
      <c r="BZ561" s="6">
        <v>57</v>
      </c>
      <c r="CA561" s="6">
        <v>56</v>
      </c>
      <c r="CB561" s="6">
        <v>57</v>
      </c>
      <c r="CC561" s="11">
        <v>57.5</v>
      </c>
      <c r="CD561" s="11">
        <v>-18.5197</v>
      </c>
      <c r="CE561" s="11">
        <v>-83.022499999999994</v>
      </c>
      <c r="CF561" s="11">
        <v>154.804</v>
      </c>
      <c r="CG561" s="11">
        <v>72</v>
      </c>
      <c r="CH561" s="20">
        <v>1.4462699999999999</v>
      </c>
      <c r="CI561" s="20">
        <v>1.2873300000000001</v>
      </c>
      <c r="CJ561" s="20">
        <v>1.31447</v>
      </c>
      <c r="CK561" s="20">
        <v>1.30175</v>
      </c>
      <c r="CL561" s="20">
        <v>1.26217</v>
      </c>
      <c r="CM561" s="20">
        <v>1.2743899999999999</v>
      </c>
      <c r="CN561" s="20">
        <v>1.2656099999999999</v>
      </c>
      <c r="CO561" s="20">
        <v>1.2775700000000001</v>
      </c>
      <c r="CP561" s="20">
        <v>1.2813099999999999</v>
      </c>
      <c r="CQ561" s="20">
        <v>1.3208200000000001</v>
      </c>
      <c r="CR561" s="20">
        <v>1.3302700000000001</v>
      </c>
      <c r="CS561" s="20">
        <v>1.3653900000000001</v>
      </c>
      <c r="CT561" s="20">
        <v>1.4447000000000001</v>
      </c>
      <c r="CU561" s="20">
        <v>1.4979800000000001</v>
      </c>
      <c r="CV561" s="20">
        <v>1.56725</v>
      </c>
      <c r="CW561" s="20">
        <v>1.5962700000000001</v>
      </c>
      <c r="CX561" s="20">
        <v>1.59843</v>
      </c>
      <c r="CY561" s="6" t="s">
        <v>479</v>
      </c>
      <c r="CZ561" s="6" t="s">
        <v>480</v>
      </c>
      <c r="DA561" s="6" t="s">
        <v>74</v>
      </c>
      <c r="DB561" s="6"/>
      <c r="DC561" s="6"/>
      <c r="DD561" s="6"/>
      <c r="DE561" s="6"/>
      <c r="DF561" s="6"/>
      <c r="DG561" s="6"/>
      <c r="DH561" s="6" t="s">
        <v>333</v>
      </c>
      <c r="DI561" s="6"/>
      <c r="DJ561" s="6"/>
      <c r="DK561" s="6"/>
      <c r="DL561" s="6">
        <v>6</v>
      </c>
      <c r="DM561" s="6" t="s">
        <v>396</v>
      </c>
      <c r="DN561" s="6">
        <v>6</v>
      </c>
      <c r="DO561" s="6" t="s">
        <v>393</v>
      </c>
      <c r="DP561" s="6"/>
      <c r="DQ561" s="6"/>
    </row>
    <row r="562" spans="1:121" x14ac:dyDescent="0.2">
      <c r="A562" s="6" t="s">
        <v>1</v>
      </c>
      <c r="B562" s="6" t="s">
        <v>1</v>
      </c>
      <c r="C562" s="6" t="s">
        <v>2</v>
      </c>
      <c r="D562" s="6" t="s">
        <v>93</v>
      </c>
      <c r="E562" s="6" t="s">
        <v>234</v>
      </c>
      <c r="F562" s="11">
        <v>36</v>
      </c>
      <c r="G562" s="13">
        <v>0.35294117647099998</v>
      </c>
      <c r="H562" s="11">
        <v>-27.170179311699997</v>
      </c>
      <c r="I562" s="13">
        <v>-0.26523809597779302</v>
      </c>
      <c r="J562" s="11">
        <v>35.168453775700002</v>
      </c>
      <c r="K562" s="13">
        <v>0.46725078600481984</v>
      </c>
      <c r="L562" s="11">
        <v>27.392027481</v>
      </c>
      <c r="M562" s="13">
        <v>0.24803707088197904</v>
      </c>
      <c r="N562" s="11">
        <v>62.560481256700001</v>
      </c>
      <c r="O562" s="13">
        <v>0.83118337321473679</v>
      </c>
      <c r="P562" s="7">
        <v>102.436941464</v>
      </c>
      <c r="Q562" s="7">
        <v>85.327092497600006</v>
      </c>
      <c r="R562" s="7">
        <v>84.726505902400007</v>
      </c>
      <c r="S562" s="7">
        <v>95.5079249323</v>
      </c>
      <c r="T562" s="7">
        <v>77.952572539499997</v>
      </c>
      <c r="U562" s="7">
        <v>69.793645490200007</v>
      </c>
      <c r="V562" s="7">
        <v>75.266762152300004</v>
      </c>
      <c r="W562" s="7">
        <v>98.198552351100005</v>
      </c>
      <c r="X562" s="7">
        <v>115.825655979</v>
      </c>
      <c r="Y562" s="7">
        <v>110.43521592800001</v>
      </c>
      <c r="Z562" s="7">
        <v>124.176527373</v>
      </c>
      <c r="AA562" s="7">
        <v>102.56613267900001</v>
      </c>
      <c r="AB562" s="7">
        <v>83.649613827300001</v>
      </c>
      <c r="AC562" s="7">
        <v>92.8115706464</v>
      </c>
      <c r="AD562" s="7">
        <v>133.04102778500001</v>
      </c>
      <c r="AE562" s="7">
        <v>134.03007936099999</v>
      </c>
      <c r="AF562" s="7">
        <v>137.827243409</v>
      </c>
      <c r="AG562" s="9">
        <v>3347.1197986000006</v>
      </c>
      <c r="AH562" s="13">
        <v>0.17574228185002486</v>
      </c>
      <c r="AI562" s="9">
        <v>-165.42558810000264</v>
      </c>
      <c r="AJ562" s="13">
        <v>-8.6857573311946712E-3</v>
      </c>
      <c r="AK562" s="9">
        <v>378.49843130000227</v>
      </c>
      <c r="AL562" s="13">
        <v>2.0047385526144264E-2</v>
      </c>
      <c r="AM562" s="9">
        <v>3134.046955400001</v>
      </c>
      <c r="AN562" s="13">
        <v>0.16273419137578363</v>
      </c>
      <c r="AO562" s="9">
        <v>3512.5453867000033</v>
      </c>
      <c r="AP562" s="13">
        <v>0.18604397197472361</v>
      </c>
      <c r="AQ562" s="9">
        <v>19045.614768200001</v>
      </c>
      <c r="AR562" s="9">
        <v>19363.0927892</v>
      </c>
      <c r="AS562" s="9">
        <v>18823.3225145</v>
      </c>
      <c r="AT562" s="9">
        <v>18638.4067173</v>
      </c>
      <c r="AU562" s="9">
        <v>19491.3235924</v>
      </c>
      <c r="AV562" s="9">
        <v>18476.9764741</v>
      </c>
      <c r="AW562" s="9">
        <v>18880.189180099998</v>
      </c>
      <c r="AX562" s="9">
        <v>17954.743328500001</v>
      </c>
      <c r="AY562" s="9">
        <v>19362.786134800001</v>
      </c>
      <c r="AZ562" s="9">
        <v>19258.687611400001</v>
      </c>
      <c r="BA562" s="9">
        <v>20054.820617699999</v>
      </c>
      <c r="BB562" s="9">
        <v>19333.3609674</v>
      </c>
      <c r="BC562" s="9">
        <v>22250.954522</v>
      </c>
      <c r="BD562" s="9">
        <v>19375.8346494</v>
      </c>
      <c r="BE562" s="9">
        <v>22453.757575</v>
      </c>
      <c r="BF562" s="9">
        <v>22392.734566800002</v>
      </c>
      <c r="BG562" s="11">
        <v>2</v>
      </c>
      <c r="BH562" s="13">
        <v>0.4</v>
      </c>
      <c r="BI562" s="6">
        <v>-1</v>
      </c>
      <c r="BJ562" s="13">
        <v>-0.2</v>
      </c>
      <c r="BK562" s="6">
        <v>1</v>
      </c>
      <c r="BL562" s="13">
        <v>0.25</v>
      </c>
      <c r="BM562" s="11">
        <v>2</v>
      </c>
      <c r="BN562" s="13">
        <v>0.4</v>
      </c>
      <c r="BO562" s="11">
        <v>3</v>
      </c>
      <c r="BP562" s="13">
        <v>0.75</v>
      </c>
      <c r="BQ562" s="6">
        <v>5</v>
      </c>
      <c r="BR562" s="6">
        <v>4</v>
      </c>
      <c r="BS562" s="6">
        <v>5</v>
      </c>
      <c r="BT562" s="6">
        <v>4</v>
      </c>
      <c r="BU562" s="6">
        <v>5</v>
      </c>
      <c r="BV562" s="6">
        <v>4</v>
      </c>
      <c r="BW562" s="6">
        <v>5</v>
      </c>
      <c r="BX562" s="6">
        <v>6</v>
      </c>
      <c r="BY562" s="6">
        <v>6</v>
      </c>
      <c r="BZ562" s="6">
        <v>6</v>
      </c>
      <c r="CA562" s="6">
        <v>7</v>
      </c>
      <c r="CB562" s="6">
        <v>7</v>
      </c>
      <c r="CC562" s="11">
        <v>7</v>
      </c>
      <c r="CD562" s="11">
        <v>33.532299999999999</v>
      </c>
      <c r="CE562" s="11">
        <v>-9.3395499999999991</v>
      </c>
      <c r="CF562" s="11">
        <v>11.1976</v>
      </c>
      <c r="CG562" s="11">
        <v>2</v>
      </c>
      <c r="CH562" s="20">
        <v>1.0931500000000001</v>
      </c>
      <c r="CI562" s="20">
        <v>0.89022100000000004</v>
      </c>
      <c r="CJ562" s="20">
        <v>0.880274</v>
      </c>
      <c r="CK562" s="20">
        <v>0.99789399999999995</v>
      </c>
      <c r="CL562" s="20">
        <v>0.80229300000000003</v>
      </c>
      <c r="CM562" s="20">
        <v>0.70906199999999997</v>
      </c>
      <c r="CN562" s="20">
        <v>0.77445200000000003</v>
      </c>
      <c r="CO562" s="20">
        <v>1.0600499999999999</v>
      </c>
      <c r="CP562" s="20">
        <v>1.2350399999999999</v>
      </c>
      <c r="CQ562" s="20">
        <v>1.19851</v>
      </c>
      <c r="CR562" s="20">
        <v>1.32148</v>
      </c>
      <c r="CS562" s="20">
        <v>1.08796</v>
      </c>
      <c r="CT562" s="20">
        <v>0.895617</v>
      </c>
      <c r="CU562" s="20">
        <v>1.00481</v>
      </c>
      <c r="CV562" s="20">
        <v>1.4115899999999999</v>
      </c>
      <c r="CW562" s="20">
        <v>1.4336599999999999</v>
      </c>
      <c r="CX562" s="20">
        <v>1.45509</v>
      </c>
      <c r="CY562" s="6" t="s">
        <v>481</v>
      </c>
      <c r="CZ562" s="6" t="s">
        <v>482</v>
      </c>
      <c r="DA562" s="6" t="s">
        <v>93</v>
      </c>
      <c r="DB562" s="6" t="s">
        <v>345</v>
      </c>
      <c r="DC562" s="6"/>
      <c r="DD562" s="6"/>
      <c r="DE562" s="6"/>
      <c r="DF562" s="6"/>
      <c r="DG562" s="6"/>
      <c r="DH562" s="6" t="s">
        <v>333</v>
      </c>
      <c r="DI562" s="6"/>
      <c r="DJ562" s="6"/>
      <c r="DK562" s="6"/>
      <c r="DL562" s="6">
        <v>4</v>
      </c>
      <c r="DM562" s="6" t="s">
        <v>446</v>
      </c>
      <c r="DN562" s="6">
        <v>6</v>
      </c>
      <c r="DO562" s="6" t="s">
        <v>393</v>
      </c>
      <c r="DP562" s="6"/>
      <c r="DQ562" s="6"/>
    </row>
    <row r="563" spans="1:121" x14ac:dyDescent="0.2">
      <c r="A563" s="6" t="s">
        <v>310</v>
      </c>
      <c r="B563" s="6" t="s">
        <v>310</v>
      </c>
      <c r="C563" s="6" t="s">
        <v>173</v>
      </c>
      <c r="D563" s="6" t="s">
        <v>93</v>
      </c>
      <c r="E563" s="6" t="s">
        <v>234</v>
      </c>
      <c r="F563" s="11">
        <v>1</v>
      </c>
      <c r="G563" s="13">
        <v>1</v>
      </c>
      <c r="H563" s="11">
        <v>0</v>
      </c>
      <c r="I563" s="13">
        <v>0</v>
      </c>
      <c r="J563" s="11">
        <v>0</v>
      </c>
      <c r="K563" s="13">
        <v>0</v>
      </c>
      <c r="L563" s="11">
        <v>27.134465230499998</v>
      </c>
      <c r="M563" s="13">
        <v>5.4268930461</v>
      </c>
      <c r="N563" s="11">
        <v>27.134465230499998</v>
      </c>
      <c r="O563" s="13">
        <v>5.4268930461</v>
      </c>
      <c r="P563" s="7">
        <v>5</v>
      </c>
      <c r="Q563" s="7">
        <v>5</v>
      </c>
      <c r="R563" s="7">
        <v>5</v>
      </c>
      <c r="S563" s="7">
        <v>10.2314272119</v>
      </c>
      <c r="T563" s="7">
        <v>5</v>
      </c>
      <c r="U563" s="7">
        <v>5</v>
      </c>
      <c r="V563" s="7">
        <v>5</v>
      </c>
      <c r="W563" s="7">
        <v>5</v>
      </c>
      <c r="X563" s="7">
        <v>5</v>
      </c>
      <c r="Y563" s="7">
        <v>5</v>
      </c>
      <c r="Z563" s="7">
        <v>10.091025</v>
      </c>
      <c r="AA563" s="7">
        <v>16.154589000000001</v>
      </c>
      <c r="AB563" s="7">
        <v>15.942073000000001</v>
      </c>
      <c r="AC563" s="7">
        <v>17.032004000000001</v>
      </c>
      <c r="AD563" s="7">
        <v>27.380952000000001</v>
      </c>
      <c r="AE563" s="7">
        <v>29.265218000000001</v>
      </c>
      <c r="AF563" s="7">
        <v>32.134465230499998</v>
      </c>
      <c r="AG563" s="9">
        <v>48295.4182908</v>
      </c>
      <c r="AH563" s="13">
        <v>48295.4182908</v>
      </c>
      <c r="AI563" s="9">
        <v>0</v>
      </c>
      <c r="AJ563" s="13">
        <v>0</v>
      </c>
      <c r="AK563" s="9">
        <v>0</v>
      </c>
      <c r="AL563" s="13">
        <v>0</v>
      </c>
      <c r="AM563" s="9">
        <v>48295.4182908</v>
      </c>
      <c r="AN563" s="13">
        <v>48295.4182908</v>
      </c>
      <c r="AO563" s="9">
        <v>48295.4182908</v>
      </c>
      <c r="AP563" s="13">
        <v>48295.4182908</v>
      </c>
      <c r="AQ563" s="9">
        <v>1</v>
      </c>
      <c r="AR563" s="9">
        <v>1</v>
      </c>
      <c r="AS563" s="9">
        <v>1</v>
      </c>
      <c r="AT563" s="9">
        <v>34243.416656399997</v>
      </c>
      <c r="AU563" s="9">
        <v>1</v>
      </c>
      <c r="AV563" s="9">
        <v>1</v>
      </c>
      <c r="AW563" s="9">
        <v>1</v>
      </c>
      <c r="AX563" s="9">
        <v>1</v>
      </c>
      <c r="AY563" s="9">
        <v>1</v>
      </c>
      <c r="AZ563" s="9">
        <v>1</v>
      </c>
      <c r="BA563" s="9">
        <v>60179.043115100001</v>
      </c>
      <c r="BB563" s="9">
        <v>40584.664045500002</v>
      </c>
      <c r="BC563" s="9">
        <v>35964.831770099998</v>
      </c>
      <c r="BD563" s="9">
        <v>40618.431636699999</v>
      </c>
      <c r="BE563" s="9">
        <v>47239.6555506</v>
      </c>
      <c r="BF563" s="9">
        <v>48296.4182908</v>
      </c>
      <c r="BG563" s="11">
        <v>0</v>
      </c>
      <c r="BH563" s="13">
        <v>0</v>
      </c>
      <c r="BI563" s="6">
        <v>-1</v>
      </c>
      <c r="BJ563" s="13">
        <v>-0.5</v>
      </c>
      <c r="BK563" s="6">
        <v>0</v>
      </c>
      <c r="BL563" s="13">
        <v>0</v>
      </c>
      <c r="BM563" s="11">
        <v>1</v>
      </c>
      <c r="BN563" s="13">
        <v>1</v>
      </c>
      <c r="BO563" s="11">
        <v>1</v>
      </c>
      <c r="BP563" s="13">
        <v>1</v>
      </c>
      <c r="BQ563" s="6">
        <v>2</v>
      </c>
      <c r="BR563" s="6">
        <v>2</v>
      </c>
      <c r="BS563" s="6">
        <v>1</v>
      </c>
      <c r="BT563" s="6">
        <v>1</v>
      </c>
      <c r="BU563" s="6">
        <v>1</v>
      </c>
      <c r="BV563" s="6">
        <v>1</v>
      </c>
      <c r="BW563" s="6">
        <v>1</v>
      </c>
      <c r="BX563" s="6">
        <v>1</v>
      </c>
      <c r="BY563" s="6">
        <v>1</v>
      </c>
      <c r="BZ563" s="6">
        <v>1</v>
      </c>
      <c r="CA563" s="6">
        <v>1</v>
      </c>
      <c r="CB563" s="6">
        <v>2</v>
      </c>
      <c r="CC563" s="11">
        <v>2</v>
      </c>
      <c r="CD563" s="11">
        <v>29.8748</v>
      </c>
      <c r="CE563" s="11">
        <v>0.19325700000000001</v>
      </c>
      <c r="CF563" s="11">
        <v>0.203621</v>
      </c>
      <c r="CG563" s="11">
        <v>0</v>
      </c>
      <c r="CH563" s="20">
        <v>7.0062299999999994E-2</v>
      </c>
      <c r="CI563" s="20">
        <v>8.6235800000000001E-2</v>
      </c>
      <c r="CJ563" s="20">
        <v>0.36103099999999999</v>
      </c>
      <c r="CK563" s="20">
        <v>0.38622600000000001</v>
      </c>
      <c r="CL563" s="20">
        <v>0.24718899999999999</v>
      </c>
      <c r="CM563" s="20">
        <v>0.23524999999999999</v>
      </c>
      <c r="CN563" s="20">
        <v>0.24615899999999999</v>
      </c>
      <c r="CO563" s="20">
        <v>0.27149299999999998</v>
      </c>
      <c r="CP563" s="20">
        <v>1.6690900000000002E-2</v>
      </c>
      <c r="CQ563" s="20">
        <v>0.208399</v>
      </c>
      <c r="CR563" s="20">
        <v>0.26679199999999997</v>
      </c>
      <c r="CS563" s="20">
        <v>0.39506200000000002</v>
      </c>
      <c r="CT563" s="20">
        <v>0.39054299999999997</v>
      </c>
      <c r="CU563" s="20">
        <v>0.41404099999999999</v>
      </c>
      <c r="CV563" s="20">
        <v>0.73733400000000004</v>
      </c>
      <c r="CW563" s="20">
        <v>0.93518299999999999</v>
      </c>
      <c r="CX563" s="20">
        <v>1.00359</v>
      </c>
      <c r="CY563" s="6" t="s">
        <v>481</v>
      </c>
      <c r="CZ563" s="6" t="s">
        <v>482</v>
      </c>
      <c r="DA563" s="6" t="s">
        <v>93</v>
      </c>
      <c r="DB563" s="6" t="s">
        <v>345</v>
      </c>
      <c r="DC563" s="6"/>
      <c r="DD563" s="6"/>
      <c r="DE563" s="6"/>
      <c r="DF563" s="6"/>
      <c r="DG563" s="6"/>
      <c r="DH563" s="6" t="s">
        <v>333</v>
      </c>
      <c r="DI563" s="6"/>
      <c r="DJ563" s="6"/>
      <c r="DK563" s="6"/>
      <c r="DL563" s="6">
        <v>4</v>
      </c>
      <c r="DM563" s="6" t="s">
        <v>446</v>
      </c>
      <c r="DN563" s="6">
        <v>6</v>
      </c>
      <c r="DO563" s="6" t="s">
        <v>393</v>
      </c>
      <c r="DP563" s="6"/>
      <c r="DQ563" s="6"/>
    </row>
    <row r="564" spans="1:121" x14ac:dyDescent="0.2">
      <c r="A564" s="6" t="s">
        <v>311</v>
      </c>
      <c r="B564" s="6" t="s">
        <v>311</v>
      </c>
      <c r="C564" s="6" t="s">
        <v>174</v>
      </c>
      <c r="D564" s="6" t="s">
        <v>93</v>
      </c>
      <c r="E564" s="6" t="s">
        <v>234</v>
      </c>
      <c r="F564" s="11">
        <v>-5</v>
      </c>
      <c r="G564" s="13">
        <v>-6.66666666667E-2</v>
      </c>
      <c r="H564" s="11">
        <v>7.9051610000000068</v>
      </c>
      <c r="I564" s="13">
        <v>0.10485274762786607</v>
      </c>
      <c r="J564" s="11">
        <v>-20.102669000000006</v>
      </c>
      <c r="K564" s="13">
        <v>-0.24133394815298403</v>
      </c>
      <c r="L564" s="11">
        <v>6.6343184947999987</v>
      </c>
      <c r="M564" s="13">
        <v>0.10498091698375028</v>
      </c>
      <c r="N564" s="11">
        <v>-13.468350505200007</v>
      </c>
      <c r="O564" s="13">
        <v>-0.16168849034564284</v>
      </c>
      <c r="P564" s="7">
        <v>75.392978999999997</v>
      </c>
      <c r="Q564" s="7">
        <v>74.087344999999999</v>
      </c>
      <c r="R564" s="7">
        <v>77.078699999999998</v>
      </c>
      <c r="S564" s="7">
        <v>75.137423999999996</v>
      </c>
      <c r="T564" s="7">
        <v>88.033688999999995</v>
      </c>
      <c r="U564" s="7">
        <v>86.340726000000004</v>
      </c>
      <c r="V564" s="7">
        <v>83.298140000000004</v>
      </c>
      <c r="W564" s="7">
        <v>81.230332000000004</v>
      </c>
      <c r="X564" s="7">
        <v>69.123029000000002</v>
      </c>
      <c r="Y564" s="7">
        <v>63.195470999999998</v>
      </c>
      <c r="Z564" s="7">
        <v>62.539596697599997</v>
      </c>
      <c r="AA564" s="7">
        <v>52.043309000000001</v>
      </c>
      <c r="AB564" s="7">
        <v>52.754499000000003</v>
      </c>
      <c r="AC564" s="7">
        <v>63.3238774087</v>
      </c>
      <c r="AD564" s="7">
        <v>65.218054929900006</v>
      </c>
      <c r="AE564" s="7">
        <v>70.626705163500006</v>
      </c>
      <c r="AF564" s="7">
        <v>69.829789494799996</v>
      </c>
      <c r="AG564" s="9">
        <v>55924.476513200003</v>
      </c>
      <c r="AH564" s="13">
        <v>0.86141208555481219</v>
      </c>
      <c r="AI564" s="9">
        <v>11978.454503100002</v>
      </c>
      <c r="AJ564" s="13">
        <v>0.18450571410897923</v>
      </c>
      <c r="AK564" s="9">
        <v>15955.734829399997</v>
      </c>
      <c r="AL564" s="13">
        <v>0.20748594495134873</v>
      </c>
      <c r="AM564" s="9">
        <v>27990.287180700005</v>
      </c>
      <c r="AN564" s="13">
        <v>0.30143740542102815</v>
      </c>
      <c r="AO564" s="9">
        <v>43946.022010100001</v>
      </c>
      <c r="AP564" s="13">
        <v>0.57146737527984171</v>
      </c>
      <c r="AQ564" s="9">
        <v>64921.861964800002</v>
      </c>
      <c r="AR564" s="9">
        <v>69760.506819500006</v>
      </c>
      <c r="AS564" s="9">
        <v>72269.744435100001</v>
      </c>
      <c r="AT564" s="9">
        <v>73242.362514099994</v>
      </c>
      <c r="AU564" s="9">
        <v>69577.296728200003</v>
      </c>
      <c r="AV564" s="9">
        <v>77204.488469599994</v>
      </c>
      <c r="AW564" s="9">
        <v>76900.316467900004</v>
      </c>
      <c r="AX564" s="9">
        <v>75513.482118100001</v>
      </c>
      <c r="AY564" s="9">
        <v>79772.434609699994</v>
      </c>
      <c r="AZ564" s="9">
        <v>92856.0512973</v>
      </c>
      <c r="BA564" s="9">
        <v>108096.55981000001</v>
      </c>
      <c r="BB564" s="9">
        <v>120759.24675999999</v>
      </c>
      <c r="BC564" s="9">
        <v>129498.370593</v>
      </c>
      <c r="BD564" s="9">
        <v>117805.709001</v>
      </c>
      <c r="BE564" s="9">
        <v>115898.114648</v>
      </c>
      <c r="BF564" s="9">
        <v>120846.33847800001</v>
      </c>
      <c r="BG564" s="11">
        <v>0</v>
      </c>
      <c r="BH564" s="13">
        <v>0</v>
      </c>
      <c r="BI564" s="6">
        <v>0</v>
      </c>
      <c r="BJ564" s="13">
        <v>0</v>
      </c>
      <c r="BK564" s="6">
        <v>0</v>
      </c>
      <c r="BL564" s="13">
        <v>0</v>
      </c>
      <c r="BM564" s="11">
        <v>0</v>
      </c>
      <c r="BN564" s="13">
        <v>0</v>
      </c>
      <c r="BO564" s="11">
        <v>0</v>
      </c>
      <c r="BP564" s="13">
        <v>0</v>
      </c>
      <c r="BQ564" s="6">
        <v>2</v>
      </c>
      <c r="BR564" s="6">
        <v>2</v>
      </c>
      <c r="BS564" s="6">
        <v>2</v>
      </c>
      <c r="BT564" s="6">
        <v>2</v>
      </c>
      <c r="BU564" s="6">
        <v>2</v>
      </c>
      <c r="BV564" s="6">
        <v>2</v>
      </c>
      <c r="BW564" s="6">
        <v>2</v>
      </c>
      <c r="BX564" s="6">
        <v>2</v>
      </c>
      <c r="BY564" s="6">
        <v>2</v>
      </c>
      <c r="BZ564" s="6">
        <v>2</v>
      </c>
      <c r="CA564" s="6">
        <v>2</v>
      </c>
      <c r="CB564" s="6">
        <v>2</v>
      </c>
      <c r="CC564" s="11">
        <v>2</v>
      </c>
      <c r="CD564" s="11">
        <v>-1.5272699999999999</v>
      </c>
      <c r="CE564" s="11">
        <v>-12.2773</v>
      </c>
      <c r="CF564" s="11">
        <v>8.2413600000000002</v>
      </c>
      <c r="CG564" s="11">
        <v>-4</v>
      </c>
      <c r="CH564" s="20">
        <v>2.5881500000000002</v>
      </c>
      <c r="CI564" s="20">
        <v>2.4948100000000002</v>
      </c>
      <c r="CJ564" s="20">
        <v>2.6689699999999998</v>
      </c>
      <c r="CK564" s="20">
        <v>2.68763</v>
      </c>
      <c r="CL564" s="20">
        <v>3.1969799999999999</v>
      </c>
      <c r="CM564" s="20">
        <v>3.1113</v>
      </c>
      <c r="CN564" s="20">
        <v>2.9990899999999998</v>
      </c>
      <c r="CO564" s="20">
        <v>2.9384899999999998</v>
      </c>
      <c r="CP564" s="20">
        <v>2.43601</v>
      </c>
      <c r="CQ564" s="20">
        <v>2.29053</v>
      </c>
      <c r="CR564" s="20">
        <v>2.2418300000000002</v>
      </c>
      <c r="CS564" s="20">
        <v>1.88395</v>
      </c>
      <c r="CT564" s="20">
        <v>1.95146</v>
      </c>
      <c r="CU564" s="20">
        <v>2.3863300000000001</v>
      </c>
      <c r="CV564" s="20">
        <v>2.4121899999999998</v>
      </c>
      <c r="CW564" s="20">
        <v>2.6301299999999999</v>
      </c>
      <c r="CX564" s="20">
        <v>2.5511200000000001</v>
      </c>
      <c r="CY564" s="6" t="s">
        <v>481</v>
      </c>
      <c r="CZ564" s="6" t="s">
        <v>482</v>
      </c>
      <c r="DA564" s="6" t="s">
        <v>93</v>
      </c>
      <c r="DB564" s="6" t="s">
        <v>345</v>
      </c>
      <c r="DC564" s="6"/>
      <c r="DD564" s="6"/>
      <c r="DE564" s="6"/>
      <c r="DF564" s="6"/>
      <c r="DG564" s="6"/>
      <c r="DH564" s="6" t="s">
        <v>333</v>
      </c>
      <c r="DI564" s="6"/>
      <c r="DJ564" s="6"/>
      <c r="DK564" s="6"/>
      <c r="DL564" s="6">
        <v>4</v>
      </c>
      <c r="DM564" s="6" t="s">
        <v>446</v>
      </c>
      <c r="DN564" s="6">
        <v>6</v>
      </c>
      <c r="DO564" s="6" t="s">
        <v>393</v>
      </c>
      <c r="DP564" s="6"/>
      <c r="DQ564" s="6"/>
    </row>
    <row r="565" spans="1:121" x14ac:dyDescent="0.2">
      <c r="A565" s="6" t="s">
        <v>312</v>
      </c>
      <c r="B565" s="6" t="s">
        <v>312</v>
      </c>
      <c r="C565" s="6" t="s">
        <v>175</v>
      </c>
      <c r="D565" s="6" t="s">
        <v>93</v>
      </c>
      <c r="E565" s="6" t="s">
        <v>234</v>
      </c>
      <c r="F565" s="11">
        <v>-130</v>
      </c>
      <c r="G565" s="13">
        <v>-0.23853211009200001</v>
      </c>
      <c r="H565" s="11">
        <v>146.23619486000007</v>
      </c>
      <c r="I565" s="13">
        <v>0.26812969350871085</v>
      </c>
      <c r="J565" s="11">
        <v>-220.63392558500004</v>
      </c>
      <c r="K565" s="13">
        <v>-0.31900585503778484</v>
      </c>
      <c r="L565" s="11">
        <v>-55.615430444000026</v>
      </c>
      <c r="M565" s="13">
        <v>-0.11808052813006464</v>
      </c>
      <c r="N565" s="11">
        <v>-276.24935602900007</v>
      </c>
      <c r="O565" s="13">
        <v>-0.39941800332840494</v>
      </c>
      <c r="P565" s="7">
        <v>545.39351067899997</v>
      </c>
      <c r="Q565" s="7">
        <v>552.73985252299997</v>
      </c>
      <c r="R565" s="7">
        <v>588.11992304399996</v>
      </c>
      <c r="S565" s="7">
        <v>610.89470393299996</v>
      </c>
      <c r="T565" s="7">
        <v>629.843564023</v>
      </c>
      <c r="U565" s="7">
        <v>666.94980740799997</v>
      </c>
      <c r="V565" s="7">
        <v>691.62970553900004</v>
      </c>
      <c r="W565" s="7">
        <v>612.97894863700003</v>
      </c>
      <c r="X565" s="7">
        <v>579.79828055300004</v>
      </c>
      <c r="Y565" s="7">
        <v>470.995779954</v>
      </c>
      <c r="Z565" s="7">
        <v>480.619309585</v>
      </c>
      <c r="AA565" s="7">
        <v>449.64909368899998</v>
      </c>
      <c r="AB565" s="7">
        <v>424.55236405599999</v>
      </c>
      <c r="AC565" s="7">
        <v>410.07304277100002</v>
      </c>
      <c r="AD565" s="7">
        <v>438.10716960600001</v>
      </c>
      <c r="AE565" s="7">
        <v>421.98211253900001</v>
      </c>
      <c r="AF565" s="7">
        <v>415.38034950999997</v>
      </c>
      <c r="AG565" s="9">
        <v>4316.9632824</v>
      </c>
      <c r="AH565" s="13">
        <v>0.16149298072127974</v>
      </c>
      <c r="AI565" s="9">
        <v>2749.867004300002</v>
      </c>
      <c r="AJ565" s="13">
        <v>0.10286958448824622</v>
      </c>
      <c r="AK565" s="9">
        <v>-2429.6405433</v>
      </c>
      <c r="AL565" s="13">
        <v>-8.2412513904601831E-2</v>
      </c>
      <c r="AM565" s="9">
        <v>3996.736821399998</v>
      </c>
      <c r="AN565" s="13">
        <v>0.14774377977691239</v>
      </c>
      <c r="AO565" s="9">
        <v>1567.096278099998</v>
      </c>
      <c r="AP565" s="13">
        <v>5.3155329567127353E-2</v>
      </c>
      <c r="AQ565" s="9">
        <v>26731.584636799998</v>
      </c>
      <c r="AR565" s="9">
        <v>26100.2064742</v>
      </c>
      <c r="AS565" s="9">
        <v>26670.4103392</v>
      </c>
      <c r="AT565" s="9">
        <v>27406.437403700002</v>
      </c>
      <c r="AU565" s="9">
        <v>26022.948660800001</v>
      </c>
      <c r="AV565" s="9">
        <v>28041.432778300001</v>
      </c>
      <c r="AW565" s="9">
        <v>29481.4516411</v>
      </c>
      <c r="AX565" s="9">
        <v>29204.1767483</v>
      </c>
      <c r="AY565" s="9">
        <v>27466.528274699998</v>
      </c>
      <c r="AZ565" s="9">
        <v>27051.8110978</v>
      </c>
      <c r="BA565" s="9">
        <v>28262.1507059</v>
      </c>
      <c r="BB565" s="9">
        <v>29823.918601900001</v>
      </c>
      <c r="BC565" s="9">
        <v>30144.676844500002</v>
      </c>
      <c r="BD565" s="9">
        <v>29756.9437769</v>
      </c>
      <c r="BE565" s="9">
        <v>30440.5012661</v>
      </c>
      <c r="BF565" s="9">
        <v>31048.547919199998</v>
      </c>
      <c r="BG565" s="11">
        <v>-22.5</v>
      </c>
      <c r="BH565" s="13">
        <v>-0.29220779220779219</v>
      </c>
      <c r="BI565" s="6">
        <v>-3</v>
      </c>
      <c r="BJ565" s="13">
        <v>-3.896103896103896E-2</v>
      </c>
      <c r="BK565" s="6">
        <v>-16</v>
      </c>
      <c r="BL565" s="13">
        <v>-0.21621621621621623</v>
      </c>
      <c r="BM565" s="11">
        <v>-3.5</v>
      </c>
      <c r="BN565" s="13">
        <v>-6.0344827586206899E-2</v>
      </c>
      <c r="BO565" s="11">
        <v>-19.5</v>
      </c>
      <c r="BP565" s="13">
        <v>-0.26351351351351349</v>
      </c>
      <c r="BQ565" s="6">
        <v>77</v>
      </c>
      <c r="BR565" s="6">
        <v>77</v>
      </c>
      <c r="BS565" s="6">
        <v>77</v>
      </c>
      <c r="BT565" s="6">
        <v>74</v>
      </c>
      <c r="BU565" s="6">
        <v>70</v>
      </c>
      <c r="BV565" s="6">
        <v>67</v>
      </c>
      <c r="BW565" s="6">
        <v>58</v>
      </c>
      <c r="BX565" s="6">
        <v>59</v>
      </c>
      <c r="BY565" s="6">
        <v>57</v>
      </c>
      <c r="BZ565" s="6">
        <v>61</v>
      </c>
      <c r="CA565" s="6">
        <v>61</v>
      </c>
      <c r="CB565" s="6">
        <v>60</v>
      </c>
      <c r="CC565" s="11">
        <v>54.5</v>
      </c>
      <c r="CD565" s="11">
        <v>-123.57</v>
      </c>
      <c r="CE565" s="11">
        <v>-66.061000000000007</v>
      </c>
      <c r="CF565" s="11">
        <v>59.618099999999998</v>
      </c>
      <c r="CG565" s="11">
        <v>-6</v>
      </c>
      <c r="CH565" s="20">
        <v>1.2908299999999999</v>
      </c>
      <c r="CI565" s="20">
        <v>1.2743899999999999</v>
      </c>
      <c r="CJ565" s="20">
        <v>1.3324499999999999</v>
      </c>
      <c r="CK565" s="20">
        <v>1.3405199999999999</v>
      </c>
      <c r="CL565" s="20">
        <v>1.3082</v>
      </c>
      <c r="CM565" s="20">
        <v>1.30911</v>
      </c>
      <c r="CN565" s="20">
        <v>1.37466</v>
      </c>
      <c r="CO565" s="20">
        <v>1.3137300000000001</v>
      </c>
      <c r="CP565" s="20">
        <v>1.39636</v>
      </c>
      <c r="CQ565" s="20">
        <v>1.2481100000000001</v>
      </c>
      <c r="CR565" s="20">
        <v>1.2728600000000001</v>
      </c>
      <c r="CS565" s="20">
        <v>1.1912499999999999</v>
      </c>
      <c r="CT565" s="20">
        <v>1.1215299999999999</v>
      </c>
      <c r="CU565" s="20">
        <v>1.0700799999999999</v>
      </c>
      <c r="CV565" s="20">
        <v>1.0909899999999999</v>
      </c>
      <c r="CW565" s="20">
        <v>1.0362100000000001</v>
      </c>
      <c r="CX565" s="20">
        <v>1.0020899999999999</v>
      </c>
      <c r="CY565" s="6" t="s">
        <v>481</v>
      </c>
      <c r="CZ565" s="6" t="s">
        <v>482</v>
      </c>
      <c r="DA565" s="6" t="s">
        <v>93</v>
      </c>
      <c r="DB565" s="6" t="s">
        <v>345</v>
      </c>
      <c r="DC565" s="6"/>
      <c r="DD565" s="6"/>
      <c r="DE565" s="6"/>
      <c r="DF565" s="6"/>
      <c r="DG565" s="6"/>
      <c r="DH565" s="6" t="s">
        <v>333</v>
      </c>
      <c r="DI565" s="6"/>
      <c r="DJ565" s="6"/>
      <c r="DK565" s="6"/>
      <c r="DL565" s="6">
        <v>4</v>
      </c>
      <c r="DM565" s="6" t="s">
        <v>446</v>
      </c>
      <c r="DN565" s="6">
        <v>6</v>
      </c>
      <c r="DO565" s="6" t="s">
        <v>393</v>
      </c>
      <c r="DP565" s="6"/>
      <c r="DQ565" s="6"/>
    </row>
    <row r="566" spans="1:121" x14ac:dyDescent="0.2">
      <c r="A566" s="6" t="s">
        <v>792</v>
      </c>
      <c r="B566" s="6" t="s">
        <v>176</v>
      </c>
      <c r="C566" s="6" t="s">
        <v>177</v>
      </c>
      <c r="D566" s="6" t="s">
        <v>93</v>
      </c>
      <c r="E566" s="6" t="s">
        <v>234</v>
      </c>
      <c r="F566" s="11">
        <v>120</v>
      </c>
      <c r="G566" s="13">
        <v>6.2143966856600001E-2</v>
      </c>
      <c r="H566" s="11">
        <v>-186.31424532000005</v>
      </c>
      <c r="I566" s="13">
        <v>-9.6464725175165883E-2</v>
      </c>
      <c r="J566" s="11">
        <v>-195.56313549999982</v>
      </c>
      <c r="K566" s="13">
        <v>-0.1120635429871361</v>
      </c>
      <c r="L566" s="11">
        <v>501.3880499500001</v>
      </c>
      <c r="M566" s="13">
        <v>0.32357089360124697</v>
      </c>
      <c r="N566" s="11">
        <v>305.82491445000028</v>
      </c>
      <c r="O566" s="13">
        <v>0.17524684986964151</v>
      </c>
      <c r="P566" s="7">
        <v>1931.42358496</v>
      </c>
      <c r="Q566" s="7">
        <v>2008.1021207199999</v>
      </c>
      <c r="R566" s="7">
        <v>1906.16684306</v>
      </c>
      <c r="S566" s="7">
        <v>1904.14258335</v>
      </c>
      <c r="T566" s="7">
        <v>2011.4941182699999</v>
      </c>
      <c r="U566" s="7">
        <v>2026.3238121100001</v>
      </c>
      <c r="V566" s="7">
        <v>1745.1093396399999</v>
      </c>
      <c r="W566" s="7">
        <v>1692.6718977999999</v>
      </c>
      <c r="X566" s="7">
        <v>1595.74327146</v>
      </c>
      <c r="Y566" s="7">
        <v>1549.5462041400001</v>
      </c>
      <c r="Z566" s="7">
        <v>1715.7772413600001</v>
      </c>
      <c r="AA566" s="7">
        <v>1858.2522474800001</v>
      </c>
      <c r="AB566" s="7">
        <v>2048.0489724499998</v>
      </c>
      <c r="AC566" s="7">
        <v>2035.9725968400001</v>
      </c>
      <c r="AD566" s="7">
        <v>2008.71910383</v>
      </c>
      <c r="AE566" s="7">
        <v>1976.67922593</v>
      </c>
      <c r="AF566" s="7">
        <v>2050.9342540900002</v>
      </c>
      <c r="AG566" s="9">
        <v>26245.034754199998</v>
      </c>
      <c r="AH566" s="13">
        <v>0.88377299777121443</v>
      </c>
      <c r="AI566" s="9">
        <v>9358.2788971000009</v>
      </c>
      <c r="AJ566" s="13">
        <v>0.31512986255602565</v>
      </c>
      <c r="AK566" s="9">
        <v>3453.9972626000017</v>
      </c>
      <c r="AL566" s="13">
        <v>8.8439631784368658E-2</v>
      </c>
      <c r="AM566" s="9">
        <v>13432.758594499996</v>
      </c>
      <c r="AN566" s="13">
        <v>0.31599906667641503</v>
      </c>
      <c r="AO566" s="9">
        <v>16886.755857099997</v>
      </c>
      <c r="AP566" s="13">
        <v>0.43238553956185</v>
      </c>
      <c r="AQ566" s="9">
        <v>29696.579121999999</v>
      </c>
      <c r="AR566" s="9">
        <v>30247.822720200002</v>
      </c>
      <c r="AS566" s="9">
        <v>31461.339316199999</v>
      </c>
      <c r="AT566" s="9">
        <v>32840.541038000003</v>
      </c>
      <c r="AU566" s="9">
        <v>33276.310540500002</v>
      </c>
      <c r="AV566" s="9">
        <v>36537.632663999997</v>
      </c>
      <c r="AW566" s="9">
        <v>39054.8580191</v>
      </c>
      <c r="AX566" s="9">
        <v>44069.171996099998</v>
      </c>
      <c r="AY566" s="9">
        <v>41897.040478800001</v>
      </c>
      <c r="AZ566" s="9">
        <v>42508.855281700002</v>
      </c>
      <c r="BA566" s="9">
        <v>43693.686025000003</v>
      </c>
      <c r="BB566" s="9">
        <v>46326.711570599997</v>
      </c>
      <c r="BC566" s="9">
        <v>47568.132800799998</v>
      </c>
      <c r="BD566" s="9">
        <v>47885.471622800003</v>
      </c>
      <c r="BE566" s="9">
        <v>51996.726131900003</v>
      </c>
      <c r="BF566" s="9">
        <v>55941.613876199997</v>
      </c>
      <c r="BG566" s="11">
        <v>-2.5</v>
      </c>
      <c r="BH566" s="13">
        <v>-4.716981132075472E-2</v>
      </c>
      <c r="BI566" s="6">
        <v>3</v>
      </c>
      <c r="BJ566" s="13">
        <v>5.6603773584905662E-2</v>
      </c>
      <c r="BK566" s="6">
        <v>-5</v>
      </c>
      <c r="BL566" s="13">
        <v>-8.9285714285714288E-2</v>
      </c>
      <c r="BM566" s="11">
        <v>-0.5</v>
      </c>
      <c r="BN566" s="13">
        <v>-9.8039215686274508E-3</v>
      </c>
      <c r="BO566" s="11">
        <v>-5.5</v>
      </c>
      <c r="BP566" s="13">
        <v>-9.8214285714285712E-2</v>
      </c>
      <c r="BQ566" s="6">
        <v>53</v>
      </c>
      <c r="BR566" s="6">
        <v>53</v>
      </c>
      <c r="BS566" s="6">
        <v>56</v>
      </c>
      <c r="BT566" s="6">
        <v>56</v>
      </c>
      <c r="BU566" s="6">
        <v>58</v>
      </c>
      <c r="BV566" s="6">
        <v>58</v>
      </c>
      <c r="BW566" s="6">
        <v>51</v>
      </c>
      <c r="BX566" s="6">
        <v>49</v>
      </c>
      <c r="BY566" s="6">
        <v>49</v>
      </c>
      <c r="BZ566" s="6">
        <v>53</v>
      </c>
      <c r="CA566" s="6">
        <v>52</v>
      </c>
      <c r="CB566" s="6">
        <v>51</v>
      </c>
      <c r="CC566" s="11">
        <v>50.5</v>
      </c>
      <c r="CD566" s="11">
        <v>590.13199999999995</v>
      </c>
      <c r="CE566" s="11">
        <v>-681.74900000000002</v>
      </c>
      <c r="CF566" s="11">
        <v>211.12799999999999</v>
      </c>
      <c r="CG566" s="11">
        <v>-471</v>
      </c>
      <c r="CH566" s="20">
        <v>2.3877700000000002</v>
      </c>
      <c r="CI566" s="20">
        <v>2.5843799999999999</v>
      </c>
      <c r="CJ566" s="20">
        <v>2.57687</v>
      </c>
      <c r="CK566" s="20">
        <v>2.6407099999999999</v>
      </c>
      <c r="CL566" s="20">
        <v>2.7804199999999999</v>
      </c>
      <c r="CM566" s="20">
        <v>2.7744</v>
      </c>
      <c r="CN566" s="20">
        <v>2.4495</v>
      </c>
      <c r="CO566" s="20">
        <v>2.50657</v>
      </c>
      <c r="CP566" s="20">
        <v>2.6162100000000001</v>
      </c>
      <c r="CQ566" s="20">
        <v>2.6443699999999999</v>
      </c>
      <c r="CR566" s="20">
        <v>2.8391700000000002</v>
      </c>
      <c r="CS566" s="20">
        <v>3.0539000000000001</v>
      </c>
      <c r="CT566" s="20">
        <v>3.4089999999999998</v>
      </c>
      <c r="CU566" s="20">
        <v>3.4296700000000002</v>
      </c>
      <c r="CV566" s="20">
        <v>3.3195700000000001</v>
      </c>
      <c r="CW566" s="20">
        <v>3.2914300000000001</v>
      </c>
      <c r="CX566" s="20">
        <v>3.37669</v>
      </c>
      <c r="CY566" s="6" t="s">
        <v>481</v>
      </c>
      <c r="CZ566" s="6" t="s">
        <v>482</v>
      </c>
      <c r="DA566" s="6" t="s">
        <v>93</v>
      </c>
      <c r="DB566" s="6" t="s">
        <v>345</v>
      </c>
      <c r="DC566" s="6"/>
      <c r="DD566" s="6"/>
      <c r="DE566" s="6"/>
      <c r="DF566" s="6"/>
      <c r="DG566" s="6"/>
      <c r="DH566" s="6" t="s">
        <v>333</v>
      </c>
      <c r="DI566" s="6"/>
      <c r="DJ566" s="6"/>
      <c r="DK566" s="6"/>
      <c r="DL566" s="6">
        <v>4</v>
      </c>
      <c r="DM566" s="6" t="s">
        <v>446</v>
      </c>
      <c r="DN566" s="6">
        <v>6</v>
      </c>
      <c r="DO566" s="6" t="s">
        <v>393</v>
      </c>
      <c r="DP566" s="6"/>
      <c r="DQ566" s="6"/>
    </row>
    <row r="567" spans="1:121" x14ac:dyDescent="0.2">
      <c r="A567" s="6" t="s">
        <v>313</v>
      </c>
      <c r="B567" s="6" t="s">
        <v>313</v>
      </c>
      <c r="C567" s="6" t="s">
        <v>178</v>
      </c>
      <c r="D567" s="6" t="s">
        <v>93</v>
      </c>
      <c r="E567" s="6" t="s">
        <v>234</v>
      </c>
      <c r="F567" s="11">
        <v>23</v>
      </c>
      <c r="G567" s="13">
        <v>0.13772455089800001</v>
      </c>
      <c r="H567" s="11">
        <v>55.161121169000012</v>
      </c>
      <c r="I567" s="13">
        <v>0.33013690417379804</v>
      </c>
      <c r="J567" s="11">
        <v>-82.985899942999993</v>
      </c>
      <c r="K567" s="13">
        <v>-0.37339539254496801</v>
      </c>
      <c r="L567" s="11">
        <v>50.99904511699998</v>
      </c>
      <c r="M567" s="13">
        <v>0.36621245217495535</v>
      </c>
      <c r="N567" s="11">
        <v>-31.986854826000013</v>
      </c>
      <c r="O567" s="13">
        <v>-0.14392498270473542</v>
      </c>
      <c r="P567" s="7">
        <v>167.08559531399999</v>
      </c>
      <c r="Q567" s="7">
        <v>173.376850985</v>
      </c>
      <c r="R567" s="7">
        <v>171.167203003</v>
      </c>
      <c r="S567" s="7">
        <v>181.746987523</v>
      </c>
      <c r="T567" s="7">
        <v>203.15707990499999</v>
      </c>
      <c r="U567" s="7">
        <v>224.339421918</v>
      </c>
      <c r="V567" s="7">
        <v>222.246716483</v>
      </c>
      <c r="W567" s="7">
        <v>189.457871256</v>
      </c>
      <c r="X567" s="7">
        <v>132.807556874</v>
      </c>
      <c r="Y567" s="7">
        <v>139.26081654000001</v>
      </c>
      <c r="Z567" s="7">
        <v>145.228284497</v>
      </c>
      <c r="AA567" s="7">
        <v>131.98727027199999</v>
      </c>
      <c r="AB567" s="7">
        <v>129.19454876699999</v>
      </c>
      <c r="AC567" s="7">
        <v>121.184357582</v>
      </c>
      <c r="AD567" s="7">
        <v>157.782174728</v>
      </c>
      <c r="AE567" s="7">
        <v>181.140726051</v>
      </c>
      <c r="AF567" s="7">
        <v>190.25986165699999</v>
      </c>
      <c r="AG567" s="9">
        <v>19704.492116499998</v>
      </c>
      <c r="AH567" s="13">
        <v>0.59889713050296578</v>
      </c>
      <c r="AI567" s="9">
        <v>11902.6740135</v>
      </c>
      <c r="AJ567" s="13">
        <v>0.3617691473523531</v>
      </c>
      <c r="AK567" s="9">
        <v>1351.9095298000029</v>
      </c>
      <c r="AL567" s="13">
        <v>3.0173877708702616E-2</v>
      </c>
      <c r="AM567" s="9">
        <v>6449.9085731999949</v>
      </c>
      <c r="AN567" s="13">
        <v>0.13974186072985589</v>
      </c>
      <c r="AO567" s="9">
        <v>7801.8181029999978</v>
      </c>
      <c r="AP567" s="13">
        <v>0.1741322922550077</v>
      </c>
      <c r="AQ567" s="9">
        <v>32901.296588199999</v>
      </c>
      <c r="AR567" s="9">
        <v>36373.8366761</v>
      </c>
      <c r="AS567" s="9">
        <v>36312.339156299997</v>
      </c>
      <c r="AT567" s="9">
        <v>35320.294659500003</v>
      </c>
      <c r="AU567" s="9">
        <v>37317.926122299999</v>
      </c>
      <c r="AV567" s="9">
        <v>40329.978391099998</v>
      </c>
      <c r="AW567" s="9">
        <v>44803.970601699999</v>
      </c>
      <c r="AX567" s="9">
        <v>51501.1207698</v>
      </c>
      <c r="AY567" s="9">
        <v>47709.510735800002</v>
      </c>
      <c r="AZ567" s="9">
        <v>46155.880131500002</v>
      </c>
      <c r="BA567" s="9">
        <v>39940.207683300003</v>
      </c>
      <c r="BB567" s="9">
        <v>41889.010480299999</v>
      </c>
      <c r="BC567" s="9">
        <v>43906.339270999997</v>
      </c>
      <c r="BD567" s="9">
        <v>43584.9285303</v>
      </c>
      <c r="BE567" s="9">
        <v>49963.681878099997</v>
      </c>
      <c r="BF567" s="9">
        <v>52605.788704699997</v>
      </c>
      <c r="BG567" s="11">
        <v>-8.75</v>
      </c>
      <c r="BH567" s="13">
        <v>-0.30172413793103448</v>
      </c>
      <c r="BI567" s="6">
        <v>-1</v>
      </c>
      <c r="BJ567" s="13">
        <v>-3.4482758620689655E-2</v>
      </c>
      <c r="BK567" s="6">
        <v>-6</v>
      </c>
      <c r="BL567" s="13">
        <v>-0.21428571428571427</v>
      </c>
      <c r="BM567" s="11">
        <v>-1.75</v>
      </c>
      <c r="BN567" s="13">
        <v>-7.9545454545454544E-2</v>
      </c>
      <c r="BO567" s="11">
        <v>-7.75</v>
      </c>
      <c r="BP567" s="13">
        <v>-0.2767857142857143</v>
      </c>
      <c r="BQ567" s="6">
        <v>29</v>
      </c>
      <c r="BR567" s="6">
        <v>30</v>
      </c>
      <c r="BS567" s="6">
        <v>30</v>
      </c>
      <c r="BT567" s="6">
        <v>28</v>
      </c>
      <c r="BU567" s="6">
        <v>26</v>
      </c>
      <c r="BV567" s="6">
        <v>21</v>
      </c>
      <c r="BW567" s="6">
        <v>22</v>
      </c>
      <c r="BX567" s="6">
        <v>22</v>
      </c>
      <c r="BY567" s="6">
        <v>21</v>
      </c>
      <c r="BZ567" s="6">
        <v>19</v>
      </c>
      <c r="CA567" s="6">
        <v>17</v>
      </c>
      <c r="CB567" s="6">
        <v>20</v>
      </c>
      <c r="CC567" s="11">
        <v>20.25</v>
      </c>
      <c r="CD567" s="11">
        <v>18.571999999999999</v>
      </c>
      <c r="CE567" s="11">
        <v>-13.6622</v>
      </c>
      <c r="CF567" s="11">
        <v>18.264500000000002</v>
      </c>
      <c r="CG567" s="11">
        <v>4</v>
      </c>
      <c r="CH567" s="20">
        <v>0.58010600000000001</v>
      </c>
      <c r="CI567" s="20">
        <v>0.59515099999999999</v>
      </c>
      <c r="CJ567" s="20">
        <v>0.58997999999999995</v>
      </c>
      <c r="CK567" s="20">
        <v>0.62743899999999997</v>
      </c>
      <c r="CL567" s="20">
        <v>0.68247000000000002</v>
      </c>
      <c r="CM567" s="20">
        <v>0.72631000000000001</v>
      </c>
      <c r="CN567" s="20">
        <v>0.71152899999999997</v>
      </c>
      <c r="CO567" s="20">
        <v>0.62351800000000002</v>
      </c>
      <c r="CP567" s="20">
        <v>0.45743299999999998</v>
      </c>
      <c r="CQ567" s="20">
        <v>0.49430200000000002</v>
      </c>
      <c r="CR567" s="20">
        <v>0.50202999999999998</v>
      </c>
      <c r="CS567" s="20">
        <v>0.45260699999999998</v>
      </c>
      <c r="CT567" s="20">
        <v>0.44617000000000001</v>
      </c>
      <c r="CU567" s="20">
        <v>0.42407299999999998</v>
      </c>
      <c r="CV567" s="20">
        <v>0.54202099999999998</v>
      </c>
      <c r="CW567" s="20">
        <v>0.62860799999999994</v>
      </c>
      <c r="CX567" s="20">
        <v>0.64752100000000001</v>
      </c>
      <c r="CY567" s="6" t="s">
        <v>481</v>
      </c>
      <c r="CZ567" s="6" t="s">
        <v>482</v>
      </c>
      <c r="DA567" s="6" t="s">
        <v>93</v>
      </c>
      <c r="DB567" s="6" t="s">
        <v>345</v>
      </c>
      <c r="DC567" s="6"/>
      <c r="DD567" s="6"/>
      <c r="DE567" s="6"/>
      <c r="DF567" s="6"/>
      <c r="DG567" s="6"/>
      <c r="DH567" s="6" t="s">
        <v>333</v>
      </c>
      <c r="DI567" s="6"/>
      <c r="DJ567" s="6"/>
      <c r="DK567" s="6"/>
      <c r="DL567" s="6">
        <v>4</v>
      </c>
      <c r="DM567" s="6" t="s">
        <v>446</v>
      </c>
      <c r="DN567" s="6">
        <v>6</v>
      </c>
      <c r="DO567" s="6" t="s">
        <v>393</v>
      </c>
      <c r="DP567" s="6"/>
      <c r="DQ567" s="6"/>
    </row>
    <row r="568" spans="1:121" x14ac:dyDescent="0.2">
      <c r="A568" s="6" t="s">
        <v>793</v>
      </c>
      <c r="B568" s="6" t="s">
        <v>179</v>
      </c>
      <c r="C568" s="6" t="s">
        <v>180</v>
      </c>
      <c r="D568" s="6" t="s">
        <v>93</v>
      </c>
      <c r="E568" s="6" t="s">
        <v>234</v>
      </c>
      <c r="F568" s="11">
        <v>81</v>
      </c>
      <c r="G568" s="13">
        <v>0.1</v>
      </c>
      <c r="H568" s="11">
        <v>-88</v>
      </c>
      <c r="I568" s="13">
        <v>-0.11083123425692697</v>
      </c>
      <c r="J568" s="11">
        <v>40</v>
      </c>
      <c r="K568" s="13">
        <v>5.6657223796033995E-2</v>
      </c>
      <c r="L568" s="11">
        <v>129</v>
      </c>
      <c r="M568" s="13">
        <v>0.17292225201072386</v>
      </c>
      <c r="N568" s="11">
        <v>169</v>
      </c>
      <c r="O568" s="13">
        <v>0.23937677053824363</v>
      </c>
      <c r="P568" s="7">
        <v>794</v>
      </c>
      <c r="Q568" s="7">
        <v>759</v>
      </c>
      <c r="R568" s="7">
        <v>765</v>
      </c>
      <c r="S568" s="7">
        <v>689</v>
      </c>
      <c r="T568" s="7">
        <v>668</v>
      </c>
      <c r="U568" s="7">
        <v>703</v>
      </c>
      <c r="V568" s="7">
        <v>706</v>
      </c>
      <c r="W568" s="7">
        <v>765</v>
      </c>
      <c r="X568" s="7">
        <v>772</v>
      </c>
      <c r="Y568" s="7">
        <v>746</v>
      </c>
      <c r="Z568" s="7">
        <v>781</v>
      </c>
      <c r="AA568" s="7">
        <v>792</v>
      </c>
      <c r="AB568" s="7">
        <v>784</v>
      </c>
      <c r="AC568" s="7">
        <v>751</v>
      </c>
      <c r="AD568" s="7">
        <v>792</v>
      </c>
      <c r="AE568" s="7">
        <v>845</v>
      </c>
      <c r="AF568" s="7">
        <v>875</v>
      </c>
      <c r="AG568" s="9">
        <v>8003</v>
      </c>
      <c r="AH568" s="13">
        <v>0.40806648990414029</v>
      </c>
      <c r="AI568" s="9">
        <v>3547</v>
      </c>
      <c r="AJ568" s="13">
        <v>0.18085865796451153</v>
      </c>
      <c r="AK568" s="9">
        <v>920</v>
      </c>
      <c r="AL568" s="13">
        <v>3.9725376743382702E-2</v>
      </c>
      <c r="AM568" s="9">
        <v>3536</v>
      </c>
      <c r="AN568" s="13">
        <v>0.14684995224054154</v>
      </c>
      <c r="AO568" s="9">
        <v>4456</v>
      </c>
      <c r="AP568" s="13">
        <v>0.19240899866142752</v>
      </c>
      <c r="AQ568" s="9">
        <v>19612</v>
      </c>
      <c r="AR568" s="9">
        <v>20276</v>
      </c>
      <c r="AS568" s="9">
        <v>22374</v>
      </c>
      <c r="AT568" s="9">
        <v>20879</v>
      </c>
      <c r="AU568" s="9">
        <v>21722</v>
      </c>
      <c r="AV568" s="9">
        <v>22277</v>
      </c>
      <c r="AW568" s="9">
        <v>23159</v>
      </c>
      <c r="AX568" s="9">
        <v>24386</v>
      </c>
      <c r="AY568" s="9">
        <v>24117</v>
      </c>
      <c r="AZ568" s="9">
        <v>24079</v>
      </c>
      <c r="BA568" s="9">
        <v>24423</v>
      </c>
      <c r="BB568" s="9">
        <v>25530</v>
      </c>
      <c r="BC568" s="9">
        <v>26087</v>
      </c>
      <c r="BD568" s="9">
        <v>26907</v>
      </c>
      <c r="BE568" s="9">
        <v>27347</v>
      </c>
      <c r="BF568" s="9">
        <v>27615</v>
      </c>
      <c r="BG568" s="11">
        <v>-7</v>
      </c>
      <c r="BH568" s="13">
        <v>-9.5890410958904104E-2</v>
      </c>
      <c r="BI568" s="6">
        <v>-4</v>
      </c>
      <c r="BJ568" s="13">
        <v>-5.4794520547945202E-2</v>
      </c>
      <c r="BK568" s="6">
        <v>1</v>
      </c>
      <c r="BL568" s="13">
        <v>1.4492753623188406E-2</v>
      </c>
      <c r="BM568" s="11">
        <v>-4</v>
      </c>
      <c r="BN568" s="13">
        <v>-5.7142857142857141E-2</v>
      </c>
      <c r="BO568" s="11">
        <v>-3</v>
      </c>
      <c r="BP568" s="13">
        <v>-4.3478260869565216E-2</v>
      </c>
      <c r="BQ568" s="6">
        <v>73</v>
      </c>
      <c r="BR568" s="6">
        <v>71</v>
      </c>
      <c r="BS568" s="6">
        <v>68</v>
      </c>
      <c r="BT568" s="6">
        <v>69</v>
      </c>
      <c r="BU568" s="6">
        <v>73</v>
      </c>
      <c r="BV568" s="6">
        <v>70</v>
      </c>
      <c r="BW568" s="6">
        <v>70</v>
      </c>
      <c r="BX568" s="6">
        <v>68</v>
      </c>
      <c r="BY568" s="6">
        <v>67</v>
      </c>
      <c r="BZ568" s="6">
        <v>66</v>
      </c>
      <c r="CA568" s="6">
        <v>71</v>
      </c>
      <c r="CB568" s="6">
        <v>69</v>
      </c>
      <c r="CC568" s="11">
        <v>66</v>
      </c>
      <c r="CD568" s="11">
        <v>45</v>
      </c>
      <c r="CE568" s="11">
        <v>-51</v>
      </c>
      <c r="CF568" s="11">
        <v>87</v>
      </c>
      <c r="CG568" s="11">
        <v>36</v>
      </c>
      <c r="CH568" s="20">
        <v>1.03</v>
      </c>
      <c r="CI568" s="20">
        <v>0.95</v>
      </c>
      <c r="CJ568" s="20">
        <v>0.97</v>
      </c>
      <c r="CK568" s="20">
        <v>0.88</v>
      </c>
      <c r="CL568" s="20">
        <v>0.83</v>
      </c>
      <c r="CM568" s="20">
        <v>0.86</v>
      </c>
      <c r="CN568" s="20">
        <v>0.86</v>
      </c>
      <c r="CO568" s="20">
        <v>0.96</v>
      </c>
      <c r="CP568" s="20">
        <v>1</v>
      </c>
      <c r="CQ568" s="20">
        <v>0.98</v>
      </c>
      <c r="CR568" s="20">
        <v>1.01</v>
      </c>
      <c r="CS568" s="20">
        <v>1.02</v>
      </c>
      <c r="CT568" s="20">
        <v>1.01</v>
      </c>
      <c r="CU568" s="20">
        <v>0.98</v>
      </c>
      <c r="CV568" s="20">
        <v>1.01</v>
      </c>
      <c r="CW568" s="20">
        <v>1.07</v>
      </c>
      <c r="CX568" s="20">
        <v>1.0900000000000001</v>
      </c>
      <c r="CY568" s="6" t="s">
        <v>481</v>
      </c>
      <c r="CZ568" s="6" t="s">
        <v>482</v>
      </c>
      <c r="DA568" s="6" t="s">
        <v>93</v>
      </c>
      <c r="DB568" s="6" t="s">
        <v>345</v>
      </c>
      <c r="DC568" s="6"/>
      <c r="DD568" s="6"/>
      <c r="DE568" s="6"/>
      <c r="DF568" s="6"/>
      <c r="DG568" s="6"/>
      <c r="DH568" s="6" t="s">
        <v>333</v>
      </c>
      <c r="DI568" s="6"/>
      <c r="DJ568" s="6"/>
      <c r="DK568" s="6"/>
      <c r="DL568" s="6">
        <v>4</v>
      </c>
      <c r="DM568" s="6" t="s">
        <v>446</v>
      </c>
      <c r="DN568" s="6">
        <v>6</v>
      </c>
      <c r="DO568" s="6" t="s">
        <v>393</v>
      </c>
      <c r="DP568" s="6"/>
      <c r="DQ568" s="6"/>
    </row>
    <row r="569" spans="1:121" x14ac:dyDescent="0.2">
      <c r="A569" s="6" t="s">
        <v>794</v>
      </c>
      <c r="B569" s="6" t="s">
        <v>181</v>
      </c>
      <c r="C569" s="6" t="s">
        <v>182</v>
      </c>
      <c r="D569" s="6" t="s">
        <v>93</v>
      </c>
      <c r="E569" s="6" t="s">
        <v>234</v>
      </c>
      <c r="F569" s="11">
        <v>33</v>
      </c>
      <c r="G569" s="13">
        <v>0.323529411765</v>
      </c>
      <c r="H569" s="11">
        <v>14.800041726000003</v>
      </c>
      <c r="I569" s="13">
        <v>0.14472742848225748</v>
      </c>
      <c r="J569" s="11">
        <v>4.0520814810000019</v>
      </c>
      <c r="K569" s="13">
        <v>3.4614972157825115E-2</v>
      </c>
      <c r="L569" s="11">
        <v>14.332406819999989</v>
      </c>
      <c r="M569" s="13">
        <v>0.11833853402096664</v>
      </c>
      <c r="N569" s="11">
        <v>18.38448830099999</v>
      </c>
      <c r="O569" s="13">
        <v>0.15704979123912538</v>
      </c>
      <c r="P569" s="7">
        <v>102.261484787</v>
      </c>
      <c r="Q569" s="7">
        <v>107.96949839600001</v>
      </c>
      <c r="R569" s="7">
        <v>123.279646845</v>
      </c>
      <c r="S569" s="7">
        <v>121.094898805</v>
      </c>
      <c r="T569" s="7">
        <v>128.73510394199999</v>
      </c>
      <c r="U569" s="7">
        <v>138.682059452</v>
      </c>
      <c r="V569" s="7">
        <v>117.061526513</v>
      </c>
      <c r="W569" s="7">
        <v>121.52900064400001</v>
      </c>
      <c r="X569" s="7">
        <v>127.55531829</v>
      </c>
      <c r="Y569" s="7">
        <v>121.11360799400001</v>
      </c>
      <c r="Z569" s="7">
        <v>114.995428753</v>
      </c>
      <c r="AA569" s="7">
        <v>121.57815731700001</v>
      </c>
      <c r="AB569" s="7">
        <v>131.74530812099999</v>
      </c>
      <c r="AC569" s="7">
        <v>131.22616123099999</v>
      </c>
      <c r="AD569" s="7">
        <v>129.32008722800001</v>
      </c>
      <c r="AE569" s="7">
        <v>128.155589131</v>
      </c>
      <c r="AF569" s="7">
        <v>135.44601481399999</v>
      </c>
      <c r="AG569" s="9">
        <v>12139.746767199998</v>
      </c>
      <c r="AH569" s="13">
        <v>0.35992728593462026</v>
      </c>
      <c r="AI569" s="9">
        <v>3374.7070873999983</v>
      </c>
      <c r="AJ569" s="13">
        <v>0.10005556014348102</v>
      </c>
      <c r="AK569" s="9">
        <v>5766.3702935999972</v>
      </c>
      <c r="AL569" s="13">
        <v>0.15541504238377613</v>
      </c>
      <c r="AM569" s="9">
        <v>2998.6693862000029</v>
      </c>
      <c r="AN569" s="13">
        <v>6.994893267569928E-2</v>
      </c>
      <c r="AO569" s="9">
        <v>8765.0396798000002</v>
      </c>
      <c r="AP569" s="13">
        <v>0.2362350913959691</v>
      </c>
      <c r="AQ569" s="9">
        <v>33728.331364700003</v>
      </c>
      <c r="AR569" s="9">
        <v>34181.802074400002</v>
      </c>
      <c r="AS569" s="9">
        <v>31765.9964029</v>
      </c>
      <c r="AT569" s="9">
        <v>35963.2198001</v>
      </c>
      <c r="AU569" s="9">
        <v>33463.900361300002</v>
      </c>
      <c r="AV569" s="9">
        <v>36773.964780599999</v>
      </c>
      <c r="AW569" s="9">
        <v>37103.038452100001</v>
      </c>
      <c r="AX569" s="9">
        <v>40987.594014900002</v>
      </c>
      <c r="AY569" s="9">
        <v>44566.391345999997</v>
      </c>
      <c r="AZ569" s="9">
        <v>42869.408745699999</v>
      </c>
      <c r="BA569" s="9">
        <v>39559.861842699996</v>
      </c>
      <c r="BB569" s="9">
        <v>39133.648214200002</v>
      </c>
      <c r="BC569" s="9">
        <v>38912.715382599999</v>
      </c>
      <c r="BD569" s="9">
        <v>41841.960160800001</v>
      </c>
      <c r="BE569" s="9">
        <v>43314.346112500003</v>
      </c>
      <c r="BF569" s="9">
        <v>45868.078131900002</v>
      </c>
      <c r="BG569" s="11">
        <v>-5.25</v>
      </c>
      <c r="BH569" s="13">
        <v>-0.26250000000000001</v>
      </c>
      <c r="BI569" s="6">
        <v>1</v>
      </c>
      <c r="BJ569" s="13">
        <v>0.05</v>
      </c>
      <c r="BK569" s="6">
        <v>-5</v>
      </c>
      <c r="BL569" s="13">
        <v>-0.23809523809523808</v>
      </c>
      <c r="BM569" s="11">
        <v>-1.25</v>
      </c>
      <c r="BN569" s="13">
        <v>-7.8125E-2</v>
      </c>
      <c r="BO569" s="11">
        <v>-6.25</v>
      </c>
      <c r="BP569" s="13">
        <v>-0.29761904761904762</v>
      </c>
      <c r="BQ569" s="6">
        <v>20</v>
      </c>
      <c r="BR569" s="6">
        <v>23</v>
      </c>
      <c r="BS569" s="6">
        <v>23</v>
      </c>
      <c r="BT569" s="6">
        <v>21</v>
      </c>
      <c r="BU569" s="6">
        <v>20</v>
      </c>
      <c r="BV569" s="6">
        <v>21</v>
      </c>
      <c r="BW569" s="6">
        <v>16</v>
      </c>
      <c r="BX569" s="6">
        <v>16</v>
      </c>
      <c r="BY569" s="6">
        <v>14</v>
      </c>
      <c r="BZ569" s="6">
        <v>15</v>
      </c>
      <c r="CA569" s="6">
        <v>16</v>
      </c>
      <c r="CB569" s="6">
        <v>14</v>
      </c>
      <c r="CC569" s="11">
        <v>14.75</v>
      </c>
      <c r="CD569" s="11">
        <v>15.560499999999999</v>
      </c>
      <c r="CE569" s="11">
        <v>6.4455799999999996</v>
      </c>
      <c r="CF569" s="11">
        <v>11.1784</v>
      </c>
      <c r="CG569" s="11">
        <v>17</v>
      </c>
      <c r="CH569" s="20">
        <v>0.44851000000000002</v>
      </c>
      <c r="CI569" s="20">
        <v>0.47216999999999998</v>
      </c>
      <c r="CJ569" s="20">
        <v>0.54247800000000002</v>
      </c>
      <c r="CK569" s="20">
        <v>0.52856800000000004</v>
      </c>
      <c r="CL569" s="20">
        <v>0.54351300000000002</v>
      </c>
      <c r="CM569" s="20">
        <v>0.562662</v>
      </c>
      <c r="CN569" s="20">
        <v>0.46864800000000001</v>
      </c>
      <c r="CO569" s="20">
        <v>0.50019499999999995</v>
      </c>
      <c r="CP569" s="20">
        <v>0.547844</v>
      </c>
      <c r="CQ569" s="20">
        <v>0.53282099999999999</v>
      </c>
      <c r="CR569" s="20">
        <v>0.48631600000000003</v>
      </c>
      <c r="CS569" s="20">
        <v>0.50805</v>
      </c>
      <c r="CT569" s="20">
        <v>0.55111200000000005</v>
      </c>
      <c r="CU569" s="20">
        <v>0.54384399999999999</v>
      </c>
      <c r="CV569" s="20">
        <v>0.50810699999999998</v>
      </c>
      <c r="CW569" s="20">
        <v>0.49566199999999999</v>
      </c>
      <c r="CX569" s="20">
        <v>0.51039999999999996</v>
      </c>
      <c r="CY569" s="6" t="s">
        <v>481</v>
      </c>
      <c r="CZ569" s="6" t="s">
        <v>482</v>
      </c>
      <c r="DA569" s="6" t="s">
        <v>93</v>
      </c>
      <c r="DB569" s="6" t="s">
        <v>345</v>
      </c>
      <c r="DC569" s="6"/>
      <c r="DD569" s="6"/>
      <c r="DE569" s="6"/>
      <c r="DF569" s="6"/>
      <c r="DG569" s="6"/>
      <c r="DH569" s="6" t="s">
        <v>333</v>
      </c>
      <c r="DI569" s="6"/>
      <c r="DJ569" s="6"/>
      <c r="DK569" s="6"/>
      <c r="DL569" s="6">
        <v>4</v>
      </c>
      <c r="DM569" s="6" t="s">
        <v>446</v>
      </c>
      <c r="DN569" s="6">
        <v>6</v>
      </c>
      <c r="DO569" s="6" t="s">
        <v>393</v>
      </c>
      <c r="DP569" s="6"/>
      <c r="DQ569" s="6"/>
    </row>
    <row r="570" spans="1:121" x14ac:dyDescent="0.2">
      <c r="A570" s="6" t="s">
        <v>314</v>
      </c>
      <c r="B570" s="6" t="s">
        <v>314</v>
      </c>
      <c r="C570" s="6" t="s">
        <v>183</v>
      </c>
      <c r="D570" s="6" t="s">
        <v>93</v>
      </c>
      <c r="E570" s="6" t="s">
        <v>234</v>
      </c>
      <c r="F570" s="11">
        <v>1</v>
      </c>
      <c r="G570" s="13">
        <v>1.4492753623200001E-2</v>
      </c>
      <c r="H570" s="11">
        <v>-21.944762072500005</v>
      </c>
      <c r="I570" s="13">
        <v>-0.31601433236658355</v>
      </c>
      <c r="J570" s="11">
        <v>3.2160685820000054</v>
      </c>
      <c r="K570" s="13">
        <v>6.7710216620259264E-2</v>
      </c>
      <c r="L570" s="11">
        <v>19.002584293700004</v>
      </c>
      <c r="M570" s="13">
        <v>0.37470386355070834</v>
      </c>
      <c r="N570" s="11">
        <v>22.218652875700009</v>
      </c>
      <c r="O570" s="13">
        <v>0.46778535994043419</v>
      </c>
      <c r="P570" s="7">
        <v>69.442300000000003</v>
      </c>
      <c r="Q570" s="7">
        <v>52.226735737200002</v>
      </c>
      <c r="R570" s="7">
        <v>63.659140492600002</v>
      </c>
      <c r="S570" s="7">
        <v>61.950828352899997</v>
      </c>
      <c r="T570" s="7">
        <v>47.341347579900003</v>
      </c>
      <c r="U570" s="7">
        <v>47.066202742800002</v>
      </c>
      <c r="V570" s="7">
        <v>47.497537927499998</v>
      </c>
      <c r="W570" s="7">
        <v>44.542402587600002</v>
      </c>
      <c r="X570" s="7">
        <v>48.828598139100002</v>
      </c>
      <c r="Y570" s="7">
        <v>50.713606509500003</v>
      </c>
      <c r="Z570" s="7">
        <v>49.728277226599999</v>
      </c>
      <c r="AA570" s="7">
        <v>46.994128856700002</v>
      </c>
      <c r="AB570" s="7">
        <v>49.740408214299997</v>
      </c>
      <c r="AC570" s="7">
        <v>67.082050378100007</v>
      </c>
      <c r="AD570" s="7">
        <v>63.443222679599998</v>
      </c>
      <c r="AE570" s="7">
        <v>65.838694523699999</v>
      </c>
      <c r="AF570" s="7">
        <v>69.716190803200007</v>
      </c>
      <c r="AG570" s="9">
        <v>4514.6228345999953</v>
      </c>
      <c r="AH570" s="13">
        <v>0.15306120125480618</v>
      </c>
      <c r="AI570" s="9">
        <v>19699.6687595</v>
      </c>
      <c r="AJ570" s="13">
        <v>0.66788634956213466</v>
      </c>
      <c r="AK570" s="9">
        <v>-3801.2332626999996</v>
      </c>
      <c r="AL570" s="13">
        <v>-7.7268362774290222E-2</v>
      </c>
      <c r="AM570" s="9">
        <v>-11383.812662200005</v>
      </c>
      <c r="AN570" s="13">
        <v>-0.25077804829399847</v>
      </c>
      <c r="AO570" s="9">
        <v>-15185.045924900005</v>
      </c>
      <c r="AP570" s="13">
        <v>-0.30866920185687952</v>
      </c>
      <c r="AQ570" s="9">
        <v>29495.540330200001</v>
      </c>
      <c r="AR570" s="9">
        <v>34824.417176399998</v>
      </c>
      <c r="AS570" s="9">
        <v>34816.343893099998</v>
      </c>
      <c r="AT570" s="9">
        <v>37386.470613799996</v>
      </c>
      <c r="AU570" s="9">
        <v>43098.544508999999</v>
      </c>
      <c r="AV570" s="9">
        <v>45906.960452599997</v>
      </c>
      <c r="AW570" s="9">
        <v>49195.209089700002</v>
      </c>
      <c r="AX570" s="9">
        <v>50480.138155699999</v>
      </c>
      <c r="AY570" s="9">
        <v>50417.292322200003</v>
      </c>
      <c r="AZ570" s="9">
        <v>45393.975827000002</v>
      </c>
      <c r="BA570" s="9">
        <v>44641.1188711</v>
      </c>
      <c r="BB570" s="9">
        <v>46187.227286399997</v>
      </c>
      <c r="BC570" s="9">
        <v>40336.319152399999</v>
      </c>
      <c r="BD570" s="9">
        <v>31009.694041999999</v>
      </c>
      <c r="BE570" s="9">
        <v>33361.869909599998</v>
      </c>
      <c r="BF570" s="9">
        <v>34010.163164799997</v>
      </c>
      <c r="BG570" s="11">
        <v>-1</v>
      </c>
      <c r="BH570" s="13">
        <v>-0.2</v>
      </c>
      <c r="BI570" s="6">
        <v>-1</v>
      </c>
      <c r="BJ570" s="13">
        <v>-0.2</v>
      </c>
      <c r="BK570" s="6">
        <v>1</v>
      </c>
      <c r="BL570" s="13">
        <v>0.25</v>
      </c>
      <c r="BM570" s="11">
        <v>-1</v>
      </c>
      <c r="BN570" s="13">
        <v>-0.2</v>
      </c>
      <c r="BO570" s="11">
        <v>0</v>
      </c>
      <c r="BP570" s="13">
        <v>0</v>
      </c>
      <c r="BQ570" s="6">
        <v>5</v>
      </c>
      <c r="BR570" s="6">
        <v>4</v>
      </c>
      <c r="BS570" s="6">
        <v>3</v>
      </c>
      <c r="BT570" s="6">
        <v>4</v>
      </c>
      <c r="BU570" s="6">
        <v>4</v>
      </c>
      <c r="BV570" s="6">
        <v>5</v>
      </c>
      <c r="BW570" s="6">
        <v>5</v>
      </c>
      <c r="BX570" s="6">
        <v>5</v>
      </c>
      <c r="BY570" s="6">
        <v>5</v>
      </c>
      <c r="BZ570" s="6">
        <v>6</v>
      </c>
      <c r="CA570" s="6">
        <v>5</v>
      </c>
      <c r="CB570" s="6">
        <v>5</v>
      </c>
      <c r="CC570" s="11">
        <v>4</v>
      </c>
      <c r="CD570" s="11">
        <v>13.952500000000001</v>
      </c>
      <c r="CE570" s="11">
        <v>-21.269500000000001</v>
      </c>
      <c r="CF570" s="11">
        <v>7.5908800000000003</v>
      </c>
      <c r="CG570" s="11">
        <v>-13</v>
      </c>
      <c r="CH570" s="20">
        <v>0.38676199999999999</v>
      </c>
      <c r="CI570" s="20">
        <v>0.29821700000000001</v>
      </c>
      <c r="CJ570" s="20">
        <v>0.38191199999999997</v>
      </c>
      <c r="CK570" s="20">
        <v>0.38426100000000002</v>
      </c>
      <c r="CL570" s="20">
        <v>0.29479499999999997</v>
      </c>
      <c r="CM570" s="20">
        <v>0.29003899999999999</v>
      </c>
      <c r="CN570" s="20">
        <v>0.295431</v>
      </c>
      <c r="CO570" s="20">
        <v>0.28730600000000001</v>
      </c>
      <c r="CP570" s="20">
        <v>0.327102</v>
      </c>
      <c r="CQ570" s="20">
        <v>0.35694100000000001</v>
      </c>
      <c r="CR570" s="20">
        <v>0.34897600000000001</v>
      </c>
      <c r="CS570" s="20">
        <v>0.33245599999999997</v>
      </c>
      <c r="CT570" s="20">
        <v>0.355908</v>
      </c>
      <c r="CU570" s="20">
        <v>0.48574499999999998</v>
      </c>
      <c r="CV570" s="20">
        <v>0.45143899999999998</v>
      </c>
      <c r="CW570" s="20">
        <v>0.46618900000000002</v>
      </c>
      <c r="CX570" s="20">
        <v>0.487041</v>
      </c>
      <c r="CY570" s="6" t="s">
        <v>481</v>
      </c>
      <c r="CZ570" s="6" t="s">
        <v>482</v>
      </c>
      <c r="DA570" s="6" t="s">
        <v>93</v>
      </c>
      <c r="DB570" s="6" t="s">
        <v>345</v>
      </c>
      <c r="DC570" s="6"/>
      <c r="DD570" s="6"/>
      <c r="DE570" s="6"/>
      <c r="DF570" s="6"/>
      <c r="DG570" s="6"/>
      <c r="DH570" s="6" t="s">
        <v>333</v>
      </c>
      <c r="DI570" s="6"/>
      <c r="DJ570" s="6"/>
      <c r="DK570" s="6"/>
      <c r="DL570" s="6">
        <v>4</v>
      </c>
      <c r="DM570" s="6" t="s">
        <v>446</v>
      </c>
      <c r="DN570" s="6">
        <v>6</v>
      </c>
      <c r="DO570" s="6" t="s">
        <v>393</v>
      </c>
      <c r="DP570" s="6"/>
      <c r="DQ570" s="6"/>
    </row>
    <row r="571" spans="1:121" x14ac:dyDescent="0.2">
      <c r="A571" s="6" t="s">
        <v>315</v>
      </c>
      <c r="B571" s="6" t="s">
        <v>315</v>
      </c>
      <c r="C571" s="6" t="s">
        <v>184</v>
      </c>
      <c r="D571" s="6" t="s">
        <v>93</v>
      </c>
      <c r="E571" s="6" t="s">
        <v>234</v>
      </c>
      <c r="F571" s="11">
        <v>14</v>
      </c>
      <c r="G571" s="13">
        <v>0.08</v>
      </c>
      <c r="H571" s="11">
        <v>14</v>
      </c>
      <c r="I571" s="13">
        <v>7.8651685393258439E-2</v>
      </c>
      <c r="J571" s="11">
        <v>-3</v>
      </c>
      <c r="K571" s="13">
        <v>-1.5625E-2</v>
      </c>
      <c r="L571" s="11">
        <v>3</v>
      </c>
      <c r="M571" s="13">
        <v>1.5873015873015872E-2</v>
      </c>
      <c r="N571" s="11">
        <v>0</v>
      </c>
      <c r="O571" s="13">
        <v>0</v>
      </c>
      <c r="P571" s="7">
        <v>178</v>
      </c>
      <c r="Q571" s="7">
        <v>177</v>
      </c>
      <c r="R571" s="7">
        <v>176</v>
      </c>
      <c r="S571" s="7">
        <v>184</v>
      </c>
      <c r="T571" s="7">
        <v>186</v>
      </c>
      <c r="U571" s="7">
        <v>192</v>
      </c>
      <c r="V571" s="7">
        <v>192</v>
      </c>
      <c r="W571" s="7">
        <v>193</v>
      </c>
      <c r="X571" s="7">
        <v>201</v>
      </c>
      <c r="Y571" s="7">
        <v>189</v>
      </c>
      <c r="Z571" s="7">
        <v>173</v>
      </c>
      <c r="AA571" s="7">
        <v>171</v>
      </c>
      <c r="AB571" s="7">
        <v>177</v>
      </c>
      <c r="AC571" s="7">
        <v>182</v>
      </c>
      <c r="AD571" s="7">
        <v>196</v>
      </c>
      <c r="AE571" s="7">
        <v>189</v>
      </c>
      <c r="AF571" s="7">
        <v>192</v>
      </c>
      <c r="AG571" s="9">
        <v>17721</v>
      </c>
      <c r="AH571" s="13">
        <v>0.58995272654637454</v>
      </c>
      <c r="AI571" s="9">
        <v>7729</v>
      </c>
      <c r="AJ571" s="13">
        <v>0.25730741061322326</v>
      </c>
      <c r="AK571" s="9">
        <v>2978</v>
      </c>
      <c r="AL571" s="13">
        <v>7.8851907750152245E-2</v>
      </c>
      <c r="AM571" s="9">
        <v>7014</v>
      </c>
      <c r="AN571" s="13">
        <v>0.17214382132777029</v>
      </c>
      <c r="AO571" s="9">
        <v>9992</v>
      </c>
      <c r="AP571" s="13">
        <v>0.26456959779701855</v>
      </c>
      <c r="AQ571" s="9">
        <v>30038</v>
      </c>
      <c r="AR571" s="9">
        <v>32158</v>
      </c>
      <c r="AS571" s="9">
        <v>34259</v>
      </c>
      <c r="AT571" s="9">
        <v>36958</v>
      </c>
      <c r="AU571" s="9">
        <v>36891</v>
      </c>
      <c r="AV571" s="9">
        <v>35658</v>
      </c>
      <c r="AW571" s="9">
        <v>37767</v>
      </c>
      <c r="AX571" s="9">
        <v>38092</v>
      </c>
      <c r="AY571" s="9">
        <v>38731</v>
      </c>
      <c r="AZ571" s="9">
        <v>40745</v>
      </c>
      <c r="BA571" s="9">
        <v>39542</v>
      </c>
      <c r="BB571" s="9">
        <v>39469</v>
      </c>
      <c r="BC571" s="9">
        <v>42671</v>
      </c>
      <c r="BD571" s="9">
        <v>43526</v>
      </c>
      <c r="BE571" s="9">
        <v>47186</v>
      </c>
      <c r="BF571" s="9">
        <v>47759</v>
      </c>
      <c r="BG571" s="11">
        <v>3</v>
      </c>
      <c r="BH571" s="13">
        <v>0.15</v>
      </c>
      <c r="BI571" s="6">
        <v>1</v>
      </c>
      <c r="BJ571" s="13">
        <v>0.05</v>
      </c>
      <c r="BK571" s="6">
        <v>1</v>
      </c>
      <c r="BL571" s="13">
        <v>4.7619047619047616E-2</v>
      </c>
      <c r="BM571" s="11">
        <v>1</v>
      </c>
      <c r="BN571" s="13">
        <v>4.5454545454545456E-2</v>
      </c>
      <c r="BO571" s="11">
        <v>2</v>
      </c>
      <c r="BP571" s="13">
        <v>9.5238095238095233E-2</v>
      </c>
      <c r="BQ571" s="6">
        <v>20</v>
      </c>
      <c r="BR571" s="6">
        <v>21</v>
      </c>
      <c r="BS571" s="6">
        <v>22</v>
      </c>
      <c r="BT571" s="6">
        <v>21</v>
      </c>
      <c r="BU571" s="6">
        <v>22</v>
      </c>
      <c r="BV571" s="6">
        <v>21</v>
      </c>
      <c r="BW571" s="6">
        <v>22</v>
      </c>
      <c r="BX571" s="6">
        <v>23</v>
      </c>
      <c r="BY571" s="6">
        <v>24</v>
      </c>
      <c r="BZ571" s="6">
        <v>23</v>
      </c>
      <c r="CA571" s="6">
        <v>23</v>
      </c>
      <c r="CB571" s="6">
        <v>24</v>
      </c>
      <c r="CC571" s="11">
        <v>23</v>
      </c>
      <c r="CD571" s="11">
        <v>8</v>
      </c>
      <c r="CE571" s="11">
        <v>-14</v>
      </c>
      <c r="CF571" s="11">
        <v>19</v>
      </c>
      <c r="CG571" s="11">
        <v>5</v>
      </c>
      <c r="CH571" s="20">
        <v>0.61</v>
      </c>
      <c r="CI571" s="20">
        <v>0.59</v>
      </c>
      <c r="CJ571" s="20">
        <v>0.56999999999999995</v>
      </c>
      <c r="CK571" s="20">
        <v>0.6</v>
      </c>
      <c r="CL571" s="20">
        <v>0.59</v>
      </c>
      <c r="CM571" s="20">
        <v>0.59</v>
      </c>
      <c r="CN571" s="20">
        <v>0.6</v>
      </c>
      <c r="CO571" s="20">
        <v>0.63</v>
      </c>
      <c r="CP571" s="20">
        <v>0.67</v>
      </c>
      <c r="CQ571" s="20">
        <v>0.65</v>
      </c>
      <c r="CR571" s="20">
        <v>0.57999999999999996</v>
      </c>
      <c r="CS571" s="20">
        <v>0.57999999999999996</v>
      </c>
      <c r="CT571" s="20">
        <v>0.6</v>
      </c>
      <c r="CU571" s="20">
        <v>0.64</v>
      </c>
      <c r="CV571" s="20">
        <v>0.67</v>
      </c>
      <c r="CW571" s="20">
        <v>0.64</v>
      </c>
      <c r="CX571" s="20">
        <v>0.64</v>
      </c>
      <c r="CY571" s="6" t="s">
        <v>481</v>
      </c>
      <c r="CZ571" s="6" t="s">
        <v>482</v>
      </c>
      <c r="DA571" s="6" t="s">
        <v>93</v>
      </c>
      <c r="DB571" s="6" t="s">
        <v>345</v>
      </c>
      <c r="DC571" s="6"/>
      <c r="DD571" s="6"/>
      <c r="DE571" s="6"/>
      <c r="DF571" s="6"/>
      <c r="DG571" s="6"/>
      <c r="DH571" s="6" t="s">
        <v>333</v>
      </c>
      <c r="DI571" s="6"/>
      <c r="DJ571" s="6"/>
      <c r="DK571" s="6"/>
      <c r="DL571" s="6">
        <v>4</v>
      </c>
      <c r="DM571" s="6" t="s">
        <v>446</v>
      </c>
      <c r="DN571" s="6">
        <v>6</v>
      </c>
      <c r="DO571" s="6" t="s">
        <v>393</v>
      </c>
      <c r="DP571" s="6"/>
      <c r="DQ571" s="6"/>
    </row>
    <row r="572" spans="1:121" x14ac:dyDescent="0.2">
      <c r="A572" s="6" t="s">
        <v>316</v>
      </c>
      <c r="B572" s="6" t="s">
        <v>316</v>
      </c>
      <c r="C572" s="6" t="s">
        <v>185</v>
      </c>
      <c r="D572" s="6" t="s">
        <v>93</v>
      </c>
      <c r="E572" s="6" t="s">
        <v>234</v>
      </c>
      <c r="F572" s="11">
        <v>-1</v>
      </c>
      <c r="G572" s="13">
        <v>-0.01</v>
      </c>
      <c r="H572" s="11">
        <v>50</v>
      </c>
      <c r="I572" s="13">
        <v>0.46728971962616822</v>
      </c>
      <c r="J572" s="11">
        <v>-31</v>
      </c>
      <c r="K572" s="13">
        <v>-0.19745222929936307</v>
      </c>
      <c r="L572" s="11">
        <v>-20</v>
      </c>
      <c r="M572" s="13">
        <v>-0.15873015873015872</v>
      </c>
      <c r="N572" s="11">
        <v>-51</v>
      </c>
      <c r="O572" s="13">
        <v>-0.32484076433121017</v>
      </c>
      <c r="P572" s="7">
        <v>107</v>
      </c>
      <c r="Q572" s="7">
        <v>109</v>
      </c>
      <c r="R572" s="7">
        <v>123</v>
      </c>
      <c r="S572" s="7">
        <v>136</v>
      </c>
      <c r="T572" s="7">
        <v>167</v>
      </c>
      <c r="U572" s="7">
        <v>185</v>
      </c>
      <c r="V572" s="7">
        <v>157</v>
      </c>
      <c r="W572" s="7">
        <v>153</v>
      </c>
      <c r="X572" s="7">
        <v>142</v>
      </c>
      <c r="Y572" s="7">
        <v>126</v>
      </c>
      <c r="Z572" s="7">
        <v>118</v>
      </c>
      <c r="AA572" s="7">
        <v>110</v>
      </c>
      <c r="AB572" s="7">
        <v>107</v>
      </c>
      <c r="AC572" s="7">
        <v>107</v>
      </c>
      <c r="AD572" s="7">
        <v>104</v>
      </c>
      <c r="AE572" s="7">
        <v>105</v>
      </c>
      <c r="AF572" s="7">
        <v>106</v>
      </c>
      <c r="AG572" s="9">
        <v>882</v>
      </c>
      <c r="AH572" s="13">
        <v>3.93574297188755E-2</v>
      </c>
      <c r="AI572" s="9">
        <v>6206</v>
      </c>
      <c r="AJ572" s="13">
        <v>0.27692994199018295</v>
      </c>
      <c r="AK572" s="9">
        <v>-5077</v>
      </c>
      <c r="AL572" s="13">
        <v>-0.17741822756499862</v>
      </c>
      <c r="AM572" s="9">
        <v>-247</v>
      </c>
      <c r="AN572" s="13">
        <v>-1.049322401121543E-2</v>
      </c>
      <c r="AO572" s="9">
        <v>-5324</v>
      </c>
      <c r="AP572" s="13">
        <v>-0.1860497623707017</v>
      </c>
      <c r="AQ572" s="9">
        <v>22410</v>
      </c>
      <c r="AR572" s="9">
        <v>26997</v>
      </c>
      <c r="AS572" s="9">
        <v>26744</v>
      </c>
      <c r="AT572" s="9">
        <v>28503</v>
      </c>
      <c r="AU572" s="9">
        <v>30065</v>
      </c>
      <c r="AV572" s="9">
        <v>31788</v>
      </c>
      <c r="AW572" s="9">
        <v>28616</v>
      </c>
      <c r="AX572" s="9">
        <v>27774</v>
      </c>
      <c r="AY572" s="9">
        <v>26055</v>
      </c>
      <c r="AZ572" s="9">
        <v>23539</v>
      </c>
      <c r="BA572" s="9">
        <v>22354</v>
      </c>
      <c r="BB572" s="9">
        <v>21515</v>
      </c>
      <c r="BC572" s="9">
        <v>22078</v>
      </c>
      <c r="BD572" s="9">
        <v>23592</v>
      </c>
      <c r="BE572" s="9">
        <v>22184</v>
      </c>
      <c r="BF572" s="9">
        <v>23292</v>
      </c>
      <c r="BG572" s="11">
        <v>-11</v>
      </c>
      <c r="BH572" s="13">
        <v>-0.42307692307692307</v>
      </c>
      <c r="BI572" s="6">
        <v>-4</v>
      </c>
      <c r="BJ572" s="13">
        <v>-0.15384615384615385</v>
      </c>
      <c r="BK572" s="6">
        <v>-5</v>
      </c>
      <c r="BL572" s="13">
        <v>-0.22727272727272727</v>
      </c>
      <c r="BM572" s="11">
        <v>-2</v>
      </c>
      <c r="BN572" s="13">
        <v>-0.11764705882352941</v>
      </c>
      <c r="BO572" s="11">
        <v>-7</v>
      </c>
      <c r="BP572" s="13">
        <v>-0.31818181818181818</v>
      </c>
      <c r="BQ572" s="6">
        <v>26</v>
      </c>
      <c r="BR572" s="6">
        <v>27</v>
      </c>
      <c r="BS572" s="6">
        <v>23</v>
      </c>
      <c r="BT572" s="6">
        <v>22</v>
      </c>
      <c r="BU572" s="6">
        <v>20</v>
      </c>
      <c r="BV572" s="6">
        <v>19</v>
      </c>
      <c r="BW572" s="6">
        <v>17</v>
      </c>
      <c r="BX572" s="6">
        <v>16</v>
      </c>
      <c r="BY572" s="6">
        <v>16</v>
      </c>
      <c r="BZ572" s="6">
        <v>18</v>
      </c>
      <c r="CA572" s="6">
        <v>16</v>
      </c>
      <c r="CB572" s="6">
        <v>15</v>
      </c>
      <c r="CC572" s="11">
        <v>15</v>
      </c>
      <c r="CD572" s="11">
        <v>-7</v>
      </c>
      <c r="CE572" s="11">
        <v>-5</v>
      </c>
      <c r="CF572" s="11">
        <v>12</v>
      </c>
      <c r="CG572" s="11">
        <v>7</v>
      </c>
      <c r="CH572" s="20">
        <v>0.89</v>
      </c>
      <c r="CI572" s="20">
        <v>0.87</v>
      </c>
      <c r="CJ572" s="20">
        <v>0.96</v>
      </c>
      <c r="CK572" s="20">
        <v>1.05</v>
      </c>
      <c r="CL572" s="20">
        <v>1.22</v>
      </c>
      <c r="CM572" s="20">
        <v>1.32</v>
      </c>
      <c r="CN572" s="20">
        <v>1.1299999999999999</v>
      </c>
      <c r="CO572" s="20">
        <v>1.1599999999999999</v>
      </c>
      <c r="CP572" s="20">
        <v>1.1200000000000001</v>
      </c>
      <c r="CQ572" s="20">
        <v>1.05</v>
      </c>
      <c r="CR572" s="20">
        <v>0.97</v>
      </c>
      <c r="CS572" s="20">
        <v>0.91</v>
      </c>
      <c r="CT572" s="20">
        <v>0.89</v>
      </c>
      <c r="CU572" s="20">
        <v>0.89</v>
      </c>
      <c r="CV572" s="20">
        <v>0.83</v>
      </c>
      <c r="CW572" s="20">
        <v>0.84</v>
      </c>
      <c r="CX572" s="20">
        <v>0.84</v>
      </c>
      <c r="CY572" s="6" t="s">
        <v>481</v>
      </c>
      <c r="CZ572" s="6" t="s">
        <v>482</v>
      </c>
      <c r="DA572" s="6" t="s">
        <v>93</v>
      </c>
      <c r="DB572" s="6" t="s">
        <v>345</v>
      </c>
      <c r="DC572" s="6"/>
      <c r="DD572" s="6"/>
      <c r="DE572" s="6"/>
      <c r="DF572" s="6"/>
      <c r="DG572" s="6"/>
      <c r="DH572" s="6" t="s">
        <v>333</v>
      </c>
      <c r="DI572" s="6"/>
      <c r="DJ572" s="6"/>
      <c r="DK572" s="6"/>
      <c r="DL572" s="6">
        <v>4</v>
      </c>
      <c r="DM572" s="6" t="s">
        <v>446</v>
      </c>
      <c r="DN572" s="6">
        <v>6</v>
      </c>
      <c r="DO572" s="6" t="s">
        <v>393</v>
      </c>
      <c r="DP572" s="6"/>
      <c r="DQ572" s="6"/>
    </row>
    <row r="573" spans="1:121" x14ac:dyDescent="0.2">
      <c r="A573" s="6" t="s">
        <v>317</v>
      </c>
      <c r="B573" s="6" t="s">
        <v>317</v>
      </c>
      <c r="C573" s="6" t="s">
        <v>186</v>
      </c>
      <c r="D573" s="6" t="s">
        <v>93</v>
      </c>
      <c r="E573" s="6" t="s">
        <v>234</v>
      </c>
      <c r="F573" s="11">
        <v>28</v>
      </c>
      <c r="G573" s="13">
        <v>0.25</v>
      </c>
      <c r="H573" s="11">
        <v>83</v>
      </c>
      <c r="I573" s="13">
        <v>0.74774774774774788</v>
      </c>
      <c r="J573" s="11">
        <v>-4</v>
      </c>
      <c r="K573" s="13">
        <v>-2.0618556701030927E-2</v>
      </c>
      <c r="L573" s="11">
        <v>-51</v>
      </c>
      <c r="M573" s="13">
        <v>-0.26842105263157895</v>
      </c>
      <c r="N573" s="11">
        <v>-55</v>
      </c>
      <c r="O573" s="13">
        <v>-0.28350515463917525</v>
      </c>
      <c r="P573" s="7">
        <v>111</v>
      </c>
      <c r="Q573" s="7">
        <v>113</v>
      </c>
      <c r="R573" s="7">
        <v>107</v>
      </c>
      <c r="S573" s="7">
        <v>170</v>
      </c>
      <c r="T573" s="7">
        <v>160</v>
      </c>
      <c r="U573" s="7">
        <v>179</v>
      </c>
      <c r="V573" s="7">
        <v>194</v>
      </c>
      <c r="W573" s="7">
        <v>175</v>
      </c>
      <c r="X573" s="7">
        <v>179</v>
      </c>
      <c r="Y573" s="7">
        <v>190</v>
      </c>
      <c r="Z573" s="7">
        <v>176</v>
      </c>
      <c r="AA573" s="7">
        <v>175</v>
      </c>
      <c r="AB573" s="7">
        <v>155</v>
      </c>
      <c r="AC573" s="7">
        <v>144</v>
      </c>
      <c r="AD573" s="7">
        <v>143</v>
      </c>
      <c r="AE573" s="7">
        <v>142</v>
      </c>
      <c r="AF573" s="7">
        <v>139</v>
      </c>
      <c r="AG573" s="9">
        <v>7483</v>
      </c>
      <c r="AH573" s="13">
        <v>0.25698880417611097</v>
      </c>
      <c r="AI573" s="9">
        <v>-2679</v>
      </c>
      <c r="AJ573" s="13">
        <v>-9.2004945394601287E-2</v>
      </c>
      <c r="AK573" s="9">
        <v>902</v>
      </c>
      <c r="AL573" s="13">
        <v>3.4116267634933244E-2</v>
      </c>
      <c r="AM573" s="9">
        <v>9260</v>
      </c>
      <c r="AN573" s="13">
        <v>0.33868549065506015</v>
      </c>
      <c r="AO573" s="9">
        <v>10162</v>
      </c>
      <c r="AP573" s="13">
        <v>0.38435644313325018</v>
      </c>
      <c r="AQ573" s="9">
        <v>29118</v>
      </c>
      <c r="AR573" s="9">
        <v>29052</v>
      </c>
      <c r="AS573" s="9">
        <v>28101</v>
      </c>
      <c r="AT573" s="9">
        <v>25333</v>
      </c>
      <c r="AU573" s="9">
        <v>25627</v>
      </c>
      <c r="AV573" s="9">
        <v>24673</v>
      </c>
      <c r="AW573" s="9">
        <v>26439</v>
      </c>
      <c r="AX573" s="9">
        <v>29027</v>
      </c>
      <c r="AY573" s="9">
        <v>27287</v>
      </c>
      <c r="AZ573" s="9">
        <v>27341</v>
      </c>
      <c r="BA573" s="9">
        <v>29442</v>
      </c>
      <c r="BB573" s="9">
        <v>31037</v>
      </c>
      <c r="BC573" s="9">
        <v>34245</v>
      </c>
      <c r="BD573" s="9">
        <v>36850</v>
      </c>
      <c r="BE573" s="9">
        <v>35810</v>
      </c>
      <c r="BF573" s="9">
        <v>36601</v>
      </c>
      <c r="BG573" s="11">
        <v>2</v>
      </c>
      <c r="BH573" s="13">
        <v>7.407407407407407E-2</v>
      </c>
      <c r="BI573" s="6">
        <v>-2</v>
      </c>
      <c r="BJ573" s="13">
        <v>-7.407407407407407E-2</v>
      </c>
      <c r="BK573" s="6">
        <v>0</v>
      </c>
      <c r="BL573" s="13">
        <v>0</v>
      </c>
      <c r="BM573" s="11">
        <v>4</v>
      </c>
      <c r="BN573" s="13">
        <v>0.16</v>
      </c>
      <c r="BO573" s="11">
        <v>4</v>
      </c>
      <c r="BP573" s="13">
        <v>0.16</v>
      </c>
      <c r="BQ573" s="6">
        <v>27</v>
      </c>
      <c r="BR573" s="6">
        <v>27</v>
      </c>
      <c r="BS573" s="6">
        <v>25</v>
      </c>
      <c r="BT573" s="6">
        <v>25</v>
      </c>
      <c r="BU573" s="6">
        <v>25</v>
      </c>
      <c r="BV573" s="6">
        <v>23</v>
      </c>
      <c r="BW573" s="6">
        <v>25</v>
      </c>
      <c r="BX573" s="6">
        <v>25</v>
      </c>
      <c r="BY573" s="6">
        <v>25</v>
      </c>
      <c r="BZ573" s="6">
        <v>25</v>
      </c>
      <c r="CA573" s="6">
        <v>27</v>
      </c>
      <c r="CB573" s="6">
        <v>31</v>
      </c>
      <c r="CC573" s="11">
        <v>29</v>
      </c>
      <c r="CD573" s="11">
        <v>-7</v>
      </c>
      <c r="CE573" s="11">
        <v>22</v>
      </c>
      <c r="CF573" s="11">
        <v>12</v>
      </c>
      <c r="CG573" s="11">
        <v>34</v>
      </c>
      <c r="CH573" s="20">
        <v>0.28999999999999998</v>
      </c>
      <c r="CI573" s="20">
        <v>0.28999999999999998</v>
      </c>
      <c r="CJ573" s="20">
        <v>0.28000000000000003</v>
      </c>
      <c r="CK573" s="20">
        <v>0.43</v>
      </c>
      <c r="CL573" s="20">
        <v>0.39</v>
      </c>
      <c r="CM573" s="20">
        <v>0.41</v>
      </c>
      <c r="CN573" s="20">
        <v>0.43</v>
      </c>
      <c r="CO573" s="20">
        <v>0.39</v>
      </c>
      <c r="CP573" s="20">
        <v>0.41</v>
      </c>
      <c r="CQ573" s="20">
        <v>0.44</v>
      </c>
      <c r="CR573" s="20">
        <v>0.39</v>
      </c>
      <c r="CS573" s="20">
        <v>0.38</v>
      </c>
      <c r="CT573" s="20">
        <v>0.34</v>
      </c>
      <c r="CU573" s="20">
        <v>0.31</v>
      </c>
      <c r="CV573" s="20">
        <v>0.3</v>
      </c>
      <c r="CW573" s="20">
        <v>0.28999999999999998</v>
      </c>
      <c r="CX573" s="20">
        <v>0.28000000000000003</v>
      </c>
      <c r="CY573" s="6" t="s">
        <v>481</v>
      </c>
      <c r="CZ573" s="6" t="s">
        <v>482</v>
      </c>
      <c r="DA573" s="6" t="s">
        <v>93</v>
      </c>
      <c r="DB573" s="6" t="s">
        <v>345</v>
      </c>
      <c r="DC573" s="6"/>
      <c r="DD573" s="6"/>
      <c r="DE573" s="6"/>
      <c r="DF573" s="6"/>
      <c r="DG573" s="6"/>
      <c r="DH573" s="6" t="s">
        <v>333</v>
      </c>
      <c r="DI573" s="6"/>
      <c r="DJ573" s="6"/>
      <c r="DK573" s="6"/>
      <c r="DL573" s="6">
        <v>4</v>
      </c>
      <c r="DM573" s="6" t="s">
        <v>446</v>
      </c>
      <c r="DN573" s="6">
        <v>6</v>
      </c>
      <c r="DO573" s="6" t="s">
        <v>393</v>
      </c>
      <c r="DP573" s="6"/>
      <c r="DQ573" s="6"/>
    </row>
    <row r="574" spans="1:121" x14ac:dyDescent="0.2">
      <c r="A574" s="6" t="s">
        <v>318</v>
      </c>
      <c r="B574" s="6" t="s">
        <v>318</v>
      </c>
      <c r="C574" s="6" t="s">
        <v>187</v>
      </c>
      <c r="D574" s="6" t="s">
        <v>93</v>
      </c>
      <c r="E574" s="6" t="s">
        <v>234</v>
      </c>
      <c r="F574" s="11">
        <v>-47</v>
      </c>
      <c r="G574" s="13">
        <v>-0.43925233644900002</v>
      </c>
      <c r="H574" s="11">
        <v>-41.529440000000008</v>
      </c>
      <c r="I574" s="13">
        <v>-0.3863517330718399</v>
      </c>
      <c r="J574" s="11">
        <v>3.9615050000000025</v>
      </c>
      <c r="K574" s="13">
        <v>6.0057532663509661E-2</v>
      </c>
      <c r="L574" s="11">
        <v>-10.0344945155</v>
      </c>
      <c r="M574" s="13">
        <v>-0.14350708445859545</v>
      </c>
      <c r="N574" s="11">
        <v>-6.072989515499998</v>
      </c>
      <c r="O574" s="13">
        <v>-9.2068233207402914E-2</v>
      </c>
      <c r="P574" s="7">
        <v>107.491274</v>
      </c>
      <c r="Q574" s="7">
        <v>85.938821000000004</v>
      </c>
      <c r="R574" s="7">
        <v>92.510194999999996</v>
      </c>
      <c r="S574" s="7">
        <v>90.707731999999993</v>
      </c>
      <c r="T574" s="7">
        <v>84.280552999999998</v>
      </c>
      <c r="U574" s="7">
        <v>70.987692999999993</v>
      </c>
      <c r="V574" s="7">
        <v>65.961833999999996</v>
      </c>
      <c r="W574" s="7">
        <v>68.884746000000007</v>
      </c>
      <c r="X574" s="7">
        <v>68.098359000000002</v>
      </c>
      <c r="Y574" s="7">
        <v>69.923338999999999</v>
      </c>
      <c r="Z574" s="7">
        <v>55.927171999999999</v>
      </c>
      <c r="AA574" s="7">
        <v>55.035409999999999</v>
      </c>
      <c r="AB574" s="7">
        <v>52.044815999999997</v>
      </c>
      <c r="AC574" s="7">
        <v>49.868879999999997</v>
      </c>
      <c r="AD574" s="7">
        <v>53.068430999999997</v>
      </c>
      <c r="AE574" s="7">
        <v>61.836901500000003</v>
      </c>
      <c r="AF574" s="7">
        <v>59.888844484499998</v>
      </c>
      <c r="AG574" s="9">
        <v>82881.379338400002</v>
      </c>
      <c r="AH574" s="13">
        <v>1.0061657291192341</v>
      </c>
      <c r="AI574" s="9">
        <v>125798.4846124</v>
      </c>
      <c r="AJ574" s="13">
        <v>1.5271720258821362</v>
      </c>
      <c r="AK574" s="9">
        <v>33741.884546999994</v>
      </c>
      <c r="AL574" s="13">
        <v>0.1620865879733642</v>
      </c>
      <c r="AM574" s="9">
        <v>-76658.989820999996</v>
      </c>
      <c r="AN574" s="13">
        <v>-0.31688548610966555</v>
      </c>
      <c r="AO574" s="9">
        <v>-42917.105274000001</v>
      </c>
      <c r="AP574" s="13">
        <v>-0.20616178535809793</v>
      </c>
      <c r="AQ574" s="9">
        <v>82373.486732599995</v>
      </c>
      <c r="AR574" s="9">
        <v>112616.592309</v>
      </c>
      <c r="AS574" s="9">
        <v>146897.56847500001</v>
      </c>
      <c r="AT574" s="9">
        <v>140337.547422</v>
      </c>
      <c r="AU574" s="9">
        <v>184964.58309900001</v>
      </c>
      <c r="AV574" s="9">
        <v>222066.85967500001</v>
      </c>
      <c r="AW574" s="9">
        <v>208171.971345</v>
      </c>
      <c r="AX574" s="9">
        <v>190647.44219</v>
      </c>
      <c r="AY574" s="9">
        <v>196998.233037</v>
      </c>
      <c r="AZ574" s="9">
        <v>241913.85589199999</v>
      </c>
      <c r="BA574" s="9">
        <v>258013.61939000001</v>
      </c>
      <c r="BB574" s="9">
        <v>275495.89607900003</v>
      </c>
      <c r="BC574" s="9">
        <v>233084.21206699999</v>
      </c>
      <c r="BD574" s="9">
        <v>182237.399943</v>
      </c>
      <c r="BE574" s="9">
        <v>168436.796413</v>
      </c>
      <c r="BF574" s="9">
        <v>165254.866071</v>
      </c>
      <c r="BG574" s="11">
        <v>-4</v>
      </c>
      <c r="BH574" s="13">
        <v>-0.44444444444444442</v>
      </c>
      <c r="BI574" s="6">
        <v>-2</v>
      </c>
      <c r="BJ574" s="13">
        <v>-0.22222222222222221</v>
      </c>
      <c r="BK574" s="6">
        <v>-1</v>
      </c>
      <c r="BL574" s="13">
        <v>-0.14285714285714285</v>
      </c>
      <c r="BM574" s="11">
        <v>-1</v>
      </c>
      <c r="BN574" s="13">
        <v>-0.16666666666666666</v>
      </c>
      <c r="BO574" s="11">
        <v>-2</v>
      </c>
      <c r="BP574" s="13">
        <v>-0.2857142857142857</v>
      </c>
      <c r="BQ574" s="6">
        <v>9</v>
      </c>
      <c r="BR574" s="6">
        <v>8</v>
      </c>
      <c r="BS574" s="6">
        <v>6</v>
      </c>
      <c r="BT574" s="6">
        <v>7</v>
      </c>
      <c r="BU574" s="6">
        <v>7</v>
      </c>
      <c r="BV574" s="6">
        <v>7</v>
      </c>
      <c r="BW574" s="6">
        <v>6</v>
      </c>
      <c r="BX574" s="6">
        <v>5</v>
      </c>
      <c r="BY574" s="6">
        <v>5</v>
      </c>
      <c r="BZ574" s="6">
        <v>5</v>
      </c>
      <c r="CA574" s="6">
        <v>4</v>
      </c>
      <c r="CB574" s="6">
        <v>4</v>
      </c>
      <c r="CC574" s="11">
        <v>5</v>
      </c>
      <c r="CD574" s="11">
        <v>-82.3673</v>
      </c>
      <c r="CE574" s="11">
        <v>23.014700000000001</v>
      </c>
      <c r="CF574" s="11">
        <v>11.7501</v>
      </c>
      <c r="CG574" s="11">
        <v>35</v>
      </c>
      <c r="CH574" s="20">
        <v>1.2899099999999999</v>
      </c>
      <c r="CI574" s="20">
        <v>1.0106599999999999</v>
      </c>
      <c r="CJ574" s="20">
        <v>1.1111800000000001</v>
      </c>
      <c r="CK574" s="20">
        <v>1.0785</v>
      </c>
      <c r="CL574" s="20">
        <v>0.96671399999999996</v>
      </c>
      <c r="CM574" s="20">
        <v>0.78309799999999996</v>
      </c>
      <c r="CN574" s="20">
        <v>0.70944399999999996</v>
      </c>
      <c r="CO574" s="20">
        <v>0.73357700000000003</v>
      </c>
      <c r="CP574" s="20">
        <v>0.72536500000000004</v>
      </c>
      <c r="CQ574" s="20">
        <v>0.75354699999999997</v>
      </c>
      <c r="CR574" s="20">
        <v>0.57624500000000001</v>
      </c>
      <c r="CS574" s="20">
        <v>0.54749700000000001</v>
      </c>
      <c r="CT574" s="20">
        <v>0.50694099999999997</v>
      </c>
      <c r="CU574" s="20">
        <v>0.48278500000000002</v>
      </c>
      <c r="CV574" s="20">
        <v>0.49929899999999999</v>
      </c>
      <c r="CW574" s="20">
        <v>0.58036900000000002</v>
      </c>
      <c r="CX574" s="20">
        <v>0.546983</v>
      </c>
      <c r="CY574" s="6" t="s">
        <v>481</v>
      </c>
      <c r="CZ574" s="6" t="s">
        <v>482</v>
      </c>
      <c r="DA574" s="6" t="s">
        <v>93</v>
      </c>
      <c r="DB574" s="6" t="s">
        <v>345</v>
      </c>
      <c r="DC574" s="6"/>
      <c r="DD574" s="6"/>
      <c r="DE574" s="6"/>
      <c r="DF574" s="6"/>
      <c r="DG574" s="6"/>
      <c r="DH574" s="6" t="s">
        <v>333</v>
      </c>
      <c r="DI574" s="6"/>
      <c r="DJ574" s="6"/>
      <c r="DK574" s="6"/>
      <c r="DL574" s="6">
        <v>4</v>
      </c>
      <c r="DM574" s="6" t="s">
        <v>446</v>
      </c>
      <c r="DN574" s="6">
        <v>6</v>
      </c>
      <c r="DO574" s="6" t="s">
        <v>393</v>
      </c>
      <c r="DP574" s="6"/>
      <c r="DQ574" s="6"/>
    </row>
    <row r="575" spans="1:121" x14ac:dyDescent="0.2">
      <c r="A575" s="6" t="s">
        <v>319</v>
      </c>
      <c r="B575" s="6" t="s">
        <v>319</v>
      </c>
      <c r="C575" s="6" t="s">
        <v>188</v>
      </c>
      <c r="D575" s="6" t="s">
        <v>93</v>
      </c>
      <c r="E575" s="6" t="s">
        <v>234</v>
      </c>
      <c r="F575" s="11">
        <v>-54</v>
      </c>
      <c r="G575" s="13">
        <v>-0.16875000000000001</v>
      </c>
      <c r="H575" s="11">
        <v>-57.213968717</v>
      </c>
      <c r="I575" s="13">
        <v>-0.17862447555073985</v>
      </c>
      <c r="J575" s="11">
        <v>-80.669521060999983</v>
      </c>
      <c r="K575" s="13">
        <v>-0.30662433091433872</v>
      </c>
      <c r="L575" s="11">
        <v>83.234254555999968</v>
      </c>
      <c r="M575" s="13">
        <v>0.45627915795906882</v>
      </c>
      <c r="N575" s="11">
        <v>2.5647334949999845</v>
      </c>
      <c r="O575" s="13">
        <v>9.7485355253727514E-3</v>
      </c>
      <c r="P575" s="7">
        <v>320.30307459599999</v>
      </c>
      <c r="Q575" s="7">
        <v>315.35073576100001</v>
      </c>
      <c r="R575" s="7">
        <v>290.95227378099997</v>
      </c>
      <c r="S575" s="7">
        <v>254.21010135</v>
      </c>
      <c r="T575" s="7">
        <v>266.82045775400002</v>
      </c>
      <c r="U575" s="7">
        <v>271.467283608</v>
      </c>
      <c r="V575" s="7">
        <v>263.08910587899999</v>
      </c>
      <c r="W575" s="7">
        <v>203.723579296</v>
      </c>
      <c r="X575" s="7">
        <v>178.45100324399999</v>
      </c>
      <c r="Y575" s="7">
        <v>182.419584818</v>
      </c>
      <c r="Z575" s="7">
        <v>170.338222696</v>
      </c>
      <c r="AA575" s="7">
        <v>168.70340433000001</v>
      </c>
      <c r="AB575" s="7">
        <v>174.618975992</v>
      </c>
      <c r="AC575" s="7">
        <v>173.20372653800001</v>
      </c>
      <c r="AD575" s="7">
        <v>292.52178125900002</v>
      </c>
      <c r="AE575" s="7">
        <v>248.441694579</v>
      </c>
      <c r="AF575" s="7">
        <v>265.65383937399997</v>
      </c>
      <c r="AG575" s="9">
        <v>61051.469234700002</v>
      </c>
      <c r="AH575" s="13">
        <v>4.3667210920307431</v>
      </c>
      <c r="AI575" s="9">
        <v>10581.197287499999</v>
      </c>
      <c r="AJ575" s="13">
        <v>0.75682269326948459</v>
      </c>
      <c r="AK575" s="9">
        <v>5717.0161585999995</v>
      </c>
      <c r="AL575" s="13">
        <v>0.2327559656465264</v>
      </c>
      <c r="AM575" s="9">
        <v>44753.2557886</v>
      </c>
      <c r="AN575" s="13">
        <v>1.4780152803547262</v>
      </c>
      <c r="AO575" s="9">
        <v>50470.271947200003</v>
      </c>
      <c r="AP575" s="13">
        <v>2.0547881198205382</v>
      </c>
      <c r="AQ575" s="9">
        <v>13981.078238800001</v>
      </c>
      <c r="AR575" s="9">
        <v>15192.006741900001</v>
      </c>
      <c r="AS575" s="9">
        <v>15353.818365499999</v>
      </c>
      <c r="AT575" s="9">
        <v>18756.241955500001</v>
      </c>
      <c r="AU575" s="9">
        <v>19755.566757699999</v>
      </c>
      <c r="AV575" s="9">
        <v>19212.4705454</v>
      </c>
      <c r="AW575" s="9">
        <v>24562.2755263</v>
      </c>
      <c r="AX575" s="9">
        <v>26298.745802699999</v>
      </c>
      <c r="AY575" s="9">
        <v>26428.057910700001</v>
      </c>
      <c r="AZ575" s="9">
        <v>30279.291684899999</v>
      </c>
      <c r="BA575" s="9">
        <v>34798.610419899996</v>
      </c>
      <c r="BB575" s="9">
        <v>38055.263925200001</v>
      </c>
      <c r="BC575" s="9">
        <v>49553.305652100003</v>
      </c>
      <c r="BD575" s="9">
        <v>86325.690930900004</v>
      </c>
      <c r="BE575" s="9">
        <v>64254.707269999999</v>
      </c>
      <c r="BF575" s="9">
        <v>75032.547473500003</v>
      </c>
      <c r="BG575" s="11">
        <v>1</v>
      </c>
      <c r="BH575" s="13">
        <v>4.5454545454545456E-2</v>
      </c>
      <c r="BI575" s="6">
        <v>3</v>
      </c>
      <c r="BJ575" s="13">
        <v>0.13636363636363635</v>
      </c>
      <c r="BK575" s="6">
        <v>0</v>
      </c>
      <c r="BL575" s="13">
        <v>0</v>
      </c>
      <c r="BM575" s="11">
        <v>-2</v>
      </c>
      <c r="BN575" s="13">
        <v>-0.08</v>
      </c>
      <c r="BO575" s="11">
        <v>-2</v>
      </c>
      <c r="BP575" s="13">
        <v>-0.08</v>
      </c>
      <c r="BQ575" s="6">
        <v>22</v>
      </c>
      <c r="BR575" s="6">
        <v>22</v>
      </c>
      <c r="BS575" s="6">
        <v>24</v>
      </c>
      <c r="BT575" s="6">
        <v>25</v>
      </c>
      <c r="BU575" s="6">
        <v>24</v>
      </c>
      <c r="BV575" s="6">
        <v>23</v>
      </c>
      <c r="BW575" s="6">
        <v>25</v>
      </c>
      <c r="BX575" s="6">
        <v>25</v>
      </c>
      <c r="BY575" s="6">
        <v>25</v>
      </c>
      <c r="BZ575" s="6">
        <v>24</v>
      </c>
      <c r="CA575" s="6">
        <v>23</v>
      </c>
      <c r="CB575" s="6">
        <v>23</v>
      </c>
      <c r="CC575" s="11">
        <v>23</v>
      </c>
      <c r="CD575" s="11">
        <v>-118.48099999999999</v>
      </c>
      <c r="CE575" s="11">
        <v>28.8185</v>
      </c>
      <c r="CF575" s="11">
        <v>35.012999999999998</v>
      </c>
      <c r="CG575" s="11">
        <v>64</v>
      </c>
      <c r="CH575" s="20">
        <v>0.78358899999999998</v>
      </c>
      <c r="CI575" s="20">
        <v>0.74867099999999998</v>
      </c>
      <c r="CJ575" s="20">
        <v>0.69296800000000003</v>
      </c>
      <c r="CK575" s="20">
        <v>0.59232200000000002</v>
      </c>
      <c r="CL575" s="20">
        <v>0.59553299999999998</v>
      </c>
      <c r="CM575" s="20">
        <v>0.58007200000000003</v>
      </c>
      <c r="CN575" s="20">
        <v>0.55960900000000002</v>
      </c>
      <c r="CO575" s="20">
        <v>0.462335</v>
      </c>
      <c r="CP575" s="20">
        <v>0.43606899999999998</v>
      </c>
      <c r="CQ575" s="20">
        <v>0.43838100000000002</v>
      </c>
      <c r="CR575" s="20">
        <v>0.38923099999999999</v>
      </c>
      <c r="CS575" s="20">
        <v>0.37698300000000001</v>
      </c>
      <c r="CT575" s="20">
        <v>0.38641300000000001</v>
      </c>
      <c r="CU575" s="20">
        <v>0.38046200000000002</v>
      </c>
      <c r="CV575" s="20">
        <v>0.62277099999999996</v>
      </c>
      <c r="CW575" s="20">
        <v>0.52524999999999999</v>
      </c>
      <c r="CX575" s="20">
        <v>0.54583300000000001</v>
      </c>
      <c r="CY575" s="6" t="s">
        <v>481</v>
      </c>
      <c r="CZ575" s="6" t="s">
        <v>482</v>
      </c>
      <c r="DA575" s="6" t="s">
        <v>93</v>
      </c>
      <c r="DB575" s="6" t="s">
        <v>345</v>
      </c>
      <c r="DC575" s="6"/>
      <c r="DD575" s="6"/>
      <c r="DE575" s="6"/>
      <c r="DF575" s="6"/>
      <c r="DG575" s="6"/>
      <c r="DH575" s="6" t="s">
        <v>333</v>
      </c>
      <c r="DI575" s="6"/>
      <c r="DJ575" s="6"/>
      <c r="DK575" s="6"/>
      <c r="DL575" s="6">
        <v>4</v>
      </c>
      <c r="DM575" s="6" t="s">
        <v>446</v>
      </c>
      <c r="DN575" s="6">
        <v>6</v>
      </c>
      <c r="DO575" s="6" t="s">
        <v>393</v>
      </c>
      <c r="DP575" s="6"/>
      <c r="DQ575" s="6"/>
    </row>
    <row r="576" spans="1:121" x14ac:dyDescent="0.2">
      <c r="A576" s="6" t="s">
        <v>320</v>
      </c>
      <c r="B576" s="6" t="s">
        <v>320</v>
      </c>
      <c r="C576" s="6" t="s">
        <v>189</v>
      </c>
      <c r="D576" s="6" t="s">
        <v>93</v>
      </c>
      <c r="E576" s="6" t="s">
        <v>234</v>
      </c>
      <c r="F576" s="11">
        <v>1</v>
      </c>
      <c r="G576" s="13">
        <v>1</v>
      </c>
      <c r="H576" s="11">
        <v>107.95135355649998</v>
      </c>
      <c r="I576" s="13">
        <v>5.382363189814348</v>
      </c>
      <c r="J576" s="11">
        <v>-123.00785099999999</v>
      </c>
      <c r="K576" s="13">
        <v>-0.96093989578811068</v>
      </c>
      <c r="L576" s="11">
        <v>0</v>
      </c>
      <c r="M576" s="13">
        <v>0</v>
      </c>
      <c r="N576" s="11">
        <v>-123.00785099999999</v>
      </c>
      <c r="O576" s="13">
        <v>-0.96093989578811068</v>
      </c>
      <c r="P576" s="7">
        <v>20.0564974435</v>
      </c>
      <c r="Q576" s="7">
        <v>18.996792515700001</v>
      </c>
      <c r="R576" s="7">
        <v>5</v>
      </c>
      <c r="S576" s="7">
        <v>5</v>
      </c>
      <c r="T576" s="7">
        <v>5</v>
      </c>
      <c r="U576" s="7">
        <v>5</v>
      </c>
      <c r="V576" s="7">
        <v>128.00785099999999</v>
      </c>
      <c r="W576" s="7">
        <v>5</v>
      </c>
      <c r="X576" s="7">
        <v>5</v>
      </c>
      <c r="Y576" s="7">
        <v>5</v>
      </c>
      <c r="Z576" s="7">
        <v>5</v>
      </c>
      <c r="AA576" s="7">
        <v>5</v>
      </c>
      <c r="AB576" s="7">
        <v>17.7356466371</v>
      </c>
      <c r="AC576" s="7">
        <v>14.552415</v>
      </c>
      <c r="AD576" s="7">
        <v>5</v>
      </c>
      <c r="AE576" s="7">
        <v>5</v>
      </c>
      <c r="AF576" s="7">
        <v>5</v>
      </c>
      <c r="AG576" s="9">
        <v>-16722.863909</v>
      </c>
      <c r="AH576" s="13">
        <v>-0.99994020520584004</v>
      </c>
      <c r="AI576" s="9">
        <v>18621.107447000002</v>
      </c>
      <c r="AJ576" s="13">
        <v>1.1134452868262696</v>
      </c>
      <c r="AK576" s="9">
        <v>-35343.971356000002</v>
      </c>
      <c r="AL576" s="13">
        <v>-0.99997170743215691</v>
      </c>
      <c r="AM576" s="9">
        <v>0</v>
      </c>
      <c r="AN576" s="13">
        <v>0</v>
      </c>
      <c r="AO576" s="9">
        <v>-35343.971356000002</v>
      </c>
      <c r="AP576" s="13">
        <v>-0.99997170743215691</v>
      </c>
      <c r="AQ576" s="9">
        <v>16723.863909</v>
      </c>
      <c r="AR576" s="9">
        <v>12855.289186399999</v>
      </c>
      <c r="AS576" s="9">
        <v>1</v>
      </c>
      <c r="AT576" s="9">
        <v>1</v>
      </c>
      <c r="AU576" s="9">
        <v>1</v>
      </c>
      <c r="AV576" s="9">
        <v>1</v>
      </c>
      <c r="AW576" s="9">
        <v>35344.971356000002</v>
      </c>
      <c r="AX576" s="9">
        <v>1</v>
      </c>
      <c r="AY576" s="9">
        <v>1</v>
      </c>
      <c r="AZ576" s="9">
        <v>1</v>
      </c>
      <c r="BA576" s="9">
        <v>1</v>
      </c>
      <c r="BB576" s="9">
        <v>1</v>
      </c>
      <c r="BC576" s="9">
        <v>76043.082763300001</v>
      </c>
      <c r="BD576" s="9">
        <v>129015.06219900001</v>
      </c>
      <c r="BE576" s="9">
        <v>1</v>
      </c>
      <c r="BF576" s="9">
        <v>1</v>
      </c>
      <c r="BG576" s="11">
        <v>1</v>
      </c>
      <c r="BH576" s="13" t="e">
        <v>#DIV/0!</v>
      </c>
      <c r="BI576" s="6">
        <v>1</v>
      </c>
      <c r="BJ576" s="13" t="e">
        <v>#DIV/0!</v>
      </c>
      <c r="BK576" s="6">
        <v>0</v>
      </c>
      <c r="BL576" s="13">
        <v>0</v>
      </c>
      <c r="BM576" s="11">
        <v>0</v>
      </c>
      <c r="BN576" s="13">
        <v>0</v>
      </c>
      <c r="BO576" s="11">
        <v>0</v>
      </c>
      <c r="BP576" s="13">
        <v>0</v>
      </c>
      <c r="BQ576" s="6">
        <v>0</v>
      </c>
      <c r="BR576" s="6">
        <v>0</v>
      </c>
      <c r="BS576" s="6">
        <v>1</v>
      </c>
      <c r="BT576" s="6">
        <v>1</v>
      </c>
      <c r="BU576" s="6">
        <v>1</v>
      </c>
      <c r="BV576" s="6">
        <v>1</v>
      </c>
      <c r="BW576" s="6">
        <v>1</v>
      </c>
      <c r="BX576" s="6">
        <v>1</v>
      </c>
      <c r="BY576" s="6">
        <v>1</v>
      </c>
      <c r="BZ576" s="6">
        <v>1</v>
      </c>
      <c r="CA576" s="6">
        <v>1</v>
      </c>
      <c r="CB576" s="6">
        <v>1</v>
      </c>
      <c r="CC576" s="11">
        <v>1</v>
      </c>
      <c r="CD576" s="11">
        <v>-28.904599999999999</v>
      </c>
      <c r="CE576" s="11">
        <v>7.2625599999999997</v>
      </c>
      <c r="CF576" s="11">
        <v>2.1924199999999998</v>
      </c>
      <c r="CG576" s="11">
        <v>9</v>
      </c>
      <c r="CH576" s="20">
        <v>0.147068</v>
      </c>
      <c r="CI576" s="20">
        <v>0.12918199999999999</v>
      </c>
      <c r="CJ576" s="20">
        <v>2.39504E-2</v>
      </c>
      <c r="CK576" s="20">
        <v>3.8888899999999997E-2</v>
      </c>
      <c r="CL576" s="20">
        <v>2.3056699999999999E-2</v>
      </c>
      <c r="CM576" s="20">
        <v>2.4453300000000001E-2</v>
      </c>
      <c r="CN576" s="20">
        <v>0.76308900000000002</v>
      </c>
      <c r="CO576" s="20">
        <v>2.4978299999999999E-3</v>
      </c>
      <c r="CP576" s="20">
        <v>9.3274399999999993E-3</v>
      </c>
      <c r="CQ576" s="20">
        <v>1.01723E-2</v>
      </c>
      <c r="CR576" s="20">
        <v>2.3503399999999998E-3</v>
      </c>
      <c r="CS576" s="20">
        <v>1.51889E-2</v>
      </c>
      <c r="CT576" s="20">
        <v>9.3949299999999999E-2</v>
      </c>
      <c r="CU576" s="20">
        <v>7.7437000000000006E-2</v>
      </c>
      <c r="CV576" s="20">
        <v>1.6590000000000001E-2</v>
      </c>
      <c r="CW576" s="20">
        <v>3.3878599999999999E-3</v>
      </c>
      <c r="CX576" s="20">
        <v>3.0464099999999998E-3</v>
      </c>
      <c r="CY576" s="6" t="s">
        <v>481</v>
      </c>
      <c r="CZ576" s="6" t="s">
        <v>482</v>
      </c>
      <c r="DA576" s="6" t="s">
        <v>93</v>
      </c>
      <c r="DB576" s="6" t="s">
        <v>345</v>
      </c>
      <c r="DC576" s="6"/>
      <c r="DD576" s="6"/>
      <c r="DE576" s="6"/>
      <c r="DF576" s="6"/>
      <c r="DG576" s="6"/>
      <c r="DH576" s="6" t="s">
        <v>333</v>
      </c>
      <c r="DI576" s="6"/>
      <c r="DJ576" s="6"/>
      <c r="DK576" s="6"/>
      <c r="DL576" s="6">
        <v>4</v>
      </c>
      <c r="DM576" s="6" t="s">
        <v>446</v>
      </c>
      <c r="DN576" s="6">
        <v>6</v>
      </c>
      <c r="DO576" s="6" t="s">
        <v>393</v>
      </c>
      <c r="DP576" s="6"/>
      <c r="DQ576" s="6"/>
    </row>
    <row r="577" spans="1:121" x14ac:dyDescent="0.2">
      <c r="A577" s="6" t="s">
        <v>321</v>
      </c>
      <c r="B577" s="6" t="s">
        <v>321</v>
      </c>
      <c r="C577" s="6" t="s">
        <v>190</v>
      </c>
      <c r="D577" s="6" t="s">
        <v>93</v>
      </c>
      <c r="E577" s="6" t="s">
        <v>234</v>
      </c>
      <c r="F577" s="11">
        <v>626</v>
      </c>
      <c r="G577" s="13">
        <v>1.26464646465</v>
      </c>
      <c r="H577" s="11">
        <v>181.06424035899994</v>
      </c>
      <c r="I577" s="13">
        <v>0.36605126077918521</v>
      </c>
      <c r="J577" s="11">
        <v>254.17213422900011</v>
      </c>
      <c r="K577" s="13">
        <v>0.37615787576819759</v>
      </c>
      <c r="L577" s="11">
        <v>190.74740073899989</v>
      </c>
      <c r="M577" s="13">
        <v>0.20513161174203501</v>
      </c>
      <c r="N577" s="11">
        <v>444.91953496799999</v>
      </c>
      <c r="O577" s="13">
        <v>0.65845135883602313</v>
      </c>
      <c r="P577" s="7">
        <v>494.64176130300001</v>
      </c>
      <c r="Q577" s="7">
        <v>497.16752960100001</v>
      </c>
      <c r="R577" s="7">
        <v>491.90811127900002</v>
      </c>
      <c r="S577" s="7">
        <v>460.66708989900002</v>
      </c>
      <c r="T577" s="7">
        <v>484.800905263</v>
      </c>
      <c r="U577" s="7">
        <v>515.48324863899995</v>
      </c>
      <c r="V577" s="7">
        <v>675.70600166199995</v>
      </c>
      <c r="W577" s="7">
        <v>784.62688853500003</v>
      </c>
      <c r="X577" s="7">
        <v>860.25788557999999</v>
      </c>
      <c r="Y577" s="7">
        <v>929.87813589100006</v>
      </c>
      <c r="Z577" s="7">
        <v>921.25946379100003</v>
      </c>
      <c r="AA577" s="7">
        <v>954.60791633099996</v>
      </c>
      <c r="AB577" s="7">
        <v>1121.3101896799999</v>
      </c>
      <c r="AC577" s="7">
        <v>1093.87514551</v>
      </c>
      <c r="AD577" s="7">
        <v>1053.4031969099999</v>
      </c>
      <c r="AE577" s="7">
        <v>1072.58489259</v>
      </c>
      <c r="AF577" s="7">
        <v>1120.6255366299999</v>
      </c>
      <c r="AG577" s="9">
        <v>22507.669203099998</v>
      </c>
      <c r="AH577" s="13">
        <v>1.2313967698874593</v>
      </c>
      <c r="AI577" s="9">
        <v>14179.1630596</v>
      </c>
      <c r="AJ577" s="13">
        <v>0.77574338923082331</v>
      </c>
      <c r="AK577" s="9">
        <v>4582.5026714000014</v>
      </c>
      <c r="AL577" s="13">
        <v>0.14118547088516994</v>
      </c>
      <c r="AM577" s="9">
        <v>3746.0034720999975</v>
      </c>
      <c r="AN577" s="13">
        <v>0.10113447437454268</v>
      </c>
      <c r="AO577" s="9">
        <v>8328.5061434999989</v>
      </c>
      <c r="AP577" s="13">
        <v>0.25659866364700656</v>
      </c>
      <c r="AQ577" s="9">
        <v>18278.161640099999</v>
      </c>
      <c r="AR577" s="9">
        <v>19324.287987200001</v>
      </c>
      <c r="AS577" s="9">
        <v>19176.444066600001</v>
      </c>
      <c r="AT577" s="9">
        <v>20654.710748599999</v>
      </c>
      <c r="AU577" s="9">
        <v>21895.2998567</v>
      </c>
      <c r="AV577" s="9">
        <v>23523.560461199999</v>
      </c>
      <c r="AW577" s="9">
        <v>32457.324699699999</v>
      </c>
      <c r="AX577" s="9">
        <v>33805.1728277</v>
      </c>
      <c r="AY577" s="9">
        <v>35392.766904700002</v>
      </c>
      <c r="AZ577" s="9">
        <v>37039.8273711</v>
      </c>
      <c r="BA577" s="9">
        <v>37362.959742799998</v>
      </c>
      <c r="BB577" s="9">
        <v>38065.336722</v>
      </c>
      <c r="BC577" s="9">
        <v>34194.317799199998</v>
      </c>
      <c r="BD577" s="9">
        <v>34566.702962900003</v>
      </c>
      <c r="BE577" s="9">
        <v>38957.703444400002</v>
      </c>
      <c r="BF577" s="9">
        <v>40785.830843199998</v>
      </c>
      <c r="BG577" s="11">
        <v>179.75</v>
      </c>
      <c r="BH577" s="13">
        <v>5.4469696969696972</v>
      </c>
      <c r="BI577" s="6">
        <v>4</v>
      </c>
      <c r="BJ577" s="13">
        <v>0.12121212121212122</v>
      </c>
      <c r="BK577" s="6">
        <v>7</v>
      </c>
      <c r="BL577" s="13">
        <v>0.1891891891891892</v>
      </c>
      <c r="BM577" s="11">
        <v>168.75</v>
      </c>
      <c r="BN577" s="13">
        <v>3.8352272727272729</v>
      </c>
      <c r="BO577" s="11">
        <v>175.75</v>
      </c>
      <c r="BP577" s="13">
        <v>4.75</v>
      </c>
      <c r="BQ577" s="6">
        <v>33</v>
      </c>
      <c r="BR577" s="6">
        <v>32</v>
      </c>
      <c r="BS577" s="6">
        <v>35</v>
      </c>
      <c r="BT577" s="6">
        <v>37</v>
      </c>
      <c r="BU577" s="6">
        <v>37</v>
      </c>
      <c r="BV577" s="6">
        <v>39</v>
      </c>
      <c r="BW577" s="6">
        <v>44</v>
      </c>
      <c r="BX577" s="6">
        <v>47</v>
      </c>
      <c r="BY577" s="6">
        <v>49</v>
      </c>
      <c r="BZ577" s="6">
        <v>250</v>
      </c>
      <c r="CA577" s="6">
        <v>228</v>
      </c>
      <c r="CB577" s="6">
        <v>221</v>
      </c>
      <c r="CC577" s="11">
        <v>212.75</v>
      </c>
      <c r="CD577" s="11">
        <v>391.78100000000001</v>
      </c>
      <c r="CE577" s="11">
        <v>180.13200000000001</v>
      </c>
      <c r="CF577" s="11">
        <v>54.070300000000003</v>
      </c>
      <c r="CG577" s="11">
        <v>234</v>
      </c>
      <c r="CH577" s="20">
        <v>0.73441400000000001</v>
      </c>
      <c r="CI577" s="20">
        <v>0.68953299999999995</v>
      </c>
      <c r="CJ577" s="20">
        <v>0.66352599999999995</v>
      </c>
      <c r="CK577" s="20">
        <v>0.61541599999999996</v>
      </c>
      <c r="CL577" s="20">
        <v>0.62742100000000001</v>
      </c>
      <c r="CM577" s="20">
        <v>0.63978599999999997</v>
      </c>
      <c r="CN577" s="20">
        <v>0.81998599999999999</v>
      </c>
      <c r="CO577" s="20">
        <v>0.94736900000000002</v>
      </c>
      <c r="CP577" s="20">
        <v>0.99775199999999997</v>
      </c>
      <c r="CQ577" s="20">
        <v>1.07531</v>
      </c>
      <c r="CR577" s="20">
        <v>1.0386200000000001</v>
      </c>
      <c r="CS577" s="20">
        <v>1.04511</v>
      </c>
      <c r="CT577" s="20">
        <v>1.2251000000000001</v>
      </c>
      <c r="CU577" s="20">
        <v>1.2030099999999999</v>
      </c>
      <c r="CV577" s="20">
        <v>1.12365</v>
      </c>
      <c r="CW577" s="20">
        <v>1.1308</v>
      </c>
      <c r="CX577" s="20">
        <v>1.1373800000000001</v>
      </c>
      <c r="CY577" s="6" t="s">
        <v>481</v>
      </c>
      <c r="CZ577" s="6" t="s">
        <v>482</v>
      </c>
      <c r="DA577" s="6" t="s">
        <v>93</v>
      </c>
      <c r="DB577" s="6" t="s">
        <v>345</v>
      </c>
      <c r="DC577" s="6"/>
      <c r="DD577" s="6"/>
      <c r="DE577" s="6"/>
      <c r="DF577" s="6"/>
      <c r="DG577" s="6"/>
      <c r="DH577" s="6" t="s">
        <v>333</v>
      </c>
      <c r="DI577" s="6"/>
      <c r="DJ577" s="6"/>
      <c r="DK577" s="6"/>
      <c r="DL577" s="6">
        <v>4</v>
      </c>
      <c r="DM577" s="6" t="s">
        <v>446</v>
      </c>
      <c r="DN577" s="6">
        <v>6</v>
      </c>
      <c r="DO577" s="6" t="s">
        <v>393</v>
      </c>
      <c r="DP577" s="6"/>
      <c r="DQ577" s="6"/>
    </row>
    <row r="578" spans="1:121" x14ac:dyDescent="0.2">
      <c r="A578" s="6" t="s">
        <v>322</v>
      </c>
      <c r="B578" s="6" t="s">
        <v>322</v>
      </c>
      <c r="C578" s="6" t="s">
        <v>191</v>
      </c>
      <c r="D578" s="6" t="s">
        <v>93</v>
      </c>
      <c r="E578" s="6" t="s">
        <v>234</v>
      </c>
      <c r="F578" s="11">
        <v>-25</v>
      </c>
      <c r="G578" s="13">
        <v>-0.44</v>
      </c>
      <c r="H578" s="11">
        <v>-18</v>
      </c>
      <c r="I578" s="13">
        <v>-0.31578947368421051</v>
      </c>
      <c r="J578" s="11">
        <v>-10</v>
      </c>
      <c r="K578" s="13">
        <v>-0.25641025641025639</v>
      </c>
      <c r="L578" s="11">
        <v>3</v>
      </c>
      <c r="M578" s="13">
        <v>0.10344827586206896</v>
      </c>
      <c r="N578" s="11">
        <v>-7</v>
      </c>
      <c r="O578" s="13">
        <v>-0.17948717948717949</v>
      </c>
      <c r="P578" s="7">
        <v>57</v>
      </c>
      <c r="Q578" s="7">
        <v>60</v>
      </c>
      <c r="R578" s="7">
        <v>53</v>
      </c>
      <c r="S578" s="7">
        <v>55</v>
      </c>
      <c r="T578" s="7">
        <v>26</v>
      </c>
      <c r="U578" s="7">
        <v>47</v>
      </c>
      <c r="V578" s="7">
        <v>39</v>
      </c>
      <c r="W578" s="7">
        <v>29</v>
      </c>
      <c r="X578" s="7">
        <v>24</v>
      </c>
      <c r="Y578" s="7">
        <v>29</v>
      </c>
      <c r="Z578" s="7">
        <v>36</v>
      </c>
      <c r="AA578" s="7">
        <v>34</v>
      </c>
      <c r="AB578" s="7">
        <v>34</v>
      </c>
      <c r="AC578" s="7">
        <v>30</v>
      </c>
      <c r="AD578" s="7">
        <v>26</v>
      </c>
      <c r="AE578" s="7">
        <v>32</v>
      </c>
      <c r="AF578" s="7">
        <v>32</v>
      </c>
      <c r="AG578" s="9">
        <v>3670</v>
      </c>
      <c r="AH578" s="13">
        <v>0.20978621241568535</v>
      </c>
      <c r="AI578" s="9">
        <v>-1210</v>
      </c>
      <c r="AJ578" s="13">
        <v>-6.9166571395907164E-2</v>
      </c>
      <c r="AK578" s="9">
        <v>40</v>
      </c>
      <c r="AL578" s="13">
        <v>2.4563989191844762E-3</v>
      </c>
      <c r="AM578" s="9">
        <v>4840</v>
      </c>
      <c r="AN578" s="13">
        <v>0.29649595687331537</v>
      </c>
      <c r="AO578" s="9">
        <v>4880</v>
      </c>
      <c r="AP578" s="13">
        <v>0.29968066814050603</v>
      </c>
      <c r="AQ578" s="9">
        <v>17494</v>
      </c>
      <c r="AR578" s="9">
        <v>18053</v>
      </c>
      <c r="AS578" s="9">
        <v>19011</v>
      </c>
      <c r="AT578" s="9">
        <v>18951</v>
      </c>
      <c r="AU578" s="9">
        <v>15251</v>
      </c>
      <c r="AV578" s="9">
        <v>13896</v>
      </c>
      <c r="AW578" s="9">
        <v>16284</v>
      </c>
      <c r="AX578" s="9">
        <v>18431</v>
      </c>
      <c r="AY578" s="9">
        <v>17133</v>
      </c>
      <c r="AZ578" s="9">
        <v>16324</v>
      </c>
      <c r="BA578" s="9">
        <v>14532</v>
      </c>
      <c r="BB578" s="9">
        <v>14246</v>
      </c>
      <c r="BC578" s="9">
        <v>14839</v>
      </c>
      <c r="BD578" s="9">
        <v>16709</v>
      </c>
      <c r="BE578" s="9">
        <v>17657</v>
      </c>
      <c r="BF578" s="9">
        <v>21164</v>
      </c>
      <c r="BG578" s="11">
        <v>-1</v>
      </c>
      <c r="BH578" s="13">
        <v>-0.125</v>
      </c>
      <c r="BI578" s="6">
        <v>-2</v>
      </c>
      <c r="BJ578" s="13">
        <v>-0.25</v>
      </c>
      <c r="BK578" s="6">
        <v>3</v>
      </c>
      <c r="BL578" s="13">
        <v>0.5</v>
      </c>
      <c r="BM578" s="11">
        <v>-2</v>
      </c>
      <c r="BN578" s="13">
        <v>-0.22222222222222221</v>
      </c>
      <c r="BO578" s="11">
        <v>1</v>
      </c>
      <c r="BP578" s="13">
        <v>0.16666666666666666</v>
      </c>
      <c r="BQ578" s="6">
        <v>8</v>
      </c>
      <c r="BR578" s="6">
        <v>6</v>
      </c>
      <c r="BS578" s="6">
        <v>7</v>
      </c>
      <c r="BT578" s="6">
        <v>6</v>
      </c>
      <c r="BU578" s="6">
        <v>6</v>
      </c>
      <c r="BV578" s="6">
        <v>5</v>
      </c>
      <c r="BW578" s="6">
        <v>9</v>
      </c>
      <c r="BX578" s="6">
        <v>7</v>
      </c>
      <c r="BY578" s="6">
        <v>5</v>
      </c>
      <c r="BZ578" s="6">
        <v>6</v>
      </c>
      <c r="CA578" s="6">
        <v>6</v>
      </c>
      <c r="CB578" s="6">
        <v>6</v>
      </c>
      <c r="CC578" s="11">
        <v>7</v>
      </c>
      <c r="CD578" s="11">
        <v>-41</v>
      </c>
      <c r="CE578" s="11">
        <v>10</v>
      </c>
      <c r="CF578" s="11">
        <v>6</v>
      </c>
      <c r="CG578" s="11">
        <v>16</v>
      </c>
      <c r="CH578" s="20">
        <v>0.55000000000000004</v>
      </c>
      <c r="CI578" s="20">
        <v>0.56000000000000005</v>
      </c>
      <c r="CJ578" s="20">
        <v>0.48</v>
      </c>
      <c r="CK578" s="20">
        <v>0.49</v>
      </c>
      <c r="CL578" s="20">
        <v>0.23</v>
      </c>
      <c r="CM578" s="20">
        <v>0.4</v>
      </c>
      <c r="CN578" s="20">
        <v>0.32</v>
      </c>
      <c r="CO578" s="20">
        <v>0.24</v>
      </c>
      <c r="CP578" s="20">
        <v>0.2</v>
      </c>
      <c r="CQ578" s="20">
        <v>0.25</v>
      </c>
      <c r="CR578" s="20">
        <v>0.3</v>
      </c>
      <c r="CS578" s="20">
        <v>0.28000000000000003</v>
      </c>
      <c r="CT578" s="20">
        <v>0.28000000000000003</v>
      </c>
      <c r="CU578" s="20">
        <v>0.25</v>
      </c>
      <c r="CV578" s="20">
        <v>0.21</v>
      </c>
      <c r="CW578" s="20">
        <v>0.25</v>
      </c>
      <c r="CX578" s="20">
        <v>0.24</v>
      </c>
      <c r="CY578" s="6" t="s">
        <v>481</v>
      </c>
      <c r="CZ578" s="6" t="s">
        <v>482</v>
      </c>
      <c r="DA578" s="6" t="s">
        <v>93</v>
      </c>
      <c r="DB578" s="6" t="s">
        <v>345</v>
      </c>
      <c r="DC578" s="6"/>
      <c r="DD578" s="6"/>
      <c r="DE578" s="6"/>
      <c r="DF578" s="6"/>
      <c r="DG578" s="6"/>
      <c r="DH578" s="6" t="s">
        <v>333</v>
      </c>
      <c r="DI578" s="6"/>
      <c r="DJ578" s="6"/>
      <c r="DK578" s="6"/>
      <c r="DL578" s="6">
        <v>4</v>
      </c>
      <c r="DM578" s="6" t="s">
        <v>446</v>
      </c>
      <c r="DN578" s="6">
        <v>6</v>
      </c>
      <c r="DO578" s="6" t="s">
        <v>393</v>
      </c>
      <c r="DP578" s="6"/>
      <c r="DQ578" s="6"/>
    </row>
    <row r="579" spans="1:121" x14ac:dyDescent="0.2">
      <c r="A579" s="6" t="s">
        <v>323</v>
      </c>
      <c r="B579" s="6" t="s">
        <v>323</v>
      </c>
      <c r="C579" s="6" t="s">
        <v>192</v>
      </c>
      <c r="D579" s="6" t="s">
        <v>93</v>
      </c>
      <c r="E579" s="6" t="s">
        <v>234</v>
      </c>
      <c r="F579" s="11">
        <v>59</v>
      </c>
      <c r="G579" s="13">
        <v>0.12421052631600001</v>
      </c>
      <c r="H579" s="11">
        <v>167.08567359899996</v>
      </c>
      <c r="I579" s="13">
        <v>0.3520224127334366</v>
      </c>
      <c r="J579" s="11">
        <v>-81.104014241999948</v>
      </c>
      <c r="K579" s="13">
        <v>-0.12638326200020356</v>
      </c>
      <c r="L579" s="11">
        <v>-26.516662319000034</v>
      </c>
      <c r="M579" s="13">
        <v>-4.7298255407761815E-2</v>
      </c>
      <c r="N579" s="11">
        <v>-107.62067656099998</v>
      </c>
      <c r="O579" s="13">
        <v>-0.16770380960261366</v>
      </c>
      <c r="P579" s="7">
        <v>474.64498723700001</v>
      </c>
      <c r="Q579" s="7">
        <v>581.94826864499998</v>
      </c>
      <c r="R579" s="7">
        <v>615.77263721300005</v>
      </c>
      <c r="S579" s="7">
        <v>610.45503183899996</v>
      </c>
      <c r="T579" s="7">
        <v>613.72093889899998</v>
      </c>
      <c r="U579" s="7">
        <v>677.82036262700001</v>
      </c>
      <c r="V579" s="7">
        <v>641.73066083599997</v>
      </c>
      <c r="W579" s="7">
        <v>602.06176769000001</v>
      </c>
      <c r="X579" s="7">
        <v>572.82607824499996</v>
      </c>
      <c r="Y579" s="7">
        <v>560.62664659400002</v>
      </c>
      <c r="Z579" s="7">
        <v>571.537997539</v>
      </c>
      <c r="AA579" s="7">
        <v>569.75866730300004</v>
      </c>
      <c r="AB579" s="7">
        <v>530.09957742400002</v>
      </c>
      <c r="AC579" s="7">
        <v>539.48587010799997</v>
      </c>
      <c r="AD579" s="7">
        <v>539.54994942799999</v>
      </c>
      <c r="AE579" s="7">
        <v>537.46430051200002</v>
      </c>
      <c r="AF579" s="7">
        <v>534.10998427499999</v>
      </c>
      <c r="AG579" s="9">
        <v>7142.3649136999993</v>
      </c>
      <c r="AH579" s="13">
        <v>0.69828209414588893</v>
      </c>
      <c r="AI579" s="9">
        <v>3196.9566907000008</v>
      </c>
      <c r="AJ579" s="13">
        <v>0.31255440457735678</v>
      </c>
      <c r="AK579" s="9">
        <v>1619.8273150000005</v>
      </c>
      <c r="AL579" s="13">
        <v>0.12065359730856162</v>
      </c>
      <c r="AM579" s="9">
        <v>2325.5809079999981</v>
      </c>
      <c r="AN579" s="13">
        <v>0.15457228274658816</v>
      </c>
      <c r="AO579" s="9">
        <v>3945.4082229999985</v>
      </c>
      <c r="AP579" s="13">
        <v>0.29387558201272174</v>
      </c>
      <c r="AQ579" s="9">
        <v>10228.480686499999</v>
      </c>
      <c r="AR579" s="9">
        <v>10648.1826719</v>
      </c>
      <c r="AS579" s="9">
        <v>11134.104557000001</v>
      </c>
      <c r="AT579" s="9">
        <v>11963.675730999999</v>
      </c>
      <c r="AU579" s="9">
        <v>12095.4661679</v>
      </c>
      <c r="AV579" s="9">
        <v>11618.3845126</v>
      </c>
      <c r="AW579" s="9">
        <v>13425.4373772</v>
      </c>
      <c r="AX579" s="9">
        <v>13812.1402155</v>
      </c>
      <c r="AY579" s="9">
        <v>14200.1004161</v>
      </c>
      <c r="AZ579" s="9">
        <v>15045.2646922</v>
      </c>
      <c r="BA579" s="9">
        <v>14465.966433600001</v>
      </c>
      <c r="BB579" s="9">
        <v>14805.213843699999</v>
      </c>
      <c r="BC579" s="9">
        <v>15084.269005300001</v>
      </c>
      <c r="BD579" s="9">
        <v>16125.742876300001</v>
      </c>
      <c r="BE579" s="9">
        <v>16701.991236499998</v>
      </c>
      <c r="BF579" s="9">
        <v>17370.845600199998</v>
      </c>
      <c r="BG579" s="11">
        <v>2.5</v>
      </c>
      <c r="BH579" s="13">
        <v>5.3191489361702128E-2</v>
      </c>
      <c r="BI579" s="6">
        <v>7</v>
      </c>
      <c r="BJ579" s="13">
        <v>0.14893617021276595</v>
      </c>
      <c r="BK579" s="6">
        <v>-2</v>
      </c>
      <c r="BL579" s="13">
        <v>-3.7037037037037035E-2</v>
      </c>
      <c r="BM579" s="11">
        <v>-2.5</v>
      </c>
      <c r="BN579" s="13">
        <v>-4.807692307692308E-2</v>
      </c>
      <c r="BO579" s="11">
        <v>-4.5</v>
      </c>
      <c r="BP579" s="13">
        <v>-8.3333333333333329E-2</v>
      </c>
      <c r="BQ579" s="6">
        <v>47</v>
      </c>
      <c r="BR579" s="6">
        <v>49</v>
      </c>
      <c r="BS579" s="6">
        <v>50</v>
      </c>
      <c r="BT579" s="6">
        <v>54</v>
      </c>
      <c r="BU579" s="6">
        <v>52</v>
      </c>
      <c r="BV579" s="6">
        <v>52</v>
      </c>
      <c r="BW579" s="6">
        <v>52</v>
      </c>
      <c r="BX579" s="6">
        <v>53</v>
      </c>
      <c r="BY579" s="6">
        <v>52</v>
      </c>
      <c r="BZ579" s="6">
        <v>52</v>
      </c>
      <c r="CA579" s="6">
        <v>53</v>
      </c>
      <c r="CB579" s="6">
        <v>53</v>
      </c>
      <c r="CC579" s="11">
        <v>49.5</v>
      </c>
      <c r="CD579" s="11">
        <v>-100.35599999999999</v>
      </c>
      <c r="CE579" s="11">
        <v>107.937</v>
      </c>
      <c r="CF579" s="11">
        <v>51.884399999999999</v>
      </c>
      <c r="CG579" s="11">
        <v>160</v>
      </c>
      <c r="CH579" s="20">
        <v>0.94960599999999995</v>
      </c>
      <c r="CI579" s="20">
        <v>1.11524</v>
      </c>
      <c r="CJ579" s="20">
        <v>1.16174</v>
      </c>
      <c r="CK579" s="20">
        <v>1.13469</v>
      </c>
      <c r="CL579" s="20">
        <v>1.1042799999999999</v>
      </c>
      <c r="CM579" s="20">
        <v>1.1742600000000001</v>
      </c>
      <c r="CN579" s="20">
        <v>1.0931</v>
      </c>
      <c r="CO579" s="20">
        <v>1.04373</v>
      </c>
      <c r="CP579" s="20">
        <v>1.00119</v>
      </c>
      <c r="CQ579" s="20">
        <v>0.98975599999999997</v>
      </c>
      <c r="CR579" s="20">
        <v>0.97294000000000003</v>
      </c>
      <c r="CS579" s="20">
        <v>0.94771499999999997</v>
      </c>
      <c r="CT579" s="20">
        <v>0.87055300000000002</v>
      </c>
      <c r="CU579" s="20">
        <v>0.88242100000000001</v>
      </c>
      <c r="CV579" s="20">
        <v>0.84777800000000003</v>
      </c>
      <c r="CW579" s="20">
        <v>0.83271300000000004</v>
      </c>
      <c r="CX579" s="20">
        <v>0.80520099999999994</v>
      </c>
      <c r="CY579" s="6" t="s">
        <v>481</v>
      </c>
      <c r="CZ579" s="6" t="s">
        <v>482</v>
      </c>
      <c r="DA579" s="6" t="s">
        <v>93</v>
      </c>
      <c r="DB579" s="6" t="s">
        <v>345</v>
      </c>
      <c r="DC579" s="6"/>
      <c r="DD579" s="6"/>
      <c r="DE579" s="6"/>
      <c r="DF579" s="6"/>
      <c r="DG579" s="6"/>
      <c r="DH579" s="6" t="s">
        <v>333</v>
      </c>
      <c r="DI579" s="6"/>
      <c r="DJ579" s="6"/>
      <c r="DK579" s="6"/>
      <c r="DL579" s="6">
        <v>4</v>
      </c>
      <c r="DM579" s="6" t="s">
        <v>446</v>
      </c>
      <c r="DN579" s="6">
        <v>6</v>
      </c>
      <c r="DO579" s="6" t="s">
        <v>393</v>
      </c>
      <c r="DP579" s="6"/>
      <c r="DQ579" s="6"/>
    </row>
    <row r="580" spans="1:121" x14ac:dyDescent="0.2">
      <c r="A580" s="6" t="s">
        <v>325</v>
      </c>
      <c r="B580" s="6" t="s">
        <v>325</v>
      </c>
      <c r="C580" s="6" t="s">
        <v>193</v>
      </c>
      <c r="D580" s="6" t="s">
        <v>93</v>
      </c>
      <c r="E580" s="6" t="s">
        <v>234</v>
      </c>
      <c r="F580" s="11">
        <v>-78</v>
      </c>
      <c r="G580" s="13">
        <v>-0.213698630137</v>
      </c>
      <c r="H580" s="11">
        <v>196.51914049099997</v>
      </c>
      <c r="I580" s="13">
        <v>0.53884378259685406</v>
      </c>
      <c r="J580" s="11">
        <v>62.085386504999974</v>
      </c>
      <c r="K580" s="13">
        <v>0.11062489590949988</v>
      </c>
      <c r="L580" s="11">
        <v>-336.23734385399996</v>
      </c>
      <c r="M580" s="13">
        <v>-0.53943861019478012</v>
      </c>
      <c r="N580" s="11">
        <v>-274.15195734899999</v>
      </c>
      <c r="O580" s="13">
        <v>-0.48848905438764312</v>
      </c>
      <c r="P580" s="7">
        <v>364.70522039600002</v>
      </c>
      <c r="Q580" s="7">
        <v>427.41481657499997</v>
      </c>
      <c r="R580" s="7">
        <v>443.57802619300003</v>
      </c>
      <c r="S580" s="7">
        <v>487.32671510900002</v>
      </c>
      <c r="T580" s="7">
        <v>535.97752242599995</v>
      </c>
      <c r="U580" s="7">
        <v>493.84563189400001</v>
      </c>
      <c r="V580" s="7">
        <v>561.22436088699999</v>
      </c>
      <c r="W580" s="7">
        <v>591.38690231999999</v>
      </c>
      <c r="X580" s="7">
        <v>604.920115603</v>
      </c>
      <c r="Y580" s="7">
        <v>623.30974739199996</v>
      </c>
      <c r="Z580" s="7">
        <v>632.55275508299997</v>
      </c>
      <c r="AA580" s="7">
        <v>598.23746562999997</v>
      </c>
      <c r="AB580" s="7">
        <v>256.08651080999999</v>
      </c>
      <c r="AC580" s="7">
        <v>296.32655314300001</v>
      </c>
      <c r="AD580" s="7">
        <v>305.869417548</v>
      </c>
      <c r="AE580" s="7">
        <v>297.00994332499999</v>
      </c>
      <c r="AF580" s="7">
        <v>287.072403538</v>
      </c>
      <c r="AG580" s="9">
        <v>5084.1165841999991</v>
      </c>
      <c r="AH580" s="13">
        <v>0.32742982636204182</v>
      </c>
      <c r="AI580" s="9">
        <v>-576.10802810000132</v>
      </c>
      <c r="AJ580" s="13">
        <v>-3.7102798191683085E-2</v>
      </c>
      <c r="AK580" s="9">
        <v>-1820.7597521999996</v>
      </c>
      <c r="AL580" s="13">
        <v>-0.12177985625369649</v>
      </c>
      <c r="AM580" s="9">
        <v>7480.9843645000001</v>
      </c>
      <c r="AN580" s="13">
        <v>0.56974190725447194</v>
      </c>
      <c r="AO580" s="9">
        <v>5660.2246123000004</v>
      </c>
      <c r="AP580" s="13">
        <v>0.37857896343361902</v>
      </c>
      <c r="AQ580" s="9">
        <v>15527.347159200001</v>
      </c>
      <c r="AR580" s="9">
        <v>16411.0334195</v>
      </c>
      <c r="AS580" s="9">
        <v>14762.217719</v>
      </c>
      <c r="AT580" s="9">
        <v>13713.910237800001</v>
      </c>
      <c r="AU580" s="9">
        <v>14362.1547271</v>
      </c>
      <c r="AV580" s="9">
        <v>15344.8168398</v>
      </c>
      <c r="AW580" s="9">
        <v>14951.239131099999</v>
      </c>
      <c r="AX580" s="9">
        <v>14598.625138400001</v>
      </c>
      <c r="AY580" s="9">
        <v>13577.491285399999</v>
      </c>
      <c r="AZ580" s="9">
        <v>13130.4793789</v>
      </c>
      <c r="BA580" s="9">
        <v>12637.0282577</v>
      </c>
      <c r="BB580" s="9">
        <v>13170.134461899999</v>
      </c>
      <c r="BC580" s="9">
        <v>20813.429463</v>
      </c>
      <c r="BD580" s="9">
        <v>20171.194035199998</v>
      </c>
      <c r="BE580" s="9">
        <v>19971.233200400002</v>
      </c>
      <c r="BF580" s="9">
        <v>20611.4637434</v>
      </c>
      <c r="BG580" s="11">
        <v>-103</v>
      </c>
      <c r="BH580" s="13">
        <v>-0.70547945205479456</v>
      </c>
      <c r="BI580" s="6">
        <v>7</v>
      </c>
      <c r="BJ580" s="13">
        <v>4.7945205479452052E-2</v>
      </c>
      <c r="BK580" s="6">
        <v>92</v>
      </c>
      <c r="BL580" s="13">
        <v>0.60130718954248363</v>
      </c>
      <c r="BM580" s="11">
        <v>-202</v>
      </c>
      <c r="BN580" s="13">
        <v>-0.82448979591836735</v>
      </c>
      <c r="BO580" s="11">
        <v>-110</v>
      </c>
      <c r="BP580" s="13">
        <v>-0.71895424836601307</v>
      </c>
      <c r="BQ580" s="6">
        <v>146</v>
      </c>
      <c r="BR580" s="6">
        <v>148</v>
      </c>
      <c r="BS580" s="6">
        <v>141</v>
      </c>
      <c r="BT580" s="6">
        <v>153</v>
      </c>
      <c r="BU580" s="6">
        <v>180</v>
      </c>
      <c r="BV580" s="6">
        <v>208</v>
      </c>
      <c r="BW580" s="6">
        <v>245</v>
      </c>
      <c r="BX580" s="6">
        <v>261</v>
      </c>
      <c r="BY580" s="6">
        <v>251</v>
      </c>
      <c r="BZ580" s="6">
        <v>37</v>
      </c>
      <c r="CA580" s="6">
        <v>42</v>
      </c>
      <c r="CB580" s="6">
        <v>43</v>
      </c>
      <c r="CC580" s="11">
        <v>43</v>
      </c>
      <c r="CD580" s="11">
        <v>-114.14100000000001</v>
      </c>
      <c r="CE580" s="11">
        <v>-3.35859</v>
      </c>
      <c r="CF580" s="11">
        <v>39.866700000000002</v>
      </c>
      <c r="CG580" s="11">
        <v>37</v>
      </c>
      <c r="CH580" s="20">
        <v>1.0742</v>
      </c>
      <c r="CI580" s="20">
        <v>1.2008700000000001</v>
      </c>
      <c r="CJ580" s="20">
        <v>1.2339800000000001</v>
      </c>
      <c r="CK580" s="20">
        <v>1.3598300000000001</v>
      </c>
      <c r="CL580" s="20">
        <v>1.47177</v>
      </c>
      <c r="CM580" s="20">
        <v>1.31785</v>
      </c>
      <c r="CN580" s="20">
        <v>1.47983</v>
      </c>
      <c r="CO580" s="20">
        <v>1.58552</v>
      </c>
      <c r="CP580" s="20">
        <v>1.60179</v>
      </c>
      <c r="CQ580" s="20">
        <v>1.6794899999999999</v>
      </c>
      <c r="CR580" s="20">
        <v>1.66743</v>
      </c>
      <c r="CS580" s="20">
        <v>1.5528</v>
      </c>
      <c r="CT580" s="20">
        <v>0.71588300000000005</v>
      </c>
      <c r="CU580" s="20">
        <v>0.83384000000000003</v>
      </c>
      <c r="CV580" s="20">
        <v>0.84316800000000003</v>
      </c>
      <c r="CW580" s="20">
        <v>0.81589400000000001</v>
      </c>
      <c r="CX580" s="20">
        <v>0.774173</v>
      </c>
      <c r="CY580" s="6" t="s">
        <v>481</v>
      </c>
      <c r="CZ580" s="6" t="s">
        <v>482</v>
      </c>
      <c r="DA580" s="6" t="s">
        <v>93</v>
      </c>
      <c r="DB580" s="6" t="s">
        <v>345</v>
      </c>
      <c r="DC580" s="6"/>
      <c r="DD580" s="6"/>
      <c r="DE580" s="6"/>
      <c r="DF580" s="6"/>
      <c r="DG580" s="6"/>
      <c r="DH580" s="6" t="s">
        <v>333</v>
      </c>
      <c r="DI580" s="6"/>
      <c r="DJ580" s="6"/>
      <c r="DK580" s="6"/>
      <c r="DL580" s="6">
        <v>4</v>
      </c>
      <c r="DM580" s="6" t="s">
        <v>446</v>
      </c>
      <c r="DN580" s="6">
        <v>6</v>
      </c>
      <c r="DO580" s="6" t="s">
        <v>393</v>
      </c>
      <c r="DP580" s="6"/>
      <c r="DQ580" s="6"/>
    </row>
    <row r="581" spans="1:121" x14ac:dyDescent="0.2">
      <c r="A581" s="6" t="s">
        <v>327</v>
      </c>
      <c r="B581" s="6" t="s">
        <v>327</v>
      </c>
      <c r="C581" s="6" t="s">
        <v>194</v>
      </c>
      <c r="D581" s="6" t="s">
        <v>93</v>
      </c>
      <c r="E581" s="6" t="s">
        <v>234</v>
      </c>
      <c r="F581" s="11">
        <v>23</v>
      </c>
      <c r="G581" s="13">
        <v>2.28628230616E-2</v>
      </c>
      <c r="H581" s="11">
        <v>85.796770000000038</v>
      </c>
      <c r="I581" s="13">
        <v>8.5257795199284156E-2</v>
      </c>
      <c r="J581" s="11">
        <v>-38.871640999999954</v>
      </c>
      <c r="K581" s="13">
        <v>-3.5592879178071038E-2</v>
      </c>
      <c r="L581" s="11">
        <v>-23.812859769999932</v>
      </c>
      <c r="M581" s="13">
        <v>-2.2609001950991792E-2</v>
      </c>
      <c r="N581" s="11">
        <v>-62.684500769999886</v>
      </c>
      <c r="O581" s="13">
        <v>-5.7397161654284407E-2</v>
      </c>
      <c r="P581" s="7">
        <v>1006.3217069999999</v>
      </c>
      <c r="Q581" s="7">
        <v>1021.881854</v>
      </c>
      <c r="R581" s="7">
        <v>1036.0862930000001</v>
      </c>
      <c r="S581" s="7">
        <v>1029.8550720000001</v>
      </c>
      <c r="T581" s="7">
        <v>1033.289849</v>
      </c>
      <c r="U581" s="7">
        <v>1061.2779519999999</v>
      </c>
      <c r="V581" s="7">
        <v>1092.118477</v>
      </c>
      <c r="W581" s="7">
        <v>1091.179586</v>
      </c>
      <c r="X581" s="7">
        <v>1085.0464219999999</v>
      </c>
      <c r="Y581" s="7">
        <v>1053.246836</v>
      </c>
      <c r="Z581" s="7">
        <v>1047.8712519999999</v>
      </c>
      <c r="AA581" s="7">
        <v>1038.1283229999999</v>
      </c>
      <c r="AB581" s="7">
        <v>1045.0684920000001</v>
      </c>
      <c r="AC581" s="7">
        <v>1019.385643</v>
      </c>
      <c r="AD581" s="7">
        <v>1010.057152</v>
      </c>
      <c r="AE581" s="7">
        <v>1032.7941752500001</v>
      </c>
      <c r="AF581" s="7">
        <v>1029.4339762300001</v>
      </c>
      <c r="AG581" s="9">
        <v>13068.572094700001</v>
      </c>
      <c r="AH581" s="13">
        <v>0.43526414654869278</v>
      </c>
      <c r="AI581" s="9">
        <v>8804.175925800002</v>
      </c>
      <c r="AJ581" s="13">
        <v>0.29323342233862121</v>
      </c>
      <c r="AK581" s="9">
        <v>2850.7160459999941</v>
      </c>
      <c r="AL581" s="13">
        <v>7.3417872820171273E-2</v>
      </c>
      <c r="AM581" s="9">
        <v>1413.6801229000048</v>
      </c>
      <c r="AN581" s="13">
        <v>3.3917994580120819E-2</v>
      </c>
      <c r="AO581" s="9">
        <v>4264.3961688999989</v>
      </c>
      <c r="AP581" s="13">
        <v>0.10982605441269068</v>
      </c>
      <c r="AQ581" s="9">
        <v>30024.462612700001</v>
      </c>
      <c r="AR581" s="9">
        <v>32392.051320400002</v>
      </c>
      <c r="AS581" s="9">
        <v>32386.189949899999</v>
      </c>
      <c r="AT581" s="9">
        <v>35042.337505099997</v>
      </c>
      <c r="AU581" s="9">
        <v>36204.801873700002</v>
      </c>
      <c r="AV581" s="9">
        <v>37919.540142500002</v>
      </c>
      <c r="AW581" s="9">
        <v>38828.638538500003</v>
      </c>
      <c r="AX581" s="9">
        <v>39883.5989252</v>
      </c>
      <c r="AY581" s="9">
        <v>40411.574554699997</v>
      </c>
      <c r="AZ581" s="9">
        <v>41679.354584499997</v>
      </c>
      <c r="BA581" s="9">
        <v>40038.400678500002</v>
      </c>
      <c r="BB581" s="9">
        <v>40378.715048099999</v>
      </c>
      <c r="BC581" s="9">
        <v>41133.065597100001</v>
      </c>
      <c r="BD581" s="9">
        <v>41332.1289388</v>
      </c>
      <c r="BE581" s="9">
        <v>42448.457613400002</v>
      </c>
      <c r="BF581" s="9">
        <v>43093.034707400002</v>
      </c>
      <c r="BG581" s="11">
        <v>2</v>
      </c>
      <c r="BH581" s="13">
        <v>4.5454545454545456E-2</v>
      </c>
      <c r="BI581" s="6">
        <v>4</v>
      </c>
      <c r="BJ581" s="13">
        <v>9.0909090909090912E-2</v>
      </c>
      <c r="BK581" s="6">
        <v>1</v>
      </c>
      <c r="BL581" s="13">
        <v>2.0833333333333332E-2</v>
      </c>
      <c r="BM581" s="11">
        <v>-3</v>
      </c>
      <c r="BN581" s="13">
        <v>-6.1224489795918366E-2</v>
      </c>
      <c r="BO581" s="11">
        <v>-2</v>
      </c>
      <c r="BP581" s="13">
        <v>-4.1666666666666664E-2</v>
      </c>
      <c r="BQ581" s="6">
        <v>44</v>
      </c>
      <c r="BR581" s="6">
        <v>43</v>
      </c>
      <c r="BS581" s="6">
        <v>45</v>
      </c>
      <c r="BT581" s="6">
        <v>48</v>
      </c>
      <c r="BU581" s="6">
        <v>48</v>
      </c>
      <c r="BV581" s="6">
        <v>49</v>
      </c>
      <c r="BW581" s="6">
        <v>49</v>
      </c>
      <c r="BX581" s="6">
        <v>46</v>
      </c>
      <c r="BY581" s="6">
        <v>45</v>
      </c>
      <c r="BZ581" s="6">
        <v>47</v>
      </c>
      <c r="CA581" s="6">
        <v>46</v>
      </c>
      <c r="CB581" s="6">
        <v>47</v>
      </c>
      <c r="CC581" s="11">
        <v>46</v>
      </c>
      <c r="CD581" s="11">
        <v>-27.895600000000002</v>
      </c>
      <c r="CE581" s="11">
        <v>-58.995199999999997</v>
      </c>
      <c r="CF581" s="11">
        <v>110.003</v>
      </c>
      <c r="CG581" s="11">
        <v>51</v>
      </c>
      <c r="CH581" s="20">
        <v>0.892289</v>
      </c>
      <c r="CI581" s="20">
        <v>0.86261100000000002</v>
      </c>
      <c r="CJ581" s="20">
        <v>0.872359</v>
      </c>
      <c r="CK581" s="20">
        <v>0.87606499999999998</v>
      </c>
      <c r="CL581" s="20">
        <v>0.86698600000000003</v>
      </c>
      <c r="CM581" s="20">
        <v>0.87107999999999997</v>
      </c>
      <c r="CN581" s="20">
        <v>0.89207899999999996</v>
      </c>
      <c r="CO581" s="20">
        <v>0.89719700000000002</v>
      </c>
      <c r="CP581" s="20">
        <v>0.87128899999999998</v>
      </c>
      <c r="CQ581" s="20">
        <v>0.85568699999999998</v>
      </c>
      <c r="CR581" s="20">
        <v>0.85241199999999995</v>
      </c>
      <c r="CS581" s="20">
        <v>0.85974300000000003</v>
      </c>
      <c r="CT581" s="20">
        <v>0.88536499999999996</v>
      </c>
      <c r="CU581" s="20">
        <v>0.88574399999999998</v>
      </c>
      <c r="CV581" s="20">
        <v>0.86715600000000004</v>
      </c>
      <c r="CW581" s="20">
        <v>0.88805199999999995</v>
      </c>
      <c r="CX581" s="20">
        <v>0.87504899999999997</v>
      </c>
      <c r="CY581" s="6" t="s">
        <v>481</v>
      </c>
      <c r="CZ581" s="6" t="s">
        <v>482</v>
      </c>
      <c r="DA581" s="6" t="s">
        <v>93</v>
      </c>
      <c r="DB581" s="6" t="s">
        <v>345</v>
      </c>
      <c r="DC581" s="6"/>
      <c r="DD581" s="6"/>
      <c r="DE581" s="6"/>
      <c r="DF581" s="6"/>
      <c r="DG581" s="6"/>
      <c r="DH581" s="6" t="s">
        <v>333</v>
      </c>
      <c r="DI581" s="6"/>
      <c r="DJ581" s="6"/>
      <c r="DK581" s="6"/>
      <c r="DL581" s="6">
        <v>4</v>
      </c>
      <c r="DM581" s="6" t="s">
        <v>446</v>
      </c>
      <c r="DN581" s="6">
        <v>6</v>
      </c>
      <c r="DO581" s="6" t="s">
        <v>393</v>
      </c>
      <c r="DP581" s="6"/>
      <c r="DQ581" s="6"/>
    </row>
    <row r="582" spans="1:121" x14ac:dyDescent="0.2">
      <c r="A582" s="6" t="s">
        <v>1</v>
      </c>
      <c r="B582" s="6" t="s">
        <v>1</v>
      </c>
      <c r="C582" s="6" t="s">
        <v>2</v>
      </c>
      <c r="D582" s="6" t="s">
        <v>169</v>
      </c>
      <c r="E582" s="6" t="s">
        <v>308</v>
      </c>
      <c r="F582" s="11">
        <v>-978</v>
      </c>
      <c r="G582" s="13">
        <v>-0.73478587528200001</v>
      </c>
      <c r="H582" s="11">
        <v>-607.90974558800008</v>
      </c>
      <c r="I582" s="13">
        <v>-0.45690139590489182</v>
      </c>
      <c r="J582" s="11">
        <v>-389.61399501799997</v>
      </c>
      <c r="K582" s="13">
        <v>-0.53918678694013067</v>
      </c>
      <c r="L582" s="11">
        <v>19.982008613999994</v>
      </c>
      <c r="M582" s="13">
        <v>6.0009348413235741E-2</v>
      </c>
      <c r="N582" s="11">
        <v>-369.63198640399997</v>
      </c>
      <c r="O582" s="13">
        <v>-0.51153368628419837</v>
      </c>
      <c r="P582" s="7">
        <v>1330.50533668</v>
      </c>
      <c r="Q582" s="7">
        <v>1346.4656155800001</v>
      </c>
      <c r="R582" s="7">
        <v>1270.3017315899999</v>
      </c>
      <c r="S582" s="7">
        <v>918.82356769700004</v>
      </c>
      <c r="T582" s="7">
        <v>711.23317840300001</v>
      </c>
      <c r="U582" s="7">
        <v>797.65936321799995</v>
      </c>
      <c r="V582" s="7">
        <v>722.59559109199995</v>
      </c>
      <c r="W582" s="7">
        <v>527.87264819500001</v>
      </c>
      <c r="X582" s="7">
        <v>585.49161176999996</v>
      </c>
      <c r="Y582" s="7">
        <v>332.98159607399998</v>
      </c>
      <c r="Z582" s="7">
        <v>400.47410823199999</v>
      </c>
      <c r="AA582" s="7">
        <v>317.30896805600003</v>
      </c>
      <c r="AB582" s="7">
        <v>276.80013803999998</v>
      </c>
      <c r="AC582" s="7">
        <v>308.32913566299999</v>
      </c>
      <c r="AD582" s="7">
        <v>335.16866785600001</v>
      </c>
      <c r="AE582" s="7">
        <v>341.57833833000001</v>
      </c>
      <c r="AF582" s="7">
        <v>352.96360468799998</v>
      </c>
      <c r="AG582" s="9">
        <v>12332.572597100003</v>
      </c>
      <c r="AH582" s="13">
        <v>0.58433643775727961</v>
      </c>
      <c r="AI582" s="9">
        <v>1638.9793701000017</v>
      </c>
      <c r="AJ582" s="13">
        <v>7.7657387308395914E-2</v>
      </c>
      <c r="AK582" s="9">
        <v>7103.0175720000007</v>
      </c>
      <c r="AL582" s="13">
        <v>0.31229962786816495</v>
      </c>
      <c r="AM582" s="9">
        <v>3590.5756550000006</v>
      </c>
      <c r="AN582" s="13">
        <v>0.12029834536983756</v>
      </c>
      <c r="AO582" s="9">
        <v>10693.593227000001</v>
      </c>
      <c r="AP582" s="13">
        <v>0.47016710173015874</v>
      </c>
      <c r="AQ582" s="9">
        <v>21105.260257999998</v>
      </c>
      <c r="AR582" s="9">
        <v>20671.3283223</v>
      </c>
      <c r="AS582" s="9">
        <v>21402.3080601</v>
      </c>
      <c r="AT582" s="9">
        <v>21311.088262500001</v>
      </c>
      <c r="AU582" s="9">
        <v>22362.4486149</v>
      </c>
      <c r="AV582" s="9">
        <v>22261.399060700001</v>
      </c>
      <c r="AW582" s="9">
        <v>22744.2396281</v>
      </c>
      <c r="AX582" s="9">
        <v>24889.658675499999</v>
      </c>
      <c r="AY582" s="9">
        <v>21241.893006099999</v>
      </c>
      <c r="AZ582" s="9">
        <v>29847.257200100001</v>
      </c>
      <c r="BA582" s="9">
        <v>27590.799256599999</v>
      </c>
      <c r="BB582" s="9">
        <v>29252.5660776</v>
      </c>
      <c r="BC582" s="9">
        <v>33722.973797999999</v>
      </c>
      <c r="BD582" s="9">
        <v>33491.150736000003</v>
      </c>
      <c r="BE582" s="9">
        <v>32316.826111599999</v>
      </c>
      <c r="BF582" s="9">
        <v>33437.832855100001</v>
      </c>
      <c r="BG582" s="11">
        <v>1.25</v>
      </c>
      <c r="BH582" s="13">
        <v>0.15625</v>
      </c>
      <c r="BI582" s="6">
        <v>-2</v>
      </c>
      <c r="BJ582" s="13">
        <v>-0.25</v>
      </c>
      <c r="BK582" s="6">
        <v>-1</v>
      </c>
      <c r="BL582" s="13">
        <v>-0.16666666666666666</v>
      </c>
      <c r="BM582" s="11">
        <v>4.25</v>
      </c>
      <c r="BN582" s="13">
        <v>0.85</v>
      </c>
      <c r="BO582" s="11">
        <v>3.25</v>
      </c>
      <c r="BP582" s="13">
        <v>0.54166666666666663</v>
      </c>
      <c r="BQ582" s="6">
        <v>8</v>
      </c>
      <c r="BR582" s="6">
        <v>7</v>
      </c>
      <c r="BS582" s="6">
        <v>6</v>
      </c>
      <c r="BT582" s="6">
        <v>6</v>
      </c>
      <c r="BU582" s="6">
        <v>5</v>
      </c>
      <c r="BV582" s="6">
        <v>4</v>
      </c>
      <c r="BW582" s="6">
        <v>5</v>
      </c>
      <c r="BX582" s="6">
        <v>5</v>
      </c>
      <c r="BY582" s="6">
        <v>5</v>
      </c>
      <c r="BZ582" s="6">
        <v>6</v>
      </c>
      <c r="CA582" s="6">
        <v>7</v>
      </c>
      <c r="CB582" s="6">
        <v>8</v>
      </c>
      <c r="CC582" s="11">
        <v>9.25</v>
      </c>
      <c r="CD582" s="11">
        <v>-1001.67</v>
      </c>
      <c r="CE582" s="11">
        <v>-121.307</v>
      </c>
      <c r="CF582" s="11">
        <v>145.44</v>
      </c>
      <c r="CG582" s="11">
        <v>24</v>
      </c>
      <c r="CH582" s="20">
        <v>30.0837</v>
      </c>
      <c r="CI582" s="20">
        <v>30.508900000000001</v>
      </c>
      <c r="CJ582" s="20">
        <v>28.944500000000001</v>
      </c>
      <c r="CK582" s="20">
        <v>23.936399999999999</v>
      </c>
      <c r="CL582" s="20">
        <v>20.906500000000001</v>
      </c>
      <c r="CM582" s="20">
        <v>22.150500000000001</v>
      </c>
      <c r="CN582" s="20">
        <v>21.484999999999999</v>
      </c>
      <c r="CO582" s="20">
        <v>17.895800000000001</v>
      </c>
      <c r="CP582" s="20">
        <v>19.665700000000001</v>
      </c>
      <c r="CQ582" s="20">
        <v>12.755800000000001</v>
      </c>
      <c r="CR582" s="20">
        <v>15.014699999999999</v>
      </c>
      <c r="CS582" s="20">
        <v>12.651999999999999</v>
      </c>
      <c r="CT582" s="20">
        <v>10.983499999999999</v>
      </c>
      <c r="CU582" s="20">
        <v>11.958600000000001</v>
      </c>
      <c r="CV582" s="20">
        <v>12.667899999999999</v>
      </c>
      <c r="CW582" s="20">
        <v>12.884399999999999</v>
      </c>
      <c r="CX582" s="20">
        <v>13.085000000000001</v>
      </c>
      <c r="CY582" s="6" t="s">
        <v>483</v>
      </c>
      <c r="CZ582" s="6" t="s">
        <v>484</v>
      </c>
      <c r="DA582" s="6" t="s">
        <v>169</v>
      </c>
      <c r="DB582" s="6" t="s">
        <v>345</v>
      </c>
      <c r="DC582" s="6"/>
      <c r="DD582" s="6"/>
      <c r="DE582" s="6"/>
      <c r="DF582" s="6"/>
      <c r="DG582" s="6"/>
      <c r="DH582" s="6" t="s">
        <v>333</v>
      </c>
      <c r="DI582" s="6"/>
      <c r="DJ582" s="6"/>
      <c r="DK582" s="6"/>
      <c r="DL582" s="6">
        <v>7</v>
      </c>
      <c r="DM582" s="6" t="s">
        <v>485</v>
      </c>
      <c r="DN582" s="6">
        <v>8</v>
      </c>
      <c r="DO582" s="6" t="s">
        <v>486</v>
      </c>
      <c r="DP582" s="6"/>
      <c r="DQ582" s="6"/>
    </row>
    <row r="583" spans="1:121" x14ac:dyDescent="0.2">
      <c r="A583" s="6" t="s">
        <v>310</v>
      </c>
      <c r="B583" s="6" t="s">
        <v>310</v>
      </c>
      <c r="C583" s="6" t="s">
        <v>173</v>
      </c>
      <c r="D583" s="6" t="s">
        <v>169</v>
      </c>
      <c r="E583" s="6" t="s">
        <v>308</v>
      </c>
      <c r="F583" s="11">
        <v>1</v>
      </c>
      <c r="G583" s="13">
        <v>1</v>
      </c>
      <c r="H583" s="11">
        <v>0</v>
      </c>
      <c r="I583" s="13">
        <v>0</v>
      </c>
      <c r="J583" s="11">
        <v>44.137262</v>
      </c>
      <c r="K583" s="13">
        <v>8.8274524000000003</v>
      </c>
      <c r="L583" s="11">
        <v>-44.137262</v>
      </c>
      <c r="M583" s="13">
        <v>-0.89824422858563013</v>
      </c>
      <c r="N583" s="11">
        <v>0</v>
      </c>
      <c r="O583" s="13">
        <v>0</v>
      </c>
      <c r="P583" s="7">
        <v>5</v>
      </c>
      <c r="Q583" s="7">
        <v>16.748537860900001</v>
      </c>
      <c r="R583" s="7">
        <v>20.713278709099999</v>
      </c>
      <c r="S583" s="7">
        <v>5</v>
      </c>
      <c r="T583" s="7">
        <v>5</v>
      </c>
      <c r="U583" s="7">
        <v>12.293241</v>
      </c>
      <c r="V583" s="7">
        <v>5</v>
      </c>
      <c r="W583" s="7">
        <v>5</v>
      </c>
      <c r="X583" s="7">
        <v>28.331015000000001</v>
      </c>
      <c r="Y583" s="7">
        <v>49.137262</v>
      </c>
      <c r="Z583" s="7">
        <v>31.027633999999999</v>
      </c>
      <c r="AA583" s="7">
        <v>14.083368999999999</v>
      </c>
      <c r="AB583" s="7">
        <v>5</v>
      </c>
      <c r="AC583" s="7">
        <v>5</v>
      </c>
      <c r="AD583" s="7">
        <v>10.048101000000001</v>
      </c>
      <c r="AE583" s="7">
        <v>5</v>
      </c>
      <c r="AF583" s="7">
        <v>5</v>
      </c>
      <c r="AG583" s="9">
        <v>0</v>
      </c>
      <c r="AH583" s="13">
        <v>0</v>
      </c>
      <c r="AI583" s="9">
        <v>0</v>
      </c>
      <c r="AJ583" s="13">
        <v>0</v>
      </c>
      <c r="AK583" s="9">
        <v>21070.142014900001</v>
      </c>
      <c r="AL583" s="13">
        <v>21070.142014900001</v>
      </c>
      <c r="AM583" s="9">
        <v>-21070.142014900001</v>
      </c>
      <c r="AN583" s="13">
        <v>-0.99995254172748238</v>
      </c>
      <c r="AO583" s="9">
        <v>0</v>
      </c>
      <c r="AP583" s="13">
        <v>0</v>
      </c>
      <c r="AQ583" s="9">
        <v>1</v>
      </c>
      <c r="AR583" s="9">
        <v>23483.907635799998</v>
      </c>
      <c r="AS583" s="9">
        <v>27589.062395600002</v>
      </c>
      <c r="AT583" s="9">
        <v>1</v>
      </c>
      <c r="AU583" s="9">
        <v>1</v>
      </c>
      <c r="AV583" s="9">
        <v>86134.5889322</v>
      </c>
      <c r="AW583" s="9">
        <v>1</v>
      </c>
      <c r="AX583" s="9">
        <v>1</v>
      </c>
      <c r="AY583" s="9">
        <v>21285.952474000002</v>
      </c>
      <c r="AZ583" s="9">
        <v>21071.142014900001</v>
      </c>
      <c r="BA583" s="9">
        <v>33523.768772199997</v>
      </c>
      <c r="BB583" s="9">
        <v>51386.946179400002</v>
      </c>
      <c r="BC583" s="9">
        <v>1</v>
      </c>
      <c r="BD583" s="9">
        <v>1</v>
      </c>
      <c r="BE583" s="9">
        <v>34601.255276600001</v>
      </c>
      <c r="BF583" s="9">
        <v>1</v>
      </c>
      <c r="BG583" s="11">
        <v>2</v>
      </c>
      <c r="BH583" s="13">
        <v>2</v>
      </c>
      <c r="BI583" s="6">
        <v>0</v>
      </c>
      <c r="BJ583" s="13">
        <v>0</v>
      </c>
      <c r="BK583" s="6">
        <v>1</v>
      </c>
      <c r="BL583" s="13">
        <v>1</v>
      </c>
      <c r="BM583" s="11">
        <v>1</v>
      </c>
      <c r="BN583" s="13">
        <v>0.5</v>
      </c>
      <c r="BO583" s="11">
        <v>2</v>
      </c>
      <c r="BP583" s="13">
        <v>2</v>
      </c>
      <c r="BQ583" s="6">
        <v>1</v>
      </c>
      <c r="BR583" s="6">
        <v>1</v>
      </c>
      <c r="BS583" s="6">
        <v>1</v>
      </c>
      <c r="BT583" s="6">
        <v>1</v>
      </c>
      <c r="BU583" s="6">
        <v>1</v>
      </c>
      <c r="BV583" s="6">
        <v>1</v>
      </c>
      <c r="BW583" s="6">
        <v>2</v>
      </c>
      <c r="BX583" s="6">
        <v>2</v>
      </c>
      <c r="BY583" s="6">
        <v>2</v>
      </c>
      <c r="BZ583" s="6">
        <v>2</v>
      </c>
      <c r="CA583" s="6">
        <v>2</v>
      </c>
      <c r="CB583" s="6">
        <v>3</v>
      </c>
      <c r="CC583" s="11">
        <v>3</v>
      </c>
      <c r="CD583" s="11">
        <v>0.89015599999999995</v>
      </c>
      <c r="CE583" s="11">
        <v>0.51972300000000005</v>
      </c>
      <c r="CF583" s="11">
        <v>0.54759599999999997</v>
      </c>
      <c r="CG583" s="11">
        <v>2</v>
      </c>
      <c r="CH583" s="20">
        <v>0.39922299999999999</v>
      </c>
      <c r="CI583" s="20">
        <v>1.3971899999999999</v>
      </c>
      <c r="CJ583" s="20">
        <v>1.7622500000000001</v>
      </c>
      <c r="CK583" s="20">
        <v>0.18826599999999999</v>
      </c>
      <c r="CL583" s="20">
        <v>0.74044500000000002</v>
      </c>
      <c r="CM583" s="20">
        <v>1.04457</v>
      </c>
      <c r="CN583" s="20">
        <v>0.81210800000000005</v>
      </c>
      <c r="CO583" s="20">
        <v>0.69321299999999997</v>
      </c>
      <c r="CP583" s="20">
        <v>2.6780499999999998</v>
      </c>
      <c r="CQ583" s="20">
        <v>5.1948299999999996</v>
      </c>
      <c r="CR583" s="20">
        <v>2.8900600000000001</v>
      </c>
      <c r="CS583" s="20">
        <v>1.2946200000000001</v>
      </c>
      <c r="CT583" s="20">
        <v>0.496921</v>
      </c>
      <c r="CU583" s="20">
        <v>0.43712200000000001</v>
      </c>
      <c r="CV583" s="20">
        <v>0.96386499999999997</v>
      </c>
      <c r="CW583" s="20">
        <v>0.88611700000000004</v>
      </c>
      <c r="CX583" s="20">
        <v>0.76404700000000003</v>
      </c>
      <c r="CY583" s="6" t="s">
        <v>483</v>
      </c>
      <c r="CZ583" s="6" t="s">
        <v>484</v>
      </c>
      <c r="DA583" s="6" t="s">
        <v>169</v>
      </c>
      <c r="DB583" s="6" t="s">
        <v>345</v>
      </c>
      <c r="DC583" s="6"/>
      <c r="DD583" s="6"/>
      <c r="DE583" s="6"/>
      <c r="DF583" s="6"/>
      <c r="DG583" s="6"/>
      <c r="DH583" s="6" t="s">
        <v>333</v>
      </c>
      <c r="DI583" s="6"/>
      <c r="DJ583" s="6"/>
      <c r="DK583" s="6"/>
      <c r="DL583" s="6">
        <v>7</v>
      </c>
      <c r="DM583" s="6" t="s">
        <v>485</v>
      </c>
      <c r="DN583" s="6">
        <v>8</v>
      </c>
      <c r="DO583" s="6" t="s">
        <v>486</v>
      </c>
      <c r="DP583" s="6"/>
      <c r="DQ583" s="6"/>
    </row>
    <row r="584" spans="1:121" x14ac:dyDescent="0.2">
      <c r="A584" s="6" t="s">
        <v>311</v>
      </c>
      <c r="B584" s="6" t="s">
        <v>311</v>
      </c>
      <c r="C584" s="6" t="s">
        <v>174</v>
      </c>
      <c r="D584" s="6" t="s">
        <v>169</v>
      </c>
      <c r="E584" s="6" t="s">
        <v>308</v>
      </c>
      <c r="F584" s="11">
        <v>1</v>
      </c>
      <c r="G584" s="13">
        <v>1</v>
      </c>
      <c r="H584" s="11">
        <v>7.0279389999999999</v>
      </c>
      <c r="I584" s="13">
        <v>1.4055877999999999</v>
      </c>
      <c r="J584" s="11">
        <v>-7.0279389999999999</v>
      </c>
      <c r="K584" s="13">
        <v>-0.58430118410144916</v>
      </c>
      <c r="L584" s="11">
        <v>0</v>
      </c>
      <c r="M584" s="13">
        <v>0</v>
      </c>
      <c r="N584" s="11">
        <v>-7.0279389999999999</v>
      </c>
      <c r="O584" s="13">
        <v>-0.58430118410144916</v>
      </c>
      <c r="P584" s="7">
        <v>5</v>
      </c>
      <c r="Q584" s="7">
        <v>5</v>
      </c>
      <c r="R584" s="7">
        <v>5</v>
      </c>
      <c r="S584" s="7">
        <v>5</v>
      </c>
      <c r="T584" s="7">
        <v>5</v>
      </c>
      <c r="U584" s="7">
        <v>13.877223000000001</v>
      </c>
      <c r="V584" s="7">
        <v>12.027939</v>
      </c>
      <c r="W584" s="7">
        <v>10.828049999999999</v>
      </c>
      <c r="X584" s="7">
        <v>5</v>
      </c>
      <c r="Y584" s="7">
        <v>5</v>
      </c>
      <c r="Z584" s="7">
        <v>5</v>
      </c>
      <c r="AA584" s="7">
        <v>5</v>
      </c>
      <c r="AB584" s="7">
        <v>5</v>
      </c>
      <c r="AC584" s="7">
        <v>5</v>
      </c>
      <c r="AD584" s="7">
        <v>5</v>
      </c>
      <c r="AE584" s="7">
        <v>5</v>
      </c>
      <c r="AF584" s="7">
        <v>5</v>
      </c>
      <c r="AG584" s="9">
        <v>0</v>
      </c>
      <c r="AH584" s="13">
        <v>0</v>
      </c>
      <c r="AI584" s="9">
        <v>66949.099066399998</v>
      </c>
      <c r="AJ584" s="13">
        <v>66949.099066399998</v>
      </c>
      <c r="AK584" s="9">
        <v>-66949.099066399998</v>
      </c>
      <c r="AL584" s="13">
        <v>-0.99998506350231076</v>
      </c>
      <c r="AM584" s="9">
        <v>0</v>
      </c>
      <c r="AN584" s="13">
        <v>0</v>
      </c>
      <c r="AO584" s="9">
        <v>-66949.099066399998</v>
      </c>
      <c r="AP584" s="13">
        <v>-0.99998506350231076</v>
      </c>
      <c r="AQ584" s="9">
        <v>1</v>
      </c>
      <c r="AR584" s="9">
        <v>1</v>
      </c>
      <c r="AS584" s="9">
        <v>1</v>
      </c>
      <c r="AT584" s="9">
        <v>1</v>
      </c>
      <c r="AU584" s="9">
        <v>1</v>
      </c>
      <c r="AV584" s="9">
        <v>58457.6557741</v>
      </c>
      <c r="AW584" s="9">
        <v>66950.099066399998</v>
      </c>
      <c r="AX584" s="9">
        <v>55075.089858300002</v>
      </c>
      <c r="AY584" s="9">
        <v>1</v>
      </c>
      <c r="AZ584" s="9">
        <v>1</v>
      </c>
      <c r="BA584" s="9">
        <v>1</v>
      </c>
      <c r="BB584" s="9">
        <v>1</v>
      </c>
      <c r="BC584" s="9">
        <v>1</v>
      </c>
      <c r="BD584" s="9">
        <v>1</v>
      </c>
      <c r="BE584" s="9">
        <v>1</v>
      </c>
      <c r="BF584" s="9">
        <v>1</v>
      </c>
      <c r="BG584" s="11">
        <v>0</v>
      </c>
      <c r="BH584" s="13">
        <v>0</v>
      </c>
      <c r="BI584" s="6">
        <v>0</v>
      </c>
      <c r="BJ584" s="13">
        <v>0</v>
      </c>
      <c r="BK584" s="6">
        <v>0</v>
      </c>
      <c r="BL584" s="13">
        <v>0</v>
      </c>
      <c r="BM584" s="11">
        <v>0</v>
      </c>
      <c r="BN584" s="13">
        <v>0</v>
      </c>
      <c r="BO584" s="11">
        <v>0</v>
      </c>
      <c r="BP584" s="13">
        <v>0</v>
      </c>
      <c r="BQ584" s="6">
        <v>1</v>
      </c>
      <c r="BR584" s="6">
        <v>1</v>
      </c>
      <c r="BS584" s="6">
        <v>1</v>
      </c>
      <c r="BT584" s="6">
        <v>1</v>
      </c>
      <c r="BU584" s="6">
        <v>1</v>
      </c>
      <c r="BV584" s="6">
        <v>1</v>
      </c>
      <c r="BW584" s="6">
        <v>1</v>
      </c>
      <c r="BX584" s="6">
        <v>1</v>
      </c>
      <c r="BY584" s="6">
        <v>1</v>
      </c>
      <c r="BZ584" s="6">
        <v>1</v>
      </c>
      <c r="CA584" s="6">
        <v>1</v>
      </c>
      <c r="CB584" s="6">
        <v>1</v>
      </c>
      <c r="CC584" s="11">
        <v>1</v>
      </c>
      <c r="CD584" s="11">
        <v>-0.87551999999999996</v>
      </c>
      <c r="CE584" s="11">
        <v>-1.0656600000000001</v>
      </c>
      <c r="CF584" s="11">
        <v>0.71534600000000004</v>
      </c>
      <c r="CG584" s="11">
        <v>0</v>
      </c>
      <c r="CH584" s="20">
        <v>0.475993</v>
      </c>
      <c r="CI584" s="20">
        <v>0.29343900000000001</v>
      </c>
      <c r="CJ584" s="20">
        <v>0.13096099999999999</v>
      </c>
      <c r="CK584" s="20">
        <v>0.52086399999999999</v>
      </c>
      <c r="CL584" s="20">
        <v>0.63623700000000005</v>
      </c>
      <c r="CM584" s="20">
        <v>1.36687</v>
      </c>
      <c r="CN584" s="20">
        <v>1.25139</v>
      </c>
      <c r="CO584" s="20">
        <v>1.2301500000000001</v>
      </c>
      <c r="CP584" s="20">
        <v>1.09918</v>
      </c>
      <c r="CQ584" s="20">
        <v>1.08372</v>
      </c>
      <c r="CR584" s="20">
        <v>1.13222</v>
      </c>
      <c r="CS584" s="20">
        <v>0.87227600000000005</v>
      </c>
      <c r="CT584" s="20">
        <v>0.538941</v>
      </c>
      <c r="CU584" s="20">
        <v>0.754104</v>
      </c>
      <c r="CV584" s="20">
        <v>0.70004299999999997</v>
      </c>
      <c r="CW584" s="20">
        <v>0.752579</v>
      </c>
      <c r="CX584" s="20">
        <v>0.68226100000000001</v>
      </c>
      <c r="CY584" s="6" t="s">
        <v>483</v>
      </c>
      <c r="CZ584" s="6" t="s">
        <v>484</v>
      </c>
      <c r="DA584" s="6" t="s">
        <v>169</v>
      </c>
      <c r="DB584" s="6" t="s">
        <v>345</v>
      </c>
      <c r="DC584" s="6"/>
      <c r="DD584" s="6"/>
      <c r="DE584" s="6"/>
      <c r="DF584" s="6"/>
      <c r="DG584" s="6"/>
      <c r="DH584" s="6" t="s">
        <v>333</v>
      </c>
      <c r="DI584" s="6"/>
      <c r="DJ584" s="6"/>
      <c r="DK584" s="6"/>
      <c r="DL584" s="6">
        <v>7</v>
      </c>
      <c r="DM584" s="6" t="s">
        <v>485</v>
      </c>
      <c r="DN584" s="6">
        <v>8</v>
      </c>
      <c r="DO584" s="6" t="s">
        <v>486</v>
      </c>
      <c r="DP584" s="6"/>
      <c r="DQ584" s="6"/>
    </row>
    <row r="585" spans="1:121" x14ac:dyDescent="0.2">
      <c r="A585" s="6" t="s">
        <v>312</v>
      </c>
      <c r="B585" s="6" t="s">
        <v>312</v>
      </c>
      <c r="C585" s="6" t="s">
        <v>175</v>
      </c>
      <c r="D585" s="6" t="s">
        <v>169</v>
      </c>
      <c r="E585" s="6" t="s">
        <v>308</v>
      </c>
      <c r="F585" s="11">
        <v>64</v>
      </c>
      <c r="G585" s="13">
        <v>0.58181818181800005</v>
      </c>
      <c r="H585" s="11">
        <v>78.410630064999992</v>
      </c>
      <c r="I585" s="13">
        <v>0.70983171151664259</v>
      </c>
      <c r="J585" s="11">
        <v>-83.406566553000005</v>
      </c>
      <c r="K585" s="13">
        <v>-0.44159823615348848</v>
      </c>
      <c r="L585" s="11">
        <v>68.585501469000008</v>
      </c>
      <c r="M585" s="13">
        <v>0.65029830680545475</v>
      </c>
      <c r="N585" s="11">
        <v>-14.821065083999997</v>
      </c>
      <c r="O585" s="13">
        <v>-7.8470514606922656E-2</v>
      </c>
      <c r="P585" s="7">
        <v>110.46368990400001</v>
      </c>
      <c r="Q585" s="7">
        <v>128.89599826899999</v>
      </c>
      <c r="R585" s="7">
        <v>138.321470183</v>
      </c>
      <c r="S585" s="7">
        <v>135.01513047500001</v>
      </c>
      <c r="T585" s="7">
        <v>151.43512799499999</v>
      </c>
      <c r="U585" s="7">
        <v>148.28491258700001</v>
      </c>
      <c r="V585" s="7">
        <v>188.874319969</v>
      </c>
      <c r="W585" s="7">
        <v>260.12969531300001</v>
      </c>
      <c r="X585" s="7">
        <v>157.54787859800001</v>
      </c>
      <c r="Y585" s="7">
        <v>105.46775341599999</v>
      </c>
      <c r="Z585" s="7">
        <v>106.95248049600001</v>
      </c>
      <c r="AA585" s="7">
        <v>109.334651228</v>
      </c>
      <c r="AB585" s="7">
        <v>117.84040398099999</v>
      </c>
      <c r="AC585" s="7">
        <v>135.74205669299999</v>
      </c>
      <c r="AD585" s="7">
        <v>140.309460282</v>
      </c>
      <c r="AE585" s="7">
        <v>164.06844357599999</v>
      </c>
      <c r="AF585" s="7">
        <v>174.053254885</v>
      </c>
      <c r="AG585" s="9">
        <v>8191.986929499999</v>
      </c>
      <c r="AH585" s="13">
        <v>0.35768685520789262</v>
      </c>
      <c r="AI585" s="9">
        <v>-99.807005599999684</v>
      </c>
      <c r="AJ585" s="13">
        <v>-4.3578748682109236E-3</v>
      </c>
      <c r="AK585" s="9">
        <v>2651.4551910000009</v>
      </c>
      <c r="AL585" s="13">
        <v>0.11627725176351562</v>
      </c>
      <c r="AM585" s="9">
        <v>5640.3387440999977</v>
      </c>
      <c r="AN585" s="13">
        <v>0.22158664369845771</v>
      </c>
      <c r="AO585" s="9">
        <v>8291.7939350999986</v>
      </c>
      <c r="AP585" s="13">
        <v>0.3636293814187313</v>
      </c>
      <c r="AQ585" s="9">
        <v>22902.6781673</v>
      </c>
      <c r="AR585" s="9">
        <v>21407.075342299999</v>
      </c>
      <c r="AS585" s="9">
        <v>22809.281066</v>
      </c>
      <c r="AT585" s="9">
        <v>22216.127450200001</v>
      </c>
      <c r="AU585" s="9">
        <v>23735.625027099999</v>
      </c>
      <c r="AV585" s="9">
        <v>26143.998972900001</v>
      </c>
      <c r="AW585" s="9">
        <v>22802.871161700001</v>
      </c>
      <c r="AX585" s="9">
        <v>23062.807741799999</v>
      </c>
      <c r="AY585" s="9">
        <v>37197.159632199997</v>
      </c>
      <c r="AZ585" s="9">
        <v>25454.326352700002</v>
      </c>
      <c r="BA585" s="9">
        <v>26446.630346800001</v>
      </c>
      <c r="BB585" s="9">
        <v>26804.9927785</v>
      </c>
      <c r="BC585" s="9">
        <v>26779.366747</v>
      </c>
      <c r="BD585" s="9">
        <v>29420.796689800001</v>
      </c>
      <c r="BE585" s="9">
        <v>31326.440334300001</v>
      </c>
      <c r="BF585" s="9">
        <v>31094.665096799999</v>
      </c>
      <c r="BG585" s="11">
        <v>-1.25</v>
      </c>
      <c r="BH585" s="13">
        <v>-0.125</v>
      </c>
      <c r="BI585" s="6">
        <v>3</v>
      </c>
      <c r="BJ585" s="13">
        <v>0.3</v>
      </c>
      <c r="BK585" s="6">
        <v>-3</v>
      </c>
      <c r="BL585" s="13">
        <v>-0.23076923076923078</v>
      </c>
      <c r="BM585" s="11">
        <v>-1.25</v>
      </c>
      <c r="BN585" s="13">
        <v>-0.125</v>
      </c>
      <c r="BO585" s="11">
        <v>-4.25</v>
      </c>
      <c r="BP585" s="13">
        <v>-0.32692307692307693</v>
      </c>
      <c r="BQ585" s="6">
        <v>10</v>
      </c>
      <c r="BR585" s="6">
        <v>12</v>
      </c>
      <c r="BS585" s="6">
        <v>15</v>
      </c>
      <c r="BT585" s="6">
        <v>13</v>
      </c>
      <c r="BU585" s="6">
        <v>15</v>
      </c>
      <c r="BV585" s="6">
        <v>10</v>
      </c>
      <c r="BW585" s="6">
        <v>10</v>
      </c>
      <c r="BX585" s="6">
        <v>8</v>
      </c>
      <c r="BY585" s="6">
        <v>10</v>
      </c>
      <c r="BZ585" s="6">
        <v>10</v>
      </c>
      <c r="CA585" s="6">
        <v>11</v>
      </c>
      <c r="CB585" s="6">
        <v>9</v>
      </c>
      <c r="CC585" s="11">
        <v>8.75</v>
      </c>
      <c r="CD585" s="11">
        <v>64.894499999999994</v>
      </c>
      <c r="CE585" s="11">
        <v>-13.38</v>
      </c>
      <c r="CF585" s="11">
        <v>12.074999999999999</v>
      </c>
      <c r="CG585" s="11">
        <v>-1</v>
      </c>
      <c r="CH585" s="20">
        <v>0.55395300000000003</v>
      </c>
      <c r="CI585" s="20">
        <v>0.64541899999999996</v>
      </c>
      <c r="CJ585" s="20">
        <v>0.68728100000000003</v>
      </c>
      <c r="CK585" s="20">
        <v>0.73870599999999997</v>
      </c>
      <c r="CL585" s="20">
        <v>0.89832900000000004</v>
      </c>
      <c r="CM585" s="20">
        <v>0.79557199999999995</v>
      </c>
      <c r="CN585" s="20">
        <v>1.0847800000000001</v>
      </c>
      <c r="CO585" s="20">
        <v>1.7508699999999999</v>
      </c>
      <c r="CP585" s="20">
        <v>1.1952199999999999</v>
      </c>
      <c r="CQ585" s="20">
        <v>0.98653000000000002</v>
      </c>
      <c r="CR585" s="20">
        <v>0.99791099999999999</v>
      </c>
      <c r="CS585" s="20">
        <v>1.0888100000000001</v>
      </c>
      <c r="CT585" s="20">
        <v>1.1536900000000001</v>
      </c>
      <c r="CU585" s="20">
        <v>1.26898</v>
      </c>
      <c r="CV585" s="20">
        <v>1.24464</v>
      </c>
      <c r="CW585" s="20">
        <v>1.42072</v>
      </c>
      <c r="CX585" s="20">
        <v>1.4744600000000001</v>
      </c>
      <c r="CY585" s="6" t="s">
        <v>483</v>
      </c>
      <c r="CZ585" s="6" t="s">
        <v>484</v>
      </c>
      <c r="DA585" s="6" t="s">
        <v>169</v>
      </c>
      <c r="DB585" s="6" t="s">
        <v>345</v>
      </c>
      <c r="DC585" s="6"/>
      <c r="DD585" s="6"/>
      <c r="DE585" s="6"/>
      <c r="DF585" s="6"/>
      <c r="DG585" s="6"/>
      <c r="DH585" s="6" t="s">
        <v>333</v>
      </c>
      <c r="DI585" s="6"/>
      <c r="DJ585" s="6"/>
      <c r="DK585" s="6"/>
      <c r="DL585" s="6">
        <v>7</v>
      </c>
      <c r="DM585" s="6" t="s">
        <v>485</v>
      </c>
      <c r="DN585" s="6">
        <v>8</v>
      </c>
      <c r="DO585" s="6" t="s">
        <v>486</v>
      </c>
      <c r="DP585" s="6"/>
      <c r="DQ585" s="6"/>
    </row>
    <row r="586" spans="1:121" x14ac:dyDescent="0.2">
      <c r="A586" s="6" t="s">
        <v>792</v>
      </c>
      <c r="B586" s="6" t="s">
        <v>176</v>
      </c>
      <c r="C586" s="6" t="s">
        <v>177</v>
      </c>
      <c r="D586" s="6" t="s">
        <v>169</v>
      </c>
      <c r="E586" s="6" t="s">
        <v>308</v>
      </c>
      <c r="F586" s="11">
        <v>82</v>
      </c>
      <c r="G586" s="13">
        <v>0.40196078431400001</v>
      </c>
      <c r="H586" s="11">
        <v>17.768885697999991</v>
      </c>
      <c r="I586" s="13">
        <v>8.694200471848354E-2</v>
      </c>
      <c r="J586" s="11">
        <v>-43.708789512999999</v>
      </c>
      <c r="K586" s="13">
        <v>-0.19675775703525661</v>
      </c>
      <c r="L586" s="11">
        <v>107.908325066</v>
      </c>
      <c r="M586" s="13">
        <v>0.60474389855461219</v>
      </c>
      <c r="N586" s="11">
        <v>64.199535553000004</v>
      </c>
      <c r="O586" s="13">
        <v>0.28899808845899333</v>
      </c>
      <c r="P586" s="7">
        <v>204.37630528</v>
      </c>
      <c r="Q586" s="7">
        <v>194.799473987</v>
      </c>
      <c r="R586" s="7">
        <v>213.502290872</v>
      </c>
      <c r="S586" s="7">
        <v>223.88664676299999</v>
      </c>
      <c r="T586" s="7">
        <v>197.34272381299999</v>
      </c>
      <c r="U586" s="7">
        <v>215.83167304700001</v>
      </c>
      <c r="V586" s="7">
        <v>222.14519097799999</v>
      </c>
      <c r="W586" s="7">
        <v>212.93385692699999</v>
      </c>
      <c r="X586" s="7">
        <v>182.52814760999999</v>
      </c>
      <c r="Y586" s="7">
        <v>178.43640146499999</v>
      </c>
      <c r="Z586" s="7">
        <v>203.355864752</v>
      </c>
      <c r="AA586" s="7">
        <v>217.08384577300001</v>
      </c>
      <c r="AB586" s="7">
        <v>232.81119251800001</v>
      </c>
      <c r="AC586" s="7">
        <v>248.96356727899999</v>
      </c>
      <c r="AD586" s="7">
        <v>261.18619738699999</v>
      </c>
      <c r="AE586" s="7">
        <v>262.326542652</v>
      </c>
      <c r="AF586" s="7">
        <v>286.34472653099999</v>
      </c>
      <c r="AG586" s="9">
        <v>14216.586165800003</v>
      </c>
      <c r="AH586" s="13">
        <v>0.5627040123818039</v>
      </c>
      <c r="AI586" s="9">
        <v>7729.5233075000033</v>
      </c>
      <c r="AJ586" s="13">
        <v>0.30594080239826477</v>
      </c>
      <c r="AK586" s="9">
        <v>3071.0677908999933</v>
      </c>
      <c r="AL586" s="13">
        <v>9.3078762889435215E-2</v>
      </c>
      <c r="AM586" s="9">
        <v>3415.9950674000065</v>
      </c>
      <c r="AN586" s="13">
        <v>9.4716791394215724E-2</v>
      </c>
      <c r="AO586" s="9">
        <v>6487.0628582999998</v>
      </c>
      <c r="AP586" s="13">
        <v>0.19661167605148119</v>
      </c>
      <c r="AQ586" s="9">
        <v>25264.7677162</v>
      </c>
      <c r="AR586" s="9">
        <v>27573.937734700001</v>
      </c>
      <c r="AS586" s="9">
        <v>27224.335873600001</v>
      </c>
      <c r="AT586" s="9">
        <v>27592.112250599999</v>
      </c>
      <c r="AU586" s="9">
        <v>30241.826648400001</v>
      </c>
      <c r="AV586" s="9">
        <v>32428.8735165</v>
      </c>
      <c r="AW586" s="9">
        <v>32994.291023700003</v>
      </c>
      <c r="AX586" s="9">
        <v>33718.451902100001</v>
      </c>
      <c r="AY586" s="9">
        <v>35027.733576999999</v>
      </c>
      <c r="AZ586" s="9">
        <v>36065.358814599997</v>
      </c>
      <c r="BA586" s="9">
        <v>34268.9090325</v>
      </c>
      <c r="BB586" s="9">
        <v>35809.467934</v>
      </c>
      <c r="BC586" s="9">
        <v>35728.552171299998</v>
      </c>
      <c r="BD586" s="9">
        <v>36399.467936100002</v>
      </c>
      <c r="BE586" s="9">
        <v>37304.361748800002</v>
      </c>
      <c r="BF586" s="9">
        <v>39481.353882000003</v>
      </c>
      <c r="BG586" s="11">
        <v>-4</v>
      </c>
      <c r="BH586" s="13">
        <v>-0.25</v>
      </c>
      <c r="BI586" s="6">
        <v>-2</v>
      </c>
      <c r="BJ586" s="13">
        <v>-0.125</v>
      </c>
      <c r="BK586" s="6">
        <v>0</v>
      </c>
      <c r="BL586" s="13">
        <v>0</v>
      </c>
      <c r="BM586" s="11">
        <v>-2</v>
      </c>
      <c r="BN586" s="13">
        <v>-0.14285714285714285</v>
      </c>
      <c r="BO586" s="11">
        <v>-2</v>
      </c>
      <c r="BP586" s="13">
        <v>-0.14285714285714285</v>
      </c>
      <c r="BQ586" s="6">
        <v>16</v>
      </c>
      <c r="BR586" s="6">
        <v>15</v>
      </c>
      <c r="BS586" s="6">
        <v>14</v>
      </c>
      <c r="BT586" s="6">
        <v>14</v>
      </c>
      <c r="BU586" s="6">
        <v>14</v>
      </c>
      <c r="BV586" s="6">
        <v>13</v>
      </c>
      <c r="BW586" s="6">
        <v>14</v>
      </c>
      <c r="BX586" s="6">
        <v>14</v>
      </c>
      <c r="BY586" s="6">
        <v>13</v>
      </c>
      <c r="BZ586" s="6">
        <v>12</v>
      </c>
      <c r="CA586" s="6">
        <v>12</v>
      </c>
      <c r="CB586" s="6">
        <v>12</v>
      </c>
      <c r="CC586" s="11">
        <v>12</v>
      </c>
      <c r="CD586" s="11">
        <v>131.768</v>
      </c>
      <c r="CE586" s="11">
        <v>-72.140299999999996</v>
      </c>
      <c r="CF586" s="11">
        <v>22.340800000000002</v>
      </c>
      <c r="CG586" s="11">
        <v>-50</v>
      </c>
      <c r="CH586" s="20">
        <v>0.53535200000000005</v>
      </c>
      <c r="CI586" s="20">
        <v>0.54447599999999996</v>
      </c>
      <c r="CJ586" s="20">
        <v>0.63298900000000002</v>
      </c>
      <c r="CK586" s="20">
        <v>0.77416099999999999</v>
      </c>
      <c r="CL586" s="20">
        <v>0.77907599999999999</v>
      </c>
      <c r="CM586" s="20">
        <v>0.80774400000000002</v>
      </c>
      <c r="CN586" s="20">
        <v>0.90103100000000003</v>
      </c>
      <c r="CO586" s="20">
        <v>0.99027299999999996</v>
      </c>
      <c r="CP586" s="20">
        <v>0.94265399999999999</v>
      </c>
      <c r="CQ586" s="20">
        <v>1.07487</v>
      </c>
      <c r="CR586" s="20">
        <v>1.1855199999999999</v>
      </c>
      <c r="CS586" s="20">
        <v>1.3410500000000001</v>
      </c>
      <c r="CT586" s="20">
        <v>1.43618</v>
      </c>
      <c r="CU586" s="20">
        <v>1.5024500000000001</v>
      </c>
      <c r="CV586" s="20">
        <v>1.53755</v>
      </c>
      <c r="CW586" s="20">
        <v>1.54036</v>
      </c>
      <c r="CX586" s="20">
        <v>1.65547</v>
      </c>
      <c r="CY586" s="6" t="s">
        <v>483</v>
      </c>
      <c r="CZ586" s="6" t="s">
        <v>484</v>
      </c>
      <c r="DA586" s="6" t="s">
        <v>169</v>
      </c>
      <c r="DB586" s="6" t="s">
        <v>345</v>
      </c>
      <c r="DC586" s="6"/>
      <c r="DD586" s="6"/>
      <c r="DE586" s="6"/>
      <c r="DF586" s="6"/>
      <c r="DG586" s="6"/>
      <c r="DH586" s="6" t="s">
        <v>333</v>
      </c>
      <c r="DI586" s="6"/>
      <c r="DJ586" s="6"/>
      <c r="DK586" s="6"/>
      <c r="DL586" s="6">
        <v>7</v>
      </c>
      <c r="DM586" s="6" t="s">
        <v>485</v>
      </c>
      <c r="DN586" s="6">
        <v>8</v>
      </c>
      <c r="DO586" s="6" t="s">
        <v>486</v>
      </c>
      <c r="DP586" s="6"/>
      <c r="DQ586" s="6"/>
    </row>
    <row r="587" spans="1:121" x14ac:dyDescent="0.2">
      <c r="A587" s="6" t="s">
        <v>313</v>
      </c>
      <c r="B587" s="6" t="s">
        <v>313</v>
      </c>
      <c r="C587" s="6" t="s">
        <v>178</v>
      </c>
      <c r="D587" s="6" t="s">
        <v>169</v>
      </c>
      <c r="E587" s="6" t="s">
        <v>308</v>
      </c>
      <c r="F587" s="11">
        <v>4</v>
      </c>
      <c r="G587" s="13">
        <v>2.5157232704400002E-2</v>
      </c>
      <c r="H587" s="11">
        <v>23.394663108000003</v>
      </c>
      <c r="I587" s="13">
        <v>0.14756477559636011</v>
      </c>
      <c r="J587" s="11">
        <v>-31.765776254000002</v>
      </c>
      <c r="K587" s="13">
        <v>-0.17460158007675011</v>
      </c>
      <c r="L587" s="11">
        <v>12.477313650000013</v>
      </c>
      <c r="M587" s="13">
        <v>8.3089502035836205E-2</v>
      </c>
      <c r="N587" s="11">
        <v>-19.288462603999989</v>
      </c>
      <c r="O587" s="13">
        <v>-0.10601963638416124</v>
      </c>
      <c r="P587" s="7">
        <v>158.53826235599999</v>
      </c>
      <c r="Q587" s="7">
        <v>167.05632957200001</v>
      </c>
      <c r="R587" s="7">
        <v>184.56942778000001</v>
      </c>
      <c r="S587" s="7">
        <v>185.007102417</v>
      </c>
      <c r="T587" s="7">
        <v>203.51543168399999</v>
      </c>
      <c r="U587" s="7">
        <v>192.10704045099999</v>
      </c>
      <c r="V587" s="7">
        <v>181.93292546399999</v>
      </c>
      <c r="W587" s="7">
        <v>163.08911442600001</v>
      </c>
      <c r="X587" s="7">
        <v>161.66312542599999</v>
      </c>
      <c r="Y587" s="7">
        <v>150.16714920999999</v>
      </c>
      <c r="Z587" s="7">
        <v>158.25597983599999</v>
      </c>
      <c r="AA587" s="7">
        <v>157.59068235500001</v>
      </c>
      <c r="AB587" s="7">
        <v>168.49971814599999</v>
      </c>
      <c r="AC587" s="7">
        <v>157.88926769700001</v>
      </c>
      <c r="AD587" s="7">
        <v>163.88172989899999</v>
      </c>
      <c r="AE587" s="7">
        <v>161.90387656999999</v>
      </c>
      <c r="AF587" s="7">
        <v>162.64446286</v>
      </c>
      <c r="AG587" s="9">
        <v>13754.805597799997</v>
      </c>
      <c r="AH587" s="13">
        <v>0.39340431648219537</v>
      </c>
      <c r="AI587" s="9">
        <v>2408.6292231999978</v>
      </c>
      <c r="AJ587" s="13">
        <v>6.8889751038254871E-2</v>
      </c>
      <c r="AK587" s="9">
        <v>1133.2003833999988</v>
      </c>
      <c r="AL587" s="13">
        <v>3.0322043323835524E-2</v>
      </c>
      <c r="AM587" s="9">
        <v>10212.975991200001</v>
      </c>
      <c r="AN587" s="13">
        <v>0.26523514552471933</v>
      </c>
      <c r="AO587" s="9">
        <v>11346.1763746</v>
      </c>
      <c r="AP587" s="13">
        <v>0.30359966042215925</v>
      </c>
      <c r="AQ587" s="9">
        <v>34963.535023700002</v>
      </c>
      <c r="AR587" s="9">
        <v>35709.2370304</v>
      </c>
      <c r="AS587" s="9">
        <v>36789.604310399998</v>
      </c>
      <c r="AT587" s="9">
        <v>39923.099414999997</v>
      </c>
      <c r="AU587" s="9">
        <v>41433.191914800002</v>
      </c>
      <c r="AV587" s="9">
        <v>40433.833832800003</v>
      </c>
      <c r="AW587" s="9">
        <v>37372.1642469</v>
      </c>
      <c r="AX587" s="9">
        <v>38059.107661399998</v>
      </c>
      <c r="AY587" s="9">
        <v>35319.296640300003</v>
      </c>
      <c r="AZ587" s="9">
        <v>38505.364630299999</v>
      </c>
      <c r="BA587" s="9">
        <v>37695.3308521</v>
      </c>
      <c r="BB587" s="9">
        <v>40112.824291500001</v>
      </c>
      <c r="BC587" s="9">
        <v>37439.488389899998</v>
      </c>
      <c r="BD587" s="9">
        <v>43551.060103199998</v>
      </c>
      <c r="BE587" s="9">
        <v>45858.718762800003</v>
      </c>
      <c r="BF587" s="9">
        <v>48718.3406215</v>
      </c>
      <c r="BG587" s="11">
        <v>0.25</v>
      </c>
      <c r="BH587" s="13">
        <v>2.5000000000000001E-2</v>
      </c>
      <c r="BI587" s="6">
        <v>3</v>
      </c>
      <c r="BJ587" s="13">
        <v>0.3</v>
      </c>
      <c r="BK587" s="6">
        <v>-1</v>
      </c>
      <c r="BL587" s="13">
        <v>-7.6923076923076927E-2</v>
      </c>
      <c r="BM587" s="11">
        <v>-1.75</v>
      </c>
      <c r="BN587" s="13">
        <v>-0.14583333333333334</v>
      </c>
      <c r="BO587" s="11">
        <v>-2.75</v>
      </c>
      <c r="BP587" s="13">
        <v>-0.21153846153846154</v>
      </c>
      <c r="BQ587" s="6">
        <v>10</v>
      </c>
      <c r="BR587" s="6">
        <v>12</v>
      </c>
      <c r="BS587" s="6">
        <v>14</v>
      </c>
      <c r="BT587" s="6">
        <v>13</v>
      </c>
      <c r="BU587" s="6">
        <v>13</v>
      </c>
      <c r="BV587" s="6">
        <v>13</v>
      </c>
      <c r="BW587" s="6">
        <v>12</v>
      </c>
      <c r="BX587" s="6">
        <v>12</v>
      </c>
      <c r="BY587" s="6">
        <v>12</v>
      </c>
      <c r="BZ587" s="6">
        <v>13</v>
      </c>
      <c r="CA587" s="6">
        <v>12</v>
      </c>
      <c r="CB587" s="6">
        <v>11</v>
      </c>
      <c r="CC587" s="11">
        <v>10.25</v>
      </c>
      <c r="CD587" s="11">
        <v>-0.26066</v>
      </c>
      <c r="CE587" s="11">
        <v>-12.9633</v>
      </c>
      <c r="CF587" s="11">
        <v>17.330100000000002</v>
      </c>
      <c r="CG587" s="11">
        <v>4</v>
      </c>
      <c r="CH587" s="20">
        <v>1.1662600000000001</v>
      </c>
      <c r="CI587" s="20">
        <v>1.24543</v>
      </c>
      <c r="CJ587" s="20">
        <v>1.3952100000000001</v>
      </c>
      <c r="CK587" s="20">
        <v>1.5924799999999999</v>
      </c>
      <c r="CL587" s="20">
        <v>1.95261</v>
      </c>
      <c r="CM587" s="20">
        <v>1.7000299999999999</v>
      </c>
      <c r="CN587" s="20">
        <v>1.68313</v>
      </c>
      <c r="CO587" s="20">
        <v>1.68564</v>
      </c>
      <c r="CP587" s="20">
        <v>1.7539899999999999</v>
      </c>
      <c r="CQ587" s="20">
        <v>1.8814500000000001</v>
      </c>
      <c r="CR587" s="20">
        <v>1.9273400000000001</v>
      </c>
      <c r="CS587" s="20">
        <v>2.0313599999999998</v>
      </c>
      <c r="CT587" s="20">
        <v>2.1566200000000002</v>
      </c>
      <c r="CU587" s="20">
        <v>1.9793799999999999</v>
      </c>
      <c r="CV587" s="20">
        <v>2.00542</v>
      </c>
      <c r="CW587" s="20">
        <v>1.9813099999999999</v>
      </c>
      <c r="CX587" s="20">
        <v>1.94374</v>
      </c>
      <c r="CY587" s="6" t="s">
        <v>483</v>
      </c>
      <c r="CZ587" s="6" t="s">
        <v>484</v>
      </c>
      <c r="DA587" s="6" t="s">
        <v>169</v>
      </c>
      <c r="DB587" s="6" t="s">
        <v>345</v>
      </c>
      <c r="DC587" s="6"/>
      <c r="DD587" s="6"/>
      <c r="DE587" s="6"/>
      <c r="DF587" s="6"/>
      <c r="DG587" s="6"/>
      <c r="DH587" s="6" t="s">
        <v>333</v>
      </c>
      <c r="DI587" s="6"/>
      <c r="DJ587" s="6"/>
      <c r="DK587" s="6"/>
      <c r="DL587" s="6">
        <v>7</v>
      </c>
      <c r="DM587" s="6" t="s">
        <v>485</v>
      </c>
      <c r="DN587" s="6">
        <v>8</v>
      </c>
      <c r="DO587" s="6" t="s">
        <v>486</v>
      </c>
      <c r="DP587" s="6"/>
      <c r="DQ587" s="6"/>
    </row>
    <row r="588" spans="1:121" x14ac:dyDescent="0.2">
      <c r="A588" s="6" t="s">
        <v>793</v>
      </c>
      <c r="B588" s="6" t="s">
        <v>179</v>
      </c>
      <c r="C588" s="6" t="s">
        <v>180</v>
      </c>
      <c r="D588" s="6" t="s">
        <v>169</v>
      </c>
      <c r="E588" s="6" t="s">
        <v>308</v>
      </c>
      <c r="F588" s="11">
        <v>77</v>
      </c>
      <c r="G588" s="13">
        <v>0.54</v>
      </c>
      <c r="H588" s="11">
        <v>-1</v>
      </c>
      <c r="I588" s="13">
        <v>-6.993006993006993E-3</v>
      </c>
      <c r="J588" s="11">
        <v>18</v>
      </c>
      <c r="K588" s="13">
        <v>0.12676056338028169</v>
      </c>
      <c r="L588" s="11">
        <v>60</v>
      </c>
      <c r="M588" s="13">
        <v>0.375</v>
      </c>
      <c r="N588" s="11">
        <v>78</v>
      </c>
      <c r="O588" s="13">
        <v>0.54929577464788737</v>
      </c>
      <c r="P588" s="7">
        <v>143</v>
      </c>
      <c r="Q588" s="7">
        <v>148</v>
      </c>
      <c r="R588" s="7">
        <v>143</v>
      </c>
      <c r="S588" s="7">
        <v>153</v>
      </c>
      <c r="T588" s="7">
        <v>145</v>
      </c>
      <c r="U588" s="7">
        <v>188</v>
      </c>
      <c r="V588" s="7">
        <v>142</v>
      </c>
      <c r="W588" s="7">
        <v>141</v>
      </c>
      <c r="X588" s="7">
        <v>154</v>
      </c>
      <c r="Y588" s="7">
        <v>160</v>
      </c>
      <c r="Z588" s="7">
        <v>159</v>
      </c>
      <c r="AA588" s="7">
        <v>158</v>
      </c>
      <c r="AB588" s="7">
        <v>170</v>
      </c>
      <c r="AC588" s="7">
        <v>206</v>
      </c>
      <c r="AD588" s="7">
        <v>206</v>
      </c>
      <c r="AE588" s="7">
        <v>206</v>
      </c>
      <c r="AF588" s="7">
        <v>220</v>
      </c>
      <c r="AG588" s="9">
        <v>2130</v>
      </c>
      <c r="AH588" s="13">
        <v>0.10612326241841465</v>
      </c>
      <c r="AI588" s="9">
        <v>683</v>
      </c>
      <c r="AJ588" s="13">
        <v>3.4029196352947037E-2</v>
      </c>
      <c r="AK588" s="9">
        <v>3593</v>
      </c>
      <c r="AL588" s="13">
        <v>0.17312325334875206</v>
      </c>
      <c r="AM588" s="9">
        <v>-2146</v>
      </c>
      <c r="AN588" s="13">
        <v>-8.8142276255801538E-2</v>
      </c>
      <c r="AO588" s="9">
        <v>1447</v>
      </c>
      <c r="AP588" s="13">
        <v>6.9721499469981685E-2</v>
      </c>
      <c r="AQ588" s="9">
        <v>20071</v>
      </c>
      <c r="AR588" s="9">
        <v>21198</v>
      </c>
      <c r="AS588" s="9">
        <v>21467</v>
      </c>
      <c r="AT588" s="9">
        <v>21273</v>
      </c>
      <c r="AU588" s="9">
        <v>20425</v>
      </c>
      <c r="AV588" s="9">
        <v>20368</v>
      </c>
      <c r="AW588" s="9">
        <v>20754</v>
      </c>
      <c r="AX588" s="9">
        <v>21962</v>
      </c>
      <c r="AY588" s="9">
        <v>22118</v>
      </c>
      <c r="AZ588" s="9">
        <v>24347</v>
      </c>
      <c r="BA588" s="9">
        <v>24032</v>
      </c>
      <c r="BB588" s="9">
        <v>22591</v>
      </c>
      <c r="BC588" s="9">
        <v>21685</v>
      </c>
      <c r="BD588" s="9">
        <v>19809</v>
      </c>
      <c r="BE588" s="9">
        <v>21173</v>
      </c>
      <c r="BF588" s="9">
        <v>22201</v>
      </c>
      <c r="BG588" s="11">
        <v>4</v>
      </c>
      <c r="BH588" s="13">
        <v>0.21052631578947367</v>
      </c>
      <c r="BI588" s="6">
        <v>0</v>
      </c>
      <c r="BJ588" s="13">
        <v>0</v>
      </c>
      <c r="BK588" s="6">
        <v>2</v>
      </c>
      <c r="BL588" s="13">
        <v>0.10526315789473684</v>
      </c>
      <c r="BM588" s="11">
        <v>2</v>
      </c>
      <c r="BN588" s="13">
        <v>9.5238095238095233E-2</v>
      </c>
      <c r="BO588" s="11">
        <v>4</v>
      </c>
      <c r="BP588" s="13">
        <v>0.21052631578947367</v>
      </c>
      <c r="BQ588" s="6">
        <v>19</v>
      </c>
      <c r="BR588" s="6">
        <v>19</v>
      </c>
      <c r="BS588" s="6">
        <v>19</v>
      </c>
      <c r="BT588" s="6">
        <v>19</v>
      </c>
      <c r="BU588" s="6">
        <v>20</v>
      </c>
      <c r="BV588" s="6">
        <v>21</v>
      </c>
      <c r="BW588" s="6">
        <v>21</v>
      </c>
      <c r="BX588" s="6">
        <v>22</v>
      </c>
      <c r="BY588" s="6">
        <v>20</v>
      </c>
      <c r="BZ588" s="6">
        <v>20</v>
      </c>
      <c r="CA588" s="6">
        <v>21</v>
      </c>
      <c r="CB588" s="6">
        <v>21</v>
      </c>
      <c r="CC588" s="11">
        <v>23</v>
      </c>
      <c r="CD588" s="11">
        <v>71</v>
      </c>
      <c r="CE588" s="11">
        <v>-9</v>
      </c>
      <c r="CF588" s="11">
        <v>16</v>
      </c>
      <c r="CG588" s="11">
        <v>7</v>
      </c>
      <c r="CH588" s="20">
        <v>0.39</v>
      </c>
      <c r="CI588" s="20">
        <v>0.4</v>
      </c>
      <c r="CJ588" s="20">
        <v>0.4</v>
      </c>
      <c r="CK588" s="20">
        <v>0.48</v>
      </c>
      <c r="CL588" s="20">
        <v>0.52</v>
      </c>
      <c r="CM588" s="20">
        <v>0.63</v>
      </c>
      <c r="CN588" s="20">
        <v>0.5</v>
      </c>
      <c r="CO588" s="20">
        <v>0.56000000000000005</v>
      </c>
      <c r="CP588" s="20">
        <v>0.63</v>
      </c>
      <c r="CQ588" s="20">
        <v>0.74</v>
      </c>
      <c r="CR588" s="20">
        <v>0.72</v>
      </c>
      <c r="CS588" s="20">
        <v>0.76</v>
      </c>
      <c r="CT588" s="20">
        <v>0.81</v>
      </c>
      <c r="CU588" s="20">
        <v>0.96</v>
      </c>
      <c r="CV588" s="20">
        <v>0.93</v>
      </c>
      <c r="CW588" s="20">
        <v>0.92</v>
      </c>
      <c r="CX588" s="20">
        <v>0.97</v>
      </c>
      <c r="CY588" s="6" t="s">
        <v>483</v>
      </c>
      <c r="CZ588" s="6" t="s">
        <v>484</v>
      </c>
      <c r="DA588" s="6" t="s">
        <v>169</v>
      </c>
      <c r="DB588" s="6" t="s">
        <v>345</v>
      </c>
      <c r="DC588" s="6"/>
      <c r="DD588" s="6"/>
      <c r="DE588" s="6"/>
      <c r="DF588" s="6"/>
      <c r="DG588" s="6"/>
      <c r="DH588" s="6" t="s">
        <v>333</v>
      </c>
      <c r="DI588" s="6"/>
      <c r="DJ588" s="6"/>
      <c r="DK588" s="6"/>
      <c r="DL588" s="6">
        <v>7</v>
      </c>
      <c r="DM588" s="6" t="s">
        <v>485</v>
      </c>
      <c r="DN588" s="6">
        <v>8</v>
      </c>
      <c r="DO588" s="6" t="s">
        <v>486</v>
      </c>
      <c r="DP588" s="6"/>
      <c r="DQ588" s="6"/>
    </row>
    <row r="589" spans="1:121" x14ac:dyDescent="0.2">
      <c r="A589" s="6" t="s">
        <v>794</v>
      </c>
      <c r="B589" s="6" t="s">
        <v>181</v>
      </c>
      <c r="C589" s="6" t="s">
        <v>182</v>
      </c>
      <c r="D589" s="6" t="s">
        <v>169</v>
      </c>
      <c r="E589" s="6" t="s">
        <v>308</v>
      </c>
      <c r="F589" s="11">
        <v>12</v>
      </c>
      <c r="G589" s="13">
        <v>0.28571428571399998</v>
      </c>
      <c r="H589" s="11">
        <v>13.745477873299997</v>
      </c>
      <c r="I589" s="13">
        <v>0.33017188265040803</v>
      </c>
      <c r="J589" s="11">
        <v>-5.8161055945999962</v>
      </c>
      <c r="K589" s="13">
        <v>-0.10502791944500001</v>
      </c>
      <c r="L589" s="11">
        <v>4.8070741975000004</v>
      </c>
      <c r="M589" s="13">
        <v>9.6993765044123229E-2</v>
      </c>
      <c r="N589" s="11">
        <v>-1.0090313970999958</v>
      </c>
      <c r="O589" s="13">
        <v>-1.8221207742598201E-2</v>
      </c>
      <c r="P589" s="7">
        <v>41.6312793293</v>
      </c>
      <c r="Q589" s="7">
        <v>39.639848737199998</v>
      </c>
      <c r="R589" s="7">
        <v>44.853004343199999</v>
      </c>
      <c r="S589" s="7">
        <v>53.892282893000001</v>
      </c>
      <c r="T589" s="7">
        <v>52.613861929400002</v>
      </c>
      <c r="U589" s="7">
        <v>55.139489223200002</v>
      </c>
      <c r="V589" s="7">
        <v>55.376757202599997</v>
      </c>
      <c r="W589" s="7">
        <v>58.3241636355</v>
      </c>
      <c r="X589" s="7">
        <v>46.905008928400001</v>
      </c>
      <c r="Y589" s="7">
        <v>49.560651608000001</v>
      </c>
      <c r="Z589" s="7">
        <v>47.372468851999997</v>
      </c>
      <c r="AA589" s="7">
        <v>51.3853221635</v>
      </c>
      <c r="AB589" s="7">
        <v>60.149126496999997</v>
      </c>
      <c r="AC589" s="7">
        <v>54.556185451399998</v>
      </c>
      <c r="AD589" s="7">
        <v>54.674313108500002</v>
      </c>
      <c r="AE589" s="7">
        <v>53.1337232598</v>
      </c>
      <c r="AF589" s="7">
        <v>54.367725805500001</v>
      </c>
      <c r="AG589" s="9">
        <v>19577.113464599999</v>
      </c>
      <c r="AH589" s="13">
        <v>0.49977742547483384</v>
      </c>
      <c r="AI589" s="9">
        <v>5658.3219903999998</v>
      </c>
      <c r="AJ589" s="13">
        <v>0.1444493644062112</v>
      </c>
      <c r="AK589" s="9">
        <v>5806.3636837000013</v>
      </c>
      <c r="AL589" s="13">
        <v>0.12951964036840052</v>
      </c>
      <c r="AM589" s="9">
        <v>8112.4277904999981</v>
      </c>
      <c r="AN589" s="13">
        <v>0.16020956916031906</v>
      </c>
      <c r="AO589" s="9">
        <v>13918.791474199999</v>
      </c>
      <c r="AP589" s="13">
        <v>0.31047949530994051</v>
      </c>
      <c r="AQ589" s="9">
        <v>39171.664158300002</v>
      </c>
      <c r="AR589" s="9">
        <v>43510.153469899997</v>
      </c>
      <c r="AS589" s="9">
        <v>44572.563382799999</v>
      </c>
      <c r="AT589" s="9">
        <v>45469.471161100002</v>
      </c>
      <c r="AU589" s="9">
        <v>48825.775304000003</v>
      </c>
      <c r="AV589" s="9">
        <v>42984.720107599998</v>
      </c>
      <c r="AW589" s="9">
        <v>44829.986148700002</v>
      </c>
      <c r="AX589" s="9">
        <v>48307.368073199999</v>
      </c>
      <c r="AY589" s="9">
        <v>50071.562939800002</v>
      </c>
      <c r="AZ589" s="9">
        <v>50636.349832400003</v>
      </c>
      <c r="BA589" s="9">
        <v>52895.787103000002</v>
      </c>
      <c r="BB589" s="9">
        <v>55722.798619000001</v>
      </c>
      <c r="BC589" s="9">
        <v>57659.479914700001</v>
      </c>
      <c r="BD589" s="9">
        <v>59128.401352200002</v>
      </c>
      <c r="BE589" s="9">
        <v>58394.815105100002</v>
      </c>
      <c r="BF589" s="9">
        <v>58748.777622900001</v>
      </c>
      <c r="BG589" s="11">
        <v>1</v>
      </c>
      <c r="BH589" s="13">
        <v>0.14285714285714285</v>
      </c>
      <c r="BI589" s="6">
        <v>3</v>
      </c>
      <c r="BJ589" s="13">
        <v>0.42857142857142855</v>
      </c>
      <c r="BK589" s="6">
        <v>0</v>
      </c>
      <c r="BL589" s="13">
        <v>0</v>
      </c>
      <c r="BM589" s="11">
        <v>-2</v>
      </c>
      <c r="BN589" s="13">
        <v>-0.2</v>
      </c>
      <c r="BO589" s="11">
        <v>-2</v>
      </c>
      <c r="BP589" s="13">
        <v>-0.2</v>
      </c>
      <c r="BQ589" s="6">
        <v>7</v>
      </c>
      <c r="BR589" s="6">
        <v>9</v>
      </c>
      <c r="BS589" s="6">
        <v>9</v>
      </c>
      <c r="BT589" s="6">
        <v>10</v>
      </c>
      <c r="BU589" s="6">
        <v>11</v>
      </c>
      <c r="BV589" s="6">
        <v>11</v>
      </c>
      <c r="BW589" s="6">
        <v>10</v>
      </c>
      <c r="BX589" s="6">
        <v>9</v>
      </c>
      <c r="BY589" s="6">
        <v>9</v>
      </c>
      <c r="BZ589" s="6">
        <v>8</v>
      </c>
      <c r="CA589" s="6">
        <v>9</v>
      </c>
      <c r="CB589" s="6">
        <v>8</v>
      </c>
      <c r="CC589" s="11">
        <v>8</v>
      </c>
      <c r="CD589" s="11">
        <v>5.5616099999999999</v>
      </c>
      <c r="CE589" s="11">
        <v>2.6240399999999999</v>
      </c>
      <c r="CF589" s="11">
        <v>4.5507999999999997</v>
      </c>
      <c r="CG589" s="11">
        <v>8</v>
      </c>
      <c r="CH589" s="20">
        <v>0.386878</v>
      </c>
      <c r="CI589" s="20">
        <v>0.37648700000000002</v>
      </c>
      <c r="CJ589" s="20">
        <v>0.43285600000000002</v>
      </c>
      <c r="CK589" s="20">
        <v>0.58652099999999996</v>
      </c>
      <c r="CL589" s="20">
        <v>0.63442399999999999</v>
      </c>
      <c r="CM589" s="20">
        <v>0.61148800000000003</v>
      </c>
      <c r="CN589" s="20">
        <v>0.64063099999999995</v>
      </c>
      <c r="CO589" s="20">
        <v>0.75389499999999998</v>
      </c>
      <c r="CP589" s="20">
        <v>0.63458499999999995</v>
      </c>
      <c r="CQ589" s="20">
        <v>0.769625</v>
      </c>
      <c r="CR589" s="20">
        <v>0.70580500000000002</v>
      </c>
      <c r="CS589" s="20">
        <v>0.80715700000000001</v>
      </c>
      <c r="CT589" s="20">
        <v>0.93250599999999995</v>
      </c>
      <c r="CU589" s="20">
        <v>0.80999299999999996</v>
      </c>
      <c r="CV589" s="20">
        <v>0.76522400000000002</v>
      </c>
      <c r="CW589" s="20">
        <v>0.72468500000000002</v>
      </c>
      <c r="CX589" s="20">
        <v>0.71941200000000005</v>
      </c>
      <c r="CY589" s="6" t="s">
        <v>483</v>
      </c>
      <c r="CZ589" s="6" t="s">
        <v>484</v>
      </c>
      <c r="DA589" s="6" t="s">
        <v>169</v>
      </c>
      <c r="DB589" s="6" t="s">
        <v>345</v>
      </c>
      <c r="DC589" s="6"/>
      <c r="DD589" s="6"/>
      <c r="DE589" s="6"/>
      <c r="DF589" s="6"/>
      <c r="DG589" s="6"/>
      <c r="DH589" s="6" t="s">
        <v>333</v>
      </c>
      <c r="DI589" s="6"/>
      <c r="DJ589" s="6"/>
      <c r="DK589" s="6"/>
      <c r="DL589" s="6">
        <v>7</v>
      </c>
      <c r="DM589" s="6" t="s">
        <v>485</v>
      </c>
      <c r="DN589" s="6">
        <v>8</v>
      </c>
      <c r="DO589" s="6" t="s">
        <v>486</v>
      </c>
      <c r="DP589" s="6"/>
      <c r="DQ589" s="6"/>
    </row>
    <row r="590" spans="1:121" x14ac:dyDescent="0.2">
      <c r="A590" s="6" t="s">
        <v>314</v>
      </c>
      <c r="B590" s="6" t="s">
        <v>314</v>
      </c>
      <c r="C590" s="6" t="s">
        <v>183</v>
      </c>
      <c r="D590" s="6" t="s">
        <v>169</v>
      </c>
      <c r="E590" s="6" t="s">
        <v>308</v>
      </c>
      <c r="F590" s="11">
        <v>1</v>
      </c>
      <c r="G590" s="13">
        <v>1</v>
      </c>
      <c r="H590" s="11">
        <v>11.116707538099998</v>
      </c>
      <c r="I590" s="13">
        <v>2.2233415076199998</v>
      </c>
      <c r="J590" s="11">
        <v>-3.756641952899999</v>
      </c>
      <c r="K590" s="13">
        <v>-0.23308991268962809</v>
      </c>
      <c r="L590" s="11">
        <v>-7.3600655851999992</v>
      </c>
      <c r="M590" s="13">
        <v>-0.59547140219166605</v>
      </c>
      <c r="N590" s="11">
        <v>-11.116707538099998</v>
      </c>
      <c r="O590" s="13">
        <v>-0.68976293773526831</v>
      </c>
      <c r="P590" s="7">
        <v>5</v>
      </c>
      <c r="Q590" s="7">
        <v>19.360230790599999</v>
      </c>
      <c r="R590" s="7">
        <v>5</v>
      </c>
      <c r="S590" s="7">
        <v>10.935961153999999</v>
      </c>
      <c r="T590" s="7">
        <v>12.854542286199999</v>
      </c>
      <c r="U590" s="7">
        <v>16.556708096800001</v>
      </c>
      <c r="V590" s="7">
        <v>16.116707538099998</v>
      </c>
      <c r="W590" s="7">
        <v>10.818284698999999</v>
      </c>
      <c r="X590" s="7">
        <v>12.566292708100001</v>
      </c>
      <c r="Y590" s="7">
        <v>12.360065585199999</v>
      </c>
      <c r="Z590" s="7">
        <v>12.089064050599999</v>
      </c>
      <c r="AA590" s="7">
        <v>11.644076246899999</v>
      </c>
      <c r="AB590" s="7">
        <v>10.7860027086</v>
      </c>
      <c r="AC590" s="7">
        <v>11.507823628800001</v>
      </c>
      <c r="AD590" s="7">
        <v>5</v>
      </c>
      <c r="AE590" s="7">
        <v>5</v>
      </c>
      <c r="AF590" s="7">
        <v>5</v>
      </c>
      <c r="AG590" s="9">
        <v>0</v>
      </c>
      <c r="AH590" s="13">
        <v>0</v>
      </c>
      <c r="AI590" s="9">
        <v>35054.433032699999</v>
      </c>
      <c r="AJ590" s="13">
        <v>35054.433032699999</v>
      </c>
      <c r="AK590" s="9">
        <v>4735.6486629999999</v>
      </c>
      <c r="AL590" s="13">
        <v>0.1350902913845779</v>
      </c>
      <c r="AM590" s="9">
        <v>-39790.081695699999</v>
      </c>
      <c r="AN590" s="13">
        <v>-0.99997486874049701</v>
      </c>
      <c r="AO590" s="9">
        <v>-35054.433032699999</v>
      </c>
      <c r="AP590" s="13">
        <v>-0.99997147375132789</v>
      </c>
      <c r="AQ590" s="9">
        <v>1</v>
      </c>
      <c r="AR590" s="9">
        <v>30002.745931500001</v>
      </c>
      <c r="AS590" s="9">
        <v>1</v>
      </c>
      <c r="AT590" s="9">
        <v>28029.579188299998</v>
      </c>
      <c r="AU590" s="9">
        <v>35486.062052499998</v>
      </c>
      <c r="AV590" s="9">
        <v>32735.2091898</v>
      </c>
      <c r="AW590" s="9">
        <v>35055.433032699999</v>
      </c>
      <c r="AX590" s="9">
        <v>42272.3474823</v>
      </c>
      <c r="AY590" s="9">
        <v>40990.500494899999</v>
      </c>
      <c r="AZ590" s="9">
        <v>39791.081695699999</v>
      </c>
      <c r="BA590" s="9">
        <v>40953.064963899997</v>
      </c>
      <c r="BB590" s="9">
        <v>40753.028097100003</v>
      </c>
      <c r="BC590" s="9">
        <v>52166.397564799998</v>
      </c>
      <c r="BD590" s="9">
        <v>50976.940550699997</v>
      </c>
      <c r="BE590" s="9">
        <v>1</v>
      </c>
      <c r="BF590" s="9">
        <v>1</v>
      </c>
      <c r="BG590" s="11">
        <v>-1</v>
      </c>
      <c r="BH590" s="13">
        <v>-0.5</v>
      </c>
      <c r="BI590" s="6">
        <v>2</v>
      </c>
      <c r="BJ590" s="13">
        <v>1</v>
      </c>
      <c r="BK590" s="6">
        <v>0</v>
      </c>
      <c r="BL590" s="13">
        <v>0</v>
      </c>
      <c r="BM590" s="11">
        <v>-3</v>
      </c>
      <c r="BN590" s="13">
        <v>-0.75</v>
      </c>
      <c r="BO590" s="11">
        <v>-3</v>
      </c>
      <c r="BP590" s="13">
        <v>-0.75</v>
      </c>
      <c r="BQ590" s="6">
        <v>2</v>
      </c>
      <c r="BR590" s="6">
        <v>2</v>
      </c>
      <c r="BS590" s="6">
        <v>4</v>
      </c>
      <c r="BT590" s="6">
        <v>4</v>
      </c>
      <c r="BU590" s="6">
        <v>3</v>
      </c>
      <c r="BV590" s="6">
        <v>4</v>
      </c>
      <c r="BW590" s="6">
        <v>4</v>
      </c>
      <c r="BX590" s="6">
        <v>3</v>
      </c>
      <c r="BY590" s="6">
        <v>3</v>
      </c>
      <c r="BZ590" s="6">
        <v>3</v>
      </c>
      <c r="CA590" s="6">
        <v>3</v>
      </c>
      <c r="CB590" s="6">
        <v>1</v>
      </c>
      <c r="CC590" s="11">
        <v>1</v>
      </c>
      <c r="CD590" s="11">
        <v>1.0687599999999999</v>
      </c>
      <c r="CE590" s="11">
        <v>-2.7757700000000001</v>
      </c>
      <c r="CF590" s="11">
        <v>0.99064600000000003</v>
      </c>
      <c r="CG590" s="11">
        <v>-2</v>
      </c>
      <c r="CH590" s="20">
        <v>0.106946</v>
      </c>
      <c r="CI590" s="20">
        <v>0.240088</v>
      </c>
      <c r="CJ590" s="20">
        <v>0.113459</v>
      </c>
      <c r="CK590" s="20">
        <v>0.169129</v>
      </c>
      <c r="CL590" s="20">
        <v>0.22861400000000001</v>
      </c>
      <c r="CM590" s="20">
        <v>0.27888099999999999</v>
      </c>
      <c r="CN590" s="20">
        <v>0.28967399999999999</v>
      </c>
      <c r="CO590" s="20">
        <v>0.21914600000000001</v>
      </c>
      <c r="CP590" s="20">
        <v>0.26517200000000002</v>
      </c>
      <c r="CQ590" s="20">
        <v>0.30707699999999999</v>
      </c>
      <c r="CR590" s="20">
        <v>0.29888599999999999</v>
      </c>
      <c r="CS590" s="20">
        <v>0.30964399999999997</v>
      </c>
      <c r="CT590" s="20">
        <v>0.286026</v>
      </c>
      <c r="CU590" s="20">
        <v>0.29852299999999998</v>
      </c>
      <c r="CV590" s="20">
        <v>0.243812</v>
      </c>
      <c r="CW590" s="20">
        <v>0.20405699999999999</v>
      </c>
      <c r="CX590" s="20">
        <v>0.20474400000000001</v>
      </c>
      <c r="CY590" s="6" t="s">
        <v>483</v>
      </c>
      <c r="CZ590" s="6" t="s">
        <v>484</v>
      </c>
      <c r="DA590" s="6" t="s">
        <v>169</v>
      </c>
      <c r="DB590" s="6" t="s">
        <v>345</v>
      </c>
      <c r="DC590" s="6"/>
      <c r="DD590" s="6"/>
      <c r="DE590" s="6"/>
      <c r="DF590" s="6"/>
      <c r="DG590" s="6"/>
      <c r="DH590" s="6" t="s">
        <v>333</v>
      </c>
      <c r="DI590" s="6"/>
      <c r="DJ590" s="6"/>
      <c r="DK590" s="6"/>
      <c r="DL590" s="6">
        <v>7</v>
      </c>
      <c r="DM590" s="6" t="s">
        <v>485</v>
      </c>
      <c r="DN590" s="6">
        <v>8</v>
      </c>
      <c r="DO590" s="6" t="s">
        <v>486</v>
      </c>
      <c r="DP590" s="6"/>
      <c r="DQ590" s="6"/>
    </row>
    <row r="591" spans="1:121" x14ac:dyDescent="0.2">
      <c r="A591" s="6" t="s">
        <v>315</v>
      </c>
      <c r="B591" s="6" t="s">
        <v>315</v>
      </c>
      <c r="C591" s="6" t="s">
        <v>184</v>
      </c>
      <c r="D591" s="6" t="s">
        <v>169</v>
      </c>
      <c r="E591" s="6" t="s">
        <v>308</v>
      </c>
      <c r="F591" s="11">
        <v>-35</v>
      </c>
      <c r="G591" s="13">
        <v>-0.43</v>
      </c>
      <c r="H591" s="11">
        <v>-21</v>
      </c>
      <c r="I591" s="13">
        <v>-0.25609756097560976</v>
      </c>
      <c r="J591" s="11">
        <v>-4</v>
      </c>
      <c r="K591" s="13">
        <v>-6.5573770491803282E-2</v>
      </c>
      <c r="L591" s="11">
        <v>-10</v>
      </c>
      <c r="M591" s="13">
        <v>-0.17543859649122806</v>
      </c>
      <c r="N591" s="11">
        <v>-14</v>
      </c>
      <c r="O591" s="13">
        <v>-0.22950819672131148</v>
      </c>
      <c r="P591" s="7">
        <v>82</v>
      </c>
      <c r="Q591" s="7">
        <v>66</v>
      </c>
      <c r="R591" s="7">
        <v>55</v>
      </c>
      <c r="S591" s="7">
        <v>60</v>
      </c>
      <c r="T591" s="7">
        <v>66</v>
      </c>
      <c r="U591" s="7">
        <v>66</v>
      </c>
      <c r="V591" s="7">
        <v>61</v>
      </c>
      <c r="W591" s="7">
        <v>59</v>
      </c>
      <c r="X591" s="7">
        <v>62</v>
      </c>
      <c r="Y591" s="7">
        <v>57</v>
      </c>
      <c r="Z591" s="7">
        <v>61</v>
      </c>
      <c r="AA591" s="7">
        <v>65</v>
      </c>
      <c r="AB591" s="7">
        <v>53</v>
      </c>
      <c r="AC591" s="7">
        <v>57</v>
      </c>
      <c r="AD591" s="7">
        <v>53</v>
      </c>
      <c r="AE591" s="7">
        <v>49</v>
      </c>
      <c r="AF591" s="7">
        <v>47</v>
      </c>
      <c r="AG591" s="9">
        <v>15501</v>
      </c>
      <c r="AH591" s="13">
        <v>0.61025156489901977</v>
      </c>
      <c r="AI591" s="9">
        <v>7572</v>
      </c>
      <c r="AJ591" s="13">
        <v>0.29809850005905281</v>
      </c>
      <c r="AK591" s="9">
        <v>3182</v>
      </c>
      <c r="AL591" s="13">
        <v>9.6503199587541305E-2</v>
      </c>
      <c r="AM591" s="9">
        <v>4747</v>
      </c>
      <c r="AN591" s="13">
        <v>0.13129580970820079</v>
      </c>
      <c r="AO591" s="9">
        <v>7929</v>
      </c>
      <c r="AP591" s="13">
        <v>0.24046947502502047</v>
      </c>
      <c r="AQ591" s="9">
        <v>25401</v>
      </c>
      <c r="AR591" s="9">
        <v>30049</v>
      </c>
      <c r="AS591" s="9">
        <v>32705</v>
      </c>
      <c r="AT591" s="9">
        <v>30618</v>
      </c>
      <c r="AU591" s="9">
        <v>26788</v>
      </c>
      <c r="AV591" s="9">
        <v>29289</v>
      </c>
      <c r="AW591" s="9">
        <v>32973</v>
      </c>
      <c r="AX591" s="9">
        <v>36858</v>
      </c>
      <c r="AY591" s="9">
        <v>35087</v>
      </c>
      <c r="AZ591" s="9">
        <v>36155</v>
      </c>
      <c r="BA591" s="9">
        <v>35788</v>
      </c>
      <c r="BB591" s="9">
        <v>36728</v>
      </c>
      <c r="BC591" s="9">
        <v>36994</v>
      </c>
      <c r="BD591" s="9">
        <v>36453</v>
      </c>
      <c r="BE591" s="9">
        <v>39589</v>
      </c>
      <c r="BF591" s="9">
        <v>40902</v>
      </c>
      <c r="BG591" s="11">
        <v>-3</v>
      </c>
      <c r="BH591" s="13">
        <v>-0.25</v>
      </c>
      <c r="BI591" s="6">
        <v>0</v>
      </c>
      <c r="BJ591" s="13">
        <v>0</v>
      </c>
      <c r="BK591" s="6">
        <v>0</v>
      </c>
      <c r="BL591" s="13">
        <v>0</v>
      </c>
      <c r="BM591" s="11">
        <v>-3</v>
      </c>
      <c r="BN591" s="13">
        <v>-0.25</v>
      </c>
      <c r="BO591" s="11">
        <v>-3</v>
      </c>
      <c r="BP591" s="13">
        <v>-0.25</v>
      </c>
      <c r="BQ591" s="6">
        <v>12</v>
      </c>
      <c r="BR591" s="6">
        <v>14</v>
      </c>
      <c r="BS591" s="6">
        <v>12</v>
      </c>
      <c r="BT591" s="6">
        <v>12</v>
      </c>
      <c r="BU591" s="6">
        <v>13</v>
      </c>
      <c r="BV591" s="6">
        <v>13</v>
      </c>
      <c r="BW591" s="6">
        <v>12</v>
      </c>
      <c r="BX591" s="6">
        <v>12</v>
      </c>
      <c r="BY591" s="6">
        <v>12</v>
      </c>
      <c r="BZ591" s="6">
        <v>11</v>
      </c>
      <c r="CA591" s="6">
        <v>11</v>
      </c>
      <c r="CB591" s="6">
        <v>10</v>
      </c>
      <c r="CC591" s="11">
        <v>9</v>
      </c>
      <c r="CD591" s="11">
        <v>-38</v>
      </c>
      <c r="CE591" s="11">
        <v>-7</v>
      </c>
      <c r="CF591" s="11">
        <v>9</v>
      </c>
      <c r="CG591" s="11">
        <v>2</v>
      </c>
      <c r="CH591" s="20">
        <v>0.6</v>
      </c>
      <c r="CI591" s="20">
        <v>0.47</v>
      </c>
      <c r="CJ591" s="20">
        <v>0.39</v>
      </c>
      <c r="CK591" s="20">
        <v>0.49</v>
      </c>
      <c r="CL591" s="20">
        <v>0.6</v>
      </c>
      <c r="CM591" s="20">
        <v>0.55000000000000004</v>
      </c>
      <c r="CN591" s="20">
        <v>0.55000000000000004</v>
      </c>
      <c r="CO591" s="20">
        <v>0.6</v>
      </c>
      <c r="CP591" s="20">
        <v>0.65</v>
      </c>
      <c r="CQ591" s="20">
        <v>0.68</v>
      </c>
      <c r="CR591" s="20">
        <v>0.72</v>
      </c>
      <c r="CS591" s="20">
        <v>0.83</v>
      </c>
      <c r="CT591" s="20">
        <v>0.67</v>
      </c>
      <c r="CU591" s="20">
        <v>0.72</v>
      </c>
      <c r="CV591" s="20">
        <v>0.64</v>
      </c>
      <c r="CW591" s="20">
        <v>0.59</v>
      </c>
      <c r="CX591" s="20">
        <v>0.55000000000000004</v>
      </c>
      <c r="CY591" s="6" t="s">
        <v>483</v>
      </c>
      <c r="CZ591" s="6" t="s">
        <v>484</v>
      </c>
      <c r="DA591" s="6" t="s">
        <v>169</v>
      </c>
      <c r="DB591" s="6" t="s">
        <v>345</v>
      </c>
      <c r="DC591" s="6"/>
      <c r="DD591" s="6"/>
      <c r="DE591" s="6"/>
      <c r="DF591" s="6"/>
      <c r="DG591" s="6"/>
      <c r="DH591" s="6" t="s">
        <v>333</v>
      </c>
      <c r="DI591" s="6"/>
      <c r="DJ591" s="6"/>
      <c r="DK591" s="6"/>
      <c r="DL591" s="6">
        <v>7</v>
      </c>
      <c r="DM591" s="6" t="s">
        <v>485</v>
      </c>
      <c r="DN591" s="6">
        <v>8</v>
      </c>
      <c r="DO591" s="6" t="s">
        <v>486</v>
      </c>
      <c r="DP591" s="6"/>
      <c r="DQ591" s="6"/>
    </row>
    <row r="592" spans="1:121" x14ac:dyDescent="0.2">
      <c r="A592" s="6" t="s">
        <v>316</v>
      </c>
      <c r="B592" s="6" t="s">
        <v>316</v>
      </c>
      <c r="C592" s="6" t="s">
        <v>185</v>
      </c>
      <c r="D592" s="6" t="s">
        <v>169</v>
      </c>
      <c r="E592" s="6" t="s">
        <v>308</v>
      </c>
      <c r="F592" s="11">
        <v>1</v>
      </c>
      <c r="G592" s="13">
        <v>1</v>
      </c>
      <c r="H592" s="11">
        <v>0</v>
      </c>
      <c r="I592" s="13">
        <v>0</v>
      </c>
      <c r="J592" s="11">
        <v>0</v>
      </c>
      <c r="K592" s="13">
        <v>0</v>
      </c>
      <c r="L592" s="11">
        <v>0</v>
      </c>
      <c r="M592" s="13">
        <v>0</v>
      </c>
      <c r="N592" s="11">
        <v>0</v>
      </c>
      <c r="O592" s="13">
        <v>0</v>
      </c>
      <c r="P592" s="7">
        <v>5</v>
      </c>
      <c r="Q592" s="7">
        <v>5</v>
      </c>
      <c r="R592" s="7">
        <v>16</v>
      </c>
      <c r="S592" s="7">
        <v>5</v>
      </c>
      <c r="T592" s="7">
        <v>5</v>
      </c>
      <c r="U592" s="7">
        <v>5</v>
      </c>
      <c r="V592" s="7">
        <v>5</v>
      </c>
      <c r="W592" s="7">
        <v>12</v>
      </c>
      <c r="X592" s="7">
        <v>5</v>
      </c>
      <c r="Y592" s="7">
        <v>5</v>
      </c>
      <c r="Z592" s="7">
        <v>5</v>
      </c>
      <c r="AA592" s="7">
        <v>5</v>
      </c>
      <c r="AB592" s="7">
        <v>5</v>
      </c>
      <c r="AC592" s="7">
        <v>5</v>
      </c>
      <c r="AD592" s="7">
        <v>5</v>
      </c>
      <c r="AE592" s="7">
        <v>5</v>
      </c>
      <c r="AF592" s="7">
        <v>5</v>
      </c>
      <c r="AG592" s="9">
        <v>0</v>
      </c>
      <c r="AH592" s="13">
        <v>0</v>
      </c>
      <c r="AI592" s="9">
        <v>0</v>
      </c>
      <c r="AJ592" s="13">
        <v>0</v>
      </c>
      <c r="AK592" s="9">
        <v>0</v>
      </c>
      <c r="AL592" s="13">
        <v>0</v>
      </c>
      <c r="AM592" s="9">
        <v>0</v>
      </c>
      <c r="AN592" s="13">
        <v>0</v>
      </c>
      <c r="AO592" s="9">
        <v>0</v>
      </c>
      <c r="AP592" s="13">
        <v>0</v>
      </c>
      <c r="AQ592" s="9">
        <v>1</v>
      </c>
      <c r="AR592" s="9">
        <v>1</v>
      </c>
      <c r="AS592" s="9">
        <v>12961</v>
      </c>
      <c r="AT592" s="9">
        <v>1</v>
      </c>
      <c r="AU592" s="9">
        <v>1</v>
      </c>
      <c r="AV592" s="9">
        <v>1</v>
      </c>
      <c r="AW592" s="9">
        <v>1</v>
      </c>
      <c r="AX592" s="9">
        <v>20122</v>
      </c>
      <c r="AY592" s="9">
        <v>1</v>
      </c>
      <c r="AZ592" s="9">
        <v>1</v>
      </c>
      <c r="BA592" s="9">
        <v>1</v>
      </c>
      <c r="BB592" s="9">
        <v>1</v>
      </c>
      <c r="BC592" s="9">
        <v>1</v>
      </c>
      <c r="BD592" s="9">
        <v>1</v>
      </c>
      <c r="BE592" s="9">
        <v>1</v>
      </c>
      <c r="BF592" s="9">
        <v>1</v>
      </c>
      <c r="BG592" s="11">
        <v>2</v>
      </c>
      <c r="BH592" s="13">
        <v>2</v>
      </c>
      <c r="BI592" s="6">
        <v>1</v>
      </c>
      <c r="BJ592" s="13">
        <v>1</v>
      </c>
      <c r="BK592" s="6">
        <v>0</v>
      </c>
      <c r="BL592" s="13">
        <v>0</v>
      </c>
      <c r="BM592" s="11">
        <v>1</v>
      </c>
      <c r="BN592" s="13">
        <v>0.5</v>
      </c>
      <c r="BO592" s="11">
        <v>1</v>
      </c>
      <c r="BP592" s="13">
        <v>0.5</v>
      </c>
      <c r="BQ592" s="6">
        <v>1</v>
      </c>
      <c r="BR592" s="6">
        <v>1</v>
      </c>
      <c r="BS592" s="6">
        <v>1</v>
      </c>
      <c r="BT592" s="6">
        <v>2</v>
      </c>
      <c r="BU592" s="6">
        <v>1</v>
      </c>
      <c r="BV592" s="6">
        <v>1</v>
      </c>
      <c r="BW592" s="6">
        <v>2</v>
      </c>
      <c r="BX592" s="6">
        <v>2</v>
      </c>
      <c r="BY592" s="6">
        <v>2</v>
      </c>
      <c r="BZ592" s="6">
        <v>4</v>
      </c>
      <c r="CA592" s="6">
        <v>3</v>
      </c>
      <c r="CB592" s="6">
        <v>3</v>
      </c>
      <c r="CC592" s="11">
        <v>3</v>
      </c>
      <c r="CD592" s="11">
        <v>-5</v>
      </c>
      <c r="CE592" s="11">
        <v>0</v>
      </c>
      <c r="CF592" s="11">
        <v>1</v>
      </c>
      <c r="CG592" s="11">
        <v>1</v>
      </c>
      <c r="CH592" s="20">
        <v>0.17</v>
      </c>
      <c r="CI592" s="20">
        <v>7.0000000000000007E-2</v>
      </c>
      <c r="CJ592" s="20">
        <v>0.27</v>
      </c>
      <c r="CK592" s="20">
        <v>0.12</v>
      </c>
      <c r="CL592" s="20">
        <v>0.12</v>
      </c>
      <c r="CM592" s="20">
        <v>0.15</v>
      </c>
      <c r="CN592" s="20">
        <v>0.19</v>
      </c>
      <c r="CO592" s="20">
        <v>0.28000000000000003</v>
      </c>
      <c r="CP592" s="20">
        <v>0.13</v>
      </c>
      <c r="CQ592" s="20">
        <v>0.16</v>
      </c>
      <c r="CR592" s="20">
        <v>0.24</v>
      </c>
      <c r="CS592" s="20">
        <v>0.28000000000000003</v>
      </c>
      <c r="CT592" s="20">
        <v>0.23</v>
      </c>
      <c r="CU592" s="20">
        <v>0.15</v>
      </c>
      <c r="CV592" s="20">
        <v>0.15</v>
      </c>
      <c r="CW592" s="20">
        <v>0.16</v>
      </c>
      <c r="CX592" s="20">
        <v>0.15</v>
      </c>
      <c r="CY592" s="6" t="s">
        <v>483</v>
      </c>
      <c r="CZ592" s="6" t="s">
        <v>484</v>
      </c>
      <c r="DA592" s="6" t="s">
        <v>169</v>
      </c>
      <c r="DB592" s="6" t="s">
        <v>345</v>
      </c>
      <c r="DC592" s="6"/>
      <c r="DD592" s="6"/>
      <c r="DE592" s="6"/>
      <c r="DF592" s="6"/>
      <c r="DG592" s="6"/>
      <c r="DH592" s="6" t="s">
        <v>333</v>
      </c>
      <c r="DI592" s="6"/>
      <c r="DJ592" s="6"/>
      <c r="DK592" s="6"/>
      <c r="DL592" s="6">
        <v>7</v>
      </c>
      <c r="DM592" s="6" t="s">
        <v>485</v>
      </c>
      <c r="DN592" s="6">
        <v>8</v>
      </c>
      <c r="DO592" s="6" t="s">
        <v>486</v>
      </c>
      <c r="DP592" s="6"/>
      <c r="DQ592" s="6"/>
    </row>
    <row r="593" spans="1:121" x14ac:dyDescent="0.2">
      <c r="A593" s="6" t="s">
        <v>317</v>
      </c>
      <c r="B593" s="6" t="s">
        <v>317</v>
      </c>
      <c r="C593" s="6" t="s">
        <v>186</v>
      </c>
      <c r="D593" s="6" t="s">
        <v>169</v>
      </c>
      <c r="E593" s="6" t="s">
        <v>308</v>
      </c>
      <c r="F593" s="11">
        <v>-5</v>
      </c>
      <c r="G593" s="13">
        <v>-0.2</v>
      </c>
      <c r="H593" s="11">
        <v>-20</v>
      </c>
      <c r="I593" s="13">
        <v>-0.8</v>
      </c>
      <c r="J593" s="11">
        <v>17</v>
      </c>
      <c r="K593" s="13">
        <v>3.4</v>
      </c>
      <c r="L593" s="11">
        <v>-2</v>
      </c>
      <c r="M593" s="13">
        <v>-9.0909090909090912E-2</v>
      </c>
      <c r="N593" s="11">
        <v>15</v>
      </c>
      <c r="O593" s="13">
        <v>3</v>
      </c>
      <c r="P593" s="7">
        <v>25</v>
      </c>
      <c r="Q593" s="7">
        <v>27</v>
      </c>
      <c r="R593" s="7">
        <v>33</v>
      </c>
      <c r="S593" s="7">
        <v>27</v>
      </c>
      <c r="T593" s="7">
        <v>19</v>
      </c>
      <c r="U593" s="7">
        <v>11</v>
      </c>
      <c r="V593" s="7">
        <v>5</v>
      </c>
      <c r="W593" s="7">
        <v>17</v>
      </c>
      <c r="X593" s="7">
        <v>20</v>
      </c>
      <c r="Y593" s="7">
        <v>22</v>
      </c>
      <c r="Z593" s="7">
        <v>12</v>
      </c>
      <c r="AA593" s="7">
        <v>18</v>
      </c>
      <c r="AB593" s="7">
        <v>17</v>
      </c>
      <c r="AC593" s="7">
        <v>14</v>
      </c>
      <c r="AD593" s="7">
        <v>13</v>
      </c>
      <c r="AE593" s="7">
        <v>19</v>
      </c>
      <c r="AF593" s="7">
        <v>20</v>
      </c>
      <c r="AG593" s="9">
        <v>13166</v>
      </c>
      <c r="AH593" s="13">
        <v>0.42432641485110223</v>
      </c>
      <c r="AI593" s="9">
        <v>-31027</v>
      </c>
      <c r="AJ593" s="13">
        <v>-0.99996777104550716</v>
      </c>
      <c r="AK593" s="9">
        <v>35939</v>
      </c>
      <c r="AL593" s="13">
        <v>35939</v>
      </c>
      <c r="AM593" s="9">
        <v>8254</v>
      </c>
      <c r="AN593" s="13">
        <v>0.22966054535336672</v>
      </c>
      <c r="AO593" s="9">
        <v>44193</v>
      </c>
      <c r="AP593" s="13">
        <v>44193</v>
      </c>
      <c r="AQ593" s="9">
        <v>31028</v>
      </c>
      <c r="AR593" s="9">
        <v>30927</v>
      </c>
      <c r="AS593" s="9">
        <v>30492</v>
      </c>
      <c r="AT593" s="9">
        <v>48294</v>
      </c>
      <c r="AU593" s="9">
        <v>35602</v>
      </c>
      <c r="AV593" s="9">
        <v>46636</v>
      </c>
      <c r="AW593" s="9">
        <v>1</v>
      </c>
      <c r="AX593" s="9">
        <v>34669</v>
      </c>
      <c r="AY593" s="9">
        <v>30564</v>
      </c>
      <c r="AZ593" s="9">
        <v>35940</v>
      </c>
      <c r="BA593" s="9">
        <v>30998</v>
      </c>
      <c r="BB593" s="9">
        <v>37394</v>
      </c>
      <c r="BC593" s="9">
        <v>34696</v>
      </c>
      <c r="BD593" s="9">
        <v>39529</v>
      </c>
      <c r="BE593" s="9">
        <v>38455</v>
      </c>
      <c r="BF593" s="9">
        <v>44194</v>
      </c>
      <c r="BG593" s="11">
        <v>-3</v>
      </c>
      <c r="BH593" s="13">
        <v>-0.42857142857142855</v>
      </c>
      <c r="BI593" s="6">
        <v>-2</v>
      </c>
      <c r="BJ593" s="13">
        <v>-0.2857142857142857</v>
      </c>
      <c r="BK593" s="6">
        <v>-1</v>
      </c>
      <c r="BL593" s="13">
        <v>-0.2</v>
      </c>
      <c r="BM593" s="11">
        <v>0</v>
      </c>
      <c r="BN593" s="13">
        <v>0</v>
      </c>
      <c r="BO593" s="11">
        <v>-1</v>
      </c>
      <c r="BP593" s="13">
        <v>-0.2</v>
      </c>
      <c r="BQ593" s="6">
        <v>7</v>
      </c>
      <c r="BR593" s="6">
        <v>6</v>
      </c>
      <c r="BS593" s="6">
        <v>6</v>
      </c>
      <c r="BT593" s="6">
        <v>5</v>
      </c>
      <c r="BU593" s="6">
        <v>5</v>
      </c>
      <c r="BV593" s="6">
        <v>5</v>
      </c>
      <c r="BW593" s="6">
        <v>4</v>
      </c>
      <c r="BX593" s="6">
        <v>4</v>
      </c>
      <c r="BY593" s="6">
        <v>4</v>
      </c>
      <c r="BZ593" s="6">
        <v>5</v>
      </c>
      <c r="CA593" s="6">
        <v>4</v>
      </c>
      <c r="CB593" s="6">
        <v>4</v>
      </c>
      <c r="CC593" s="11">
        <v>4</v>
      </c>
      <c r="CD593" s="11">
        <v>-13</v>
      </c>
      <c r="CE593" s="11">
        <v>5</v>
      </c>
      <c r="CF593" s="11">
        <v>3</v>
      </c>
      <c r="CG593" s="11">
        <v>8</v>
      </c>
      <c r="CH593" s="20">
        <v>0.14000000000000001</v>
      </c>
      <c r="CI593" s="20">
        <v>0.15</v>
      </c>
      <c r="CJ593" s="20">
        <v>0.19</v>
      </c>
      <c r="CK593" s="20">
        <v>0.17</v>
      </c>
      <c r="CL593" s="20">
        <v>0.13</v>
      </c>
      <c r="CM593" s="20">
        <v>7.0000000000000007E-2</v>
      </c>
      <c r="CN593" s="20">
        <v>0.06</v>
      </c>
      <c r="CO593" s="20">
        <v>0.12</v>
      </c>
      <c r="CP593" s="20">
        <v>0.14000000000000001</v>
      </c>
      <c r="CQ593" s="20">
        <v>0.18</v>
      </c>
      <c r="CR593" s="20">
        <v>0.1</v>
      </c>
      <c r="CS593" s="20">
        <v>0.15</v>
      </c>
      <c r="CT593" s="20">
        <v>0.13</v>
      </c>
      <c r="CU593" s="20">
        <v>0.11</v>
      </c>
      <c r="CV593" s="20">
        <v>0.1</v>
      </c>
      <c r="CW593" s="20">
        <v>0.14000000000000001</v>
      </c>
      <c r="CX593" s="20">
        <v>0.14000000000000001</v>
      </c>
      <c r="CY593" s="6" t="s">
        <v>483</v>
      </c>
      <c r="CZ593" s="6" t="s">
        <v>484</v>
      </c>
      <c r="DA593" s="6" t="s">
        <v>169</v>
      </c>
      <c r="DB593" s="6" t="s">
        <v>345</v>
      </c>
      <c r="DC593" s="6"/>
      <c r="DD593" s="6"/>
      <c r="DE593" s="6"/>
      <c r="DF593" s="6"/>
      <c r="DG593" s="6"/>
      <c r="DH593" s="6" t="s">
        <v>333</v>
      </c>
      <c r="DI593" s="6"/>
      <c r="DJ593" s="6"/>
      <c r="DK593" s="6"/>
      <c r="DL593" s="6">
        <v>7</v>
      </c>
      <c r="DM593" s="6" t="s">
        <v>485</v>
      </c>
      <c r="DN593" s="6">
        <v>8</v>
      </c>
      <c r="DO593" s="6" t="s">
        <v>486</v>
      </c>
      <c r="DP593" s="6"/>
      <c r="DQ593" s="6"/>
    </row>
    <row r="594" spans="1:121" x14ac:dyDescent="0.2">
      <c r="A594" s="6" t="s">
        <v>318</v>
      </c>
      <c r="B594" s="6" t="s">
        <v>318</v>
      </c>
      <c r="C594" s="6" t="s">
        <v>187</v>
      </c>
      <c r="D594" s="6" t="s">
        <v>169</v>
      </c>
      <c r="E594" s="6" t="s">
        <v>308</v>
      </c>
      <c r="F594" s="11">
        <v>1</v>
      </c>
      <c r="G594" s="13">
        <v>1</v>
      </c>
      <c r="H594" s="11">
        <v>-26.30509</v>
      </c>
      <c r="I594" s="13">
        <v>-1</v>
      </c>
      <c r="J594" s="11">
        <v>5</v>
      </c>
      <c r="K594" s="13"/>
      <c r="L594" s="11">
        <v>0</v>
      </c>
      <c r="M594" s="13">
        <v>0</v>
      </c>
      <c r="N594" s="11">
        <v>5</v>
      </c>
      <c r="O594" s="13"/>
      <c r="P594" s="7">
        <v>26.30509</v>
      </c>
      <c r="Q594" s="7">
        <v>0</v>
      </c>
      <c r="R594" s="7">
        <v>0</v>
      </c>
      <c r="S594" s="7">
        <v>0</v>
      </c>
      <c r="T594" s="7">
        <v>0</v>
      </c>
      <c r="U594" s="7">
        <v>0</v>
      </c>
      <c r="V594" s="7">
        <v>0</v>
      </c>
      <c r="W594" s="7">
        <v>5</v>
      </c>
      <c r="X594" s="7">
        <v>5</v>
      </c>
      <c r="Y594" s="7">
        <v>5</v>
      </c>
      <c r="Z594" s="7">
        <v>10.385831</v>
      </c>
      <c r="AA594" s="7">
        <v>5</v>
      </c>
      <c r="AB594" s="7">
        <v>5</v>
      </c>
      <c r="AC594" s="7">
        <v>5</v>
      </c>
      <c r="AD594" s="7">
        <v>5</v>
      </c>
      <c r="AE594" s="7">
        <v>5</v>
      </c>
      <c r="AF594" s="7">
        <v>5</v>
      </c>
      <c r="AG594" s="9">
        <v>-29458.840203</v>
      </c>
      <c r="AH594" s="13">
        <v>-0.9999660554845814</v>
      </c>
      <c r="AI594" s="9">
        <v>-29459.840203</v>
      </c>
      <c r="AJ594" s="13">
        <v>-1</v>
      </c>
      <c r="AK594" s="9">
        <v>1</v>
      </c>
      <c r="AL594" s="13"/>
      <c r="AM594" s="9">
        <v>0</v>
      </c>
      <c r="AN594" s="13">
        <v>0</v>
      </c>
      <c r="AO594" s="9">
        <v>1</v>
      </c>
      <c r="AP594" s="13"/>
      <c r="AQ594" s="9">
        <v>29459.840203</v>
      </c>
      <c r="AR594" s="9">
        <v>0</v>
      </c>
      <c r="AS594" s="9">
        <v>0</v>
      </c>
      <c r="AT594" s="9">
        <v>0</v>
      </c>
      <c r="AU594" s="9">
        <v>0</v>
      </c>
      <c r="AV594" s="9">
        <v>0</v>
      </c>
      <c r="AW594" s="9">
        <v>0</v>
      </c>
      <c r="AX594" s="9">
        <v>1</v>
      </c>
      <c r="AY594" s="9">
        <v>1</v>
      </c>
      <c r="AZ594" s="9">
        <v>1</v>
      </c>
      <c r="BA594" s="9">
        <v>37229.999315000001</v>
      </c>
      <c r="BB594" s="9">
        <v>1</v>
      </c>
      <c r="BC594" s="9">
        <v>1</v>
      </c>
      <c r="BD594" s="9">
        <v>1</v>
      </c>
      <c r="BE594" s="9">
        <v>1</v>
      </c>
      <c r="BF594" s="9">
        <v>1</v>
      </c>
      <c r="BG594" s="11">
        <v>1</v>
      </c>
      <c r="BH594" s="13" t="e">
        <v>#DIV/0!</v>
      </c>
      <c r="BI594" s="6">
        <v>0</v>
      </c>
      <c r="BJ594" s="13" t="e">
        <v>#DIV/0!</v>
      </c>
      <c r="BK594" s="6">
        <v>1</v>
      </c>
      <c r="BL594" s="13" t="e">
        <v>#DIV/0!</v>
      </c>
      <c r="BM594" s="11">
        <v>0</v>
      </c>
      <c r="BN594" s="13">
        <v>0</v>
      </c>
      <c r="BO594" s="11">
        <v>1</v>
      </c>
      <c r="BP594" s="13" t="e">
        <v>#DIV/0!</v>
      </c>
      <c r="BQ594" s="6">
        <v>0</v>
      </c>
      <c r="BR594" s="6">
        <v>0</v>
      </c>
      <c r="BS594" s="6">
        <v>0</v>
      </c>
      <c r="BT594" s="6">
        <v>0</v>
      </c>
      <c r="BU594" s="6">
        <v>1</v>
      </c>
      <c r="BV594" s="6">
        <v>1</v>
      </c>
      <c r="BW594" s="6">
        <v>1</v>
      </c>
      <c r="BX594" s="6">
        <v>1</v>
      </c>
      <c r="BY594" s="6">
        <v>1</v>
      </c>
      <c r="BZ594" s="6">
        <v>1</v>
      </c>
      <c r="CA594" s="6">
        <v>1</v>
      </c>
      <c r="CB594" s="6">
        <v>1</v>
      </c>
      <c r="CC594" s="11">
        <v>1</v>
      </c>
      <c r="CD594" s="11">
        <v>-28.536000000000001</v>
      </c>
      <c r="CE594" s="11">
        <v>5.6321300000000001</v>
      </c>
      <c r="CF594" s="11">
        <v>2.8754599999999999</v>
      </c>
      <c r="CG594" s="11">
        <v>9</v>
      </c>
      <c r="CH594" s="20">
        <v>0.66883700000000001</v>
      </c>
      <c r="CI594" s="20">
        <v>0</v>
      </c>
      <c r="CJ594" s="20">
        <v>0</v>
      </c>
      <c r="CK594" s="20">
        <v>0</v>
      </c>
      <c r="CL594" s="20">
        <v>0</v>
      </c>
      <c r="CM594" s="20">
        <v>0</v>
      </c>
      <c r="CN594" s="20">
        <v>0</v>
      </c>
      <c r="CO594" s="20">
        <v>2.1612099999999999E-2</v>
      </c>
      <c r="CP594" s="20">
        <v>2.9774399999999999E-2</v>
      </c>
      <c r="CQ594" s="20">
        <v>6.9719199999999995E-2</v>
      </c>
      <c r="CR594" s="20">
        <v>0.37700400000000001</v>
      </c>
      <c r="CS594" s="20">
        <v>0.15673699999999999</v>
      </c>
      <c r="CT594" s="20">
        <v>0.22667100000000001</v>
      </c>
      <c r="CU594" s="20">
        <v>0.15427399999999999</v>
      </c>
      <c r="CV594" s="20">
        <v>0.25471100000000002</v>
      </c>
      <c r="CW594" s="20">
        <v>0.19336999999999999</v>
      </c>
      <c r="CX594" s="20">
        <v>0.20130300000000001</v>
      </c>
      <c r="CY594" s="6" t="s">
        <v>483</v>
      </c>
      <c r="CZ594" s="6" t="s">
        <v>484</v>
      </c>
      <c r="DA594" s="6" t="s">
        <v>169</v>
      </c>
      <c r="DB594" s="6" t="s">
        <v>345</v>
      </c>
      <c r="DC594" s="6"/>
      <c r="DD594" s="6"/>
      <c r="DE594" s="6"/>
      <c r="DF594" s="6"/>
      <c r="DG594" s="6"/>
      <c r="DH594" s="6" t="s">
        <v>333</v>
      </c>
      <c r="DI594" s="6"/>
      <c r="DJ594" s="6"/>
      <c r="DK594" s="6"/>
      <c r="DL594" s="6">
        <v>7</v>
      </c>
      <c r="DM594" s="6" t="s">
        <v>485</v>
      </c>
      <c r="DN594" s="6">
        <v>8</v>
      </c>
      <c r="DO594" s="6" t="s">
        <v>486</v>
      </c>
      <c r="DP594" s="6"/>
      <c r="DQ594" s="6"/>
    </row>
    <row r="595" spans="1:121" x14ac:dyDescent="0.2">
      <c r="A595" s="6" t="s">
        <v>319</v>
      </c>
      <c r="B595" s="6" t="s">
        <v>319</v>
      </c>
      <c r="C595" s="6" t="s">
        <v>188</v>
      </c>
      <c r="D595" s="6" t="s">
        <v>169</v>
      </c>
      <c r="E595" s="6" t="s">
        <v>308</v>
      </c>
      <c r="F595" s="11">
        <v>28</v>
      </c>
      <c r="G595" s="13">
        <v>2.15384615385</v>
      </c>
      <c r="H595" s="11">
        <v>123.2276998202</v>
      </c>
      <c r="I595" s="13">
        <v>9.292953470097558</v>
      </c>
      <c r="J595" s="11">
        <v>-61.167475576300006</v>
      </c>
      <c r="K595" s="13">
        <v>-0.44815264953827411</v>
      </c>
      <c r="L595" s="11">
        <v>-34.7375492571</v>
      </c>
      <c r="M595" s="13">
        <v>-0.46119609879740864</v>
      </c>
      <c r="N595" s="11">
        <v>-95.905024833400006</v>
      </c>
      <c r="O595" s="13">
        <v>-0.70266249470290842</v>
      </c>
      <c r="P595" s="7">
        <v>13.260337546800001</v>
      </c>
      <c r="Q595" s="7">
        <v>216.29343306800001</v>
      </c>
      <c r="R595" s="7">
        <v>269.68729376200002</v>
      </c>
      <c r="S595" s="7">
        <v>221.05733515099999</v>
      </c>
      <c r="T595" s="7">
        <v>125.297967423</v>
      </c>
      <c r="U595" s="7">
        <v>163.78072662700001</v>
      </c>
      <c r="V595" s="7">
        <v>136.488037367</v>
      </c>
      <c r="W595" s="7">
        <v>24.2215164548</v>
      </c>
      <c r="X595" s="7">
        <v>25.148804395599999</v>
      </c>
      <c r="Y595" s="7">
        <v>75.320561790699998</v>
      </c>
      <c r="Z595" s="7">
        <v>82.294040108000004</v>
      </c>
      <c r="AA595" s="7">
        <v>38.398911736700001</v>
      </c>
      <c r="AB595" s="7">
        <v>61.791352631999999</v>
      </c>
      <c r="AC595" s="7">
        <v>48.435089151500001</v>
      </c>
      <c r="AD595" s="7">
        <v>46.277009771000003</v>
      </c>
      <c r="AE595" s="7">
        <v>41.844529850299999</v>
      </c>
      <c r="AF595" s="7">
        <v>40.583012533599998</v>
      </c>
      <c r="AG595" s="9">
        <v>4613.6184744000002</v>
      </c>
      <c r="AH595" s="13">
        <v>0.29678173262507396</v>
      </c>
      <c r="AI595" s="9">
        <v>-1525.6915491</v>
      </c>
      <c r="AJ595" s="13">
        <v>-9.8143655333835803E-2</v>
      </c>
      <c r="AK595" s="9">
        <v>3368.3834686999999</v>
      </c>
      <c r="AL595" s="13">
        <v>0.24025899206929449</v>
      </c>
      <c r="AM595" s="9">
        <v>2770.9265548000003</v>
      </c>
      <c r="AN595" s="13">
        <v>0.15935685635000227</v>
      </c>
      <c r="AO595" s="9">
        <v>6139.3100235000002</v>
      </c>
      <c r="AP595" s="13">
        <v>0.43790276610527962</v>
      </c>
      <c r="AQ595" s="9">
        <v>15545.493429100001</v>
      </c>
      <c r="AR595" s="9">
        <v>19193.579920600001</v>
      </c>
      <c r="AS595" s="9">
        <v>26038.145884400001</v>
      </c>
      <c r="AT595" s="9">
        <v>12629.0185153</v>
      </c>
      <c r="AU595" s="9">
        <v>18084.205972700001</v>
      </c>
      <c r="AV595" s="9">
        <v>15183.2367036</v>
      </c>
      <c r="AW595" s="9">
        <v>14019.801880000001</v>
      </c>
      <c r="AX595" s="9">
        <v>16351.467002400001</v>
      </c>
      <c r="AY595" s="9">
        <v>18841.734497699999</v>
      </c>
      <c r="AZ595" s="9">
        <v>17388.185348700001</v>
      </c>
      <c r="BA595" s="9">
        <v>16222.283478200001</v>
      </c>
      <c r="BB595" s="9">
        <v>19126.069334200001</v>
      </c>
      <c r="BC595" s="9">
        <v>13110.1135485</v>
      </c>
      <c r="BD595" s="9">
        <v>17413.930561599998</v>
      </c>
      <c r="BE595" s="9">
        <v>19578.434209200001</v>
      </c>
      <c r="BF595" s="9">
        <v>20159.111903500001</v>
      </c>
      <c r="BG595" s="11">
        <v>-1</v>
      </c>
      <c r="BH595" s="13">
        <v>-0.16666666666666666</v>
      </c>
      <c r="BI595" s="6">
        <v>-2</v>
      </c>
      <c r="BJ595" s="13">
        <v>-0.33333333333333331</v>
      </c>
      <c r="BK595" s="6">
        <v>0</v>
      </c>
      <c r="BL595" s="13">
        <v>0</v>
      </c>
      <c r="BM595" s="11">
        <v>1</v>
      </c>
      <c r="BN595" s="13">
        <v>0.25</v>
      </c>
      <c r="BO595" s="11">
        <v>1</v>
      </c>
      <c r="BP595" s="13">
        <v>0.25</v>
      </c>
      <c r="BQ595" s="6">
        <v>6</v>
      </c>
      <c r="BR595" s="6">
        <v>3</v>
      </c>
      <c r="BS595" s="6">
        <v>3</v>
      </c>
      <c r="BT595" s="6">
        <v>4</v>
      </c>
      <c r="BU595" s="6">
        <v>4</v>
      </c>
      <c r="BV595" s="6">
        <v>2</v>
      </c>
      <c r="BW595" s="6">
        <v>4</v>
      </c>
      <c r="BX595" s="6">
        <v>4</v>
      </c>
      <c r="BY595" s="6">
        <v>4</v>
      </c>
      <c r="BZ595" s="6">
        <v>5</v>
      </c>
      <c r="CA595" s="6">
        <v>5</v>
      </c>
      <c r="CB595" s="6">
        <v>5</v>
      </c>
      <c r="CC595" s="11">
        <v>5</v>
      </c>
      <c r="CD595" s="11">
        <v>24.680099999999999</v>
      </c>
      <c r="CE595" s="11">
        <v>1.1930700000000001</v>
      </c>
      <c r="CF595" s="11">
        <v>1.4495100000000001</v>
      </c>
      <c r="CG595" s="11">
        <v>2</v>
      </c>
      <c r="CH595" s="20">
        <v>6.8734600000000007E-2</v>
      </c>
      <c r="CI595" s="20">
        <v>1.1152200000000001</v>
      </c>
      <c r="CJ595" s="20">
        <v>1.4086799999999999</v>
      </c>
      <c r="CK595" s="20">
        <v>1.28426</v>
      </c>
      <c r="CL595" s="20">
        <v>0.79872399999999999</v>
      </c>
      <c r="CM595" s="20">
        <v>0.95659000000000005</v>
      </c>
      <c r="CN595" s="20">
        <v>0.83892800000000001</v>
      </c>
      <c r="CO595" s="20">
        <v>0.17263200000000001</v>
      </c>
      <c r="CP595" s="20">
        <v>0.193582</v>
      </c>
      <c r="CQ595" s="20">
        <v>0.63892199999999999</v>
      </c>
      <c r="CR595" s="20">
        <v>0.66249899999999995</v>
      </c>
      <c r="CS595" s="20">
        <v>0.32253999999999999</v>
      </c>
      <c r="CT595" s="20">
        <v>0.50676399999999999</v>
      </c>
      <c r="CU595" s="20">
        <v>0.38115100000000002</v>
      </c>
      <c r="CV595" s="20">
        <v>0.35095500000000002</v>
      </c>
      <c r="CW595" s="20">
        <v>0.311969</v>
      </c>
      <c r="CX595" s="20">
        <v>0.29280600000000001</v>
      </c>
      <c r="CY595" s="6" t="s">
        <v>483</v>
      </c>
      <c r="CZ595" s="6" t="s">
        <v>484</v>
      </c>
      <c r="DA595" s="6" t="s">
        <v>169</v>
      </c>
      <c r="DB595" s="6" t="s">
        <v>345</v>
      </c>
      <c r="DC595" s="6"/>
      <c r="DD595" s="6"/>
      <c r="DE595" s="6"/>
      <c r="DF595" s="6"/>
      <c r="DG595" s="6"/>
      <c r="DH595" s="6" t="s">
        <v>333</v>
      </c>
      <c r="DI595" s="6"/>
      <c r="DJ595" s="6"/>
      <c r="DK595" s="6"/>
      <c r="DL595" s="6">
        <v>7</v>
      </c>
      <c r="DM595" s="6" t="s">
        <v>485</v>
      </c>
      <c r="DN595" s="6">
        <v>8</v>
      </c>
      <c r="DO595" s="6" t="s">
        <v>486</v>
      </c>
      <c r="DP595" s="6"/>
      <c r="DQ595" s="6"/>
    </row>
    <row r="596" spans="1:121" x14ac:dyDescent="0.2">
      <c r="A596" s="6" t="s">
        <v>320</v>
      </c>
      <c r="B596" s="6" t="s">
        <v>320</v>
      </c>
      <c r="C596" s="6" t="s">
        <v>189</v>
      </c>
      <c r="D596" s="6" t="s">
        <v>169</v>
      </c>
      <c r="E596" s="6" t="s">
        <v>308</v>
      </c>
      <c r="F596" s="11">
        <v>1</v>
      </c>
      <c r="G596" s="13">
        <v>1</v>
      </c>
      <c r="H596" s="11">
        <v>0</v>
      </c>
      <c r="I596" s="13">
        <v>0</v>
      </c>
      <c r="J596" s="11">
        <v>-5</v>
      </c>
      <c r="K596" s="13">
        <v>-1</v>
      </c>
      <c r="L596" s="11">
        <v>0</v>
      </c>
      <c r="M596" s="13"/>
      <c r="N596" s="11">
        <v>-5</v>
      </c>
      <c r="O596" s="13">
        <v>-1</v>
      </c>
      <c r="P596" s="7">
        <v>5</v>
      </c>
      <c r="Q596" s="7">
        <v>5</v>
      </c>
      <c r="R596" s="7">
        <v>0</v>
      </c>
      <c r="S596" s="7">
        <v>5</v>
      </c>
      <c r="T596" s="7">
        <v>0</v>
      </c>
      <c r="U596" s="7">
        <v>0</v>
      </c>
      <c r="V596" s="7">
        <v>5</v>
      </c>
      <c r="W596" s="7">
        <v>0</v>
      </c>
      <c r="X596" s="7">
        <v>5</v>
      </c>
      <c r="Y596" s="7">
        <v>0</v>
      </c>
      <c r="Z596" s="7">
        <v>5</v>
      </c>
      <c r="AA596" s="7">
        <v>0</v>
      </c>
      <c r="AB596" s="7">
        <v>0</v>
      </c>
      <c r="AC596" s="7">
        <v>0</v>
      </c>
      <c r="AD596" s="7">
        <v>0</v>
      </c>
      <c r="AE596" s="7">
        <v>0</v>
      </c>
      <c r="AF596" s="7">
        <v>0</v>
      </c>
      <c r="AG596" s="9">
        <v>-1</v>
      </c>
      <c r="AH596" s="13">
        <v>-1</v>
      </c>
      <c r="AI596" s="9">
        <v>0</v>
      </c>
      <c r="AJ596" s="13">
        <v>0</v>
      </c>
      <c r="AK596" s="9">
        <v>-1</v>
      </c>
      <c r="AL596" s="13">
        <v>-1</v>
      </c>
      <c r="AM596" s="9">
        <v>0</v>
      </c>
      <c r="AN596" s="13"/>
      <c r="AO596" s="9">
        <v>-1</v>
      </c>
      <c r="AP596" s="13">
        <v>-1</v>
      </c>
      <c r="AQ596" s="9">
        <v>1</v>
      </c>
      <c r="AR596" s="9">
        <v>1</v>
      </c>
      <c r="AS596" s="9">
        <v>0</v>
      </c>
      <c r="AT596" s="9">
        <v>1</v>
      </c>
      <c r="AU596" s="9">
        <v>0</v>
      </c>
      <c r="AV596" s="9">
        <v>0</v>
      </c>
      <c r="AW596" s="9">
        <v>1</v>
      </c>
      <c r="AX596" s="9">
        <v>0</v>
      </c>
      <c r="AY596" s="9">
        <v>1</v>
      </c>
      <c r="AZ596" s="9">
        <v>0</v>
      </c>
      <c r="BA596" s="9">
        <v>1</v>
      </c>
      <c r="BB596" s="9">
        <v>0</v>
      </c>
      <c r="BC596" s="9">
        <v>0</v>
      </c>
      <c r="BD596" s="9">
        <v>0</v>
      </c>
      <c r="BE596" s="9">
        <v>0</v>
      </c>
      <c r="BF596" s="9">
        <v>0</v>
      </c>
      <c r="BG596" s="11">
        <v>0</v>
      </c>
      <c r="BH596" s="13" t="e">
        <v>#DIV/0!</v>
      </c>
      <c r="BI596" s="6">
        <v>0</v>
      </c>
      <c r="BJ596" s="13" t="e">
        <v>#DIV/0!</v>
      </c>
      <c r="BK596" s="6">
        <v>0</v>
      </c>
      <c r="BL596" s="13" t="e">
        <v>#DIV/0!</v>
      </c>
      <c r="BM596" s="11">
        <v>0</v>
      </c>
      <c r="BN596" s="13" t="e">
        <v>#DIV/0!</v>
      </c>
      <c r="BO596" s="11">
        <v>0</v>
      </c>
      <c r="BP596" s="13" t="e">
        <v>#DIV/0!</v>
      </c>
      <c r="BQ596" s="6">
        <v>0</v>
      </c>
      <c r="BR596" s="6">
        <v>0</v>
      </c>
      <c r="BS596" s="6">
        <v>0</v>
      </c>
      <c r="BT596" s="6">
        <v>0</v>
      </c>
      <c r="BU596" s="6">
        <v>0</v>
      </c>
      <c r="BV596" s="6">
        <v>0</v>
      </c>
      <c r="BW596" s="6">
        <v>0</v>
      </c>
      <c r="BX596" s="6">
        <v>0</v>
      </c>
      <c r="BY596" s="6">
        <v>0</v>
      </c>
      <c r="BZ596" s="6">
        <v>0</v>
      </c>
      <c r="CA596" s="6">
        <v>0</v>
      </c>
      <c r="CB596" s="6">
        <v>0</v>
      </c>
      <c r="CC596" s="11">
        <v>0</v>
      </c>
      <c r="CD596" s="11">
        <v>-2.1460300000000001</v>
      </c>
      <c r="CE596" s="11">
        <v>0.52812199999999998</v>
      </c>
      <c r="CF596" s="11">
        <v>0.15942899999999999</v>
      </c>
      <c r="CG596" s="11">
        <v>1</v>
      </c>
      <c r="CH596" s="20">
        <v>2.26599E-2</v>
      </c>
      <c r="CI596" s="20">
        <v>1.97477E-2</v>
      </c>
      <c r="CJ596" s="20">
        <v>0</v>
      </c>
      <c r="CK596" s="20">
        <v>1.8358800000000002E-2</v>
      </c>
      <c r="CL596" s="20">
        <v>0</v>
      </c>
      <c r="CM596" s="20">
        <v>0</v>
      </c>
      <c r="CN596" s="20">
        <v>2.1895600000000001E-2</v>
      </c>
      <c r="CO596" s="20">
        <v>0</v>
      </c>
      <c r="CP596" s="20">
        <v>2.3971099999999999E-2</v>
      </c>
      <c r="CQ596" s="20">
        <v>0</v>
      </c>
      <c r="CR596" s="20">
        <v>2.8816100000000001E-2</v>
      </c>
      <c r="CS596" s="20">
        <v>0</v>
      </c>
      <c r="CT596" s="20">
        <v>0</v>
      </c>
      <c r="CU596" s="20">
        <v>0</v>
      </c>
      <c r="CV596" s="20">
        <v>0</v>
      </c>
      <c r="CW596" s="20">
        <v>0</v>
      </c>
      <c r="CX596" s="20">
        <v>0</v>
      </c>
      <c r="CY596" s="6" t="s">
        <v>483</v>
      </c>
      <c r="CZ596" s="6" t="s">
        <v>484</v>
      </c>
      <c r="DA596" s="6" t="s">
        <v>169</v>
      </c>
      <c r="DB596" s="6" t="s">
        <v>345</v>
      </c>
      <c r="DC596" s="6"/>
      <c r="DD596" s="6"/>
      <c r="DE596" s="6"/>
      <c r="DF596" s="6"/>
      <c r="DG596" s="6"/>
      <c r="DH596" s="6" t="s">
        <v>333</v>
      </c>
      <c r="DI596" s="6"/>
      <c r="DJ596" s="6"/>
      <c r="DK596" s="6"/>
      <c r="DL596" s="6">
        <v>7</v>
      </c>
      <c r="DM596" s="6" t="s">
        <v>485</v>
      </c>
      <c r="DN596" s="6">
        <v>8</v>
      </c>
      <c r="DO596" s="6" t="s">
        <v>486</v>
      </c>
      <c r="DP596" s="6"/>
      <c r="DQ596" s="6"/>
    </row>
    <row r="597" spans="1:121" x14ac:dyDescent="0.2">
      <c r="A597" s="6" t="s">
        <v>321</v>
      </c>
      <c r="B597" s="6" t="s">
        <v>321</v>
      </c>
      <c r="C597" s="6" t="s">
        <v>190</v>
      </c>
      <c r="D597" s="6" t="s">
        <v>169</v>
      </c>
      <c r="E597" s="6" t="s">
        <v>308</v>
      </c>
      <c r="F597" s="11">
        <v>-151</v>
      </c>
      <c r="G597" s="13">
        <v>-0.712264150943</v>
      </c>
      <c r="H597" s="11">
        <v>-162.37250332689999</v>
      </c>
      <c r="I597" s="13">
        <v>-0.76605889307881492</v>
      </c>
      <c r="J597" s="11">
        <v>-8.6372756649000024</v>
      </c>
      <c r="K597" s="13">
        <v>-0.17418867371608962</v>
      </c>
      <c r="L597" s="11">
        <v>19.7518455059</v>
      </c>
      <c r="M597" s="13">
        <v>0.48235854525290167</v>
      </c>
      <c r="N597" s="11">
        <v>11.114569840999998</v>
      </c>
      <c r="O597" s="13">
        <v>0.2241484762835867</v>
      </c>
      <c r="P597" s="7">
        <v>211.958251244</v>
      </c>
      <c r="Q597" s="7">
        <v>43.694622405899999</v>
      </c>
      <c r="R597" s="7">
        <v>39.0346474973</v>
      </c>
      <c r="S597" s="7">
        <v>45.337613339000001</v>
      </c>
      <c r="T597" s="7">
        <v>43.842202751000002</v>
      </c>
      <c r="U597" s="7">
        <v>54.959019974599997</v>
      </c>
      <c r="V597" s="7">
        <v>49.585747917100001</v>
      </c>
      <c r="W597" s="7">
        <v>48.936882601400001</v>
      </c>
      <c r="X597" s="7">
        <v>46.098007460799998</v>
      </c>
      <c r="Y597" s="7">
        <v>40.948472252199998</v>
      </c>
      <c r="Z597" s="7">
        <v>40.596197508899998</v>
      </c>
      <c r="AA597" s="7">
        <v>42.244161908599999</v>
      </c>
      <c r="AB597" s="7">
        <v>45.860118238200002</v>
      </c>
      <c r="AC597" s="7">
        <v>52.228148889700002</v>
      </c>
      <c r="AD597" s="7">
        <v>56.633555589499998</v>
      </c>
      <c r="AE597" s="7">
        <v>57.940969662800001</v>
      </c>
      <c r="AF597" s="7">
        <v>60.700317758099999</v>
      </c>
      <c r="AG597" s="9">
        <v>3499.4009092999986</v>
      </c>
      <c r="AH597" s="13">
        <v>0.14752069801053733</v>
      </c>
      <c r="AI597" s="9">
        <v>1799.3243312000013</v>
      </c>
      <c r="AJ597" s="13">
        <v>7.5852292482562145E-2</v>
      </c>
      <c r="AK597" s="9">
        <v>5853.9981023999972</v>
      </c>
      <c r="AL597" s="13">
        <v>0.22938192126377205</v>
      </c>
      <c r="AM597" s="9">
        <v>-4153.9215242999999</v>
      </c>
      <c r="AN597" s="13">
        <v>-0.13239697850887699</v>
      </c>
      <c r="AO597" s="9">
        <v>1700.0765780999973</v>
      </c>
      <c r="AP597" s="13">
        <v>6.6615469455010526E-2</v>
      </c>
      <c r="AQ597" s="9">
        <v>23721.423207</v>
      </c>
      <c r="AR597" s="9">
        <v>20184.500254999999</v>
      </c>
      <c r="AS597" s="9">
        <v>20642.7176468</v>
      </c>
      <c r="AT597" s="9">
        <v>21966.143316599999</v>
      </c>
      <c r="AU597" s="9">
        <v>23852.9702985</v>
      </c>
      <c r="AV597" s="9">
        <v>21571.454366900001</v>
      </c>
      <c r="AW597" s="9">
        <v>25520.747538200001</v>
      </c>
      <c r="AX597" s="9">
        <v>25065.019671599999</v>
      </c>
      <c r="AY597" s="9">
        <v>31494.341150100001</v>
      </c>
      <c r="AZ597" s="9">
        <v>31374.745640599998</v>
      </c>
      <c r="BA597" s="9">
        <v>31325.568433500001</v>
      </c>
      <c r="BB597" s="9">
        <v>30712.3686858</v>
      </c>
      <c r="BC597" s="9">
        <v>30875.627198499998</v>
      </c>
      <c r="BD597" s="9">
        <v>29108.397834300002</v>
      </c>
      <c r="BE597" s="9">
        <v>28307.875336000001</v>
      </c>
      <c r="BF597" s="9">
        <v>27220.824116299998</v>
      </c>
      <c r="BG597" s="11">
        <v>13</v>
      </c>
      <c r="BH597" s="13">
        <v>1.8571428571428572</v>
      </c>
      <c r="BI597" s="6">
        <v>2</v>
      </c>
      <c r="BJ597" s="13">
        <v>0.2857142857142857</v>
      </c>
      <c r="BK597" s="6">
        <v>-1</v>
      </c>
      <c r="BL597" s="13">
        <v>-0.1111111111111111</v>
      </c>
      <c r="BM597" s="11">
        <v>12</v>
      </c>
      <c r="BN597" s="13">
        <v>1.5</v>
      </c>
      <c r="BO597" s="11">
        <v>11</v>
      </c>
      <c r="BP597" s="13">
        <v>1.2222222222222223</v>
      </c>
      <c r="BQ597" s="6">
        <v>7</v>
      </c>
      <c r="BR597" s="6">
        <v>7</v>
      </c>
      <c r="BS597" s="6">
        <v>9</v>
      </c>
      <c r="BT597" s="6">
        <v>9</v>
      </c>
      <c r="BU597" s="6">
        <v>9</v>
      </c>
      <c r="BV597" s="6">
        <v>9</v>
      </c>
      <c r="BW597" s="6">
        <v>8</v>
      </c>
      <c r="BX597" s="6">
        <v>8</v>
      </c>
      <c r="BY597" s="6">
        <v>9</v>
      </c>
      <c r="BZ597" s="6">
        <v>14</v>
      </c>
      <c r="CA597" s="6">
        <v>15</v>
      </c>
      <c r="CB597" s="6">
        <v>19</v>
      </c>
      <c r="CC597" s="11">
        <v>20</v>
      </c>
      <c r="CD597" s="11">
        <v>-251.61600000000001</v>
      </c>
      <c r="CE597" s="11">
        <v>77.188100000000006</v>
      </c>
      <c r="CF597" s="11">
        <v>23.169599999999999</v>
      </c>
      <c r="CG597" s="11">
        <v>100</v>
      </c>
      <c r="CH597" s="20">
        <v>0.666798</v>
      </c>
      <c r="CI597" s="20">
        <v>0.13161400000000001</v>
      </c>
      <c r="CJ597" s="20">
        <v>0.11547399999999999</v>
      </c>
      <c r="CK597" s="20">
        <v>0.15101600000000001</v>
      </c>
      <c r="CL597" s="20">
        <v>0.162052</v>
      </c>
      <c r="CM597" s="20">
        <v>0.186448</v>
      </c>
      <c r="CN597" s="20">
        <v>0.17388200000000001</v>
      </c>
      <c r="CO597" s="20">
        <v>0.18556500000000001</v>
      </c>
      <c r="CP597" s="20">
        <v>0.16841800000000001</v>
      </c>
      <c r="CQ597" s="20">
        <v>0.16714699999999999</v>
      </c>
      <c r="CR597" s="20">
        <v>0.161243</v>
      </c>
      <c r="CS597" s="20">
        <v>0.173849</v>
      </c>
      <c r="CT597" s="20">
        <v>0.185695</v>
      </c>
      <c r="CU597" s="20">
        <v>0.20577400000000001</v>
      </c>
      <c r="CV597" s="20">
        <v>0.215193</v>
      </c>
      <c r="CW597" s="20">
        <v>0.21541299999999999</v>
      </c>
      <c r="CX597" s="20">
        <v>0.216336</v>
      </c>
      <c r="CY597" s="6" t="s">
        <v>483</v>
      </c>
      <c r="CZ597" s="6" t="s">
        <v>484</v>
      </c>
      <c r="DA597" s="6" t="s">
        <v>169</v>
      </c>
      <c r="DB597" s="6" t="s">
        <v>345</v>
      </c>
      <c r="DC597" s="6"/>
      <c r="DD597" s="6"/>
      <c r="DE597" s="6"/>
      <c r="DF597" s="6"/>
      <c r="DG597" s="6"/>
      <c r="DH597" s="6" t="s">
        <v>333</v>
      </c>
      <c r="DI597" s="6"/>
      <c r="DJ597" s="6"/>
      <c r="DK597" s="6"/>
      <c r="DL597" s="6">
        <v>7</v>
      </c>
      <c r="DM597" s="6" t="s">
        <v>485</v>
      </c>
      <c r="DN597" s="6">
        <v>8</v>
      </c>
      <c r="DO597" s="6" t="s">
        <v>486</v>
      </c>
      <c r="DP597" s="6"/>
      <c r="DQ597" s="6"/>
    </row>
    <row r="598" spans="1:121" x14ac:dyDescent="0.2">
      <c r="A598" s="6" t="s">
        <v>322</v>
      </c>
      <c r="B598" s="6" t="s">
        <v>322</v>
      </c>
      <c r="C598" s="6" t="s">
        <v>191</v>
      </c>
      <c r="D598" s="6" t="s">
        <v>169</v>
      </c>
      <c r="E598" s="6" t="s">
        <v>308</v>
      </c>
      <c r="F598" s="11">
        <v>1</v>
      </c>
      <c r="G598" s="13">
        <v>1</v>
      </c>
      <c r="H598" s="11">
        <v>5</v>
      </c>
      <c r="I598" s="13">
        <v>1</v>
      </c>
      <c r="J598" s="11">
        <v>-5</v>
      </c>
      <c r="K598" s="13">
        <v>-0.5</v>
      </c>
      <c r="L598" s="11">
        <v>10</v>
      </c>
      <c r="M598" s="13">
        <v>2</v>
      </c>
      <c r="N598" s="11">
        <v>5</v>
      </c>
      <c r="O598" s="13">
        <v>0.5</v>
      </c>
      <c r="P598" s="7">
        <v>5</v>
      </c>
      <c r="Q598" s="7">
        <v>5</v>
      </c>
      <c r="R598" s="7">
        <v>5</v>
      </c>
      <c r="S598" s="7">
        <v>5</v>
      </c>
      <c r="T598" s="7">
        <v>5</v>
      </c>
      <c r="U598" s="7">
        <v>12</v>
      </c>
      <c r="V598" s="7">
        <v>10</v>
      </c>
      <c r="W598" s="7">
        <v>5</v>
      </c>
      <c r="X598" s="7">
        <v>5</v>
      </c>
      <c r="Y598" s="7">
        <v>5</v>
      </c>
      <c r="Z598" s="7">
        <v>22</v>
      </c>
      <c r="AA598" s="7">
        <v>26</v>
      </c>
      <c r="AB598" s="7">
        <v>5</v>
      </c>
      <c r="AC598" s="7">
        <v>5</v>
      </c>
      <c r="AD598" s="7">
        <v>5</v>
      </c>
      <c r="AE598" s="7">
        <v>14</v>
      </c>
      <c r="AF598" s="7">
        <v>15</v>
      </c>
      <c r="AG598" s="9">
        <v>31335</v>
      </c>
      <c r="AH598" s="13">
        <v>31335</v>
      </c>
      <c r="AI598" s="9">
        <v>14683</v>
      </c>
      <c r="AJ598" s="13">
        <v>14683</v>
      </c>
      <c r="AK598" s="9">
        <v>-14683</v>
      </c>
      <c r="AL598" s="13">
        <v>-0.99993189866521381</v>
      </c>
      <c r="AM598" s="9">
        <v>31335</v>
      </c>
      <c r="AN598" s="13">
        <v>31335</v>
      </c>
      <c r="AO598" s="9">
        <v>16652</v>
      </c>
      <c r="AP598" s="13">
        <v>1.1340234268591665</v>
      </c>
      <c r="AQ598" s="9">
        <v>1</v>
      </c>
      <c r="AR598" s="9">
        <v>1</v>
      </c>
      <c r="AS598" s="9">
        <v>1</v>
      </c>
      <c r="AT598" s="9">
        <v>1</v>
      </c>
      <c r="AU598" s="9">
        <v>1</v>
      </c>
      <c r="AV598" s="9">
        <v>14825</v>
      </c>
      <c r="AW598" s="9">
        <v>14684</v>
      </c>
      <c r="AX598" s="9">
        <v>1</v>
      </c>
      <c r="AY598" s="9">
        <v>1</v>
      </c>
      <c r="AZ598" s="9">
        <v>1</v>
      </c>
      <c r="BA598" s="9">
        <v>24670</v>
      </c>
      <c r="BB598" s="9">
        <v>18810</v>
      </c>
      <c r="BC598" s="9">
        <v>1</v>
      </c>
      <c r="BD598" s="9">
        <v>1</v>
      </c>
      <c r="BE598" s="9">
        <v>1</v>
      </c>
      <c r="BF598" s="9">
        <v>31336</v>
      </c>
      <c r="BG598" s="11">
        <v>1</v>
      </c>
      <c r="BH598" s="13">
        <v>0.5</v>
      </c>
      <c r="BI598" s="6">
        <v>1</v>
      </c>
      <c r="BJ598" s="13">
        <v>0.5</v>
      </c>
      <c r="BK598" s="6">
        <v>0</v>
      </c>
      <c r="BL598" s="13">
        <v>0</v>
      </c>
      <c r="BM598" s="11">
        <v>0</v>
      </c>
      <c r="BN598" s="13">
        <v>0</v>
      </c>
      <c r="BO598" s="11">
        <v>0</v>
      </c>
      <c r="BP598" s="13">
        <v>0</v>
      </c>
      <c r="BQ598" s="6">
        <v>2</v>
      </c>
      <c r="BR598" s="6">
        <v>2</v>
      </c>
      <c r="BS598" s="6">
        <v>3</v>
      </c>
      <c r="BT598" s="6">
        <v>3</v>
      </c>
      <c r="BU598" s="6">
        <v>2</v>
      </c>
      <c r="BV598" s="6">
        <v>2</v>
      </c>
      <c r="BW598" s="6">
        <v>3</v>
      </c>
      <c r="BX598" s="6">
        <v>4</v>
      </c>
      <c r="BY598" s="6">
        <v>4</v>
      </c>
      <c r="BZ598" s="6">
        <v>2</v>
      </c>
      <c r="CA598" s="6">
        <v>2</v>
      </c>
      <c r="CB598" s="6">
        <v>2</v>
      </c>
      <c r="CC598" s="11">
        <v>3</v>
      </c>
      <c r="CD598" s="11">
        <v>3</v>
      </c>
      <c r="CE598" s="11">
        <v>2</v>
      </c>
      <c r="CF598" s="11">
        <v>1</v>
      </c>
      <c r="CG598" s="11">
        <v>3</v>
      </c>
      <c r="CH598" s="20">
        <v>0.18</v>
      </c>
      <c r="CI598" s="20">
        <v>0.12</v>
      </c>
      <c r="CJ598" s="20">
        <v>0.19</v>
      </c>
      <c r="CK598" s="20">
        <v>0.13</v>
      </c>
      <c r="CL598" s="20">
        <v>0.13</v>
      </c>
      <c r="CM598" s="20">
        <v>0.28000000000000003</v>
      </c>
      <c r="CN598" s="20">
        <v>0.24</v>
      </c>
      <c r="CO598" s="20">
        <v>0.15</v>
      </c>
      <c r="CP598" s="20">
        <v>0.2</v>
      </c>
      <c r="CQ598" s="20">
        <v>0.27</v>
      </c>
      <c r="CR598" s="20">
        <v>0.64</v>
      </c>
      <c r="CS598" s="20">
        <v>0.81</v>
      </c>
      <c r="CT598" s="20">
        <v>0.25</v>
      </c>
      <c r="CU598" s="20">
        <v>0.1</v>
      </c>
      <c r="CV598" s="20">
        <v>0.04</v>
      </c>
      <c r="CW598" s="20">
        <v>0.38</v>
      </c>
      <c r="CX598" s="20">
        <v>0.39</v>
      </c>
      <c r="CY598" s="6" t="s">
        <v>483</v>
      </c>
      <c r="CZ598" s="6" t="s">
        <v>484</v>
      </c>
      <c r="DA598" s="6" t="s">
        <v>169</v>
      </c>
      <c r="DB598" s="6" t="s">
        <v>345</v>
      </c>
      <c r="DC598" s="6"/>
      <c r="DD598" s="6"/>
      <c r="DE598" s="6"/>
      <c r="DF598" s="6"/>
      <c r="DG598" s="6"/>
      <c r="DH598" s="6" t="s">
        <v>333</v>
      </c>
      <c r="DI598" s="6"/>
      <c r="DJ598" s="6"/>
      <c r="DK598" s="6"/>
      <c r="DL598" s="6">
        <v>7</v>
      </c>
      <c r="DM598" s="6" t="s">
        <v>485</v>
      </c>
      <c r="DN598" s="6">
        <v>8</v>
      </c>
      <c r="DO598" s="6" t="s">
        <v>486</v>
      </c>
      <c r="DP598" s="6"/>
      <c r="DQ598" s="6"/>
    </row>
    <row r="599" spans="1:121" x14ac:dyDescent="0.2">
      <c r="A599" s="6" t="s">
        <v>323</v>
      </c>
      <c r="B599" s="6" t="s">
        <v>323</v>
      </c>
      <c r="C599" s="6" t="s">
        <v>192</v>
      </c>
      <c r="D599" s="6" t="s">
        <v>169</v>
      </c>
      <c r="E599" s="6" t="s">
        <v>308</v>
      </c>
      <c r="F599" s="11">
        <v>-7</v>
      </c>
      <c r="G599" s="13">
        <v>-8.2352941176499994E-2</v>
      </c>
      <c r="H599" s="11">
        <v>-5.981722332699988</v>
      </c>
      <c r="I599" s="13">
        <v>-7.066745692399172E-2</v>
      </c>
      <c r="J599" s="11">
        <v>-12.825927185500007</v>
      </c>
      <c r="K599" s="13">
        <v>-0.16304625875064543</v>
      </c>
      <c r="L599" s="11">
        <v>12.294037852100004</v>
      </c>
      <c r="M599" s="13">
        <v>0.18673045645329775</v>
      </c>
      <c r="N599" s="11">
        <v>-0.53188933340000233</v>
      </c>
      <c r="O599" s="13">
        <v>-6.7615046168581763E-3</v>
      </c>
      <c r="P599" s="7">
        <v>84.646067554599995</v>
      </c>
      <c r="Q599" s="7">
        <v>81.677310697899998</v>
      </c>
      <c r="R599" s="7">
        <v>59.848767676500003</v>
      </c>
      <c r="S599" s="7">
        <v>40.121585874799997</v>
      </c>
      <c r="T599" s="7">
        <v>65.122986643199994</v>
      </c>
      <c r="U599" s="7">
        <v>82.344040448300007</v>
      </c>
      <c r="V599" s="7">
        <v>78.664345221900007</v>
      </c>
      <c r="W599" s="7">
        <v>78.978732567600005</v>
      </c>
      <c r="X599" s="7">
        <v>69.582141297999996</v>
      </c>
      <c r="Y599" s="7">
        <v>65.8384180364</v>
      </c>
      <c r="Z599" s="7">
        <v>54.084718483300001</v>
      </c>
      <c r="AA599" s="7">
        <v>59.000705644200004</v>
      </c>
      <c r="AB599" s="7">
        <v>67.031093259599999</v>
      </c>
      <c r="AC599" s="7">
        <v>76.410421078599995</v>
      </c>
      <c r="AD599" s="7">
        <v>88.134307445700003</v>
      </c>
      <c r="AE599" s="7">
        <v>74.541209155600001</v>
      </c>
      <c r="AF599" s="7">
        <v>78.132455888500004</v>
      </c>
      <c r="AG599" s="9">
        <v>5232.1942336000002</v>
      </c>
      <c r="AH599" s="13">
        <v>0.64266405194759824</v>
      </c>
      <c r="AI599" s="9">
        <v>3087.030364199999</v>
      </c>
      <c r="AJ599" s="13">
        <v>0.37917618378953166</v>
      </c>
      <c r="AK599" s="9">
        <v>2383.1111169000014</v>
      </c>
      <c r="AL599" s="13">
        <v>0.21223875709986725</v>
      </c>
      <c r="AM599" s="9">
        <v>-237.94724750000023</v>
      </c>
      <c r="AN599" s="13">
        <v>-1.7481267623197367E-2</v>
      </c>
      <c r="AO599" s="9">
        <v>2145.1638694000012</v>
      </c>
      <c r="AP599" s="13">
        <v>0.19104728696379231</v>
      </c>
      <c r="AQ599" s="9">
        <v>8141.4141926000002</v>
      </c>
      <c r="AR599" s="9">
        <v>8522.0153331900001</v>
      </c>
      <c r="AS599" s="9">
        <v>8791.2132180099998</v>
      </c>
      <c r="AT599" s="9">
        <v>11930.760689299999</v>
      </c>
      <c r="AU599" s="9">
        <v>13169.9092301</v>
      </c>
      <c r="AV599" s="9">
        <v>10440.1412566</v>
      </c>
      <c r="AW599" s="9">
        <v>11228.444556799999</v>
      </c>
      <c r="AX599" s="9">
        <v>12425.8304833</v>
      </c>
      <c r="AY599" s="9">
        <v>13650.913108000001</v>
      </c>
      <c r="AZ599" s="9">
        <v>13611.555673700001</v>
      </c>
      <c r="BA599" s="9">
        <v>11959.787280099999</v>
      </c>
      <c r="BB599" s="9">
        <v>14766.2403228</v>
      </c>
      <c r="BC599" s="9">
        <v>11653.4391553</v>
      </c>
      <c r="BD599" s="9">
        <v>12669.895110900001</v>
      </c>
      <c r="BE599" s="9">
        <v>14134.995214500001</v>
      </c>
      <c r="BF599" s="9">
        <v>13373.6084262</v>
      </c>
      <c r="BG599" s="11">
        <v>1.75</v>
      </c>
      <c r="BH599" s="13">
        <v>0.19444444444444445</v>
      </c>
      <c r="BI599" s="6">
        <v>4</v>
      </c>
      <c r="BJ599" s="13">
        <v>0.44444444444444442</v>
      </c>
      <c r="BK599" s="6">
        <v>-3</v>
      </c>
      <c r="BL599" s="13">
        <v>-0.23076923076923078</v>
      </c>
      <c r="BM599" s="11">
        <v>0.75</v>
      </c>
      <c r="BN599" s="13">
        <v>7.4999999999999997E-2</v>
      </c>
      <c r="BO599" s="11">
        <v>-2.25</v>
      </c>
      <c r="BP599" s="13">
        <v>-0.17307692307692307</v>
      </c>
      <c r="BQ599" s="6">
        <v>9</v>
      </c>
      <c r="BR599" s="6">
        <v>11</v>
      </c>
      <c r="BS599" s="6">
        <v>14</v>
      </c>
      <c r="BT599" s="6">
        <v>13</v>
      </c>
      <c r="BU599" s="6">
        <v>13</v>
      </c>
      <c r="BV599" s="6">
        <v>13</v>
      </c>
      <c r="BW599" s="6">
        <v>10</v>
      </c>
      <c r="BX599" s="6">
        <v>8</v>
      </c>
      <c r="BY599" s="6">
        <v>9</v>
      </c>
      <c r="BZ599" s="6">
        <v>12</v>
      </c>
      <c r="CA599" s="6">
        <v>12</v>
      </c>
      <c r="CB599" s="6">
        <v>13</v>
      </c>
      <c r="CC599" s="11">
        <v>10.75</v>
      </c>
      <c r="CD599" s="11">
        <v>-35.0154</v>
      </c>
      <c r="CE599" s="11">
        <v>19.248999999999999</v>
      </c>
      <c r="CF599" s="11">
        <v>9.2528299999999994</v>
      </c>
      <c r="CG599" s="11">
        <v>28</v>
      </c>
      <c r="CH599" s="20">
        <v>0.358819</v>
      </c>
      <c r="CI599" s="20">
        <v>0.33994200000000002</v>
      </c>
      <c r="CJ599" s="20">
        <v>0.24763099999999999</v>
      </c>
      <c r="CK599" s="20">
        <v>0.185944</v>
      </c>
      <c r="CL599" s="20">
        <v>0.33466499999999999</v>
      </c>
      <c r="CM599" s="20">
        <v>0.38992399999999999</v>
      </c>
      <c r="CN599" s="20">
        <v>0.38719700000000001</v>
      </c>
      <c r="CO599" s="20">
        <v>0.42998999999999998</v>
      </c>
      <c r="CP599" s="20">
        <v>0.38309399999999999</v>
      </c>
      <c r="CQ599" s="20">
        <v>0.41028700000000001</v>
      </c>
      <c r="CR599" s="20">
        <v>0.32436700000000002</v>
      </c>
      <c r="CS599" s="20">
        <v>0.36890299999999998</v>
      </c>
      <c r="CT599" s="20">
        <v>0.40797299999999997</v>
      </c>
      <c r="CU599" s="20">
        <v>0.44774599999999998</v>
      </c>
      <c r="CV599" s="20">
        <v>0.49330099999999999</v>
      </c>
      <c r="CW599" s="20">
        <v>0.40726099999999998</v>
      </c>
      <c r="CX599" s="20">
        <v>0.41361599999999998</v>
      </c>
      <c r="CY599" s="6" t="s">
        <v>483</v>
      </c>
      <c r="CZ599" s="6" t="s">
        <v>484</v>
      </c>
      <c r="DA599" s="6" t="s">
        <v>169</v>
      </c>
      <c r="DB599" s="6" t="s">
        <v>345</v>
      </c>
      <c r="DC599" s="6"/>
      <c r="DD599" s="6"/>
      <c r="DE599" s="6"/>
      <c r="DF599" s="6"/>
      <c r="DG599" s="6"/>
      <c r="DH599" s="6" t="s">
        <v>333</v>
      </c>
      <c r="DI599" s="6"/>
      <c r="DJ599" s="6"/>
      <c r="DK599" s="6"/>
      <c r="DL599" s="6">
        <v>7</v>
      </c>
      <c r="DM599" s="6" t="s">
        <v>485</v>
      </c>
      <c r="DN599" s="6">
        <v>8</v>
      </c>
      <c r="DO599" s="6" t="s">
        <v>486</v>
      </c>
      <c r="DP599" s="6"/>
      <c r="DQ599" s="6"/>
    </row>
    <row r="600" spans="1:121" x14ac:dyDescent="0.2">
      <c r="A600" s="6" t="s">
        <v>325</v>
      </c>
      <c r="B600" s="6" t="s">
        <v>325</v>
      </c>
      <c r="C600" s="6" t="s">
        <v>193</v>
      </c>
      <c r="D600" s="6" t="s">
        <v>169</v>
      </c>
      <c r="E600" s="6" t="s">
        <v>308</v>
      </c>
      <c r="F600" s="11">
        <v>-55</v>
      </c>
      <c r="G600" s="13">
        <v>-0.35714285714299998</v>
      </c>
      <c r="H600" s="11">
        <v>-38.657575030999993</v>
      </c>
      <c r="I600" s="13">
        <v>-0.25079040451357903</v>
      </c>
      <c r="J600" s="11">
        <v>-2.5138931799999966</v>
      </c>
      <c r="K600" s="13">
        <v>-2.1768063580253523E-2</v>
      </c>
      <c r="L600" s="11">
        <v>-13.924746067699999</v>
      </c>
      <c r="M600" s="13">
        <v>-0.12325893882724336</v>
      </c>
      <c r="N600" s="11">
        <v>-16.438639247699996</v>
      </c>
      <c r="O600" s="13">
        <v>-0.14234389399027086</v>
      </c>
      <c r="P600" s="7">
        <v>154.14295896199999</v>
      </c>
      <c r="Q600" s="7">
        <v>137.239342118</v>
      </c>
      <c r="R600" s="7">
        <v>134.15325185399999</v>
      </c>
      <c r="S600" s="7">
        <v>146.713078556</v>
      </c>
      <c r="T600" s="7">
        <v>141.96302383599999</v>
      </c>
      <c r="U600" s="7">
        <v>130.637414409</v>
      </c>
      <c r="V600" s="7">
        <v>115.485383931</v>
      </c>
      <c r="W600" s="7">
        <v>112.29138635</v>
      </c>
      <c r="X600" s="7">
        <v>120.985778</v>
      </c>
      <c r="Y600" s="7">
        <v>112.971490751</v>
      </c>
      <c r="Z600" s="7">
        <v>94.929075255399994</v>
      </c>
      <c r="AA600" s="7">
        <v>105.241737884</v>
      </c>
      <c r="AB600" s="7">
        <v>102.47408619399999</v>
      </c>
      <c r="AC600" s="7">
        <v>98.801904264399994</v>
      </c>
      <c r="AD600" s="7">
        <v>98.858847814800001</v>
      </c>
      <c r="AE600" s="7">
        <v>98.604911186899997</v>
      </c>
      <c r="AF600" s="7">
        <v>99.046744683300005</v>
      </c>
      <c r="AG600" s="9">
        <v>1976.5820559999993</v>
      </c>
      <c r="AH600" s="13">
        <v>0.14141542940157056</v>
      </c>
      <c r="AI600" s="9">
        <v>1706.198588199999</v>
      </c>
      <c r="AJ600" s="13">
        <v>0.12207072570664702</v>
      </c>
      <c r="AK600" s="9">
        <v>-415.64229139999952</v>
      </c>
      <c r="AL600" s="13">
        <v>-2.6502170679110249E-2</v>
      </c>
      <c r="AM600" s="9">
        <v>686.02575919999981</v>
      </c>
      <c r="AN600" s="13">
        <v>4.4933179623358729E-2</v>
      </c>
      <c r="AO600" s="9">
        <v>270.38346780000029</v>
      </c>
      <c r="AP600" s="13">
        <v>1.7240182148715113E-2</v>
      </c>
      <c r="AQ600" s="9">
        <v>13977.1315221</v>
      </c>
      <c r="AR600" s="9">
        <v>13839.427740499999</v>
      </c>
      <c r="AS600" s="9">
        <v>13863.156280900001</v>
      </c>
      <c r="AT600" s="9">
        <v>14704.0573011</v>
      </c>
      <c r="AU600" s="9">
        <v>13235.9820595</v>
      </c>
      <c r="AV600" s="9">
        <v>14257.6322726</v>
      </c>
      <c r="AW600" s="9">
        <v>15683.330110299999</v>
      </c>
      <c r="AX600" s="9">
        <v>16332.0332645</v>
      </c>
      <c r="AY600" s="9">
        <v>16625.699891100001</v>
      </c>
      <c r="AZ600" s="9">
        <v>15267.6878189</v>
      </c>
      <c r="BA600" s="9">
        <v>18798.5397323</v>
      </c>
      <c r="BB600" s="9">
        <v>16791.646166099999</v>
      </c>
      <c r="BC600" s="9">
        <v>16502.367004299998</v>
      </c>
      <c r="BD600" s="9">
        <v>15483.0251871</v>
      </c>
      <c r="BE600" s="9">
        <v>15881.436647799999</v>
      </c>
      <c r="BF600" s="9">
        <v>15953.7135781</v>
      </c>
      <c r="BG600" s="11">
        <v>-8.75</v>
      </c>
      <c r="BH600" s="13">
        <v>-0.51470588235294112</v>
      </c>
      <c r="BI600" s="6">
        <v>-5</v>
      </c>
      <c r="BJ600" s="13">
        <v>-0.29411764705882354</v>
      </c>
      <c r="BK600" s="6">
        <v>0</v>
      </c>
      <c r="BL600" s="13">
        <v>0</v>
      </c>
      <c r="BM600" s="11">
        <v>-3.75</v>
      </c>
      <c r="BN600" s="13">
        <v>-0.3125</v>
      </c>
      <c r="BO600" s="11">
        <v>-3.75</v>
      </c>
      <c r="BP600" s="13">
        <v>-0.3125</v>
      </c>
      <c r="BQ600" s="6">
        <v>17</v>
      </c>
      <c r="BR600" s="6">
        <v>17</v>
      </c>
      <c r="BS600" s="6">
        <v>13</v>
      </c>
      <c r="BT600" s="6">
        <v>12</v>
      </c>
      <c r="BU600" s="6">
        <v>12</v>
      </c>
      <c r="BV600" s="6">
        <v>12</v>
      </c>
      <c r="BW600" s="6">
        <v>12</v>
      </c>
      <c r="BX600" s="6">
        <v>13</v>
      </c>
      <c r="BY600" s="6">
        <v>12</v>
      </c>
      <c r="BZ600" s="6">
        <v>10</v>
      </c>
      <c r="CA600" s="6">
        <v>10</v>
      </c>
      <c r="CB600" s="6">
        <v>9</v>
      </c>
      <c r="CC600" s="11">
        <v>8.25</v>
      </c>
      <c r="CD600" s="11">
        <v>-70.526399999999995</v>
      </c>
      <c r="CE600" s="11">
        <v>-1.41951</v>
      </c>
      <c r="CF600" s="11">
        <v>16.849699999999999</v>
      </c>
      <c r="CG600" s="11">
        <v>16</v>
      </c>
      <c r="CH600" s="20">
        <v>0.96196400000000004</v>
      </c>
      <c r="CI600" s="20">
        <v>0.83742099999999997</v>
      </c>
      <c r="CJ600" s="20">
        <v>0.81846399999999997</v>
      </c>
      <c r="CK600" s="20">
        <v>1.02074</v>
      </c>
      <c r="CL600" s="20">
        <v>1.1133500000000001</v>
      </c>
      <c r="CM600" s="20">
        <v>0.95288700000000004</v>
      </c>
      <c r="CN600" s="20">
        <v>0.87993500000000002</v>
      </c>
      <c r="CO600" s="20">
        <v>0.94547599999999998</v>
      </c>
      <c r="CP600" s="20">
        <v>1.00915</v>
      </c>
      <c r="CQ600" s="20">
        <v>1.07447</v>
      </c>
      <c r="CR600" s="20">
        <v>0.88160099999999997</v>
      </c>
      <c r="CS600" s="20">
        <v>1.0268299999999999</v>
      </c>
      <c r="CT600" s="20">
        <v>1.06166</v>
      </c>
      <c r="CU600" s="20">
        <v>0.99600299999999997</v>
      </c>
      <c r="CV600" s="20">
        <v>0.97075599999999995</v>
      </c>
      <c r="CW600" s="20">
        <v>0.95519500000000002</v>
      </c>
      <c r="CX600" s="20">
        <v>0.937948</v>
      </c>
      <c r="CY600" s="6" t="s">
        <v>483</v>
      </c>
      <c r="CZ600" s="6" t="s">
        <v>484</v>
      </c>
      <c r="DA600" s="6" t="s">
        <v>169</v>
      </c>
      <c r="DB600" s="6" t="s">
        <v>345</v>
      </c>
      <c r="DC600" s="6"/>
      <c r="DD600" s="6"/>
      <c r="DE600" s="6"/>
      <c r="DF600" s="6"/>
      <c r="DG600" s="6"/>
      <c r="DH600" s="6" t="s">
        <v>333</v>
      </c>
      <c r="DI600" s="6"/>
      <c r="DJ600" s="6"/>
      <c r="DK600" s="6"/>
      <c r="DL600" s="6">
        <v>7</v>
      </c>
      <c r="DM600" s="6" t="s">
        <v>485</v>
      </c>
      <c r="DN600" s="6">
        <v>8</v>
      </c>
      <c r="DO600" s="6" t="s">
        <v>486</v>
      </c>
      <c r="DP600" s="6"/>
      <c r="DQ600" s="6"/>
    </row>
    <row r="601" spans="1:121" x14ac:dyDescent="0.2">
      <c r="A601" s="6" t="s">
        <v>327</v>
      </c>
      <c r="B601" s="6" t="s">
        <v>327</v>
      </c>
      <c r="C601" s="6" t="s">
        <v>194</v>
      </c>
      <c r="D601" s="6" t="s">
        <v>169</v>
      </c>
      <c r="E601" s="6" t="s">
        <v>308</v>
      </c>
      <c r="F601" s="11">
        <v>-130</v>
      </c>
      <c r="G601" s="13">
        <v>-0.187861271676</v>
      </c>
      <c r="H601" s="11">
        <v>-46.834084000000075</v>
      </c>
      <c r="I601" s="13">
        <v>-6.7708189192197885E-2</v>
      </c>
      <c r="J601" s="11">
        <v>-36.787168999999949</v>
      </c>
      <c r="K601" s="13">
        <v>-5.7045798894566992E-2</v>
      </c>
      <c r="L601" s="11">
        <v>-45.863335408000012</v>
      </c>
      <c r="M601" s="13">
        <v>-7.5422745083211548E-2</v>
      </c>
      <c r="N601" s="11">
        <v>-82.650504407999961</v>
      </c>
      <c r="O601" s="13">
        <v>-0.12816599322968547</v>
      </c>
      <c r="P601" s="7">
        <v>691.70486700000004</v>
      </c>
      <c r="Q601" s="7">
        <v>677.54057899999998</v>
      </c>
      <c r="R601" s="7">
        <v>651.99510299999997</v>
      </c>
      <c r="S601" s="7">
        <v>660.14487699999995</v>
      </c>
      <c r="T601" s="7">
        <v>639.14856399999996</v>
      </c>
      <c r="U601" s="7">
        <v>636.72444800000005</v>
      </c>
      <c r="V601" s="7">
        <v>644.87078299999996</v>
      </c>
      <c r="W601" s="7">
        <v>638.82992899999999</v>
      </c>
      <c r="X601" s="7">
        <v>637.83299599999998</v>
      </c>
      <c r="Y601" s="7">
        <v>608.08361400000001</v>
      </c>
      <c r="Z601" s="7">
        <v>582.022201</v>
      </c>
      <c r="AA601" s="7">
        <v>572.30789100000004</v>
      </c>
      <c r="AB601" s="7">
        <v>579.30334000000005</v>
      </c>
      <c r="AC601" s="7">
        <v>554.87111900000002</v>
      </c>
      <c r="AD601" s="7">
        <v>561.26879899999994</v>
      </c>
      <c r="AE601" s="7">
        <v>570.35747074999995</v>
      </c>
      <c r="AF601" s="7">
        <v>562.220278592</v>
      </c>
      <c r="AG601" s="9">
        <v>9951.6329075999965</v>
      </c>
      <c r="AH601" s="13">
        <v>0.391667358797615</v>
      </c>
      <c r="AI601" s="9">
        <v>7752.3398184999969</v>
      </c>
      <c r="AJ601" s="13">
        <v>0.30510957240943282</v>
      </c>
      <c r="AK601" s="9">
        <v>2975.5982875000045</v>
      </c>
      <c r="AL601" s="13">
        <v>8.9732621747710489E-2</v>
      </c>
      <c r="AM601" s="9">
        <v>-776.30519840000488</v>
      </c>
      <c r="AN601" s="13">
        <v>-2.1482686916356759E-2</v>
      </c>
      <c r="AO601" s="9">
        <v>2199.2930890999996</v>
      </c>
      <c r="AP601" s="13">
        <v>6.6322237012163804E-2</v>
      </c>
      <c r="AQ601" s="9">
        <v>25408.379544700001</v>
      </c>
      <c r="AR601" s="9">
        <v>26292.673335799998</v>
      </c>
      <c r="AS601" s="9">
        <v>27423.472765300001</v>
      </c>
      <c r="AT601" s="9">
        <v>29148.8459229</v>
      </c>
      <c r="AU601" s="9">
        <v>30046.377447800001</v>
      </c>
      <c r="AV601" s="9">
        <v>32460.820472799998</v>
      </c>
      <c r="AW601" s="9">
        <v>33160.719363199998</v>
      </c>
      <c r="AX601" s="9">
        <v>33394.522646700003</v>
      </c>
      <c r="AY601" s="9">
        <v>34962.403040899997</v>
      </c>
      <c r="AZ601" s="9">
        <v>36136.317650700003</v>
      </c>
      <c r="BA601" s="9">
        <v>33772.262446499997</v>
      </c>
      <c r="BB601" s="9">
        <v>33855.119156799999</v>
      </c>
      <c r="BC601" s="9">
        <v>34570.901021600002</v>
      </c>
      <c r="BD601" s="9">
        <v>35520.976562600001</v>
      </c>
      <c r="BE601" s="9">
        <v>36214.054910500003</v>
      </c>
      <c r="BF601" s="9">
        <v>35360.012452299998</v>
      </c>
      <c r="BG601" s="11">
        <v>-4.25</v>
      </c>
      <c r="BH601" s="13">
        <v>-0.10625</v>
      </c>
      <c r="BI601" s="6">
        <v>0</v>
      </c>
      <c r="BJ601" s="13">
        <v>0</v>
      </c>
      <c r="BK601" s="6">
        <v>-2</v>
      </c>
      <c r="BL601" s="13">
        <v>-0.05</v>
      </c>
      <c r="BM601" s="11">
        <v>-2.25</v>
      </c>
      <c r="BN601" s="13">
        <v>-5.921052631578947E-2</v>
      </c>
      <c r="BO601" s="11">
        <v>-4.25</v>
      </c>
      <c r="BP601" s="13">
        <v>-0.10625</v>
      </c>
      <c r="BQ601" s="6">
        <v>40</v>
      </c>
      <c r="BR601" s="6">
        <v>39</v>
      </c>
      <c r="BS601" s="6">
        <v>39</v>
      </c>
      <c r="BT601" s="6">
        <v>40</v>
      </c>
      <c r="BU601" s="6">
        <v>38</v>
      </c>
      <c r="BV601" s="6">
        <v>39</v>
      </c>
      <c r="BW601" s="6">
        <v>38</v>
      </c>
      <c r="BX601" s="6">
        <v>36</v>
      </c>
      <c r="BY601" s="6">
        <v>36</v>
      </c>
      <c r="BZ601" s="6">
        <v>37</v>
      </c>
      <c r="CA601" s="6">
        <v>37</v>
      </c>
      <c r="CB601" s="6">
        <v>37</v>
      </c>
      <c r="CC601" s="11">
        <v>35.75</v>
      </c>
      <c r="CD601" s="11">
        <v>-164.54499999999999</v>
      </c>
      <c r="CE601" s="11">
        <v>-40.550899999999999</v>
      </c>
      <c r="CF601" s="11">
        <v>75.611699999999999</v>
      </c>
      <c r="CG601" s="11">
        <v>35</v>
      </c>
      <c r="CH601" s="20">
        <v>1.29952</v>
      </c>
      <c r="CI601" s="20">
        <v>1.24214</v>
      </c>
      <c r="CJ601" s="20">
        <v>1.20394</v>
      </c>
      <c r="CK601" s="20">
        <v>1.4001699999999999</v>
      </c>
      <c r="CL601" s="20">
        <v>1.5316399999999999</v>
      </c>
      <c r="CM601" s="20">
        <v>1.42849</v>
      </c>
      <c r="CN601" s="20">
        <v>1.52214</v>
      </c>
      <c r="CO601" s="20">
        <v>1.64961</v>
      </c>
      <c r="CP601" s="20">
        <v>1.61337</v>
      </c>
      <c r="CQ601" s="20">
        <v>1.7438199999999999</v>
      </c>
      <c r="CR601" s="20">
        <v>1.6680200000000001</v>
      </c>
      <c r="CS601" s="20">
        <v>1.78162</v>
      </c>
      <c r="CT601" s="20">
        <v>1.81887</v>
      </c>
      <c r="CU601" s="20">
        <v>1.7272099999999999</v>
      </c>
      <c r="CV601" s="20">
        <v>1.71648</v>
      </c>
      <c r="CW601" s="20">
        <v>1.72943</v>
      </c>
      <c r="CX601" s="20">
        <v>1.6781600000000001</v>
      </c>
      <c r="CY601" s="6" t="s">
        <v>483</v>
      </c>
      <c r="CZ601" s="6" t="s">
        <v>484</v>
      </c>
      <c r="DA601" s="6" t="s">
        <v>169</v>
      </c>
      <c r="DB601" s="6" t="s">
        <v>345</v>
      </c>
      <c r="DC601" s="6"/>
      <c r="DD601" s="6"/>
      <c r="DE601" s="6"/>
      <c r="DF601" s="6"/>
      <c r="DG601" s="6"/>
      <c r="DH601" s="6" t="s">
        <v>333</v>
      </c>
      <c r="DI601" s="6"/>
      <c r="DJ601" s="6"/>
      <c r="DK601" s="6"/>
      <c r="DL601" s="6">
        <v>7</v>
      </c>
      <c r="DM601" s="6" t="s">
        <v>485</v>
      </c>
      <c r="DN601" s="6">
        <v>8</v>
      </c>
      <c r="DO601" s="6" t="s">
        <v>486</v>
      </c>
      <c r="DP601" s="6"/>
      <c r="DQ601" s="6"/>
    </row>
    <row r="602" spans="1:121" x14ac:dyDescent="0.2">
      <c r="A602" s="6" t="s">
        <v>1</v>
      </c>
      <c r="B602" s="6" t="s">
        <v>1</v>
      </c>
      <c r="C602" s="6" t="s">
        <v>2</v>
      </c>
      <c r="D602" s="6" t="s">
        <v>148</v>
      </c>
      <c r="E602" s="6" t="s">
        <v>289</v>
      </c>
      <c r="F602" s="11">
        <v>-81</v>
      </c>
      <c r="G602" s="13">
        <v>-0.71052631578900005</v>
      </c>
      <c r="H602" s="11">
        <v>-11.051197062</v>
      </c>
      <c r="I602" s="13">
        <v>-9.7237009637480262E-2</v>
      </c>
      <c r="J602" s="11">
        <v>-32.468443612100003</v>
      </c>
      <c r="K602" s="13">
        <v>-0.31645356732479318</v>
      </c>
      <c r="L602" s="11">
        <v>-37.121221026500002</v>
      </c>
      <c r="M602" s="13">
        <v>-0.52930105131245209</v>
      </c>
      <c r="N602" s="11">
        <v>-69.589664638599999</v>
      </c>
      <c r="O602" s="13">
        <v>-0.67825541276065637</v>
      </c>
      <c r="P602" s="7">
        <v>113.65216909900001</v>
      </c>
      <c r="Q602" s="7">
        <v>124.40719099499999</v>
      </c>
      <c r="R602" s="7">
        <v>140.67885975499999</v>
      </c>
      <c r="S602" s="7">
        <v>77.377257227900003</v>
      </c>
      <c r="T602" s="7">
        <v>71.311131363599998</v>
      </c>
      <c r="U602" s="7">
        <v>103.67266080500001</v>
      </c>
      <c r="V602" s="7">
        <v>102.60097203700001</v>
      </c>
      <c r="W602" s="7">
        <v>30.143228403799998</v>
      </c>
      <c r="X602" s="7">
        <v>48.453636615100002</v>
      </c>
      <c r="Y602" s="7">
        <v>70.132528424900002</v>
      </c>
      <c r="Z602" s="7">
        <v>31.8010917183</v>
      </c>
      <c r="AA602" s="7">
        <v>33.870568435700001</v>
      </c>
      <c r="AB602" s="7">
        <v>30.614392497299999</v>
      </c>
      <c r="AC602" s="7">
        <v>31.673849408700001</v>
      </c>
      <c r="AD602" s="7">
        <v>34.762267107299998</v>
      </c>
      <c r="AE602" s="7">
        <v>32.499781897799998</v>
      </c>
      <c r="AF602" s="7">
        <v>33.0113073984</v>
      </c>
      <c r="AG602" s="9">
        <v>3647.3831278999987</v>
      </c>
      <c r="AH602" s="13">
        <v>0.22876490344906916</v>
      </c>
      <c r="AI602" s="9">
        <v>2793.9422273</v>
      </c>
      <c r="AJ602" s="13">
        <v>0.17523684829856614</v>
      </c>
      <c r="AK602" s="9">
        <v>1947.0528195999977</v>
      </c>
      <c r="AL602" s="13">
        <v>0.10391071792570072</v>
      </c>
      <c r="AM602" s="9">
        <v>-1093.611918999999</v>
      </c>
      <c r="AN602" s="13">
        <v>-5.2870314898094448E-2</v>
      </c>
      <c r="AO602" s="9">
        <v>853.44090059999871</v>
      </c>
      <c r="AP602" s="13">
        <v>4.5546610649587413E-2</v>
      </c>
      <c r="AQ602" s="9">
        <v>15943.805509100001</v>
      </c>
      <c r="AR602" s="9">
        <v>17605.991604899998</v>
      </c>
      <c r="AS602" s="9">
        <v>17284.661963400002</v>
      </c>
      <c r="AT602" s="9">
        <v>16170.081860300001</v>
      </c>
      <c r="AU602" s="9">
        <v>16806.316359299999</v>
      </c>
      <c r="AV602" s="9">
        <v>20256.117193400001</v>
      </c>
      <c r="AW602" s="9">
        <v>18737.747736400001</v>
      </c>
      <c r="AX602" s="9">
        <v>16963.211107399999</v>
      </c>
      <c r="AY602" s="9">
        <v>19486.493832600001</v>
      </c>
      <c r="AZ602" s="9">
        <v>20684.800555999998</v>
      </c>
      <c r="BA602" s="9">
        <v>19130.994196200001</v>
      </c>
      <c r="BB602" s="9">
        <v>17637.3868802</v>
      </c>
      <c r="BC602" s="9">
        <v>18011.194114900001</v>
      </c>
      <c r="BD602" s="9">
        <v>17946.255673299998</v>
      </c>
      <c r="BE602" s="9">
        <v>20383.336841799999</v>
      </c>
      <c r="BF602" s="9">
        <v>19591.188636999999</v>
      </c>
      <c r="BG602" s="11">
        <v>-4</v>
      </c>
      <c r="BH602" s="13">
        <v>-1</v>
      </c>
      <c r="BI602" s="6">
        <v>-1</v>
      </c>
      <c r="BJ602" s="13">
        <v>-0.25</v>
      </c>
      <c r="BK602" s="6">
        <v>-2</v>
      </c>
      <c r="BL602" s="13">
        <v>-0.66666666666666663</v>
      </c>
      <c r="BM602" s="11">
        <v>-1</v>
      </c>
      <c r="BN602" s="13">
        <v>-1</v>
      </c>
      <c r="BO602" s="11">
        <v>-3</v>
      </c>
      <c r="BP602" s="13">
        <v>-1</v>
      </c>
      <c r="BQ602" s="6">
        <v>4</v>
      </c>
      <c r="BR602" s="6">
        <v>3</v>
      </c>
      <c r="BS602" s="6">
        <v>3</v>
      </c>
      <c r="BT602" s="6">
        <v>3</v>
      </c>
      <c r="BU602" s="6">
        <v>1</v>
      </c>
      <c r="BV602" s="6">
        <v>1</v>
      </c>
      <c r="BW602" s="6">
        <v>1</v>
      </c>
      <c r="BX602" s="6">
        <v>0</v>
      </c>
      <c r="BY602" s="6">
        <v>0</v>
      </c>
      <c r="BZ602" s="6">
        <v>0</v>
      </c>
      <c r="CA602" s="6">
        <v>0</v>
      </c>
      <c r="CB602" s="6">
        <v>0</v>
      </c>
      <c r="CC602" s="11">
        <v>0</v>
      </c>
      <c r="CD602" s="11">
        <v>-82.702299999999994</v>
      </c>
      <c r="CE602" s="11">
        <v>-10.3621</v>
      </c>
      <c r="CF602" s="11">
        <v>12.4236</v>
      </c>
      <c r="CG602" s="11">
        <v>2</v>
      </c>
      <c r="CH602" s="20">
        <v>2.5512600000000001</v>
      </c>
      <c r="CI602" s="20">
        <v>2.4669599999999998</v>
      </c>
      <c r="CJ602" s="20">
        <v>2.70567</v>
      </c>
      <c r="CK602" s="20">
        <v>1.4753799999999999</v>
      </c>
      <c r="CL602" s="20">
        <v>1.32107</v>
      </c>
      <c r="CM602" s="20">
        <v>1.9220900000000001</v>
      </c>
      <c r="CN602" s="20">
        <v>1.95549</v>
      </c>
      <c r="CO602" s="20">
        <v>0.63732999999999995</v>
      </c>
      <c r="CP602" s="20">
        <v>1.1167</v>
      </c>
      <c r="CQ602" s="20">
        <v>1.7541899999999999</v>
      </c>
      <c r="CR602" s="20">
        <v>0.81199500000000002</v>
      </c>
      <c r="CS602" s="20">
        <v>0.84440000000000004</v>
      </c>
      <c r="CT602" s="20">
        <v>0.77502300000000002</v>
      </c>
      <c r="CU602" s="20">
        <v>0.79620000000000002</v>
      </c>
      <c r="CV602" s="20">
        <v>0.87748099999999996</v>
      </c>
      <c r="CW602" s="20">
        <v>0.826233</v>
      </c>
      <c r="CX602" s="20">
        <v>0.83787900000000004</v>
      </c>
      <c r="CY602" s="6" t="s">
        <v>487</v>
      </c>
      <c r="CZ602" s="6" t="s">
        <v>488</v>
      </c>
      <c r="DA602" s="6" t="s">
        <v>148</v>
      </c>
      <c r="DB602" s="6" t="s">
        <v>345</v>
      </c>
      <c r="DC602" s="6">
        <v>44180</v>
      </c>
      <c r="DD602" s="6">
        <v>520</v>
      </c>
      <c r="DE602" s="6" t="s">
        <v>460</v>
      </c>
      <c r="DF602" s="6" t="s">
        <v>375</v>
      </c>
      <c r="DG602" s="6" t="s">
        <v>376</v>
      </c>
      <c r="DH602" s="6" t="s">
        <v>328</v>
      </c>
      <c r="DI602" s="6" t="s">
        <v>461</v>
      </c>
      <c r="DJ602" s="6">
        <v>29</v>
      </c>
      <c r="DK602" s="6">
        <v>59</v>
      </c>
      <c r="DL602" s="6">
        <v>2</v>
      </c>
      <c r="DM602" s="6" t="s">
        <v>379</v>
      </c>
      <c r="DN602" s="6">
        <v>2</v>
      </c>
      <c r="DO602" s="6" t="s">
        <v>463</v>
      </c>
      <c r="DP602" s="6"/>
      <c r="DQ602" s="6"/>
    </row>
    <row r="603" spans="1:121" x14ac:dyDescent="0.2">
      <c r="A603" s="6" t="s">
        <v>310</v>
      </c>
      <c r="B603" s="6" t="s">
        <v>310</v>
      </c>
      <c r="C603" s="6" t="s">
        <v>173</v>
      </c>
      <c r="D603" s="6" t="s">
        <v>148</v>
      </c>
      <c r="E603" s="6" t="s">
        <v>289</v>
      </c>
      <c r="F603" s="11">
        <v>1</v>
      </c>
      <c r="G603" s="13">
        <v>1</v>
      </c>
      <c r="H603" s="11">
        <v>-8.4124850662000004</v>
      </c>
      <c r="I603" s="13">
        <v>-0.62721300524686507</v>
      </c>
      <c r="J603" s="11">
        <v>0</v>
      </c>
      <c r="K603" s="13">
        <v>0</v>
      </c>
      <c r="L603" s="11">
        <v>0</v>
      </c>
      <c r="M603" s="13">
        <v>0</v>
      </c>
      <c r="N603" s="11">
        <v>0</v>
      </c>
      <c r="O603" s="13">
        <v>0</v>
      </c>
      <c r="P603" s="7">
        <v>13.4124850662</v>
      </c>
      <c r="Q603" s="7">
        <v>11.210974999999999</v>
      </c>
      <c r="R603" s="7">
        <v>5</v>
      </c>
      <c r="S603" s="7">
        <v>15.425321247899999</v>
      </c>
      <c r="T603" s="7">
        <v>11.6992758116</v>
      </c>
      <c r="U603" s="7">
        <v>5</v>
      </c>
      <c r="V603" s="7">
        <v>5</v>
      </c>
      <c r="W603" s="7">
        <v>5</v>
      </c>
      <c r="X603" s="7">
        <v>5</v>
      </c>
      <c r="Y603" s="7">
        <v>5</v>
      </c>
      <c r="Z603" s="7">
        <v>5</v>
      </c>
      <c r="AA603" s="7">
        <v>5</v>
      </c>
      <c r="AB603" s="7">
        <v>5</v>
      </c>
      <c r="AC603" s="7">
        <v>5</v>
      </c>
      <c r="AD603" s="7">
        <v>5</v>
      </c>
      <c r="AE603" s="7">
        <v>5</v>
      </c>
      <c r="AF603" s="7">
        <v>5</v>
      </c>
      <c r="AG603" s="9">
        <v>-44690.4254344</v>
      </c>
      <c r="AH603" s="13">
        <v>-0.99997762434314241</v>
      </c>
      <c r="AI603" s="9">
        <v>-44690.4254344</v>
      </c>
      <c r="AJ603" s="13">
        <v>-0.99997762434314241</v>
      </c>
      <c r="AK603" s="9">
        <v>0</v>
      </c>
      <c r="AL603" s="13">
        <v>0</v>
      </c>
      <c r="AM603" s="9">
        <v>0</v>
      </c>
      <c r="AN603" s="13">
        <v>0</v>
      </c>
      <c r="AO603" s="9">
        <v>0</v>
      </c>
      <c r="AP603" s="13">
        <v>0</v>
      </c>
      <c r="AQ603" s="9">
        <v>44691.4254344</v>
      </c>
      <c r="AR603" s="9">
        <v>33878.501855399998</v>
      </c>
      <c r="AS603" s="9">
        <v>1</v>
      </c>
      <c r="AT603" s="9">
        <v>37692.877716700001</v>
      </c>
      <c r="AU603" s="9">
        <v>42790.9691914</v>
      </c>
      <c r="AV603" s="9">
        <v>1</v>
      </c>
      <c r="AW603" s="9">
        <v>1</v>
      </c>
      <c r="AX603" s="9">
        <v>1</v>
      </c>
      <c r="AY603" s="9">
        <v>1</v>
      </c>
      <c r="AZ603" s="9">
        <v>1</v>
      </c>
      <c r="BA603" s="9">
        <v>1</v>
      </c>
      <c r="BB603" s="9">
        <v>1</v>
      </c>
      <c r="BC603" s="9">
        <v>1</v>
      </c>
      <c r="BD603" s="9">
        <v>1</v>
      </c>
      <c r="BE603" s="9">
        <v>1</v>
      </c>
      <c r="BF603" s="9">
        <v>1</v>
      </c>
      <c r="BG603" s="11">
        <v>2</v>
      </c>
      <c r="BH603" s="13">
        <v>2</v>
      </c>
      <c r="BI603" s="6">
        <v>0</v>
      </c>
      <c r="BJ603" s="13">
        <v>0</v>
      </c>
      <c r="BK603" s="6">
        <v>0</v>
      </c>
      <c r="BL603" s="13">
        <v>0</v>
      </c>
      <c r="BM603" s="11">
        <v>2</v>
      </c>
      <c r="BN603" s="13">
        <v>2</v>
      </c>
      <c r="BO603" s="11">
        <v>2</v>
      </c>
      <c r="BP603" s="13">
        <v>2</v>
      </c>
      <c r="BQ603" s="6">
        <v>1</v>
      </c>
      <c r="BR603" s="6">
        <v>1</v>
      </c>
      <c r="BS603" s="6">
        <v>1</v>
      </c>
      <c r="BT603" s="6">
        <v>1</v>
      </c>
      <c r="BU603" s="6">
        <v>1</v>
      </c>
      <c r="BV603" s="6">
        <v>1</v>
      </c>
      <c r="BW603" s="6">
        <v>1</v>
      </c>
      <c r="BX603" s="6">
        <v>1</v>
      </c>
      <c r="BY603" s="6">
        <v>2</v>
      </c>
      <c r="BZ603" s="6">
        <v>3</v>
      </c>
      <c r="CA603" s="6">
        <v>3</v>
      </c>
      <c r="CB603" s="6">
        <v>3</v>
      </c>
      <c r="CC603" s="11">
        <v>3</v>
      </c>
      <c r="CD603" s="11">
        <v>-6.98238</v>
      </c>
      <c r="CE603" s="11">
        <v>1.3915200000000001</v>
      </c>
      <c r="CF603" s="11">
        <v>1.4661500000000001</v>
      </c>
      <c r="CG603" s="11">
        <v>2</v>
      </c>
      <c r="CH603" s="20">
        <v>1.0611900000000001</v>
      </c>
      <c r="CI603" s="20">
        <v>0.81848299999999996</v>
      </c>
      <c r="CJ603" s="20">
        <v>0.59807999999999995</v>
      </c>
      <c r="CK603" s="20">
        <v>1.06264</v>
      </c>
      <c r="CL603" s="20">
        <v>0.730572</v>
      </c>
      <c r="CM603" s="20">
        <v>0.507548</v>
      </c>
      <c r="CN603" s="20">
        <v>0.431782</v>
      </c>
      <c r="CO603" s="20">
        <v>0.24065300000000001</v>
      </c>
      <c r="CP603" s="20">
        <v>5.5029599999999998E-2</v>
      </c>
      <c r="CQ603" s="20">
        <v>0.12681100000000001</v>
      </c>
      <c r="CR603" s="20">
        <v>0.358512</v>
      </c>
      <c r="CS603" s="20">
        <v>0.37486700000000001</v>
      </c>
      <c r="CT603" s="20">
        <v>0.333042</v>
      </c>
      <c r="CU603" s="20">
        <v>0.346221</v>
      </c>
      <c r="CV603" s="20">
        <v>0.35947899999999999</v>
      </c>
      <c r="CW603" s="20">
        <v>0.68899500000000002</v>
      </c>
      <c r="CX603" s="20">
        <v>0.69736699999999996</v>
      </c>
      <c r="CY603" s="6" t="s">
        <v>487</v>
      </c>
      <c r="CZ603" s="6" t="s">
        <v>488</v>
      </c>
      <c r="DA603" s="6" t="s">
        <v>148</v>
      </c>
      <c r="DB603" s="6" t="s">
        <v>345</v>
      </c>
      <c r="DC603" s="6">
        <v>44180</v>
      </c>
      <c r="DD603" s="6">
        <v>520</v>
      </c>
      <c r="DE603" s="6" t="s">
        <v>460</v>
      </c>
      <c r="DF603" s="6" t="s">
        <v>375</v>
      </c>
      <c r="DG603" s="6" t="s">
        <v>376</v>
      </c>
      <c r="DH603" s="6" t="s">
        <v>328</v>
      </c>
      <c r="DI603" s="6" t="s">
        <v>461</v>
      </c>
      <c r="DJ603" s="6">
        <v>29</v>
      </c>
      <c r="DK603" s="6">
        <v>59</v>
      </c>
      <c r="DL603" s="6">
        <v>2</v>
      </c>
      <c r="DM603" s="6" t="s">
        <v>379</v>
      </c>
      <c r="DN603" s="6">
        <v>2</v>
      </c>
      <c r="DO603" s="6" t="s">
        <v>463</v>
      </c>
      <c r="DP603" s="6"/>
      <c r="DQ603" s="6"/>
    </row>
    <row r="604" spans="1:121" x14ac:dyDescent="0.2">
      <c r="A604" s="6" t="s">
        <v>311</v>
      </c>
      <c r="B604" s="6" t="s">
        <v>311</v>
      </c>
      <c r="C604" s="6" t="s">
        <v>174</v>
      </c>
      <c r="D604" s="6" t="s">
        <v>148</v>
      </c>
      <c r="E604" s="6" t="s">
        <v>289</v>
      </c>
      <c r="F604" s="11">
        <v>1</v>
      </c>
      <c r="G604" s="13">
        <v>1</v>
      </c>
      <c r="H604" s="11">
        <v>0</v>
      </c>
      <c r="I604" s="13">
        <v>0</v>
      </c>
      <c r="J604" s="11">
        <v>0</v>
      </c>
      <c r="K604" s="13">
        <v>0</v>
      </c>
      <c r="L604" s="11">
        <v>0</v>
      </c>
      <c r="M604" s="13">
        <v>0</v>
      </c>
      <c r="N604" s="11">
        <v>0</v>
      </c>
      <c r="O604" s="13">
        <v>0</v>
      </c>
      <c r="P604" s="7">
        <v>5</v>
      </c>
      <c r="Q604" s="7">
        <v>5</v>
      </c>
      <c r="R604" s="7">
        <v>5</v>
      </c>
      <c r="S604" s="7">
        <v>5</v>
      </c>
      <c r="T604" s="7">
        <v>5</v>
      </c>
      <c r="U604" s="7">
        <v>5</v>
      </c>
      <c r="V604" s="7">
        <v>5</v>
      </c>
      <c r="W604" s="7">
        <v>5</v>
      </c>
      <c r="X604" s="7">
        <v>5</v>
      </c>
      <c r="Y604" s="7">
        <v>5</v>
      </c>
      <c r="Z604" s="7">
        <v>5</v>
      </c>
      <c r="AA604" s="7">
        <v>5</v>
      </c>
      <c r="AB604" s="7">
        <v>5</v>
      </c>
      <c r="AC604" s="7">
        <v>5</v>
      </c>
      <c r="AD604" s="7">
        <v>5</v>
      </c>
      <c r="AE604" s="7">
        <v>5</v>
      </c>
      <c r="AF604" s="7">
        <v>5</v>
      </c>
      <c r="AG604" s="9">
        <v>0</v>
      </c>
      <c r="AH604" s="13">
        <v>0</v>
      </c>
      <c r="AI604" s="9">
        <v>0</v>
      </c>
      <c r="AJ604" s="13">
        <v>0</v>
      </c>
      <c r="AK604" s="9">
        <v>0</v>
      </c>
      <c r="AL604" s="13">
        <v>0</v>
      </c>
      <c r="AM604" s="9">
        <v>0</v>
      </c>
      <c r="AN604" s="13">
        <v>0</v>
      </c>
      <c r="AO604" s="9">
        <v>0</v>
      </c>
      <c r="AP604" s="13">
        <v>0</v>
      </c>
      <c r="AQ604" s="9">
        <v>1</v>
      </c>
      <c r="AR604" s="9">
        <v>1</v>
      </c>
      <c r="AS604" s="9">
        <v>1</v>
      </c>
      <c r="AT604" s="9">
        <v>1</v>
      </c>
      <c r="AU604" s="9">
        <v>1</v>
      </c>
      <c r="AV604" s="9">
        <v>1</v>
      </c>
      <c r="AW604" s="9">
        <v>1</v>
      </c>
      <c r="AX604" s="9">
        <v>1</v>
      </c>
      <c r="AY604" s="9">
        <v>1</v>
      </c>
      <c r="AZ604" s="9">
        <v>1</v>
      </c>
      <c r="BA604" s="9">
        <v>1</v>
      </c>
      <c r="BB604" s="9">
        <v>1</v>
      </c>
      <c r="BC604" s="9">
        <v>1</v>
      </c>
      <c r="BD604" s="9">
        <v>1</v>
      </c>
      <c r="BE604" s="9">
        <v>1</v>
      </c>
      <c r="BF604" s="9">
        <v>1</v>
      </c>
      <c r="BG604" s="11">
        <v>-0.5</v>
      </c>
      <c r="BH604" s="13">
        <v>-0.5</v>
      </c>
      <c r="BI604" s="6">
        <v>0</v>
      </c>
      <c r="BJ604" s="13">
        <v>0</v>
      </c>
      <c r="BK604" s="6">
        <v>0</v>
      </c>
      <c r="BL604" s="13">
        <v>0</v>
      </c>
      <c r="BM604" s="11">
        <v>-0.5</v>
      </c>
      <c r="BN604" s="13">
        <v>-0.5</v>
      </c>
      <c r="BO604" s="11">
        <v>-0.5</v>
      </c>
      <c r="BP604" s="13">
        <v>-0.5</v>
      </c>
      <c r="BQ604" s="6">
        <v>1</v>
      </c>
      <c r="BR604" s="6">
        <v>1</v>
      </c>
      <c r="BS604" s="6">
        <v>1</v>
      </c>
      <c r="BT604" s="6">
        <v>1</v>
      </c>
      <c r="BU604" s="6">
        <v>1</v>
      </c>
      <c r="BV604" s="6">
        <v>1</v>
      </c>
      <c r="BW604" s="6">
        <v>1</v>
      </c>
      <c r="BX604" s="6">
        <v>1</v>
      </c>
      <c r="BY604" s="6">
        <v>1</v>
      </c>
      <c r="BZ604" s="6">
        <v>1</v>
      </c>
      <c r="CA604" s="6">
        <v>1</v>
      </c>
      <c r="CB604" s="6">
        <v>0</v>
      </c>
      <c r="CC604" s="11">
        <v>0.5</v>
      </c>
      <c r="CD604" s="11">
        <v>-7.8974799999999998</v>
      </c>
      <c r="CE604" s="11">
        <v>-1.4282999999999999</v>
      </c>
      <c r="CF604" s="11">
        <v>0.95877100000000004</v>
      </c>
      <c r="CG604" s="11">
        <v>0</v>
      </c>
      <c r="CH604" s="20">
        <v>0.63337399999999999</v>
      </c>
      <c r="CI604" s="20">
        <v>0.32312000000000002</v>
      </c>
      <c r="CJ604" s="20">
        <v>7.34123E-2</v>
      </c>
      <c r="CK604" s="20">
        <v>0.207626</v>
      </c>
      <c r="CL604" s="20">
        <v>6.1043699999999999E-2</v>
      </c>
      <c r="CM604" s="20">
        <v>0.33313199999999998</v>
      </c>
      <c r="CN604" s="20">
        <v>0.21299299999999999</v>
      </c>
      <c r="CO604" s="20">
        <v>0.181451</v>
      </c>
      <c r="CP604" s="20">
        <v>0.21559600000000001</v>
      </c>
      <c r="CQ604" s="20">
        <v>0.231045</v>
      </c>
      <c r="CR604" s="20">
        <v>0.28666999999999998</v>
      </c>
      <c r="CS604" s="20">
        <v>7.7083799999999994E-2</v>
      </c>
      <c r="CT604" s="20">
        <v>3.8073599999999999E-2</v>
      </c>
      <c r="CU604" s="20">
        <v>7.1811200000000006E-2</v>
      </c>
      <c r="CV604" s="20">
        <v>4.5667600000000003E-2</v>
      </c>
      <c r="CW604" s="20">
        <v>3.3524600000000002E-2</v>
      </c>
      <c r="CX604" s="20">
        <v>3.5480200000000003E-2</v>
      </c>
      <c r="CY604" s="6" t="s">
        <v>487</v>
      </c>
      <c r="CZ604" s="6" t="s">
        <v>488</v>
      </c>
      <c r="DA604" s="6" t="s">
        <v>148</v>
      </c>
      <c r="DB604" s="6" t="s">
        <v>345</v>
      </c>
      <c r="DC604" s="6">
        <v>44180</v>
      </c>
      <c r="DD604" s="6">
        <v>520</v>
      </c>
      <c r="DE604" s="6" t="s">
        <v>460</v>
      </c>
      <c r="DF604" s="6" t="s">
        <v>375</v>
      </c>
      <c r="DG604" s="6" t="s">
        <v>376</v>
      </c>
      <c r="DH604" s="6" t="s">
        <v>328</v>
      </c>
      <c r="DI604" s="6" t="s">
        <v>461</v>
      </c>
      <c r="DJ604" s="6">
        <v>29</v>
      </c>
      <c r="DK604" s="6">
        <v>59</v>
      </c>
      <c r="DL604" s="6">
        <v>2</v>
      </c>
      <c r="DM604" s="6" t="s">
        <v>379</v>
      </c>
      <c r="DN604" s="6">
        <v>2</v>
      </c>
      <c r="DO604" s="6" t="s">
        <v>463</v>
      </c>
      <c r="DP604" s="6"/>
      <c r="DQ604" s="6"/>
    </row>
    <row r="605" spans="1:121" x14ac:dyDescent="0.2">
      <c r="A605" s="6" t="s">
        <v>312</v>
      </c>
      <c r="B605" s="6" t="s">
        <v>312</v>
      </c>
      <c r="C605" s="6" t="s">
        <v>175</v>
      </c>
      <c r="D605" s="6" t="s">
        <v>148</v>
      </c>
      <c r="E605" s="6" t="s">
        <v>289</v>
      </c>
      <c r="F605" s="11">
        <v>-14</v>
      </c>
      <c r="G605" s="13">
        <v>-4.9822064056899998E-2</v>
      </c>
      <c r="H605" s="11">
        <v>110.574194283</v>
      </c>
      <c r="I605" s="13">
        <v>0.39319736166853542</v>
      </c>
      <c r="J605" s="11">
        <v>-80.274064984999995</v>
      </c>
      <c r="K605" s="13">
        <v>-0.20488936851958545</v>
      </c>
      <c r="L605" s="11">
        <v>-44.596880333999991</v>
      </c>
      <c r="M605" s="13">
        <v>-0.14315980149126453</v>
      </c>
      <c r="N605" s="11">
        <v>-124.87094531899999</v>
      </c>
      <c r="O605" s="13">
        <v>-0.31871724868591561</v>
      </c>
      <c r="P605" s="7">
        <v>281.21804737899998</v>
      </c>
      <c r="Q605" s="7">
        <v>367.93271276899998</v>
      </c>
      <c r="R605" s="7">
        <v>382.52826858700001</v>
      </c>
      <c r="S605" s="7">
        <v>407.47914053800002</v>
      </c>
      <c r="T605" s="7">
        <v>433.76272812600001</v>
      </c>
      <c r="U605" s="7">
        <v>422.48767921500001</v>
      </c>
      <c r="V605" s="7">
        <v>391.79224166199998</v>
      </c>
      <c r="W605" s="7">
        <v>361.69082068300003</v>
      </c>
      <c r="X605" s="7">
        <v>325.807300172</v>
      </c>
      <c r="Y605" s="7">
        <v>311.51817667699999</v>
      </c>
      <c r="Z605" s="7">
        <v>286.30370268000001</v>
      </c>
      <c r="AA605" s="7">
        <v>264.20173185800002</v>
      </c>
      <c r="AB605" s="7">
        <v>258.63133462000002</v>
      </c>
      <c r="AC605" s="7">
        <v>258.61252357199999</v>
      </c>
      <c r="AD605" s="7">
        <v>259.15987726999998</v>
      </c>
      <c r="AE605" s="7">
        <v>267.71523759399997</v>
      </c>
      <c r="AF605" s="7">
        <v>266.92129634299999</v>
      </c>
      <c r="AG605" s="9">
        <v>-2689.0362185000013</v>
      </c>
      <c r="AH605" s="13">
        <v>-0.10169325151740122</v>
      </c>
      <c r="AI605" s="9">
        <v>177.92312459999812</v>
      </c>
      <c r="AJ605" s="13">
        <v>6.7286490736827966E-3</v>
      </c>
      <c r="AK605" s="9">
        <v>1164.0101046999989</v>
      </c>
      <c r="AL605" s="13">
        <v>4.372600544135781E-2</v>
      </c>
      <c r="AM605" s="9">
        <v>-4030.9694477999983</v>
      </c>
      <c r="AN605" s="13">
        <v>-0.14507950198079428</v>
      </c>
      <c r="AO605" s="9">
        <v>-2866.9593430999994</v>
      </c>
      <c r="AP605" s="13">
        <v>-0.10769724363247817</v>
      </c>
      <c r="AQ605" s="9">
        <v>26442.622085300001</v>
      </c>
      <c r="AR605" s="9">
        <v>26916.682378000001</v>
      </c>
      <c r="AS605" s="9">
        <v>28113.8532801</v>
      </c>
      <c r="AT605" s="9">
        <v>27466.687523500001</v>
      </c>
      <c r="AU605" s="9">
        <v>28241.744685400001</v>
      </c>
      <c r="AV605" s="9">
        <v>30762.306135999999</v>
      </c>
      <c r="AW605" s="9">
        <v>26620.545209899999</v>
      </c>
      <c r="AX605" s="9">
        <v>27544.400210700001</v>
      </c>
      <c r="AY605" s="9">
        <v>26825.7763748</v>
      </c>
      <c r="AZ605" s="9">
        <v>27784.555314599998</v>
      </c>
      <c r="BA605" s="9">
        <v>26222.237530800001</v>
      </c>
      <c r="BB605" s="9">
        <v>23336.360227100002</v>
      </c>
      <c r="BC605" s="9">
        <v>24967.406410200001</v>
      </c>
      <c r="BD605" s="9">
        <v>22846.168086900001</v>
      </c>
      <c r="BE605" s="9">
        <v>23566.862684700001</v>
      </c>
      <c r="BF605" s="9">
        <v>23753.5858668</v>
      </c>
      <c r="BG605" s="11">
        <v>-11.5</v>
      </c>
      <c r="BH605" s="13">
        <v>-0.38333333333333336</v>
      </c>
      <c r="BI605" s="6">
        <v>11</v>
      </c>
      <c r="BJ605" s="13">
        <v>0.36666666666666664</v>
      </c>
      <c r="BK605" s="6">
        <v>-21</v>
      </c>
      <c r="BL605" s="13">
        <v>-0.51219512195121952</v>
      </c>
      <c r="BM605" s="11">
        <v>-1.5</v>
      </c>
      <c r="BN605" s="13">
        <v>-7.4999999999999997E-2</v>
      </c>
      <c r="BO605" s="11">
        <v>-22.5</v>
      </c>
      <c r="BP605" s="13">
        <v>-0.54878048780487809</v>
      </c>
      <c r="BQ605" s="6">
        <v>30</v>
      </c>
      <c r="BR605" s="6">
        <v>29</v>
      </c>
      <c r="BS605" s="6">
        <v>35</v>
      </c>
      <c r="BT605" s="6">
        <v>41</v>
      </c>
      <c r="BU605" s="6">
        <v>36</v>
      </c>
      <c r="BV605" s="6">
        <v>27</v>
      </c>
      <c r="BW605" s="6">
        <v>20</v>
      </c>
      <c r="BX605" s="6">
        <v>19</v>
      </c>
      <c r="BY605" s="6">
        <v>21</v>
      </c>
      <c r="BZ605" s="6">
        <v>18</v>
      </c>
      <c r="CA605" s="6">
        <v>19</v>
      </c>
      <c r="CB605" s="6">
        <v>19</v>
      </c>
      <c r="CC605" s="11">
        <v>18.5</v>
      </c>
      <c r="CD605" s="11">
        <v>-10.974600000000001</v>
      </c>
      <c r="CE605" s="11">
        <v>-34.0627</v>
      </c>
      <c r="CF605" s="11">
        <v>30.740500000000001</v>
      </c>
      <c r="CG605" s="11">
        <v>-3</v>
      </c>
      <c r="CH605" s="20">
        <v>1.4000999999999999</v>
      </c>
      <c r="CI605" s="20">
        <v>1.6123400000000001</v>
      </c>
      <c r="CJ605" s="20">
        <v>1.60433</v>
      </c>
      <c r="CK605" s="20">
        <v>1.6317600000000001</v>
      </c>
      <c r="CL605" s="20">
        <v>1.6216600000000001</v>
      </c>
      <c r="CM605" s="20">
        <v>1.51335</v>
      </c>
      <c r="CN605" s="20">
        <v>1.44242</v>
      </c>
      <c r="CO605" s="20">
        <v>1.5182800000000001</v>
      </c>
      <c r="CP605" s="20">
        <v>1.6959599999999999</v>
      </c>
      <c r="CQ605" s="20">
        <v>1.9025700000000001</v>
      </c>
      <c r="CR605" s="20">
        <v>1.8192699999999999</v>
      </c>
      <c r="CS605" s="20">
        <v>1.64506</v>
      </c>
      <c r="CT605" s="20">
        <v>1.61544</v>
      </c>
      <c r="CU605" s="20">
        <v>1.56691</v>
      </c>
      <c r="CV605" s="20">
        <v>1.5353699999999999</v>
      </c>
      <c r="CW605" s="20">
        <v>1.5624499999999999</v>
      </c>
      <c r="CX605" s="20">
        <v>1.54813</v>
      </c>
      <c r="CY605" s="6" t="s">
        <v>487</v>
      </c>
      <c r="CZ605" s="6" t="s">
        <v>488</v>
      </c>
      <c r="DA605" s="6" t="s">
        <v>148</v>
      </c>
      <c r="DB605" s="6" t="s">
        <v>345</v>
      </c>
      <c r="DC605" s="6">
        <v>44180</v>
      </c>
      <c r="DD605" s="6">
        <v>520</v>
      </c>
      <c r="DE605" s="6" t="s">
        <v>460</v>
      </c>
      <c r="DF605" s="6" t="s">
        <v>375</v>
      </c>
      <c r="DG605" s="6" t="s">
        <v>376</v>
      </c>
      <c r="DH605" s="6" t="s">
        <v>328</v>
      </c>
      <c r="DI605" s="6" t="s">
        <v>461</v>
      </c>
      <c r="DJ605" s="6">
        <v>29</v>
      </c>
      <c r="DK605" s="6">
        <v>59</v>
      </c>
      <c r="DL605" s="6">
        <v>2</v>
      </c>
      <c r="DM605" s="6" t="s">
        <v>379</v>
      </c>
      <c r="DN605" s="6">
        <v>2</v>
      </c>
      <c r="DO605" s="6" t="s">
        <v>463</v>
      </c>
      <c r="DP605" s="6"/>
      <c r="DQ605" s="6"/>
    </row>
    <row r="606" spans="1:121" x14ac:dyDescent="0.2">
      <c r="A606" s="6" t="s">
        <v>792</v>
      </c>
      <c r="B606" s="6" t="s">
        <v>176</v>
      </c>
      <c r="C606" s="6" t="s">
        <v>177</v>
      </c>
      <c r="D606" s="6" t="s">
        <v>148</v>
      </c>
      <c r="E606" s="6" t="s">
        <v>289</v>
      </c>
      <c r="F606" s="11">
        <v>-51</v>
      </c>
      <c r="G606" s="13">
        <v>-0.215189873418</v>
      </c>
      <c r="H606" s="11">
        <v>402.67834997099999</v>
      </c>
      <c r="I606" s="13">
        <v>1.6988858788115913</v>
      </c>
      <c r="J606" s="11">
        <v>-482.184996953</v>
      </c>
      <c r="K606" s="13">
        <v>-0.75376349123779141</v>
      </c>
      <c r="L606" s="11">
        <v>28.224809072999989</v>
      </c>
      <c r="M606" s="13">
        <v>0.17918430767281138</v>
      </c>
      <c r="N606" s="11">
        <v>-453.96018788000003</v>
      </c>
      <c r="O606" s="13">
        <v>-0.70964177289146502</v>
      </c>
      <c r="P606" s="7">
        <v>237.024955586</v>
      </c>
      <c r="Q606" s="7">
        <v>475.91954208099997</v>
      </c>
      <c r="R606" s="7">
        <v>581.369521996</v>
      </c>
      <c r="S606" s="7">
        <v>576.73522159100003</v>
      </c>
      <c r="T606" s="7">
        <v>618.92977320499995</v>
      </c>
      <c r="U606" s="7">
        <v>628.80693085600001</v>
      </c>
      <c r="V606" s="7">
        <v>639.70330555700002</v>
      </c>
      <c r="W606" s="7">
        <v>538.61420638100003</v>
      </c>
      <c r="X606" s="7">
        <v>218.55873600199999</v>
      </c>
      <c r="Y606" s="7">
        <v>157.518308604</v>
      </c>
      <c r="Z606" s="7">
        <v>167.888097751</v>
      </c>
      <c r="AA606" s="7">
        <v>174.14769124099999</v>
      </c>
      <c r="AB606" s="7">
        <v>165.112164699</v>
      </c>
      <c r="AC606" s="7">
        <v>190.380123333</v>
      </c>
      <c r="AD606" s="7">
        <v>184.33898788299999</v>
      </c>
      <c r="AE606" s="7">
        <v>175.322289676</v>
      </c>
      <c r="AF606" s="7">
        <v>185.74311767699999</v>
      </c>
      <c r="AG606" s="9">
        <v>18637.511933900001</v>
      </c>
      <c r="AH606" s="13">
        <v>0.90668566143566898</v>
      </c>
      <c r="AI606" s="9">
        <v>3708.9641449999981</v>
      </c>
      <c r="AJ606" s="13">
        <v>0.18043527596265399</v>
      </c>
      <c r="AK606" s="9">
        <v>3768.6829418999987</v>
      </c>
      <c r="AL606" s="13">
        <v>0.15531601376217455</v>
      </c>
      <c r="AM606" s="9">
        <v>11159.864847000004</v>
      </c>
      <c r="AN606" s="13">
        <v>0.39809321506630801</v>
      </c>
      <c r="AO606" s="9">
        <v>14928.547788900003</v>
      </c>
      <c r="AP606" s="13">
        <v>0.6152394800983495</v>
      </c>
      <c r="AQ606" s="9">
        <v>20555.648695700002</v>
      </c>
      <c r="AR606" s="9">
        <v>20539.047674099998</v>
      </c>
      <c r="AS606" s="9">
        <v>21693.424982299999</v>
      </c>
      <c r="AT606" s="9">
        <v>23469.630925099998</v>
      </c>
      <c r="AU606" s="9">
        <v>23991.986744599999</v>
      </c>
      <c r="AV606" s="9">
        <v>25132.9979165</v>
      </c>
      <c r="AW606" s="9">
        <v>24264.6128407</v>
      </c>
      <c r="AX606" s="9">
        <v>27435.394841599998</v>
      </c>
      <c r="AY606" s="9">
        <v>26097.354001399999</v>
      </c>
      <c r="AZ606" s="9">
        <v>28033.295782599998</v>
      </c>
      <c r="BA606" s="9">
        <v>28674.870213499998</v>
      </c>
      <c r="BB606" s="9">
        <v>31140.788590700002</v>
      </c>
      <c r="BC606" s="9">
        <v>35021.326833200001</v>
      </c>
      <c r="BD606" s="9">
        <v>36679.4269097</v>
      </c>
      <c r="BE606" s="9">
        <v>40670.109328999999</v>
      </c>
      <c r="BF606" s="9">
        <v>39193.160629600003</v>
      </c>
      <c r="BG606" s="11">
        <v>-1.25</v>
      </c>
      <c r="BH606" s="13">
        <v>-7.3529411764705885E-2</v>
      </c>
      <c r="BI606" s="6">
        <v>0</v>
      </c>
      <c r="BJ606" s="13">
        <v>0</v>
      </c>
      <c r="BK606" s="6">
        <v>-4</v>
      </c>
      <c r="BL606" s="13">
        <v>-0.23529411764705882</v>
      </c>
      <c r="BM606" s="11">
        <v>2.75</v>
      </c>
      <c r="BN606" s="13">
        <v>0.21153846153846154</v>
      </c>
      <c r="BO606" s="11">
        <v>-1.25</v>
      </c>
      <c r="BP606" s="13">
        <v>-7.3529411764705885E-2</v>
      </c>
      <c r="BQ606" s="6">
        <v>17</v>
      </c>
      <c r="BR606" s="6">
        <v>16</v>
      </c>
      <c r="BS606" s="6">
        <v>16</v>
      </c>
      <c r="BT606" s="6">
        <v>17</v>
      </c>
      <c r="BU606" s="6">
        <v>17</v>
      </c>
      <c r="BV606" s="6">
        <v>15</v>
      </c>
      <c r="BW606" s="6">
        <v>13</v>
      </c>
      <c r="BX606" s="6">
        <v>14</v>
      </c>
      <c r="BY606" s="6">
        <v>16</v>
      </c>
      <c r="BZ606" s="6">
        <v>15</v>
      </c>
      <c r="CA606" s="6">
        <v>16</v>
      </c>
      <c r="CB606" s="6">
        <v>16</v>
      </c>
      <c r="CC606" s="11">
        <v>15.75</v>
      </c>
      <c r="CD606" s="11">
        <v>6.4729999999999999</v>
      </c>
      <c r="CE606" s="11">
        <v>-83.664500000000004</v>
      </c>
      <c r="CF606" s="11">
        <v>25.909700000000001</v>
      </c>
      <c r="CG606" s="11">
        <v>-58</v>
      </c>
      <c r="CH606" s="20">
        <v>0.61640200000000001</v>
      </c>
      <c r="CI606" s="20">
        <v>1.16415</v>
      </c>
      <c r="CJ606" s="20">
        <v>1.4549000000000001</v>
      </c>
      <c r="CK606" s="20">
        <v>1.45963</v>
      </c>
      <c r="CL606" s="20">
        <v>1.53992</v>
      </c>
      <c r="CM606" s="20">
        <v>1.57115</v>
      </c>
      <c r="CN606" s="20">
        <v>1.6632100000000001</v>
      </c>
      <c r="CO606" s="20">
        <v>1.5622100000000001</v>
      </c>
      <c r="CP606" s="20">
        <v>0.77448399999999995</v>
      </c>
      <c r="CQ606" s="20">
        <v>0.61953999999999998</v>
      </c>
      <c r="CR606" s="20">
        <v>0.66656000000000004</v>
      </c>
      <c r="CS606" s="20">
        <v>0.67264500000000005</v>
      </c>
      <c r="CT606" s="20">
        <v>0.64982499999999999</v>
      </c>
      <c r="CU606" s="20">
        <v>0.74462899999999999</v>
      </c>
      <c r="CV606" s="20">
        <v>0.72474499999999997</v>
      </c>
      <c r="CW606" s="20">
        <v>0.69384800000000002</v>
      </c>
      <c r="CX606" s="20">
        <v>0.73521999999999998</v>
      </c>
      <c r="CY606" s="6" t="s">
        <v>487</v>
      </c>
      <c r="CZ606" s="6" t="s">
        <v>488</v>
      </c>
      <c r="DA606" s="6" t="s">
        <v>148</v>
      </c>
      <c r="DB606" s="6" t="s">
        <v>345</v>
      </c>
      <c r="DC606" s="6">
        <v>44180</v>
      </c>
      <c r="DD606" s="6">
        <v>520</v>
      </c>
      <c r="DE606" s="6" t="s">
        <v>460</v>
      </c>
      <c r="DF606" s="6" t="s">
        <v>375</v>
      </c>
      <c r="DG606" s="6" t="s">
        <v>376</v>
      </c>
      <c r="DH606" s="6" t="s">
        <v>328</v>
      </c>
      <c r="DI606" s="6" t="s">
        <v>461</v>
      </c>
      <c r="DJ606" s="6">
        <v>29</v>
      </c>
      <c r="DK606" s="6">
        <v>59</v>
      </c>
      <c r="DL606" s="6">
        <v>2</v>
      </c>
      <c r="DM606" s="6" t="s">
        <v>379</v>
      </c>
      <c r="DN606" s="6">
        <v>2</v>
      </c>
      <c r="DO606" s="6" t="s">
        <v>463</v>
      </c>
      <c r="DP606" s="6"/>
      <c r="DQ606" s="6"/>
    </row>
    <row r="607" spans="1:121" x14ac:dyDescent="0.2">
      <c r="A607" s="6" t="s">
        <v>313</v>
      </c>
      <c r="B607" s="6" t="s">
        <v>313</v>
      </c>
      <c r="C607" s="6" t="s">
        <v>178</v>
      </c>
      <c r="D607" s="6" t="s">
        <v>148</v>
      </c>
      <c r="E607" s="6" t="s">
        <v>289</v>
      </c>
      <c r="F607" s="11">
        <v>-26</v>
      </c>
      <c r="G607" s="13">
        <v>-0.185714285714</v>
      </c>
      <c r="H607" s="11">
        <v>9.9007310359999963</v>
      </c>
      <c r="I607" s="13">
        <v>7.0595708340890809E-2</v>
      </c>
      <c r="J607" s="11">
        <v>-18.851476077000001</v>
      </c>
      <c r="K607" s="13">
        <v>-0.12555410043209131</v>
      </c>
      <c r="L607" s="11">
        <v>-17.658832273000002</v>
      </c>
      <c r="M607" s="13">
        <v>-0.13449761259484383</v>
      </c>
      <c r="N607" s="11">
        <v>-36.510308350000003</v>
      </c>
      <c r="O607" s="13">
        <v>-0.24316498626732561</v>
      </c>
      <c r="P607" s="7">
        <v>140.245508809</v>
      </c>
      <c r="Q607" s="7">
        <v>123.644122372</v>
      </c>
      <c r="R607" s="7">
        <v>129.253295514</v>
      </c>
      <c r="S607" s="7">
        <v>131.90361154199999</v>
      </c>
      <c r="T607" s="7">
        <v>141.71274108</v>
      </c>
      <c r="U607" s="7">
        <v>153.39397723100001</v>
      </c>
      <c r="V607" s="7">
        <v>150.146239845</v>
      </c>
      <c r="W607" s="7">
        <v>196.627027779</v>
      </c>
      <c r="X607" s="7">
        <v>183.30454927100001</v>
      </c>
      <c r="Y607" s="7">
        <v>131.294763768</v>
      </c>
      <c r="Z607" s="7">
        <v>126.448155453</v>
      </c>
      <c r="AA607" s="7">
        <v>131.33438865799999</v>
      </c>
      <c r="AB607" s="7">
        <v>115.18505268200001</v>
      </c>
      <c r="AC607" s="7">
        <v>110.06297394000001</v>
      </c>
      <c r="AD607" s="7">
        <v>115.517807441</v>
      </c>
      <c r="AE607" s="7">
        <v>112.642790146</v>
      </c>
      <c r="AF607" s="7">
        <v>113.63593149499999</v>
      </c>
      <c r="AG607" s="9">
        <v>8138.1744221000008</v>
      </c>
      <c r="AH607" s="13">
        <v>0.3505710574459785</v>
      </c>
      <c r="AI607" s="9">
        <v>1218.651473599999</v>
      </c>
      <c r="AJ607" s="13">
        <v>5.2496286464183368E-2</v>
      </c>
      <c r="AK607" s="9">
        <v>-176.1746791000005</v>
      </c>
      <c r="AL607" s="13">
        <v>-7.2106095906948383E-3</v>
      </c>
      <c r="AM607" s="9">
        <v>7095.6976276000023</v>
      </c>
      <c r="AN607" s="13">
        <v>0.29252734252994361</v>
      </c>
      <c r="AO607" s="9">
        <v>6919.5229485000018</v>
      </c>
      <c r="AP607" s="13">
        <v>0.28320743247766189</v>
      </c>
      <c r="AQ607" s="9">
        <v>23214.051044</v>
      </c>
      <c r="AR607" s="9">
        <v>21658.551481499999</v>
      </c>
      <c r="AS607" s="9">
        <v>21971.354869999999</v>
      </c>
      <c r="AT607" s="9">
        <v>22468.777730500002</v>
      </c>
      <c r="AU607" s="9">
        <v>22999.117009000001</v>
      </c>
      <c r="AV607" s="9">
        <v>23946.789195699999</v>
      </c>
      <c r="AW607" s="9">
        <v>24432.702517599999</v>
      </c>
      <c r="AX607" s="9">
        <v>23750.449649599999</v>
      </c>
      <c r="AY607" s="9">
        <v>23887.135927300002</v>
      </c>
      <c r="AZ607" s="9">
        <v>24256.527838499998</v>
      </c>
      <c r="BA607" s="9">
        <v>18743.016026500001</v>
      </c>
      <c r="BB607" s="9">
        <v>20030.780069799999</v>
      </c>
      <c r="BC607" s="9">
        <v>24624.009799899999</v>
      </c>
      <c r="BD607" s="9">
        <v>25471.361159600001</v>
      </c>
      <c r="BE607" s="9">
        <v>30374.2853221</v>
      </c>
      <c r="BF607" s="9">
        <v>31352.225466100001</v>
      </c>
      <c r="BG607" s="11">
        <v>-3.75</v>
      </c>
      <c r="BH607" s="13">
        <v>-0.25</v>
      </c>
      <c r="BI607" s="6">
        <v>2</v>
      </c>
      <c r="BJ607" s="13">
        <v>0.13333333333333333</v>
      </c>
      <c r="BK607" s="6">
        <v>-4</v>
      </c>
      <c r="BL607" s="13">
        <v>-0.23529411764705882</v>
      </c>
      <c r="BM607" s="11">
        <v>-1.75</v>
      </c>
      <c r="BN607" s="13">
        <v>-0.13461538461538461</v>
      </c>
      <c r="BO607" s="11">
        <v>-5.75</v>
      </c>
      <c r="BP607" s="13">
        <v>-0.33823529411764708</v>
      </c>
      <c r="BQ607" s="6">
        <v>15</v>
      </c>
      <c r="BR607" s="6">
        <v>16</v>
      </c>
      <c r="BS607" s="6">
        <v>17</v>
      </c>
      <c r="BT607" s="6">
        <v>17</v>
      </c>
      <c r="BU607" s="6">
        <v>16</v>
      </c>
      <c r="BV607" s="6">
        <v>16</v>
      </c>
      <c r="BW607" s="6">
        <v>13</v>
      </c>
      <c r="BX607" s="6">
        <v>13</v>
      </c>
      <c r="BY607" s="6">
        <v>12</v>
      </c>
      <c r="BZ607" s="6">
        <v>11</v>
      </c>
      <c r="CA607" s="6">
        <v>12</v>
      </c>
      <c r="CB607" s="6">
        <v>14</v>
      </c>
      <c r="CC607" s="11">
        <v>11.25</v>
      </c>
      <c r="CD607" s="11">
        <v>-30.4726</v>
      </c>
      <c r="CE607" s="11">
        <v>-11.467499999999999</v>
      </c>
      <c r="CF607" s="11">
        <v>15.330500000000001</v>
      </c>
      <c r="CG607" s="11">
        <v>4</v>
      </c>
      <c r="CH607" s="20">
        <v>1.02427</v>
      </c>
      <c r="CI607" s="20">
        <v>0.80670799999999998</v>
      </c>
      <c r="CJ607" s="20">
        <v>0.82472000000000001</v>
      </c>
      <c r="CK607" s="20">
        <v>0.83100799999999997</v>
      </c>
      <c r="CL607" s="20">
        <v>0.85689099999999996</v>
      </c>
      <c r="CM607" s="20">
        <v>0.90628600000000004</v>
      </c>
      <c r="CN607" s="20">
        <v>0.89039900000000005</v>
      </c>
      <c r="CO607" s="20">
        <v>1.26746</v>
      </c>
      <c r="CP607" s="20">
        <v>1.3646199999999999</v>
      </c>
      <c r="CQ607" s="20">
        <v>1.0740700000000001</v>
      </c>
      <c r="CR607" s="20">
        <v>1.04877</v>
      </c>
      <c r="CS607" s="20">
        <v>1.0584899999999999</v>
      </c>
      <c r="CT607" s="20">
        <v>0.94055200000000005</v>
      </c>
      <c r="CU607" s="20">
        <v>0.89427800000000002</v>
      </c>
      <c r="CV607" s="20">
        <v>0.94408800000000004</v>
      </c>
      <c r="CW607" s="20">
        <v>0.929064</v>
      </c>
      <c r="CX607" s="20">
        <v>0.92979500000000004</v>
      </c>
      <c r="CY607" s="6" t="s">
        <v>487</v>
      </c>
      <c r="CZ607" s="6" t="s">
        <v>488</v>
      </c>
      <c r="DA607" s="6" t="s">
        <v>148</v>
      </c>
      <c r="DB607" s="6" t="s">
        <v>345</v>
      </c>
      <c r="DC607" s="6">
        <v>44180</v>
      </c>
      <c r="DD607" s="6">
        <v>520</v>
      </c>
      <c r="DE607" s="6" t="s">
        <v>460</v>
      </c>
      <c r="DF607" s="6" t="s">
        <v>375</v>
      </c>
      <c r="DG607" s="6" t="s">
        <v>376</v>
      </c>
      <c r="DH607" s="6" t="s">
        <v>328</v>
      </c>
      <c r="DI607" s="6" t="s">
        <v>461</v>
      </c>
      <c r="DJ607" s="6">
        <v>29</v>
      </c>
      <c r="DK607" s="6">
        <v>59</v>
      </c>
      <c r="DL607" s="6">
        <v>2</v>
      </c>
      <c r="DM607" s="6" t="s">
        <v>379</v>
      </c>
      <c r="DN607" s="6">
        <v>2</v>
      </c>
      <c r="DO607" s="6" t="s">
        <v>463</v>
      </c>
      <c r="DP607" s="6"/>
      <c r="DQ607" s="6"/>
    </row>
    <row r="608" spans="1:121" x14ac:dyDescent="0.2">
      <c r="A608" s="6" t="s">
        <v>793</v>
      </c>
      <c r="B608" s="6" t="s">
        <v>179</v>
      </c>
      <c r="C608" s="6" t="s">
        <v>180</v>
      </c>
      <c r="D608" s="6" t="s">
        <v>148</v>
      </c>
      <c r="E608" s="6" t="s">
        <v>289</v>
      </c>
      <c r="F608" s="11">
        <v>-4</v>
      </c>
      <c r="G608" s="13">
        <v>-0.01</v>
      </c>
      <c r="H608" s="11">
        <v>-23</v>
      </c>
      <c r="I608" s="13">
        <v>-4.2513863216266171E-2</v>
      </c>
      <c r="J608" s="11">
        <v>-43</v>
      </c>
      <c r="K608" s="13">
        <v>-8.3011583011583012E-2</v>
      </c>
      <c r="L608" s="11">
        <v>62</v>
      </c>
      <c r="M608" s="13">
        <v>0.13052631578947368</v>
      </c>
      <c r="N608" s="11">
        <v>19</v>
      </c>
      <c r="O608" s="13">
        <v>3.6679536679536683E-2</v>
      </c>
      <c r="P608" s="7">
        <v>541</v>
      </c>
      <c r="Q608" s="7">
        <v>587</v>
      </c>
      <c r="R608" s="7">
        <v>582</v>
      </c>
      <c r="S608" s="7">
        <v>560</v>
      </c>
      <c r="T608" s="7">
        <v>608</v>
      </c>
      <c r="U608" s="7">
        <v>611</v>
      </c>
      <c r="V608" s="7">
        <v>518</v>
      </c>
      <c r="W608" s="7">
        <v>520</v>
      </c>
      <c r="X608" s="7">
        <v>514</v>
      </c>
      <c r="Y608" s="7">
        <v>475</v>
      </c>
      <c r="Z608" s="7">
        <v>476</v>
      </c>
      <c r="AA608" s="7">
        <v>502</v>
      </c>
      <c r="AB608" s="7">
        <v>508</v>
      </c>
      <c r="AC608" s="7">
        <v>516</v>
      </c>
      <c r="AD608" s="7">
        <v>527</v>
      </c>
      <c r="AE608" s="7">
        <v>528</v>
      </c>
      <c r="AF608" s="7">
        <v>537</v>
      </c>
      <c r="AG608" s="9">
        <v>7575</v>
      </c>
      <c r="AH608" s="13">
        <v>0.40286124554592351</v>
      </c>
      <c r="AI608" s="9">
        <v>5558</v>
      </c>
      <c r="AJ608" s="13">
        <v>0.29559112907514756</v>
      </c>
      <c r="AK608" s="9">
        <v>937</v>
      </c>
      <c r="AL608" s="13">
        <v>3.8463117277615859E-2</v>
      </c>
      <c r="AM608" s="9">
        <v>1080</v>
      </c>
      <c r="AN608" s="13">
        <v>4.2691121827812477E-2</v>
      </c>
      <c r="AO608" s="9">
        <v>2017</v>
      </c>
      <c r="AP608" s="13">
        <v>8.2796272731004469E-2</v>
      </c>
      <c r="AQ608" s="9">
        <v>18803</v>
      </c>
      <c r="AR608" s="9">
        <v>19693</v>
      </c>
      <c r="AS608" s="9">
        <v>21323</v>
      </c>
      <c r="AT608" s="9">
        <v>21043</v>
      </c>
      <c r="AU608" s="9">
        <v>21066</v>
      </c>
      <c r="AV608" s="9">
        <v>22222</v>
      </c>
      <c r="AW608" s="9">
        <v>24361</v>
      </c>
      <c r="AX608" s="9">
        <v>24808</v>
      </c>
      <c r="AY608" s="9">
        <v>24314</v>
      </c>
      <c r="AZ608" s="9">
        <v>25298</v>
      </c>
      <c r="BA608" s="9">
        <v>25803</v>
      </c>
      <c r="BB608" s="9">
        <v>25373</v>
      </c>
      <c r="BC608" s="9">
        <v>25426</v>
      </c>
      <c r="BD608" s="9">
        <v>26239</v>
      </c>
      <c r="BE608" s="9">
        <v>26649</v>
      </c>
      <c r="BF608" s="9">
        <v>26378</v>
      </c>
      <c r="BG608" s="11">
        <v>-18</v>
      </c>
      <c r="BH608" s="13">
        <v>-0.30508474576271188</v>
      </c>
      <c r="BI608" s="6">
        <v>-1</v>
      </c>
      <c r="BJ608" s="13">
        <v>-1.6949152542372881E-2</v>
      </c>
      <c r="BK608" s="6">
        <v>-11</v>
      </c>
      <c r="BL608" s="13">
        <v>-0.18965517241379309</v>
      </c>
      <c r="BM608" s="11">
        <v>-6</v>
      </c>
      <c r="BN608" s="13">
        <v>-0.1276595744680851</v>
      </c>
      <c r="BO608" s="11">
        <v>-17</v>
      </c>
      <c r="BP608" s="13">
        <v>-0.29310344827586204</v>
      </c>
      <c r="BQ608" s="6">
        <v>59</v>
      </c>
      <c r="BR608" s="6">
        <v>60</v>
      </c>
      <c r="BS608" s="6">
        <v>60</v>
      </c>
      <c r="BT608" s="6">
        <v>58</v>
      </c>
      <c r="BU608" s="6">
        <v>56</v>
      </c>
      <c r="BV608" s="6">
        <v>54</v>
      </c>
      <c r="BW608" s="6">
        <v>47</v>
      </c>
      <c r="BX608" s="6">
        <v>45</v>
      </c>
      <c r="BY608" s="6">
        <v>43</v>
      </c>
      <c r="BZ608" s="6">
        <v>41</v>
      </c>
      <c r="CA608" s="6">
        <v>43</v>
      </c>
      <c r="CB608" s="6">
        <v>42</v>
      </c>
      <c r="CC608" s="11">
        <v>41</v>
      </c>
      <c r="CD608" s="11">
        <v>-28</v>
      </c>
      <c r="CE608" s="11">
        <v>-35</v>
      </c>
      <c r="CF608" s="11">
        <v>59</v>
      </c>
      <c r="CG608" s="11">
        <v>24</v>
      </c>
      <c r="CH608" s="20">
        <v>1.47</v>
      </c>
      <c r="CI608" s="20">
        <v>1.4</v>
      </c>
      <c r="CJ608" s="20">
        <v>1.37</v>
      </c>
      <c r="CK608" s="20">
        <v>1.3</v>
      </c>
      <c r="CL608" s="20">
        <v>1.37</v>
      </c>
      <c r="CM608" s="20">
        <v>1.36</v>
      </c>
      <c r="CN608" s="20">
        <v>1.17</v>
      </c>
      <c r="CO608" s="20">
        <v>1.28</v>
      </c>
      <c r="CP608" s="20">
        <v>1.44</v>
      </c>
      <c r="CQ608" s="20">
        <v>1.44</v>
      </c>
      <c r="CR608" s="20">
        <v>1.47</v>
      </c>
      <c r="CS608" s="20">
        <v>1.51</v>
      </c>
      <c r="CT608" s="20">
        <v>1.56</v>
      </c>
      <c r="CU608" s="20">
        <v>1.56</v>
      </c>
      <c r="CV608" s="20">
        <v>1.59</v>
      </c>
      <c r="CW608" s="20">
        <v>1.59</v>
      </c>
      <c r="CX608" s="20">
        <v>1.61</v>
      </c>
      <c r="CY608" s="6" t="s">
        <v>487</v>
      </c>
      <c r="CZ608" s="6" t="s">
        <v>488</v>
      </c>
      <c r="DA608" s="6" t="s">
        <v>148</v>
      </c>
      <c r="DB608" s="6" t="s">
        <v>345</v>
      </c>
      <c r="DC608" s="6">
        <v>44180</v>
      </c>
      <c r="DD608" s="6">
        <v>520</v>
      </c>
      <c r="DE608" s="6" t="s">
        <v>460</v>
      </c>
      <c r="DF608" s="6" t="s">
        <v>375</v>
      </c>
      <c r="DG608" s="6" t="s">
        <v>376</v>
      </c>
      <c r="DH608" s="6" t="s">
        <v>328</v>
      </c>
      <c r="DI608" s="6" t="s">
        <v>461</v>
      </c>
      <c r="DJ608" s="6">
        <v>29</v>
      </c>
      <c r="DK608" s="6">
        <v>59</v>
      </c>
      <c r="DL608" s="6">
        <v>2</v>
      </c>
      <c r="DM608" s="6" t="s">
        <v>379</v>
      </c>
      <c r="DN608" s="6">
        <v>2</v>
      </c>
      <c r="DO608" s="6" t="s">
        <v>463</v>
      </c>
      <c r="DP608" s="6"/>
      <c r="DQ608" s="6"/>
    </row>
    <row r="609" spans="1:121" x14ac:dyDescent="0.2">
      <c r="A609" s="6" t="s">
        <v>794</v>
      </c>
      <c r="B609" s="6" t="s">
        <v>181</v>
      </c>
      <c r="C609" s="6" t="s">
        <v>182</v>
      </c>
      <c r="D609" s="6" t="s">
        <v>148</v>
      </c>
      <c r="E609" s="6" t="s">
        <v>289</v>
      </c>
      <c r="F609" s="11">
        <v>-64</v>
      </c>
      <c r="G609" s="13">
        <v>-0.45714285714300001</v>
      </c>
      <c r="H609" s="11">
        <v>1.0580180750000068</v>
      </c>
      <c r="I609" s="13">
        <v>7.5441004617663072E-3</v>
      </c>
      <c r="J609" s="11">
        <v>-55.018739771300005</v>
      </c>
      <c r="K609" s="13">
        <v>-0.38936862182868337</v>
      </c>
      <c r="L609" s="11">
        <v>-10.395287701200004</v>
      </c>
      <c r="M609" s="13">
        <v>-0.1204779883910238</v>
      </c>
      <c r="N609" s="11">
        <v>-65.41402747250001</v>
      </c>
      <c r="O609" s="13">
        <v>-0.46293626191920206</v>
      </c>
      <c r="P609" s="7">
        <v>140.244430779</v>
      </c>
      <c r="Q609" s="7">
        <v>124.83802985</v>
      </c>
      <c r="R609" s="7">
        <v>131.82193786299999</v>
      </c>
      <c r="S609" s="7">
        <v>138.856574467</v>
      </c>
      <c r="T609" s="7">
        <v>148.55008099099999</v>
      </c>
      <c r="U609" s="7">
        <v>134.560229327</v>
      </c>
      <c r="V609" s="7">
        <v>141.302448854</v>
      </c>
      <c r="W609" s="7">
        <v>125.32720178300001</v>
      </c>
      <c r="X609" s="7">
        <v>137.80104156600001</v>
      </c>
      <c r="Y609" s="7">
        <v>86.2837090827</v>
      </c>
      <c r="Z609" s="7">
        <v>81.065933881500001</v>
      </c>
      <c r="AA609" s="7">
        <v>78.604915896199998</v>
      </c>
      <c r="AB609" s="7">
        <v>82.297634422000002</v>
      </c>
      <c r="AC609" s="7">
        <v>80.996174323000005</v>
      </c>
      <c r="AD609" s="7">
        <v>76.615110315300001</v>
      </c>
      <c r="AE609" s="7">
        <v>78.593742665899995</v>
      </c>
      <c r="AF609" s="7">
        <v>75.888421381499995</v>
      </c>
      <c r="AG609" s="9">
        <v>9814.5372012000007</v>
      </c>
      <c r="AH609" s="13">
        <v>0.34166896296671961</v>
      </c>
      <c r="AI609" s="9">
        <v>4038.7710841000007</v>
      </c>
      <c r="AJ609" s="13">
        <v>0.1405998774751907</v>
      </c>
      <c r="AK609" s="9">
        <v>2103.1595040000029</v>
      </c>
      <c r="AL609" s="13">
        <v>6.4191066941352487E-2</v>
      </c>
      <c r="AM609" s="9">
        <v>3672.606613099997</v>
      </c>
      <c r="AN609" s="13">
        <v>0.10533123741787798</v>
      </c>
      <c r="AO609" s="9">
        <v>5775.7661171</v>
      </c>
      <c r="AP609" s="13">
        <v>0.17628362887133694</v>
      </c>
      <c r="AQ609" s="9">
        <v>28725.281676099999</v>
      </c>
      <c r="AR609" s="9">
        <v>29703.733481399999</v>
      </c>
      <c r="AS609" s="9">
        <v>30560.086418999999</v>
      </c>
      <c r="AT609" s="9">
        <v>29570.120182300001</v>
      </c>
      <c r="AU609" s="9">
        <v>30471.198322100001</v>
      </c>
      <c r="AV609" s="9">
        <v>31637.063061699999</v>
      </c>
      <c r="AW609" s="9">
        <v>32764.0527602</v>
      </c>
      <c r="AX609" s="9">
        <v>36687.713634899999</v>
      </c>
      <c r="AY609" s="9">
        <v>34895.233760700001</v>
      </c>
      <c r="AZ609" s="9">
        <v>34867.212264200003</v>
      </c>
      <c r="BA609" s="9">
        <v>36337.7621774</v>
      </c>
      <c r="BB609" s="9">
        <v>36188.030587200003</v>
      </c>
      <c r="BC609" s="9">
        <v>35209.777877400003</v>
      </c>
      <c r="BD609" s="9">
        <v>37088.412615000001</v>
      </c>
      <c r="BE609" s="9">
        <v>38873.0855018</v>
      </c>
      <c r="BF609" s="9">
        <v>38539.8188773</v>
      </c>
      <c r="BG609" s="11">
        <v>-8.5</v>
      </c>
      <c r="BH609" s="13">
        <v>-0.47222222222222221</v>
      </c>
      <c r="BI609" s="6">
        <v>1</v>
      </c>
      <c r="BJ609" s="13">
        <v>5.5555555555555552E-2</v>
      </c>
      <c r="BK609" s="6">
        <v>-12</v>
      </c>
      <c r="BL609" s="13">
        <v>-0.63157894736842102</v>
      </c>
      <c r="BM609" s="11">
        <v>2.5</v>
      </c>
      <c r="BN609" s="13">
        <v>0.35714285714285715</v>
      </c>
      <c r="BO609" s="11">
        <v>-9.5</v>
      </c>
      <c r="BP609" s="13">
        <v>-0.5</v>
      </c>
      <c r="BQ609" s="6">
        <v>18</v>
      </c>
      <c r="BR609" s="6">
        <v>20</v>
      </c>
      <c r="BS609" s="6">
        <v>21</v>
      </c>
      <c r="BT609" s="6">
        <v>19</v>
      </c>
      <c r="BU609" s="6">
        <v>18</v>
      </c>
      <c r="BV609" s="6">
        <v>14</v>
      </c>
      <c r="BW609" s="6">
        <v>7</v>
      </c>
      <c r="BX609" s="6">
        <v>6</v>
      </c>
      <c r="BY609" s="6">
        <v>8</v>
      </c>
      <c r="BZ609" s="6">
        <v>10</v>
      </c>
      <c r="CA609" s="6">
        <v>9</v>
      </c>
      <c r="CB609" s="6">
        <v>11</v>
      </c>
      <c r="CC609" s="11">
        <v>9.5</v>
      </c>
      <c r="CD609" s="11">
        <v>-88.5261</v>
      </c>
      <c r="CE609" s="11">
        <v>8.8396600000000003</v>
      </c>
      <c r="CF609" s="11">
        <v>15.330399999999999</v>
      </c>
      <c r="CG609" s="11">
        <v>24</v>
      </c>
      <c r="CH609" s="20">
        <v>1.2939000000000001</v>
      </c>
      <c r="CI609" s="20">
        <v>1.03765</v>
      </c>
      <c r="CJ609" s="20">
        <v>1.0738099999999999</v>
      </c>
      <c r="CK609" s="20">
        <v>1.10608</v>
      </c>
      <c r="CL609" s="20">
        <v>1.1288899999999999</v>
      </c>
      <c r="CM609" s="20">
        <v>0.99628700000000003</v>
      </c>
      <c r="CN609" s="20">
        <v>1.0478400000000001</v>
      </c>
      <c r="CO609" s="20">
        <v>1.0103200000000001</v>
      </c>
      <c r="CP609" s="20">
        <v>1.27922</v>
      </c>
      <c r="CQ609" s="20">
        <v>0.87485999999999997</v>
      </c>
      <c r="CR609" s="20">
        <v>0.82255699999999998</v>
      </c>
      <c r="CS609" s="20">
        <v>0.77200299999999999</v>
      </c>
      <c r="CT609" s="20">
        <v>0.81399699999999997</v>
      </c>
      <c r="CU609" s="20">
        <v>0.779393</v>
      </c>
      <c r="CV609" s="20">
        <v>0.71615799999999996</v>
      </c>
      <c r="CW609" s="20">
        <v>0.72246100000000002</v>
      </c>
      <c r="CX609" s="20">
        <v>0.68751899999999999</v>
      </c>
      <c r="CY609" s="6" t="s">
        <v>487</v>
      </c>
      <c r="CZ609" s="6" t="s">
        <v>488</v>
      </c>
      <c r="DA609" s="6" t="s">
        <v>148</v>
      </c>
      <c r="DB609" s="6" t="s">
        <v>345</v>
      </c>
      <c r="DC609" s="6">
        <v>44180</v>
      </c>
      <c r="DD609" s="6">
        <v>520</v>
      </c>
      <c r="DE609" s="6" t="s">
        <v>460</v>
      </c>
      <c r="DF609" s="6" t="s">
        <v>375</v>
      </c>
      <c r="DG609" s="6" t="s">
        <v>376</v>
      </c>
      <c r="DH609" s="6" t="s">
        <v>328</v>
      </c>
      <c r="DI609" s="6" t="s">
        <v>461</v>
      </c>
      <c r="DJ609" s="6">
        <v>29</v>
      </c>
      <c r="DK609" s="6">
        <v>59</v>
      </c>
      <c r="DL609" s="6">
        <v>2</v>
      </c>
      <c r="DM609" s="6" t="s">
        <v>379</v>
      </c>
      <c r="DN609" s="6">
        <v>2</v>
      </c>
      <c r="DO609" s="6" t="s">
        <v>463</v>
      </c>
      <c r="DP609" s="6"/>
      <c r="DQ609" s="6"/>
    </row>
    <row r="610" spans="1:121" x14ac:dyDescent="0.2">
      <c r="A610" s="6" t="s">
        <v>314</v>
      </c>
      <c r="B610" s="6" t="s">
        <v>314</v>
      </c>
      <c r="C610" s="6" t="s">
        <v>183</v>
      </c>
      <c r="D610" s="6" t="s">
        <v>148</v>
      </c>
      <c r="E610" s="6" t="s">
        <v>289</v>
      </c>
      <c r="F610" s="11">
        <v>-12</v>
      </c>
      <c r="G610" s="13">
        <v>-0.375</v>
      </c>
      <c r="H610" s="11">
        <v>3.6128033847000012</v>
      </c>
      <c r="I610" s="13">
        <v>0.11258307599544568</v>
      </c>
      <c r="J610" s="11">
        <v>-4.8462000743999987</v>
      </c>
      <c r="K610" s="13">
        <v>-0.1357368210101175</v>
      </c>
      <c r="L610" s="11">
        <v>-10.941553652500001</v>
      </c>
      <c r="M610" s="13">
        <v>-0.35459231361171484</v>
      </c>
      <c r="N610" s="11">
        <v>-15.7877537269</v>
      </c>
      <c r="O610" s="13">
        <v>-0.44219790121755553</v>
      </c>
      <c r="P610" s="7">
        <v>32.090110815999999</v>
      </c>
      <c r="Q610" s="7">
        <v>36.412226406199999</v>
      </c>
      <c r="R610" s="7">
        <v>25.512052497599999</v>
      </c>
      <c r="S610" s="7">
        <v>28.185368433299999</v>
      </c>
      <c r="T610" s="7">
        <v>25.315185415399998</v>
      </c>
      <c r="U610" s="7">
        <v>24.1072028719</v>
      </c>
      <c r="V610" s="7">
        <v>35.7029142007</v>
      </c>
      <c r="W610" s="7">
        <v>31.550593154200001</v>
      </c>
      <c r="X610" s="7">
        <v>37.132533686899997</v>
      </c>
      <c r="Y610" s="7">
        <v>30.856714126300002</v>
      </c>
      <c r="Z610" s="7">
        <v>30.7808537622</v>
      </c>
      <c r="AA610" s="7">
        <v>25.979326</v>
      </c>
      <c r="AB610" s="7">
        <v>24.174762000000001</v>
      </c>
      <c r="AC610" s="7">
        <v>24.004936000000001</v>
      </c>
      <c r="AD610" s="7">
        <v>22.014776000000001</v>
      </c>
      <c r="AE610" s="7">
        <v>20.40358625</v>
      </c>
      <c r="AF610" s="7">
        <v>19.9151604738</v>
      </c>
      <c r="AG610" s="9">
        <v>27209.653224600006</v>
      </c>
      <c r="AH610" s="13">
        <v>0.8007886804345653</v>
      </c>
      <c r="AI610" s="9">
        <v>8253.3526178000029</v>
      </c>
      <c r="AJ610" s="13">
        <v>0.24289877189592107</v>
      </c>
      <c r="AK610" s="9">
        <v>4646.8520306999999</v>
      </c>
      <c r="AL610" s="13">
        <v>0.11003174568586714</v>
      </c>
      <c r="AM610" s="9">
        <v>14309.448576100003</v>
      </c>
      <c r="AN610" s="13">
        <v>0.30524366449226958</v>
      </c>
      <c r="AO610" s="9">
        <v>18956.300606800003</v>
      </c>
      <c r="AP610" s="13">
        <v>0.44886190344177235</v>
      </c>
      <c r="AQ610" s="9">
        <v>33978.568740299997</v>
      </c>
      <c r="AR610" s="9">
        <v>36823.9710977</v>
      </c>
      <c r="AS610" s="9">
        <v>41827.335430599996</v>
      </c>
      <c r="AT610" s="9">
        <v>42765.7253929</v>
      </c>
      <c r="AU610" s="9">
        <v>44729.888192999999</v>
      </c>
      <c r="AV610" s="9">
        <v>46327.017498200003</v>
      </c>
      <c r="AW610" s="9">
        <v>42231.9213581</v>
      </c>
      <c r="AX610" s="9">
        <v>44903.0669232</v>
      </c>
      <c r="AY610" s="9">
        <v>47586.082545199999</v>
      </c>
      <c r="AZ610" s="9">
        <v>46878.7733888</v>
      </c>
      <c r="BA610" s="9">
        <v>47833.395260600002</v>
      </c>
      <c r="BB610" s="9">
        <v>52861.945825199997</v>
      </c>
      <c r="BC610" s="9">
        <v>53355.634934100002</v>
      </c>
      <c r="BD610" s="9">
        <v>54299.494679800002</v>
      </c>
      <c r="BE610" s="9">
        <v>59649.0463838</v>
      </c>
      <c r="BF610" s="9">
        <v>61188.221964900004</v>
      </c>
      <c r="BG610" s="11">
        <v>-1</v>
      </c>
      <c r="BH610" s="13">
        <v>-0.2</v>
      </c>
      <c r="BI610" s="6">
        <v>-1</v>
      </c>
      <c r="BJ610" s="13">
        <v>-0.2</v>
      </c>
      <c r="BK610" s="6">
        <v>1</v>
      </c>
      <c r="BL610" s="13">
        <v>0.25</v>
      </c>
      <c r="BM610" s="11">
        <v>-1</v>
      </c>
      <c r="BN610" s="13">
        <v>-0.2</v>
      </c>
      <c r="BO610" s="11">
        <v>0</v>
      </c>
      <c r="BP610" s="13">
        <v>0</v>
      </c>
      <c r="BQ610" s="6">
        <v>5</v>
      </c>
      <c r="BR610" s="6">
        <v>3</v>
      </c>
      <c r="BS610" s="6">
        <v>3</v>
      </c>
      <c r="BT610" s="6">
        <v>4</v>
      </c>
      <c r="BU610" s="6">
        <v>5</v>
      </c>
      <c r="BV610" s="6">
        <v>6</v>
      </c>
      <c r="BW610" s="6">
        <v>5</v>
      </c>
      <c r="BX610" s="6">
        <v>5</v>
      </c>
      <c r="BY610" s="6">
        <v>4</v>
      </c>
      <c r="BZ610" s="6">
        <v>4</v>
      </c>
      <c r="CA610" s="6">
        <v>4</v>
      </c>
      <c r="CB610" s="6">
        <v>4</v>
      </c>
      <c r="CC610" s="11">
        <v>4</v>
      </c>
      <c r="CD610" s="11">
        <v>-5.8538899999999998</v>
      </c>
      <c r="CE610" s="11">
        <v>-9.8288899999999995</v>
      </c>
      <c r="CF610" s="11">
        <v>3.5078399999999998</v>
      </c>
      <c r="CG610" s="11">
        <v>-6</v>
      </c>
      <c r="CH610" s="20">
        <v>0.37596400000000002</v>
      </c>
      <c r="CI610" s="20">
        <v>0.395179</v>
      </c>
      <c r="CJ610" s="20">
        <v>0.28333199999999997</v>
      </c>
      <c r="CK610" s="20">
        <v>0.31904199999999999</v>
      </c>
      <c r="CL610" s="20">
        <v>0.28374300000000002</v>
      </c>
      <c r="CM610" s="20">
        <v>0.27110299999999998</v>
      </c>
      <c r="CN610" s="20">
        <v>0.41134100000000001</v>
      </c>
      <c r="CO610" s="20">
        <v>0.39859699999999998</v>
      </c>
      <c r="CP610" s="20">
        <v>0.53764699999999999</v>
      </c>
      <c r="CQ610" s="20">
        <v>0.50054500000000002</v>
      </c>
      <c r="CR610" s="20">
        <v>0.51827800000000002</v>
      </c>
      <c r="CS610" s="20">
        <v>0.43195299999999998</v>
      </c>
      <c r="CT610" s="20">
        <v>0.408997</v>
      </c>
      <c r="CU610" s="20">
        <v>0.40359</v>
      </c>
      <c r="CV610" s="20">
        <v>0.37267800000000001</v>
      </c>
      <c r="CW610" s="20">
        <v>0.34337299999999998</v>
      </c>
      <c r="CX610" s="20">
        <v>0.33448800000000001</v>
      </c>
      <c r="CY610" s="6" t="s">
        <v>487</v>
      </c>
      <c r="CZ610" s="6" t="s">
        <v>488</v>
      </c>
      <c r="DA610" s="6" t="s">
        <v>148</v>
      </c>
      <c r="DB610" s="6" t="s">
        <v>345</v>
      </c>
      <c r="DC610" s="6">
        <v>44180</v>
      </c>
      <c r="DD610" s="6">
        <v>520</v>
      </c>
      <c r="DE610" s="6" t="s">
        <v>460</v>
      </c>
      <c r="DF610" s="6" t="s">
        <v>375</v>
      </c>
      <c r="DG610" s="6" t="s">
        <v>376</v>
      </c>
      <c r="DH610" s="6" t="s">
        <v>328</v>
      </c>
      <c r="DI610" s="6" t="s">
        <v>461</v>
      </c>
      <c r="DJ610" s="6">
        <v>29</v>
      </c>
      <c r="DK610" s="6">
        <v>59</v>
      </c>
      <c r="DL610" s="6">
        <v>2</v>
      </c>
      <c r="DM610" s="6" t="s">
        <v>379</v>
      </c>
      <c r="DN610" s="6">
        <v>2</v>
      </c>
      <c r="DO610" s="6" t="s">
        <v>463</v>
      </c>
      <c r="DP610" s="6"/>
      <c r="DQ610" s="6"/>
    </row>
    <row r="611" spans="1:121" x14ac:dyDescent="0.2">
      <c r="A611" s="6" t="s">
        <v>315</v>
      </c>
      <c r="B611" s="6" t="s">
        <v>315</v>
      </c>
      <c r="C611" s="6" t="s">
        <v>184</v>
      </c>
      <c r="D611" s="6" t="s">
        <v>148</v>
      </c>
      <c r="E611" s="6" t="s">
        <v>289</v>
      </c>
      <c r="F611" s="11">
        <v>-16</v>
      </c>
      <c r="G611" s="13">
        <v>-0.11</v>
      </c>
      <c r="H611" s="11">
        <v>8</v>
      </c>
      <c r="I611" s="13">
        <v>5.3333333333333337E-2</v>
      </c>
      <c r="J611" s="11">
        <v>-40</v>
      </c>
      <c r="K611" s="13">
        <v>-0.25316455696202533</v>
      </c>
      <c r="L611" s="11">
        <v>16</v>
      </c>
      <c r="M611" s="13">
        <v>0.13559322033898305</v>
      </c>
      <c r="N611" s="11">
        <v>-24</v>
      </c>
      <c r="O611" s="13">
        <v>-0.15189873417721519</v>
      </c>
      <c r="P611" s="7">
        <v>150</v>
      </c>
      <c r="Q611" s="7">
        <v>167</v>
      </c>
      <c r="R611" s="7">
        <v>160</v>
      </c>
      <c r="S611" s="7">
        <v>167</v>
      </c>
      <c r="T611" s="7">
        <v>162</v>
      </c>
      <c r="U611" s="7">
        <v>160</v>
      </c>
      <c r="V611" s="7">
        <v>158</v>
      </c>
      <c r="W611" s="7">
        <v>158</v>
      </c>
      <c r="X611" s="7">
        <v>153</v>
      </c>
      <c r="Y611" s="7">
        <v>118</v>
      </c>
      <c r="Z611" s="7">
        <v>118</v>
      </c>
      <c r="AA611" s="7">
        <v>131</v>
      </c>
      <c r="AB611" s="7">
        <v>113</v>
      </c>
      <c r="AC611" s="7">
        <v>115</v>
      </c>
      <c r="AD611" s="7">
        <v>126</v>
      </c>
      <c r="AE611" s="7">
        <v>131</v>
      </c>
      <c r="AF611" s="7">
        <v>134</v>
      </c>
      <c r="AG611" s="9">
        <v>26707</v>
      </c>
      <c r="AH611" s="13">
        <v>0.92871300900650267</v>
      </c>
      <c r="AI611" s="9">
        <v>5794</v>
      </c>
      <c r="AJ611" s="13">
        <v>0.20148137844698685</v>
      </c>
      <c r="AK611" s="9">
        <v>5867</v>
      </c>
      <c r="AL611" s="13">
        <v>0.16980695204190907</v>
      </c>
      <c r="AM611" s="9">
        <v>15046</v>
      </c>
      <c r="AN611" s="13">
        <v>0.37225988421000544</v>
      </c>
      <c r="AO611" s="9">
        <v>20913</v>
      </c>
      <c r="AP611" s="13">
        <v>0.60527915255708953</v>
      </c>
      <c r="AQ611" s="9">
        <v>28757</v>
      </c>
      <c r="AR611" s="9">
        <v>30173</v>
      </c>
      <c r="AS611" s="9">
        <v>30440</v>
      </c>
      <c r="AT611" s="9">
        <v>30152</v>
      </c>
      <c r="AU611" s="9">
        <v>30681</v>
      </c>
      <c r="AV611" s="9">
        <v>32004</v>
      </c>
      <c r="AW611" s="9">
        <v>34551</v>
      </c>
      <c r="AX611" s="9">
        <v>37359</v>
      </c>
      <c r="AY611" s="9">
        <v>37047</v>
      </c>
      <c r="AZ611" s="9">
        <v>40418</v>
      </c>
      <c r="BA611" s="9">
        <v>40787</v>
      </c>
      <c r="BB611" s="9">
        <v>37604</v>
      </c>
      <c r="BC611" s="9">
        <v>38198</v>
      </c>
      <c r="BD611" s="9">
        <v>39797</v>
      </c>
      <c r="BE611" s="9">
        <v>41388</v>
      </c>
      <c r="BF611" s="9">
        <v>55464</v>
      </c>
      <c r="BG611" s="11">
        <v>0</v>
      </c>
      <c r="BH611" s="13">
        <v>0</v>
      </c>
      <c r="BI611" s="6">
        <v>-1</v>
      </c>
      <c r="BJ611" s="13">
        <v>-5.8823529411764705E-2</v>
      </c>
      <c r="BK611" s="6">
        <v>1</v>
      </c>
      <c r="BL611" s="13">
        <v>6.25E-2</v>
      </c>
      <c r="BM611" s="11">
        <v>0</v>
      </c>
      <c r="BN611" s="13">
        <v>0</v>
      </c>
      <c r="BO611" s="11">
        <v>1</v>
      </c>
      <c r="BP611" s="13">
        <v>6.25E-2</v>
      </c>
      <c r="BQ611" s="6">
        <v>17</v>
      </c>
      <c r="BR611" s="6">
        <v>17</v>
      </c>
      <c r="BS611" s="6">
        <v>17</v>
      </c>
      <c r="BT611" s="6">
        <v>16</v>
      </c>
      <c r="BU611" s="6">
        <v>15</v>
      </c>
      <c r="BV611" s="6">
        <v>18</v>
      </c>
      <c r="BW611" s="6">
        <v>17</v>
      </c>
      <c r="BX611" s="6">
        <v>18</v>
      </c>
      <c r="BY611" s="6">
        <v>19</v>
      </c>
      <c r="BZ611" s="6">
        <v>17</v>
      </c>
      <c r="CA611" s="6">
        <v>19</v>
      </c>
      <c r="CB611" s="6">
        <v>17</v>
      </c>
      <c r="CC611" s="11">
        <v>17</v>
      </c>
      <c r="CD611" s="11">
        <v>-21</v>
      </c>
      <c r="CE611" s="11">
        <v>-12</v>
      </c>
      <c r="CF611" s="11">
        <v>16</v>
      </c>
      <c r="CG611" s="11">
        <v>4</v>
      </c>
      <c r="CH611" s="20">
        <v>1.08</v>
      </c>
      <c r="CI611" s="20">
        <v>1.05</v>
      </c>
      <c r="CJ611" s="20">
        <v>0.96</v>
      </c>
      <c r="CK611" s="20">
        <v>1</v>
      </c>
      <c r="CL611" s="20">
        <v>0.93</v>
      </c>
      <c r="CM611" s="20">
        <v>0.9</v>
      </c>
      <c r="CN611" s="20">
        <v>0.91</v>
      </c>
      <c r="CO611" s="20">
        <v>1</v>
      </c>
      <c r="CP611" s="20">
        <v>1.0900000000000001</v>
      </c>
      <c r="CQ611" s="20">
        <v>0.93</v>
      </c>
      <c r="CR611" s="20">
        <v>0.95</v>
      </c>
      <c r="CS611" s="20">
        <v>1.04</v>
      </c>
      <c r="CT611" s="20">
        <v>0.91</v>
      </c>
      <c r="CU611" s="20">
        <v>0.93</v>
      </c>
      <c r="CV611" s="20">
        <v>1.02</v>
      </c>
      <c r="CW611" s="20">
        <v>1.06</v>
      </c>
      <c r="CX611" s="20">
        <v>1.08</v>
      </c>
      <c r="CY611" s="6" t="s">
        <v>487</v>
      </c>
      <c r="CZ611" s="6" t="s">
        <v>488</v>
      </c>
      <c r="DA611" s="6" t="s">
        <v>148</v>
      </c>
      <c r="DB611" s="6" t="s">
        <v>345</v>
      </c>
      <c r="DC611" s="6">
        <v>44180</v>
      </c>
      <c r="DD611" s="6">
        <v>520</v>
      </c>
      <c r="DE611" s="6" t="s">
        <v>460</v>
      </c>
      <c r="DF611" s="6" t="s">
        <v>375</v>
      </c>
      <c r="DG611" s="6" t="s">
        <v>376</v>
      </c>
      <c r="DH611" s="6" t="s">
        <v>328</v>
      </c>
      <c r="DI611" s="6" t="s">
        <v>461</v>
      </c>
      <c r="DJ611" s="6">
        <v>29</v>
      </c>
      <c r="DK611" s="6">
        <v>59</v>
      </c>
      <c r="DL611" s="6">
        <v>2</v>
      </c>
      <c r="DM611" s="6" t="s">
        <v>379</v>
      </c>
      <c r="DN611" s="6">
        <v>2</v>
      </c>
      <c r="DO611" s="6" t="s">
        <v>463</v>
      </c>
      <c r="DP611" s="6"/>
      <c r="DQ611" s="6"/>
    </row>
    <row r="612" spans="1:121" x14ac:dyDescent="0.2">
      <c r="A612" s="6" t="s">
        <v>316</v>
      </c>
      <c r="B612" s="6" t="s">
        <v>316</v>
      </c>
      <c r="C612" s="6" t="s">
        <v>185</v>
      </c>
      <c r="D612" s="6" t="s">
        <v>148</v>
      </c>
      <c r="E612" s="6" t="s">
        <v>289</v>
      </c>
      <c r="F612" s="11">
        <v>8</v>
      </c>
      <c r="G612" s="13">
        <v>0.16</v>
      </c>
      <c r="H612" s="11">
        <v>87</v>
      </c>
      <c r="I612" s="13">
        <v>1.74</v>
      </c>
      <c r="J612" s="11">
        <v>-80</v>
      </c>
      <c r="K612" s="13">
        <v>-0.58394160583941601</v>
      </c>
      <c r="L612" s="11">
        <v>1</v>
      </c>
      <c r="M612" s="13">
        <v>1.7543859649122806E-2</v>
      </c>
      <c r="N612" s="11">
        <v>-79</v>
      </c>
      <c r="O612" s="13">
        <v>-0.57664233576642332</v>
      </c>
      <c r="P612" s="7">
        <v>50</v>
      </c>
      <c r="Q612" s="7">
        <v>45</v>
      </c>
      <c r="R612" s="7">
        <v>55</v>
      </c>
      <c r="S612" s="7">
        <v>83</v>
      </c>
      <c r="T612" s="7">
        <v>86</v>
      </c>
      <c r="U612" s="7">
        <v>129</v>
      </c>
      <c r="V612" s="7">
        <v>137</v>
      </c>
      <c r="W612" s="7">
        <v>71</v>
      </c>
      <c r="X612" s="7">
        <v>54</v>
      </c>
      <c r="Y612" s="7">
        <v>57</v>
      </c>
      <c r="Z612" s="7">
        <v>47</v>
      </c>
      <c r="AA612" s="7">
        <v>57</v>
      </c>
      <c r="AB612" s="7">
        <v>51</v>
      </c>
      <c r="AC612" s="7">
        <v>48</v>
      </c>
      <c r="AD612" s="7">
        <v>51</v>
      </c>
      <c r="AE612" s="7">
        <v>56</v>
      </c>
      <c r="AF612" s="7">
        <v>58</v>
      </c>
      <c r="AG612" s="9">
        <v>9423</v>
      </c>
      <c r="AH612" s="13">
        <v>0.82992777875638546</v>
      </c>
      <c r="AI612" s="9">
        <v>1087</v>
      </c>
      <c r="AJ612" s="13">
        <v>9.5737185132992772E-2</v>
      </c>
      <c r="AK612" s="9">
        <v>6509</v>
      </c>
      <c r="AL612" s="13">
        <v>0.52318945422393703</v>
      </c>
      <c r="AM612" s="9">
        <v>1827</v>
      </c>
      <c r="AN612" s="13">
        <v>9.6411609498680759E-2</v>
      </c>
      <c r="AO612" s="9">
        <v>8336</v>
      </c>
      <c r="AP612" s="13">
        <v>0.6700426010770838</v>
      </c>
      <c r="AQ612" s="9">
        <v>11354</v>
      </c>
      <c r="AR612" s="9">
        <v>13570</v>
      </c>
      <c r="AS612" s="9">
        <v>13746</v>
      </c>
      <c r="AT612" s="9">
        <v>14925</v>
      </c>
      <c r="AU612" s="9">
        <v>13767</v>
      </c>
      <c r="AV612" s="9">
        <v>12156</v>
      </c>
      <c r="AW612" s="9">
        <v>12441</v>
      </c>
      <c r="AX612" s="9">
        <v>18493</v>
      </c>
      <c r="AY612" s="9">
        <v>21000</v>
      </c>
      <c r="AZ612" s="9">
        <v>18950</v>
      </c>
      <c r="BA612" s="9">
        <v>21289</v>
      </c>
      <c r="BB612" s="9">
        <v>20220</v>
      </c>
      <c r="BC612" s="9">
        <v>20418</v>
      </c>
      <c r="BD612" s="9">
        <v>21274</v>
      </c>
      <c r="BE612" s="9">
        <v>20511</v>
      </c>
      <c r="BF612" s="9">
        <v>20777</v>
      </c>
      <c r="BG612" s="11">
        <v>-7</v>
      </c>
      <c r="BH612" s="13">
        <v>-0.58333333333333337</v>
      </c>
      <c r="BI612" s="6">
        <v>1</v>
      </c>
      <c r="BJ612" s="13">
        <v>8.3333333333333329E-2</v>
      </c>
      <c r="BK612" s="6">
        <v>-3</v>
      </c>
      <c r="BL612" s="13">
        <v>-0.23076923076923078</v>
      </c>
      <c r="BM612" s="11">
        <v>-5</v>
      </c>
      <c r="BN612" s="13">
        <v>-0.5</v>
      </c>
      <c r="BO612" s="11">
        <v>-8</v>
      </c>
      <c r="BP612" s="13">
        <v>-0.61538461538461542</v>
      </c>
      <c r="BQ612" s="6">
        <v>12</v>
      </c>
      <c r="BR612" s="6">
        <v>9</v>
      </c>
      <c r="BS612" s="6">
        <v>11</v>
      </c>
      <c r="BT612" s="6">
        <v>13</v>
      </c>
      <c r="BU612" s="6">
        <v>11</v>
      </c>
      <c r="BV612" s="6">
        <v>9</v>
      </c>
      <c r="BW612" s="6">
        <v>10</v>
      </c>
      <c r="BX612" s="6">
        <v>6</v>
      </c>
      <c r="BY612" s="6">
        <v>6</v>
      </c>
      <c r="BZ612" s="6">
        <v>6</v>
      </c>
      <c r="CA612" s="6">
        <v>6</v>
      </c>
      <c r="CB612" s="6">
        <v>6</v>
      </c>
      <c r="CC612" s="11">
        <v>5</v>
      </c>
      <c r="CD612" s="11">
        <v>6</v>
      </c>
      <c r="CE612" s="11">
        <v>-3</v>
      </c>
      <c r="CF612" s="11">
        <v>5</v>
      </c>
      <c r="CG612" s="11">
        <v>2</v>
      </c>
      <c r="CH612" s="20">
        <v>0.87</v>
      </c>
      <c r="CI612" s="20">
        <v>0.69</v>
      </c>
      <c r="CJ612" s="20">
        <v>0.8</v>
      </c>
      <c r="CK612" s="20">
        <v>1.17</v>
      </c>
      <c r="CL612" s="20">
        <v>1.1399999999999999</v>
      </c>
      <c r="CM612" s="20">
        <v>1.69</v>
      </c>
      <c r="CN612" s="20">
        <v>1.83</v>
      </c>
      <c r="CO612" s="20">
        <v>1.06</v>
      </c>
      <c r="CP612" s="20">
        <v>0.92</v>
      </c>
      <c r="CQ612" s="20">
        <v>1.0900000000000001</v>
      </c>
      <c r="CR612" s="20">
        <v>0.93</v>
      </c>
      <c r="CS612" s="20">
        <v>1.1000000000000001</v>
      </c>
      <c r="CT612" s="20">
        <v>1</v>
      </c>
      <c r="CU612" s="20">
        <v>0.93</v>
      </c>
      <c r="CV612" s="20">
        <v>0.98</v>
      </c>
      <c r="CW612" s="20">
        <v>1.06</v>
      </c>
      <c r="CX612" s="20">
        <v>1.1000000000000001</v>
      </c>
      <c r="CY612" s="6" t="s">
        <v>487</v>
      </c>
      <c r="CZ612" s="6" t="s">
        <v>488</v>
      </c>
      <c r="DA612" s="6" t="s">
        <v>148</v>
      </c>
      <c r="DB612" s="6" t="s">
        <v>345</v>
      </c>
      <c r="DC612" s="6">
        <v>44180</v>
      </c>
      <c r="DD612" s="6">
        <v>520</v>
      </c>
      <c r="DE612" s="6" t="s">
        <v>460</v>
      </c>
      <c r="DF612" s="6" t="s">
        <v>375</v>
      </c>
      <c r="DG612" s="6" t="s">
        <v>376</v>
      </c>
      <c r="DH612" s="6" t="s">
        <v>328</v>
      </c>
      <c r="DI612" s="6" t="s">
        <v>461</v>
      </c>
      <c r="DJ612" s="6">
        <v>29</v>
      </c>
      <c r="DK612" s="6">
        <v>59</v>
      </c>
      <c r="DL612" s="6">
        <v>2</v>
      </c>
      <c r="DM612" s="6" t="s">
        <v>379</v>
      </c>
      <c r="DN612" s="6">
        <v>2</v>
      </c>
      <c r="DO612" s="6" t="s">
        <v>463</v>
      </c>
      <c r="DP612" s="6"/>
      <c r="DQ612" s="6"/>
    </row>
    <row r="613" spans="1:121" x14ac:dyDescent="0.2">
      <c r="A613" s="6" t="s">
        <v>317</v>
      </c>
      <c r="B613" s="6" t="s">
        <v>317</v>
      </c>
      <c r="C613" s="6" t="s">
        <v>186</v>
      </c>
      <c r="D613" s="6" t="s">
        <v>148</v>
      </c>
      <c r="E613" s="6" t="s">
        <v>289</v>
      </c>
      <c r="F613" s="11">
        <v>21</v>
      </c>
      <c r="G613" s="13">
        <v>0.4</v>
      </c>
      <c r="H613" s="11">
        <v>2</v>
      </c>
      <c r="I613" s="13">
        <v>3.8461538461538464E-2</v>
      </c>
      <c r="J613" s="11">
        <v>-9</v>
      </c>
      <c r="K613" s="13">
        <v>-0.16666666666666666</v>
      </c>
      <c r="L613" s="11">
        <v>28</v>
      </c>
      <c r="M613" s="13">
        <v>0.62222222222222223</v>
      </c>
      <c r="N613" s="11">
        <v>19</v>
      </c>
      <c r="O613" s="13">
        <v>0.35185185185185186</v>
      </c>
      <c r="P613" s="7">
        <v>52</v>
      </c>
      <c r="Q613" s="7">
        <v>47</v>
      </c>
      <c r="R613" s="7">
        <v>48</v>
      </c>
      <c r="S613" s="7">
        <v>62</v>
      </c>
      <c r="T613" s="7">
        <v>59</v>
      </c>
      <c r="U613" s="7">
        <v>59</v>
      </c>
      <c r="V613" s="7">
        <v>54</v>
      </c>
      <c r="W613" s="7">
        <v>44</v>
      </c>
      <c r="X613" s="7">
        <v>43</v>
      </c>
      <c r="Y613" s="7">
        <v>45</v>
      </c>
      <c r="Z613" s="7">
        <v>49</v>
      </c>
      <c r="AA613" s="7">
        <v>47</v>
      </c>
      <c r="AB613" s="7">
        <v>53</v>
      </c>
      <c r="AC613" s="7">
        <v>62</v>
      </c>
      <c r="AD613" s="7">
        <v>65</v>
      </c>
      <c r="AE613" s="7">
        <v>70</v>
      </c>
      <c r="AF613" s="7">
        <v>73</v>
      </c>
      <c r="AG613" s="9">
        <v>783</v>
      </c>
      <c r="AH613" s="13">
        <v>3.0242169093507396E-2</v>
      </c>
      <c r="AI613" s="9">
        <v>-3295</v>
      </c>
      <c r="AJ613" s="13">
        <v>-0.12726430033602407</v>
      </c>
      <c r="AK613" s="9">
        <v>3150</v>
      </c>
      <c r="AL613" s="13">
        <v>0.13940520446096655</v>
      </c>
      <c r="AM613" s="9">
        <v>928</v>
      </c>
      <c r="AN613" s="13">
        <v>3.6044434086848445E-2</v>
      </c>
      <c r="AO613" s="9">
        <v>4078</v>
      </c>
      <c r="AP613" s="13">
        <v>0.18047442025137192</v>
      </c>
      <c r="AQ613" s="9">
        <v>25891</v>
      </c>
      <c r="AR613" s="9">
        <v>28614</v>
      </c>
      <c r="AS613" s="9">
        <v>30511</v>
      </c>
      <c r="AT613" s="9">
        <v>26797</v>
      </c>
      <c r="AU613" s="9">
        <v>25758</v>
      </c>
      <c r="AV613" s="9">
        <v>30709</v>
      </c>
      <c r="AW613" s="9">
        <v>22596</v>
      </c>
      <c r="AX613" s="9">
        <v>21886</v>
      </c>
      <c r="AY613" s="9">
        <v>26347</v>
      </c>
      <c r="AZ613" s="9">
        <v>25746</v>
      </c>
      <c r="BA613" s="9">
        <v>24468</v>
      </c>
      <c r="BB613" s="9">
        <v>24834</v>
      </c>
      <c r="BC613" s="9">
        <v>24461</v>
      </c>
      <c r="BD613" s="9">
        <v>27203</v>
      </c>
      <c r="BE613" s="9">
        <v>26530</v>
      </c>
      <c r="BF613" s="9">
        <v>26674</v>
      </c>
      <c r="BG613" s="11">
        <v>1</v>
      </c>
      <c r="BH613" s="13">
        <v>6.6666666666666666E-2</v>
      </c>
      <c r="BI613" s="6">
        <v>-3</v>
      </c>
      <c r="BJ613" s="13">
        <v>-0.2</v>
      </c>
      <c r="BK613" s="6">
        <v>3</v>
      </c>
      <c r="BL613" s="13">
        <v>0.25</v>
      </c>
      <c r="BM613" s="11">
        <v>1</v>
      </c>
      <c r="BN613" s="13">
        <v>6.6666666666666666E-2</v>
      </c>
      <c r="BO613" s="11">
        <v>4</v>
      </c>
      <c r="BP613" s="13">
        <v>0.33333333333333331</v>
      </c>
      <c r="BQ613" s="6">
        <v>15</v>
      </c>
      <c r="BR613" s="6">
        <v>15</v>
      </c>
      <c r="BS613" s="6">
        <v>13</v>
      </c>
      <c r="BT613" s="6">
        <v>12</v>
      </c>
      <c r="BU613" s="6">
        <v>14</v>
      </c>
      <c r="BV613" s="6">
        <v>14</v>
      </c>
      <c r="BW613" s="6">
        <v>15</v>
      </c>
      <c r="BX613" s="6">
        <v>15</v>
      </c>
      <c r="BY613" s="6">
        <v>15</v>
      </c>
      <c r="BZ613" s="6">
        <v>16</v>
      </c>
      <c r="CA613" s="6">
        <v>16</v>
      </c>
      <c r="CB613" s="6">
        <v>15</v>
      </c>
      <c r="CC613" s="11">
        <v>16</v>
      </c>
      <c r="CD613" s="11">
        <v>5</v>
      </c>
      <c r="CE613" s="11">
        <v>10</v>
      </c>
      <c r="CF613" s="11">
        <v>6</v>
      </c>
      <c r="CG613" s="11">
        <v>16</v>
      </c>
      <c r="CH613" s="20">
        <v>0.28999999999999998</v>
      </c>
      <c r="CI613" s="20">
        <v>0.23</v>
      </c>
      <c r="CJ613" s="20">
        <v>0.23</v>
      </c>
      <c r="CK613" s="20">
        <v>0.28999999999999998</v>
      </c>
      <c r="CL613" s="20">
        <v>0.26</v>
      </c>
      <c r="CM613" s="20">
        <v>0.25</v>
      </c>
      <c r="CN613" s="20">
        <v>0.22</v>
      </c>
      <c r="CO613" s="20">
        <v>0.19</v>
      </c>
      <c r="CP613" s="20">
        <v>0.21</v>
      </c>
      <c r="CQ613" s="20">
        <v>0.24</v>
      </c>
      <c r="CR613" s="20">
        <v>0.26</v>
      </c>
      <c r="CS613" s="20">
        <v>0.24</v>
      </c>
      <c r="CT613" s="20">
        <v>0.27</v>
      </c>
      <c r="CU613" s="20">
        <v>0.31</v>
      </c>
      <c r="CV613" s="20">
        <v>0.32</v>
      </c>
      <c r="CW613" s="20">
        <v>0.35</v>
      </c>
      <c r="CX613" s="20">
        <v>0.35</v>
      </c>
      <c r="CY613" s="6" t="s">
        <v>487</v>
      </c>
      <c r="CZ613" s="6" t="s">
        <v>488</v>
      </c>
      <c r="DA613" s="6" t="s">
        <v>148</v>
      </c>
      <c r="DB613" s="6" t="s">
        <v>345</v>
      </c>
      <c r="DC613" s="6">
        <v>44180</v>
      </c>
      <c r="DD613" s="6">
        <v>520</v>
      </c>
      <c r="DE613" s="6" t="s">
        <v>460</v>
      </c>
      <c r="DF613" s="6" t="s">
        <v>375</v>
      </c>
      <c r="DG613" s="6" t="s">
        <v>376</v>
      </c>
      <c r="DH613" s="6" t="s">
        <v>328</v>
      </c>
      <c r="DI613" s="6" t="s">
        <v>461</v>
      </c>
      <c r="DJ613" s="6">
        <v>29</v>
      </c>
      <c r="DK613" s="6">
        <v>59</v>
      </c>
      <c r="DL613" s="6">
        <v>2</v>
      </c>
      <c r="DM613" s="6" t="s">
        <v>379</v>
      </c>
      <c r="DN613" s="6">
        <v>2</v>
      </c>
      <c r="DO613" s="6" t="s">
        <v>463</v>
      </c>
      <c r="DP613" s="6"/>
      <c r="DQ613" s="6"/>
    </row>
    <row r="614" spans="1:121" x14ac:dyDescent="0.2">
      <c r="A614" s="6" t="s">
        <v>318</v>
      </c>
      <c r="B614" s="6" t="s">
        <v>318</v>
      </c>
      <c r="C614" s="6" t="s">
        <v>187</v>
      </c>
      <c r="D614" s="6" t="s">
        <v>148</v>
      </c>
      <c r="E614" s="6" t="s">
        <v>289</v>
      </c>
      <c r="F614" s="11">
        <v>0</v>
      </c>
      <c r="G614" s="13">
        <v>0</v>
      </c>
      <c r="H614" s="11">
        <v>0</v>
      </c>
      <c r="I614" s="13"/>
      <c r="J614" s="11">
        <v>0</v>
      </c>
      <c r="K614" s="13"/>
      <c r="L614" s="11">
        <v>0</v>
      </c>
      <c r="M614" s="13"/>
      <c r="N614" s="11">
        <v>0</v>
      </c>
      <c r="O614" s="13"/>
      <c r="P614" s="7">
        <v>0</v>
      </c>
      <c r="Q614" s="7">
        <v>0</v>
      </c>
      <c r="R614" s="7">
        <v>0</v>
      </c>
      <c r="S614" s="7">
        <v>0</v>
      </c>
      <c r="T614" s="7">
        <v>0</v>
      </c>
      <c r="U614" s="7">
        <v>0</v>
      </c>
      <c r="V614" s="7">
        <v>0</v>
      </c>
      <c r="W614" s="7">
        <v>0</v>
      </c>
      <c r="X614" s="7">
        <v>0</v>
      </c>
      <c r="Y614" s="7">
        <v>0</v>
      </c>
      <c r="Z614" s="7">
        <v>0</v>
      </c>
      <c r="AA614" s="7">
        <v>0</v>
      </c>
      <c r="AB614" s="7">
        <v>0</v>
      </c>
      <c r="AC614" s="7">
        <v>0</v>
      </c>
      <c r="AD614" s="7">
        <v>0</v>
      </c>
      <c r="AE614" s="7">
        <v>0</v>
      </c>
      <c r="AF614" s="7">
        <v>0</v>
      </c>
      <c r="AG614" s="9">
        <v>0</v>
      </c>
      <c r="AH614" s="13"/>
      <c r="AI614" s="9">
        <v>0</v>
      </c>
      <c r="AJ614" s="13"/>
      <c r="AK614" s="9">
        <v>0</v>
      </c>
      <c r="AL614" s="13"/>
      <c r="AM614" s="9">
        <v>0</v>
      </c>
      <c r="AN614" s="13"/>
      <c r="AO614" s="9">
        <v>0</v>
      </c>
      <c r="AP614" s="13"/>
      <c r="AQ614" s="9">
        <v>0</v>
      </c>
      <c r="AR614" s="9">
        <v>0</v>
      </c>
      <c r="AS614" s="9">
        <v>0</v>
      </c>
      <c r="AT614" s="9">
        <v>0</v>
      </c>
      <c r="AU614" s="9">
        <v>0</v>
      </c>
      <c r="AV614" s="9">
        <v>0</v>
      </c>
      <c r="AW614" s="9">
        <v>0</v>
      </c>
      <c r="AX614" s="9">
        <v>0</v>
      </c>
      <c r="AY614" s="9">
        <v>0</v>
      </c>
      <c r="AZ614" s="9">
        <v>0</v>
      </c>
      <c r="BA614" s="9">
        <v>0</v>
      </c>
      <c r="BB614" s="9">
        <v>0</v>
      </c>
      <c r="BC614" s="9">
        <v>0</v>
      </c>
      <c r="BD614" s="9">
        <v>0</v>
      </c>
      <c r="BE614" s="9">
        <v>0</v>
      </c>
      <c r="BF614" s="9">
        <v>0</v>
      </c>
      <c r="BG614" s="11">
        <v>0</v>
      </c>
      <c r="BH614" s="13" t="e">
        <v>#DIV/0!</v>
      </c>
      <c r="BI614" s="6">
        <v>0</v>
      </c>
      <c r="BJ614" s="13" t="e">
        <v>#DIV/0!</v>
      </c>
      <c r="BK614" s="6">
        <v>0</v>
      </c>
      <c r="BL614" s="13" t="e">
        <v>#DIV/0!</v>
      </c>
      <c r="BM614" s="11">
        <v>0</v>
      </c>
      <c r="BN614" s="13" t="e">
        <v>#DIV/0!</v>
      </c>
      <c r="BO614" s="11">
        <v>0</v>
      </c>
      <c r="BP614" s="13" t="e">
        <v>#DIV/0!</v>
      </c>
      <c r="BQ614" s="6">
        <v>0</v>
      </c>
      <c r="BR614" s="6">
        <v>0</v>
      </c>
      <c r="BS614" s="6">
        <v>0</v>
      </c>
      <c r="BT614" s="6">
        <v>0</v>
      </c>
      <c r="BU614" s="6">
        <v>0</v>
      </c>
      <c r="BV614" s="6">
        <v>0</v>
      </c>
      <c r="BW614" s="6">
        <v>0</v>
      </c>
      <c r="BX614" s="6">
        <v>0</v>
      </c>
      <c r="BY614" s="6">
        <v>0</v>
      </c>
      <c r="BZ614" s="6">
        <v>0</v>
      </c>
      <c r="CA614" s="6">
        <v>0</v>
      </c>
      <c r="CB614" s="6">
        <v>0</v>
      </c>
      <c r="CC614" s="11">
        <v>0</v>
      </c>
      <c r="CD614" s="11">
        <v>0</v>
      </c>
      <c r="CE614" s="11">
        <v>0</v>
      </c>
      <c r="CF614" s="11">
        <v>0</v>
      </c>
      <c r="CG614" s="11">
        <v>0</v>
      </c>
      <c r="CH614" s="20">
        <v>0</v>
      </c>
      <c r="CI614" s="20">
        <v>0</v>
      </c>
      <c r="CJ614" s="20">
        <v>0</v>
      </c>
      <c r="CK614" s="20">
        <v>0</v>
      </c>
      <c r="CL614" s="20">
        <v>0</v>
      </c>
      <c r="CM614" s="20">
        <v>0</v>
      </c>
      <c r="CN614" s="20">
        <v>0</v>
      </c>
      <c r="CO614" s="20">
        <v>0</v>
      </c>
      <c r="CP614" s="20">
        <v>0</v>
      </c>
      <c r="CQ614" s="20">
        <v>0</v>
      </c>
      <c r="CR614" s="20">
        <v>0</v>
      </c>
      <c r="CS614" s="20">
        <v>0</v>
      </c>
      <c r="CT614" s="20">
        <v>0</v>
      </c>
      <c r="CU614" s="20">
        <v>0</v>
      </c>
      <c r="CV614" s="20">
        <v>0</v>
      </c>
      <c r="CW614" s="20">
        <v>0</v>
      </c>
      <c r="CX614" s="20">
        <v>0</v>
      </c>
      <c r="CY614" s="6" t="s">
        <v>487</v>
      </c>
      <c r="CZ614" s="6" t="s">
        <v>488</v>
      </c>
      <c r="DA614" s="6" t="s">
        <v>148</v>
      </c>
      <c r="DB614" s="6" t="s">
        <v>345</v>
      </c>
      <c r="DC614" s="6">
        <v>44180</v>
      </c>
      <c r="DD614" s="6">
        <v>520</v>
      </c>
      <c r="DE614" s="6" t="s">
        <v>460</v>
      </c>
      <c r="DF614" s="6" t="s">
        <v>375</v>
      </c>
      <c r="DG614" s="6" t="s">
        <v>376</v>
      </c>
      <c r="DH614" s="6" t="s">
        <v>328</v>
      </c>
      <c r="DI614" s="6" t="s">
        <v>461</v>
      </c>
      <c r="DJ614" s="6">
        <v>29</v>
      </c>
      <c r="DK614" s="6">
        <v>59</v>
      </c>
      <c r="DL614" s="6">
        <v>2</v>
      </c>
      <c r="DM614" s="6" t="s">
        <v>379</v>
      </c>
      <c r="DN614" s="6">
        <v>2</v>
      </c>
      <c r="DO614" s="6" t="s">
        <v>463</v>
      </c>
      <c r="DP614" s="6"/>
      <c r="DQ614" s="6"/>
    </row>
    <row r="615" spans="1:121" x14ac:dyDescent="0.2">
      <c r="A615" s="6" t="s">
        <v>319</v>
      </c>
      <c r="B615" s="6" t="s">
        <v>319</v>
      </c>
      <c r="C615" s="6" t="s">
        <v>188</v>
      </c>
      <c r="D615" s="6" t="s">
        <v>148</v>
      </c>
      <c r="E615" s="6" t="s">
        <v>289</v>
      </c>
      <c r="F615" s="11">
        <v>14</v>
      </c>
      <c r="G615" s="13">
        <v>0.28571428571399998</v>
      </c>
      <c r="H615" s="11">
        <v>18.219755686500001</v>
      </c>
      <c r="I615" s="13">
        <v>0.36995668245815183</v>
      </c>
      <c r="J615" s="11">
        <v>6.0146467529000063</v>
      </c>
      <c r="K615" s="13">
        <v>8.914800276707853E-2</v>
      </c>
      <c r="L615" s="11">
        <v>-10.918041566100008</v>
      </c>
      <c r="M615" s="13">
        <v>-0.1485796517260228</v>
      </c>
      <c r="N615" s="11">
        <v>-4.903394813200002</v>
      </c>
      <c r="O615" s="13">
        <v>-7.267722816214732E-2</v>
      </c>
      <c r="P615" s="7">
        <v>49.248348659199998</v>
      </c>
      <c r="Q615" s="7">
        <v>66.610975045700002</v>
      </c>
      <c r="R615" s="7">
        <v>64.366615621899996</v>
      </c>
      <c r="S615" s="7">
        <v>45.143378970699999</v>
      </c>
      <c r="T615" s="7">
        <v>63.441271054200001</v>
      </c>
      <c r="U615" s="7">
        <v>55.4173525219</v>
      </c>
      <c r="V615" s="7">
        <v>67.468104345699999</v>
      </c>
      <c r="W615" s="7">
        <v>70.165896388799993</v>
      </c>
      <c r="X615" s="7">
        <v>72.169524404599997</v>
      </c>
      <c r="Y615" s="7">
        <v>73.482751098600005</v>
      </c>
      <c r="Z615" s="7">
        <v>96.034696357000001</v>
      </c>
      <c r="AA615" s="7">
        <v>92.045820440400007</v>
      </c>
      <c r="AB615" s="7">
        <v>73.993424480399995</v>
      </c>
      <c r="AC615" s="7">
        <v>74.820630463300006</v>
      </c>
      <c r="AD615" s="7">
        <v>71.501517644200007</v>
      </c>
      <c r="AE615" s="7">
        <v>62.765798198799999</v>
      </c>
      <c r="AF615" s="7">
        <v>62.564709532499997</v>
      </c>
      <c r="AG615" s="9">
        <v>4667.9662022999983</v>
      </c>
      <c r="AH615" s="13">
        <v>0.30613995088405788</v>
      </c>
      <c r="AI615" s="9">
        <v>3076.9808763000001</v>
      </c>
      <c r="AJ615" s="13">
        <v>0.20179811367904335</v>
      </c>
      <c r="AK615" s="9">
        <v>2742.609451100001</v>
      </c>
      <c r="AL615" s="13">
        <v>0.14966655266984744</v>
      </c>
      <c r="AM615" s="9">
        <v>-1151.6241251000029</v>
      </c>
      <c r="AN615" s="13">
        <v>-5.4663778114741553E-2</v>
      </c>
      <c r="AO615" s="9">
        <v>1590.9853259999982</v>
      </c>
      <c r="AP615" s="13">
        <v>8.6821435328763075E-2</v>
      </c>
      <c r="AQ615" s="9">
        <v>15247.8178324</v>
      </c>
      <c r="AR615" s="9">
        <v>16549.9116555</v>
      </c>
      <c r="AS615" s="9">
        <v>14677.2047454</v>
      </c>
      <c r="AT615" s="9">
        <v>14277.618139099999</v>
      </c>
      <c r="AU615" s="9">
        <v>15098.2051582</v>
      </c>
      <c r="AV615" s="9">
        <v>16423.0927305</v>
      </c>
      <c r="AW615" s="9">
        <v>18324.7987087</v>
      </c>
      <c r="AX615" s="9">
        <v>19114.072394800001</v>
      </c>
      <c r="AY615" s="9">
        <v>19509.726594299998</v>
      </c>
      <c r="AZ615" s="9">
        <v>21067.408159800001</v>
      </c>
      <c r="BA615" s="9">
        <v>19363.427849200001</v>
      </c>
      <c r="BB615" s="9">
        <v>17895.068387700001</v>
      </c>
      <c r="BC615" s="9">
        <v>18498.902547199999</v>
      </c>
      <c r="BD615" s="9">
        <v>18636.076698000001</v>
      </c>
      <c r="BE615" s="9">
        <v>19335.5359986</v>
      </c>
      <c r="BF615" s="9">
        <v>19915.784034699998</v>
      </c>
      <c r="BG615" s="11">
        <v>2.5</v>
      </c>
      <c r="BH615" s="13">
        <v>0.83333333333333337</v>
      </c>
      <c r="BI615" s="6">
        <v>3</v>
      </c>
      <c r="BJ615" s="13">
        <v>1</v>
      </c>
      <c r="BK615" s="6">
        <v>-1</v>
      </c>
      <c r="BL615" s="13">
        <v>-0.16666666666666666</v>
      </c>
      <c r="BM615" s="11">
        <v>0.5</v>
      </c>
      <c r="BN615" s="13">
        <v>0.1</v>
      </c>
      <c r="BO615" s="11">
        <v>-0.5</v>
      </c>
      <c r="BP615" s="13">
        <v>-8.3333333333333329E-2</v>
      </c>
      <c r="BQ615" s="6">
        <v>3</v>
      </c>
      <c r="BR615" s="6">
        <v>6</v>
      </c>
      <c r="BS615" s="6">
        <v>5</v>
      </c>
      <c r="BT615" s="6">
        <v>6</v>
      </c>
      <c r="BU615" s="6">
        <v>7</v>
      </c>
      <c r="BV615" s="6">
        <v>8</v>
      </c>
      <c r="BW615" s="6">
        <v>5</v>
      </c>
      <c r="BX615" s="6">
        <v>7</v>
      </c>
      <c r="BY615" s="6">
        <v>7</v>
      </c>
      <c r="BZ615" s="6">
        <v>5</v>
      </c>
      <c r="CA615" s="6">
        <v>5</v>
      </c>
      <c r="CB615" s="6">
        <v>6</v>
      </c>
      <c r="CC615" s="11">
        <v>5.5</v>
      </c>
      <c r="CD615" s="11">
        <v>3.5019200000000001</v>
      </c>
      <c r="CE615" s="11">
        <v>4.431</v>
      </c>
      <c r="CF615" s="11">
        <v>5.3834400000000002</v>
      </c>
      <c r="CG615" s="11">
        <v>9</v>
      </c>
      <c r="CH615" s="20">
        <v>0.25343900000000003</v>
      </c>
      <c r="CI615" s="20">
        <v>0.30057299999999998</v>
      </c>
      <c r="CJ615" s="20">
        <v>0.28379199999999999</v>
      </c>
      <c r="CK615" s="20">
        <v>0.19195699999999999</v>
      </c>
      <c r="CL615" s="20">
        <v>0.25487300000000002</v>
      </c>
      <c r="CM615" s="20">
        <v>0.21609800000000001</v>
      </c>
      <c r="CN615" s="20">
        <v>0.265824</v>
      </c>
      <c r="CO615" s="20">
        <v>0.311886</v>
      </c>
      <c r="CP615" s="20">
        <v>0.38117499999999999</v>
      </c>
      <c r="CQ615" s="20">
        <v>0.40699299999999999</v>
      </c>
      <c r="CR615" s="20">
        <v>0.52651800000000004</v>
      </c>
      <c r="CS615" s="20">
        <v>0.48341400000000001</v>
      </c>
      <c r="CT615" s="20">
        <v>0.38715500000000003</v>
      </c>
      <c r="CU615" s="20">
        <v>0.381604</v>
      </c>
      <c r="CV615" s="20">
        <v>0.36215199999999997</v>
      </c>
      <c r="CW615" s="20">
        <v>0.315386</v>
      </c>
      <c r="CX615" s="20">
        <v>0.309056</v>
      </c>
      <c r="CY615" s="6" t="s">
        <v>487</v>
      </c>
      <c r="CZ615" s="6" t="s">
        <v>488</v>
      </c>
      <c r="DA615" s="6" t="s">
        <v>148</v>
      </c>
      <c r="DB615" s="6" t="s">
        <v>345</v>
      </c>
      <c r="DC615" s="6">
        <v>44180</v>
      </c>
      <c r="DD615" s="6">
        <v>520</v>
      </c>
      <c r="DE615" s="6" t="s">
        <v>460</v>
      </c>
      <c r="DF615" s="6" t="s">
        <v>375</v>
      </c>
      <c r="DG615" s="6" t="s">
        <v>376</v>
      </c>
      <c r="DH615" s="6" t="s">
        <v>328</v>
      </c>
      <c r="DI615" s="6" t="s">
        <v>461</v>
      </c>
      <c r="DJ615" s="6">
        <v>29</v>
      </c>
      <c r="DK615" s="6">
        <v>59</v>
      </c>
      <c r="DL615" s="6">
        <v>2</v>
      </c>
      <c r="DM615" s="6" t="s">
        <v>379</v>
      </c>
      <c r="DN615" s="6">
        <v>2</v>
      </c>
      <c r="DO615" s="6" t="s">
        <v>463</v>
      </c>
      <c r="DP615" s="6"/>
      <c r="DQ615" s="6"/>
    </row>
    <row r="616" spans="1:121" x14ac:dyDescent="0.2">
      <c r="A616" s="6" t="s">
        <v>320</v>
      </c>
      <c r="B616" s="6" t="s">
        <v>320</v>
      </c>
      <c r="C616" s="6" t="s">
        <v>189</v>
      </c>
      <c r="D616" s="6" t="s">
        <v>148</v>
      </c>
      <c r="E616" s="6" t="s">
        <v>289</v>
      </c>
      <c r="F616" s="11">
        <v>1</v>
      </c>
      <c r="G616" s="13">
        <v>1</v>
      </c>
      <c r="H616" s="11">
        <v>0</v>
      </c>
      <c r="I616" s="13">
        <v>0</v>
      </c>
      <c r="J616" s="11">
        <v>5.8803350445000007</v>
      </c>
      <c r="K616" s="13">
        <v>1.1760670089</v>
      </c>
      <c r="L616" s="11">
        <v>-0.2669823127000015</v>
      </c>
      <c r="M616" s="13">
        <v>-2.4538059867463439E-2</v>
      </c>
      <c r="N616" s="11">
        <v>5.6133527317999992</v>
      </c>
      <c r="O616" s="13">
        <v>1.1226705463599995</v>
      </c>
      <c r="P616" s="7">
        <v>5</v>
      </c>
      <c r="Q616" s="7">
        <v>5</v>
      </c>
      <c r="R616" s="7">
        <v>5</v>
      </c>
      <c r="S616" s="7">
        <v>5</v>
      </c>
      <c r="T616" s="7">
        <v>5</v>
      </c>
      <c r="U616" s="7">
        <v>5</v>
      </c>
      <c r="V616" s="7">
        <v>5</v>
      </c>
      <c r="W616" s="7">
        <v>22.938575855700002</v>
      </c>
      <c r="X616" s="7">
        <v>11.086495640900001</v>
      </c>
      <c r="Y616" s="7">
        <v>10.880335044500001</v>
      </c>
      <c r="Z616" s="7">
        <v>5</v>
      </c>
      <c r="AA616" s="7">
        <v>5</v>
      </c>
      <c r="AB616" s="7">
        <v>18.8665758526</v>
      </c>
      <c r="AC616" s="7">
        <v>13.9258856917</v>
      </c>
      <c r="AD616" s="7">
        <v>5</v>
      </c>
      <c r="AE616" s="7">
        <v>10.366512766</v>
      </c>
      <c r="AF616" s="7">
        <v>10.613352731799999</v>
      </c>
      <c r="AG616" s="9">
        <v>12558.418123900001</v>
      </c>
      <c r="AH616" s="13">
        <v>12558.418123900001</v>
      </c>
      <c r="AI616" s="9">
        <v>0</v>
      </c>
      <c r="AJ616" s="13">
        <v>0</v>
      </c>
      <c r="AK616" s="9">
        <v>12656.7944974</v>
      </c>
      <c r="AL616" s="13">
        <v>12656.7944974</v>
      </c>
      <c r="AM616" s="9">
        <v>-98.376373499999318</v>
      </c>
      <c r="AN616" s="13">
        <v>-7.7719995786158878E-3</v>
      </c>
      <c r="AO616" s="9">
        <v>12558.418123900001</v>
      </c>
      <c r="AP616" s="13">
        <v>12558.418123900001</v>
      </c>
      <c r="AQ616" s="9">
        <v>1</v>
      </c>
      <c r="AR616" s="9">
        <v>1</v>
      </c>
      <c r="AS616" s="9">
        <v>1</v>
      </c>
      <c r="AT616" s="9">
        <v>1</v>
      </c>
      <c r="AU616" s="9">
        <v>1</v>
      </c>
      <c r="AV616" s="9">
        <v>1</v>
      </c>
      <c r="AW616" s="9">
        <v>1</v>
      </c>
      <c r="AX616" s="9">
        <v>11278.1940837</v>
      </c>
      <c r="AY616" s="9">
        <v>26780.4295036</v>
      </c>
      <c r="AZ616" s="9">
        <v>12657.7944974</v>
      </c>
      <c r="BA616" s="9">
        <v>1</v>
      </c>
      <c r="BB616" s="9">
        <v>1</v>
      </c>
      <c r="BC616" s="9">
        <v>17491.8769459</v>
      </c>
      <c r="BD616" s="9">
        <v>11953.027279100001</v>
      </c>
      <c r="BE616" s="9">
        <v>1</v>
      </c>
      <c r="BF616" s="9">
        <v>12559.418123900001</v>
      </c>
      <c r="BG616" s="11">
        <v>1</v>
      </c>
      <c r="BH616" s="13" t="e">
        <v>#DIV/0!</v>
      </c>
      <c r="BI616" s="6">
        <v>1</v>
      </c>
      <c r="BJ616" s="13" t="e">
        <v>#DIV/0!</v>
      </c>
      <c r="BK616" s="6">
        <v>0</v>
      </c>
      <c r="BL616" s="13">
        <v>0</v>
      </c>
      <c r="BM616" s="11">
        <v>0</v>
      </c>
      <c r="BN616" s="13">
        <v>0</v>
      </c>
      <c r="BO616" s="11">
        <v>0</v>
      </c>
      <c r="BP616" s="13">
        <v>0</v>
      </c>
      <c r="BQ616" s="6">
        <v>0</v>
      </c>
      <c r="BR616" s="6">
        <v>0</v>
      </c>
      <c r="BS616" s="6">
        <v>0</v>
      </c>
      <c r="BT616" s="6">
        <v>1</v>
      </c>
      <c r="BU616" s="6">
        <v>1</v>
      </c>
      <c r="BV616" s="6">
        <v>1</v>
      </c>
      <c r="BW616" s="6">
        <v>1</v>
      </c>
      <c r="BX616" s="6">
        <v>1</v>
      </c>
      <c r="BY616" s="6">
        <v>0</v>
      </c>
      <c r="BZ616" s="6">
        <v>1</v>
      </c>
      <c r="CA616" s="6">
        <v>1</v>
      </c>
      <c r="CB616" s="6">
        <v>1</v>
      </c>
      <c r="CC616" s="11">
        <v>1</v>
      </c>
      <c r="CD616" s="11">
        <v>8.0721100000000003</v>
      </c>
      <c r="CE616" s="11">
        <v>0.62538199999999999</v>
      </c>
      <c r="CF616" s="11">
        <v>0.18879000000000001</v>
      </c>
      <c r="CG616" s="11">
        <v>1</v>
      </c>
      <c r="CH616" s="20">
        <v>2.6639699999999999E-2</v>
      </c>
      <c r="CI616" s="20">
        <v>1.8654899999999999E-2</v>
      </c>
      <c r="CJ616" s="20">
        <v>1.8000200000000001E-2</v>
      </c>
      <c r="CK616" s="20">
        <v>3.2491800000000001E-2</v>
      </c>
      <c r="CL616" s="20">
        <v>9.1077199999999997E-2</v>
      </c>
      <c r="CM616" s="20">
        <v>7.0276099999999994E-2</v>
      </c>
      <c r="CN616" s="20">
        <v>7.3249700000000001E-2</v>
      </c>
      <c r="CO616" s="20">
        <v>0.26558700000000002</v>
      </c>
      <c r="CP616" s="20">
        <v>0.13502900000000001</v>
      </c>
      <c r="CQ616" s="20">
        <v>0.14000799999999999</v>
      </c>
      <c r="CR616" s="20">
        <v>0.118058</v>
      </c>
      <c r="CS616" s="20">
        <v>0.123405</v>
      </c>
      <c r="CT616" s="20">
        <v>0.23630399999999999</v>
      </c>
      <c r="CU616" s="20">
        <v>0.17205799999999999</v>
      </c>
      <c r="CV616" s="20">
        <v>0.12127400000000001</v>
      </c>
      <c r="CW616" s="20">
        <v>0.127717</v>
      </c>
      <c r="CX616" s="20">
        <v>0.128081</v>
      </c>
      <c r="CY616" s="6" t="s">
        <v>487</v>
      </c>
      <c r="CZ616" s="6" t="s">
        <v>488</v>
      </c>
      <c r="DA616" s="6" t="s">
        <v>148</v>
      </c>
      <c r="DB616" s="6" t="s">
        <v>345</v>
      </c>
      <c r="DC616" s="6">
        <v>44180</v>
      </c>
      <c r="DD616" s="6">
        <v>520</v>
      </c>
      <c r="DE616" s="6" t="s">
        <v>460</v>
      </c>
      <c r="DF616" s="6" t="s">
        <v>375</v>
      </c>
      <c r="DG616" s="6" t="s">
        <v>376</v>
      </c>
      <c r="DH616" s="6" t="s">
        <v>328</v>
      </c>
      <c r="DI616" s="6" t="s">
        <v>461</v>
      </c>
      <c r="DJ616" s="6">
        <v>29</v>
      </c>
      <c r="DK616" s="6">
        <v>59</v>
      </c>
      <c r="DL616" s="6">
        <v>2</v>
      </c>
      <c r="DM616" s="6" t="s">
        <v>379</v>
      </c>
      <c r="DN616" s="6">
        <v>2</v>
      </c>
      <c r="DO616" s="6" t="s">
        <v>463</v>
      </c>
      <c r="DP616" s="6"/>
      <c r="DQ616" s="6"/>
    </row>
    <row r="617" spans="1:121" x14ac:dyDescent="0.2">
      <c r="A617" s="6" t="s">
        <v>321</v>
      </c>
      <c r="B617" s="6" t="s">
        <v>321</v>
      </c>
      <c r="C617" s="6" t="s">
        <v>190</v>
      </c>
      <c r="D617" s="6" t="s">
        <v>148</v>
      </c>
      <c r="E617" s="6" t="s">
        <v>289</v>
      </c>
      <c r="F617" s="11">
        <v>81</v>
      </c>
      <c r="G617" s="13">
        <v>0.25312499999999999</v>
      </c>
      <c r="H617" s="11">
        <v>-7.5799350879999565</v>
      </c>
      <c r="I617" s="13">
        <v>-2.3658240390075198E-2</v>
      </c>
      <c r="J617" s="11">
        <v>-24.013497892000032</v>
      </c>
      <c r="K617" s="13">
        <v>-7.6766283270297497E-2</v>
      </c>
      <c r="L617" s="11">
        <v>112.00063297100002</v>
      </c>
      <c r="M617" s="13">
        <v>0.38781438055877759</v>
      </c>
      <c r="N617" s="11">
        <v>87.987135078999984</v>
      </c>
      <c r="O617" s="13">
        <v>0.28127702869421001</v>
      </c>
      <c r="P617" s="7">
        <v>320.39302006499997</v>
      </c>
      <c r="Q617" s="7">
        <v>343.59546554600001</v>
      </c>
      <c r="R617" s="7">
        <v>339.35111963899999</v>
      </c>
      <c r="S617" s="7">
        <v>336.42697984900002</v>
      </c>
      <c r="T617" s="7">
        <v>318.32224314299998</v>
      </c>
      <c r="U617" s="7">
        <v>319.09941141399997</v>
      </c>
      <c r="V617" s="7">
        <v>312.81308497700002</v>
      </c>
      <c r="W617" s="7">
        <v>285.072109469</v>
      </c>
      <c r="X617" s="7">
        <v>281.27955822400003</v>
      </c>
      <c r="Y617" s="7">
        <v>288.79958708499998</v>
      </c>
      <c r="Z617" s="7">
        <v>287.668056546</v>
      </c>
      <c r="AA617" s="7">
        <v>308.03253461999998</v>
      </c>
      <c r="AB617" s="7">
        <v>332.30343958100002</v>
      </c>
      <c r="AC617" s="7">
        <v>344.57672646399999</v>
      </c>
      <c r="AD617" s="7">
        <v>361.32700659099999</v>
      </c>
      <c r="AE617" s="7">
        <v>383.62904175400001</v>
      </c>
      <c r="AF617" s="7">
        <v>400.800220056</v>
      </c>
      <c r="AG617" s="9">
        <v>8254.4466223999989</v>
      </c>
      <c r="AH617" s="13">
        <v>0.44083541966535794</v>
      </c>
      <c r="AI617" s="9">
        <v>6777.8704201</v>
      </c>
      <c r="AJ617" s="13">
        <v>0.36197766946289289</v>
      </c>
      <c r="AK617" s="9">
        <v>8019.5918197999963</v>
      </c>
      <c r="AL617" s="13">
        <v>0.31446389905664873</v>
      </c>
      <c r="AM617" s="9">
        <v>-6543.0156174999975</v>
      </c>
      <c r="AN617" s="13">
        <v>-0.19518562278277729</v>
      </c>
      <c r="AO617" s="9">
        <v>1476.5762022999988</v>
      </c>
      <c r="AP617" s="13">
        <v>5.789944429379907E-2</v>
      </c>
      <c r="AQ617" s="9">
        <v>18724.554004000001</v>
      </c>
      <c r="AR617" s="9">
        <v>20189.320649900001</v>
      </c>
      <c r="AS617" s="9">
        <v>21643.767850699998</v>
      </c>
      <c r="AT617" s="9">
        <v>21917.449568</v>
      </c>
      <c r="AU617" s="9">
        <v>24494.658981799999</v>
      </c>
      <c r="AV617" s="9">
        <v>22928.105396700001</v>
      </c>
      <c r="AW617" s="9">
        <v>25502.424424100001</v>
      </c>
      <c r="AX617" s="9">
        <v>28340.1057392</v>
      </c>
      <c r="AY617" s="9">
        <v>29227.675059900001</v>
      </c>
      <c r="AZ617" s="9">
        <v>33522.016243899998</v>
      </c>
      <c r="BA617" s="9">
        <v>31275.4896463</v>
      </c>
      <c r="BB617" s="9">
        <v>29747.866938700001</v>
      </c>
      <c r="BC617" s="9">
        <v>29059.8225036</v>
      </c>
      <c r="BD617" s="9">
        <v>29214.381021699999</v>
      </c>
      <c r="BE617" s="9">
        <v>27361.911388600001</v>
      </c>
      <c r="BF617" s="9">
        <v>26979.0006264</v>
      </c>
      <c r="BG617" s="11">
        <v>41</v>
      </c>
      <c r="BH617" s="13">
        <v>1.64</v>
      </c>
      <c r="BI617" s="6">
        <v>-6</v>
      </c>
      <c r="BJ617" s="13">
        <v>-0.24</v>
      </c>
      <c r="BK617" s="6">
        <v>-1</v>
      </c>
      <c r="BL617" s="13">
        <v>-5.2631578947368418E-2</v>
      </c>
      <c r="BM617" s="11">
        <v>48</v>
      </c>
      <c r="BN617" s="13">
        <v>2.6666666666666665</v>
      </c>
      <c r="BO617" s="11">
        <v>47</v>
      </c>
      <c r="BP617" s="13">
        <v>2.4736842105263159</v>
      </c>
      <c r="BQ617" s="6">
        <v>25</v>
      </c>
      <c r="BR617" s="6">
        <v>23</v>
      </c>
      <c r="BS617" s="6">
        <v>20</v>
      </c>
      <c r="BT617" s="6">
        <v>19</v>
      </c>
      <c r="BU617" s="6">
        <v>20</v>
      </c>
      <c r="BV617" s="6">
        <v>19</v>
      </c>
      <c r="BW617" s="6">
        <v>18</v>
      </c>
      <c r="BX617" s="6">
        <v>18</v>
      </c>
      <c r="BY617" s="6">
        <v>20</v>
      </c>
      <c r="BZ617" s="6">
        <v>43</v>
      </c>
      <c r="CA617" s="6">
        <v>49</v>
      </c>
      <c r="CB617" s="6">
        <v>60</v>
      </c>
      <c r="CC617" s="11">
        <v>66</v>
      </c>
      <c r="CD617" s="11">
        <v>-71.292000000000002</v>
      </c>
      <c r="CE617" s="11">
        <v>116.676</v>
      </c>
      <c r="CF617" s="11">
        <v>35.022799999999997</v>
      </c>
      <c r="CG617" s="11">
        <v>152</v>
      </c>
      <c r="CH617" s="20">
        <v>1.0006600000000001</v>
      </c>
      <c r="CI617" s="20">
        <v>0.90574600000000005</v>
      </c>
      <c r="CJ617" s="20">
        <v>0.84736599999999995</v>
      </c>
      <c r="CK617" s="20">
        <v>0.82019500000000001</v>
      </c>
      <c r="CL617" s="20">
        <v>0.74152799999999996</v>
      </c>
      <c r="CM617" s="20">
        <v>0.72274899999999997</v>
      </c>
      <c r="CN617" s="20">
        <v>0.703148</v>
      </c>
      <c r="CO617" s="20">
        <v>0.67416399999999999</v>
      </c>
      <c r="CP617" s="20">
        <v>0.70512600000000003</v>
      </c>
      <c r="CQ617" s="20">
        <v>0.76970700000000003</v>
      </c>
      <c r="CR617" s="20">
        <v>0.77813600000000005</v>
      </c>
      <c r="CS617" s="20">
        <v>0.79259500000000005</v>
      </c>
      <c r="CT617" s="20">
        <v>0.85844399999999998</v>
      </c>
      <c r="CU617" s="20">
        <v>0.87988699999999997</v>
      </c>
      <c r="CV617" s="20">
        <v>0.91694500000000001</v>
      </c>
      <c r="CW617" s="20">
        <v>0.96126900000000004</v>
      </c>
      <c r="CX617" s="20">
        <v>0.97799800000000003</v>
      </c>
      <c r="CY617" s="6" t="s">
        <v>487</v>
      </c>
      <c r="CZ617" s="6" t="s">
        <v>488</v>
      </c>
      <c r="DA617" s="6" t="s">
        <v>148</v>
      </c>
      <c r="DB617" s="6" t="s">
        <v>345</v>
      </c>
      <c r="DC617" s="6">
        <v>44180</v>
      </c>
      <c r="DD617" s="6">
        <v>520</v>
      </c>
      <c r="DE617" s="6" t="s">
        <v>460</v>
      </c>
      <c r="DF617" s="6" t="s">
        <v>375</v>
      </c>
      <c r="DG617" s="6" t="s">
        <v>376</v>
      </c>
      <c r="DH617" s="6" t="s">
        <v>328</v>
      </c>
      <c r="DI617" s="6" t="s">
        <v>461</v>
      </c>
      <c r="DJ617" s="6">
        <v>29</v>
      </c>
      <c r="DK617" s="6">
        <v>59</v>
      </c>
      <c r="DL617" s="6">
        <v>2</v>
      </c>
      <c r="DM617" s="6" t="s">
        <v>379</v>
      </c>
      <c r="DN617" s="6">
        <v>2</v>
      </c>
      <c r="DO617" s="6" t="s">
        <v>463</v>
      </c>
      <c r="DP617" s="6"/>
      <c r="DQ617" s="6"/>
    </row>
    <row r="618" spans="1:121" x14ac:dyDescent="0.2">
      <c r="A618" s="6" t="s">
        <v>322</v>
      </c>
      <c r="B618" s="6" t="s">
        <v>322</v>
      </c>
      <c r="C618" s="6" t="s">
        <v>191</v>
      </c>
      <c r="D618" s="6" t="s">
        <v>148</v>
      </c>
      <c r="E618" s="6" t="s">
        <v>289</v>
      </c>
      <c r="F618" s="11">
        <v>-2</v>
      </c>
      <c r="G618" s="13">
        <v>-0.14000000000000001</v>
      </c>
      <c r="H618" s="11">
        <v>10</v>
      </c>
      <c r="I618" s="13">
        <v>0.7142857142857143</v>
      </c>
      <c r="J618" s="11">
        <v>-8</v>
      </c>
      <c r="K618" s="13">
        <v>-0.33333333333333331</v>
      </c>
      <c r="L618" s="11">
        <v>-4</v>
      </c>
      <c r="M618" s="13">
        <v>-0.25</v>
      </c>
      <c r="N618" s="11">
        <v>-12</v>
      </c>
      <c r="O618" s="13">
        <v>-0.5</v>
      </c>
      <c r="P618" s="7">
        <v>14</v>
      </c>
      <c r="Q618" s="7">
        <v>20</v>
      </c>
      <c r="R618" s="7">
        <v>20</v>
      </c>
      <c r="S618" s="7">
        <v>21</v>
      </c>
      <c r="T618" s="7">
        <v>29</v>
      </c>
      <c r="U618" s="7">
        <v>30</v>
      </c>
      <c r="V618" s="7">
        <v>24</v>
      </c>
      <c r="W618" s="7">
        <v>20</v>
      </c>
      <c r="X618" s="7">
        <v>17</v>
      </c>
      <c r="Y618" s="7">
        <v>16</v>
      </c>
      <c r="Z618" s="7">
        <v>32</v>
      </c>
      <c r="AA618" s="7">
        <v>21</v>
      </c>
      <c r="AB618" s="7">
        <v>19</v>
      </c>
      <c r="AC618" s="7">
        <v>16</v>
      </c>
      <c r="AD618" s="7">
        <v>13</v>
      </c>
      <c r="AE618" s="7">
        <v>13</v>
      </c>
      <c r="AF618" s="7">
        <v>12</v>
      </c>
      <c r="AG618" s="9">
        <v>3578</v>
      </c>
      <c r="AH618" s="13">
        <v>0.2785086012298591</v>
      </c>
      <c r="AI618" s="9">
        <v>966</v>
      </c>
      <c r="AJ618" s="13">
        <v>7.5192651981007233E-2</v>
      </c>
      <c r="AK618" s="9">
        <v>3100</v>
      </c>
      <c r="AL618" s="13">
        <v>0.2244262651125751</v>
      </c>
      <c r="AM618" s="9">
        <v>-488</v>
      </c>
      <c r="AN618" s="13">
        <v>-2.8853544610654525E-2</v>
      </c>
      <c r="AO618" s="9">
        <v>2612</v>
      </c>
      <c r="AP618" s="13">
        <v>0.18909722724969233</v>
      </c>
      <c r="AQ618" s="9">
        <v>12847</v>
      </c>
      <c r="AR618" s="9">
        <v>13310</v>
      </c>
      <c r="AS618" s="9">
        <v>14672</v>
      </c>
      <c r="AT618" s="9">
        <v>13432</v>
      </c>
      <c r="AU618" s="9">
        <v>11721</v>
      </c>
      <c r="AV618" s="9">
        <v>12660</v>
      </c>
      <c r="AW618" s="9">
        <v>13813</v>
      </c>
      <c r="AX618" s="9">
        <v>16259</v>
      </c>
      <c r="AY618" s="9">
        <v>16726</v>
      </c>
      <c r="AZ618" s="9">
        <v>16913</v>
      </c>
      <c r="BA618" s="9">
        <v>14120</v>
      </c>
      <c r="BB618" s="9">
        <v>16613</v>
      </c>
      <c r="BC618" s="9">
        <v>17932</v>
      </c>
      <c r="BD618" s="9">
        <v>17628</v>
      </c>
      <c r="BE618" s="9">
        <v>16281</v>
      </c>
      <c r="BF618" s="9">
        <v>16425</v>
      </c>
      <c r="BG618" s="11">
        <v>-1</v>
      </c>
      <c r="BH618" s="13">
        <v>-0.33333333333333331</v>
      </c>
      <c r="BI618" s="6">
        <v>1</v>
      </c>
      <c r="BJ618" s="13">
        <v>0.33333333333333331</v>
      </c>
      <c r="BK618" s="6">
        <v>0</v>
      </c>
      <c r="BL618" s="13">
        <v>0</v>
      </c>
      <c r="BM618" s="11">
        <v>-2</v>
      </c>
      <c r="BN618" s="13">
        <v>-0.5</v>
      </c>
      <c r="BO618" s="11">
        <v>-2</v>
      </c>
      <c r="BP618" s="13">
        <v>-0.5</v>
      </c>
      <c r="BQ618" s="6">
        <v>3</v>
      </c>
      <c r="BR618" s="6">
        <v>4</v>
      </c>
      <c r="BS618" s="6">
        <v>4</v>
      </c>
      <c r="BT618" s="6">
        <v>4</v>
      </c>
      <c r="BU618" s="6">
        <v>4</v>
      </c>
      <c r="BV618" s="6">
        <v>4</v>
      </c>
      <c r="BW618" s="6">
        <v>4</v>
      </c>
      <c r="BX618" s="6">
        <v>4</v>
      </c>
      <c r="BY618" s="6">
        <v>5</v>
      </c>
      <c r="BZ618" s="6">
        <v>3</v>
      </c>
      <c r="CA618" s="6">
        <v>3</v>
      </c>
      <c r="CB618" s="6">
        <v>2</v>
      </c>
      <c r="CC618" s="11">
        <v>2</v>
      </c>
      <c r="CD618" s="11">
        <v>-5</v>
      </c>
      <c r="CE618" s="11">
        <v>2</v>
      </c>
      <c r="CF618" s="11">
        <v>1</v>
      </c>
      <c r="CG618" s="11">
        <v>3</v>
      </c>
      <c r="CH618" s="20">
        <v>0.28000000000000003</v>
      </c>
      <c r="CI618" s="20">
        <v>0.35</v>
      </c>
      <c r="CJ618" s="20">
        <v>0.33</v>
      </c>
      <c r="CK618" s="20">
        <v>0.35</v>
      </c>
      <c r="CL618" s="20">
        <v>0.46</v>
      </c>
      <c r="CM618" s="20">
        <v>0.46</v>
      </c>
      <c r="CN618" s="20">
        <v>0.37</v>
      </c>
      <c r="CO618" s="20">
        <v>0.33</v>
      </c>
      <c r="CP618" s="20">
        <v>0.3</v>
      </c>
      <c r="CQ618" s="20">
        <v>0.32</v>
      </c>
      <c r="CR618" s="20">
        <v>0.65</v>
      </c>
      <c r="CS618" s="20">
        <v>0.41</v>
      </c>
      <c r="CT618" s="20">
        <v>0.37</v>
      </c>
      <c r="CU618" s="20">
        <v>0.31</v>
      </c>
      <c r="CV618" s="20">
        <v>0.25</v>
      </c>
      <c r="CW618" s="20">
        <v>0.24</v>
      </c>
      <c r="CX618" s="20">
        <v>0.22</v>
      </c>
      <c r="CY618" s="6" t="s">
        <v>487</v>
      </c>
      <c r="CZ618" s="6" t="s">
        <v>488</v>
      </c>
      <c r="DA618" s="6" t="s">
        <v>148</v>
      </c>
      <c r="DB618" s="6" t="s">
        <v>345</v>
      </c>
      <c r="DC618" s="6">
        <v>44180</v>
      </c>
      <c r="DD618" s="6">
        <v>520</v>
      </c>
      <c r="DE618" s="6" t="s">
        <v>460</v>
      </c>
      <c r="DF618" s="6" t="s">
        <v>375</v>
      </c>
      <c r="DG618" s="6" t="s">
        <v>376</v>
      </c>
      <c r="DH618" s="6" t="s">
        <v>328</v>
      </c>
      <c r="DI618" s="6" t="s">
        <v>461</v>
      </c>
      <c r="DJ618" s="6">
        <v>29</v>
      </c>
      <c r="DK618" s="6">
        <v>59</v>
      </c>
      <c r="DL618" s="6">
        <v>2</v>
      </c>
      <c r="DM618" s="6" t="s">
        <v>379</v>
      </c>
      <c r="DN618" s="6">
        <v>2</v>
      </c>
      <c r="DO618" s="6" t="s">
        <v>463</v>
      </c>
      <c r="DP618" s="6"/>
      <c r="DQ618" s="6"/>
    </row>
    <row r="619" spans="1:121" x14ac:dyDescent="0.2">
      <c r="A619" s="6" t="s">
        <v>323</v>
      </c>
      <c r="B619" s="6" t="s">
        <v>323</v>
      </c>
      <c r="C619" s="6" t="s">
        <v>192</v>
      </c>
      <c r="D619" s="6" t="s">
        <v>148</v>
      </c>
      <c r="E619" s="6" t="s">
        <v>289</v>
      </c>
      <c r="F619" s="11">
        <v>100</v>
      </c>
      <c r="G619" s="13">
        <v>0.35587188612100001</v>
      </c>
      <c r="H619" s="11">
        <v>94.126697682999975</v>
      </c>
      <c r="I619" s="13">
        <v>0.33472600382530404</v>
      </c>
      <c r="J619" s="11">
        <v>-35.734730304999971</v>
      </c>
      <c r="K619" s="13">
        <v>-9.5208345336940545E-2</v>
      </c>
      <c r="L619" s="11">
        <v>41.045246450999969</v>
      </c>
      <c r="M619" s="13">
        <v>0.12086450845013422</v>
      </c>
      <c r="N619" s="11">
        <v>5.3105161459999977</v>
      </c>
      <c r="O619" s="13">
        <v>1.4148853253693718E-2</v>
      </c>
      <c r="P619" s="7">
        <v>281.20521443600001</v>
      </c>
      <c r="Q619" s="7">
        <v>285.432349692</v>
      </c>
      <c r="R619" s="7">
        <v>274.44404856300002</v>
      </c>
      <c r="S619" s="7">
        <v>324.90662814699999</v>
      </c>
      <c r="T619" s="7">
        <v>338.859072088</v>
      </c>
      <c r="U619" s="7">
        <v>340.83829845000002</v>
      </c>
      <c r="V619" s="7">
        <v>375.33191211899998</v>
      </c>
      <c r="W619" s="7">
        <v>378.47720714899998</v>
      </c>
      <c r="X619" s="7">
        <v>357.21074205100001</v>
      </c>
      <c r="Y619" s="7">
        <v>339.59718181400001</v>
      </c>
      <c r="Z619" s="7">
        <v>348.79685182200001</v>
      </c>
      <c r="AA619" s="7">
        <v>368.140368088</v>
      </c>
      <c r="AB619" s="7">
        <v>362.56012205799999</v>
      </c>
      <c r="AC619" s="7">
        <v>379.33653054799998</v>
      </c>
      <c r="AD619" s="7">
        <v>372.28475292299999</v>
      </c>
      <c r="AE619" s="7">
        <v>376.95656572199999</v>
      </c>
      <c r="AF619" s="7">
        <v>380.64242826499998</v>
      </c>
      <c r="AG619" s="9">
        <v>5860.8909993600009</v>
      </c>
      <c r="AH619" s="13">
        <v>0.61445065675981203</v>
      </c>
      <c r="AI619" s="9">
        <v>2730.4273577600015</v>
      </c>
      <c r="AJ619" s="13">
        <v>0.28625560232971309</v>
      </c>
      <c r="AK619" s="9">
        <v>767.94751279999946</v>
      </c>
      <c r="AL619" s="13">
        <v>6.2593268056965745E-2</v>
      </c>
      <c r="AM619" s="9">
        <v>2362.5161287999999</v>
      </c>
      <c r="AN619" s="13">
        <v>0.181219033934121</v>
      </c>
      <c r="AO619" s="9">
        <v>3130.4636415999994</v>
      </c>
      <c r="AP619" s="13">
        <v>0.25515539355914957</v>
      </c>
      <c r="AQ619" s="9">
        <v>9538.4241759399993</v>
      </c>
      <c r="AR619" s="9">
        <v>9412.8831159099991</v>
      </c>
      <c r="AS619" s="9">
        <v>9688.9504860300003</v>
      </c>
      <c r="AT619" s="9">
        <v>10582.1798944</v>
      </c>
      <c r="AU619" s="9">
        <v>10679.467279500001</v>
      </c>
      <c r="AV619" s="9">
        <v>11541.2436397</v>
      </c>
      <c r="AW619" s="9">
        <v>12268.851533700001</v>
      </c>
      <c r="AX619" s="9">
        <v>12697.348904500001</v>
      </c>
      <c r="AY619" s="9">
        <v>13116.0443875</v>
      </c>
      <c r="AZ619" s="9">
        <v>13036.7990465</v>
      </c>
      <c r="BA619" s="9">
        <v>13136.5705189</v>
      </c>
      <c r="BB619" s="9">
        <v>13749.522782599999</v>
      </c>
      <c r="BC619" s="9">
        <v>13548.8960075</v>
      </c>
      <c r="BD619" s="9">
        <v>13729.2146663</v>
      </c>
      <c r="BE619" s="9">
        <v>14690.004436499999</v>
      </c>
      <c r="BF619" s="9">
        <v>15399.3151753</v>
      </c>
      <c r="BG619" s="11">
        <v>-3.5</v>
      </c>
      <c r="BH619" s="13">
        <v>-0.12962962962962962</v>
      </c>
      <c r="BI619" s="6">
        <v>0</v>
      </c>
      <c r="BJ619" s="13">
        <v>0</v>
      </c>
      <c r="BK619" s="6">
        <v>-2</v>
      </c>
      <c r="BL619" s="13">
        <v>-7.407407407407407E-2</v>
      </c>
      <c r="BM619" s="11">
        <v>-1.5</v>
      </c>
      <c r="BN619" s="13">
        <v>-0.06</v>
      </c>
      <c r="BO619" s="11">
        <v>-3.5</v>
      </c>
      <c r="BP619" s="13">
        <v>-0.12962962962962962</v>
      </c>
      <c r="BQ619" s="6">
        <v>27</v>
      </c>
      <c r="BR619" s="6">
        <v>28</v>
      </c>
      <c r="BS619" s="6">
        <v>29</v>
      </c>
      <c r="BT619" s="6">
        <v>27</v>
      </c>
      <c r="BU619" s="6">
        <v>29</v>
      </c>
      <c r="BV619" s="6">
        <v>26</v>
      </c>
      <c r="BW619" s="6">
        <v>25</v>
      </c>
      <c r="BX619" s="6">
        <v>23</v>
      </c>
      <c r="BY619" s="6">
        <v>24</v>
      </c>
      <c r="BZ619" s="6">
        <v>23</v>
      </c>
      <c r="CA619" s="6">
        <v>24</v>
      </c>
      <c r="CB619" s="6">
        <v>22</v>
      </c>
      <c r="CC619" s="11">
        <v>23.5</v>
      </c>
      <c r="CD619" s="11">
        <v>4.7504600000000003</v>
      </c>
      <c r="CE619" s="11">
        <v>63.947600000000001</v>
      </c>
      <c r="CF619" s="11">
        <v>30.739100000000001</v>
      </c>
      <c r="CG619" s="11">
        <v>95</v>
      </c>
      <c r="CH619" s="20">
        <v>1.18346</v>
      </c>
      <c r="CI619" s="20">
        <v>1.03966</v>
      </c>
      <c r="CJ619" s="20">
        <v>0.95849499999999999</v>
      </c>
      <c r="CK619" s="20">
        <v>1.1021099999999999</v>
      </c>
      <c r="CL619" s="20">
        <v>1.0974699999999999</v>
      </c>
      <c r="CM619" s="20">
        <v>1.07755</v>
      </c>
      <c r="CN619" s="20">
        <v>1.1842299999999999</v>
      </c>
      <c r="CO619" s="20">
        <v>1.28511</v>
      </c>
      <c r="CP619" s="20">
        <v>1.34944</v>
      </c>
      <c r="CQ619" s="20">
        <v>1.38178</v>
      </c>
      <c r="CR619" s="20">
        <v>1.4246300000000001</v>
      </c>
      <c r="CS619" s="20">
        <v>1.43919</v>
      </c>
      <c r="CT619" s="20">
        <v>1.4078200000000001</v>
      </c>
      <c r="CU619" s="20">
        <v>1.44065</v>
      </c>
      <c r="CV619" s="20">
        <v>1.3916500000000001</v>
      </c>
      <c r="CW619" s="20">
        <v>1.38808</v>
      </c>
      <c r="CX619" s="20">
        <v>1.37961</v>
      </c>
      <c r="CY619" s="6" t="s">
        <v>487</v>
      </c>
      <c r="CZ619" s="6" t="s">
        <v>488</v>
      </c>
      <c r="DA619" s="6" t="s">
        <v>148</v>
      </c>
      <c r="DB619" s="6" t="s">
        <v>345</v>
      </c>
      <c r="DC619" s="6">
        <v>44180</v>
      </c>
      <c r="DD619" s="6">
        <v>520</v>
      </c>
      <c r="DE619" s="6" t="s">
        <v>460</v>
      </c>
      <c r="DF619" s="6" t="s">
        <v>375</v>
      </c>
      <c r="DG619" s="6" t="s">
        <v>376</v>
      </c>
      <c r="DH619" s="6" t="s">
        <v>328</v>
      </c>
      <c r="DI619" s="6" t="s">
        <v>461</v>
      </c>
      <c r="DJ619" s="6">
        <v>29</v>
      </c>
      <c r="DK619" s="6">
        <v>59</v>
      </c>
      <c r="DL619" s="6">
        <v>2</v>
      </c>
      <c r="DM619" s="6" t="s">
        <v>379</v>
      </c>
      <c r="DN619" s="6">
        <v>2</v>
      </c>
      <c r="DO619" s="6" t="s">
        <v>463</v>
      </c>
      <c r="DP619" s="6"/>
      <c r="DQ619" s="6"/>
    </row>
    <row r="620" spans="1:121" x14ac:dyDescent="0.2">
      <c r="A620" s="6" t="s">
        <v>325</v>
      </c>
      <c r="B620" s="6" t="s">
        <v>325</v>
      </c>
      <c r="C620" s="6" t="s">
        <v>193</v>
      </c>
      <c r="D620" s="6" t="s">
        <v>148</v>
      </c>
      <c r="E620" s="6" t="s">
        <v>289</v>
      </c>
      <c r="F620" s="11">
        <v>30</v>
      </c>
      <c r="G620" s="13">
        <v>0.181818181818</v>
      </c>
      <c r="H620" s="11">
        <v>70.887551627999983</v>
      </c>
      <c r="I620" s="13">
        <v>0.42898120757843017</v>
      </c>
      <c r="J620" s="11">
        <v>-23.675913108999993</v>
      </c>
      <c r="K620" s="13">
        <v>-0.10026480437507644</v>
      </c>
      <c r="L620" s="11">
        <v>-17.209717377999993</v>
      </c>
      <c r="M620" s="13">
        <v>-8.1002943797334317E-2</v>
      </c>
      <c r="N620" s="11">
        <v>-40.885630486999986</v>
      </c>
      <c r="O620" s="13">
        <v>-0.17314600385876569</v>
      </c>
      <c r="P620" s="7">
        <v>165.24628672700001</v>
      </c>
      <c r="Q620" s="7">
        <v>188.414065274</v>
      </c>
      <c r="R620" s="7">
        <v>182.510682798</v>
      </c>
      <c r="S620" s="7">
        <v>201.96499474500001</v>
      </c>
      <c r="T620" s="7">
        <v>219.40860082399999</v>
      </c>
      <c r="U620" s="7">
        <v>221.895904806</v>
      </c>
      <c r="V620" s="7">
        <v>236.13383835499999</v>
      </c>
      <c r="W620" s="7">
        <v>230.92644843799999</v>
      </c>
      <c r="X620" s="7">
        <v>228.83058961399999</v>
      </c>
      <c r="Y620" s="7">
        <v>212.457925246</v>
      </c>
      <c r="Z620" s="7">
        <v>189.945726382</v>
      </c>
      <c r="AA620" s="7">
        <v>211.28391286900001</v>
      </c>
      <c r="AB620" s="7">
        <v>211.86015734200001</v>
      </c>
      <c r="AC620" s="7">
        <v>202.85468215399999</v>
      </c>
      <c r="AD620" s="7">
        <v>193.98424298099999</v>
      </c>
      <c r="AE620" s="7">
        <v>195.70952231800001</v>
      </c>
      <c r="AF620" s="7">
        <v>195.24820786800001</v>
      </c>
      <c r="AG620" s="9">
        <v>12195.192442399999</v>
      </c>
      <c r="AH620" s="13">
        <v>0.76715971386835713</v>
      </c>
      <c r="AI620" s="9">
        <v>6504.4671175000003</v>
      </c>
      <c r="AJ620" s="13">
        <v>0.40917477574018657</v>
      </c>
      <c r="AK620" s="9">
        <v>-87.215118299998721</v>
      </c>
      <c r="AL620" s="13">
        <v>-3.8933553508324918E-3</v>
      </c>
      <c r="AM620" s="9">
        <v>5777.9404431999974</v>
      </c>
      <c r="AN620" s="13">
        <v>0.25894020871301604</v>
      </c>
      <c r="AO620" s="9">
        <v>5690.7253248999987</v>
      </c>
      <c r="AP620" s="13">
        <v>0.25403870711504506</v>
      </c>
      <c r="AQ620" s="9">
        <v>15896.5495997</v>
      </c>
      <c r="AR620" s="9">
        <v>16472.254108599998</v>
      </c>
      <c r="AS620" s="9">
        <v>15938.1693426</v>
      </c>
      <c r="AT620" s="9">
        <v>15831.508853699999</v>
      </c>
      <c r="AU620" s="9">
        <v>16207.540658399999</v>
      </c>
      <c r="AV620" s="9">
        <v>16104.0915728</v>
      </c>
      <c r="AW620" s="9">
        <v>22401.0167172</v>
      </c>
      <c r="AX620" s="9">
        <v>22508.9722864</v>
      </c>
      <c r="AY620" s="9">
        <v>24912.532734799999</v>
      </c>
      <c r="AZ620" s="9">
        <v>22313.801598900001</v>
      </c>
      <c r="BA620" s="9">
        <v>23530.744689800002</v>
      </c>
      <c r="BB620" s="9">
        <v>23755.7292418</v>
      </c>
      <c r="BC620" s="9">
        <v>22842.1681322</v>
      </c>
      <c r="BD620" s="9">
        <v>23229.853190099999</v>
      </c>
      <c r="BE620" s="9">
        <v>28133.0953328</v>
      </c>
      <c r="BF620" s="9">
        <v>28091.742042099999</v>
      </c>
      <c r="BG620" s="11">
        <v>-2.25</v>
      </c>
      <c r="BH620" s="13">
        <v>-7.4999999999999997E-2</v>
      </c>
      <c r="BI620" s="6">
        <v>5</v>
      </c>
      <c r="BJ620" s="13">
        <v>0.16666666666666666</v>
      </c>
      <c r="BK620" s="6">
        <v>8</v>
      </c>
      <c r="BL620" s="13">
        <v>0.22857142857142856</v>
      </c>
      <c r="BM620" s="11">
        <v>-15.25</v>
      </c>
      <c r="BN620" s="13">
        <v>-0.35465116279069769</v>
      </c>
      <c r="BO620" s="11">
        <v>-7.25</v>
      </c>
      <c r="BP620" s="13">
        <v>-0.20714285714285716</v>
      </c>
      <c r="BQ620" s="6">
        <v>30</v>
      </c>
      <c r="BR620" s="6">
        <v>35</v>
      </c>
      <c r="BS620" s="6">
        <v>35</v>
      </c>
      <c r="BT620" s="6">
        <v>35</v>
      </c>
      <c r="BU620" s="6">
        <v>38</v>
      </c>
      <c r="BV620" s="6">
        <v>42</v>
      </c>
      <c r="BW620" s="6">
        <v>43</v>
      </c>
      <c r="BX620" s="6">
        <v>39</v>
      </c>
      <c r="BY620" s="6">
        <v>40</v>
      </c>
      <c r="BZ620" s="6">
        <v>28</v>
      </c>
      <c r="CA620" s="6">
        <v>29</v>
      </c>
      <c r="CB620" s="6">
        <v>26</v>
      </c>
      <c r="CC620" s="11">
        <v>27.75</v>
      </c>
      <c r="CD620" s="11">
        <v>13.4603</v>
      </c>
      <c r="CE620" s="11">
        <v>-1.52176</v>
      </c>
      <c r="CF620" s="11">
        <v>18.063400000000001</v>
      </c>
      <c r="CG620" s="11">
        <v>16</v>
      </c>
      <c r="CH620" s="20">
        <v>1.02383</v>
      </c>
      <c r="CI620" s="20">
        <v>1.0061500000000001</v>
      </c>
      <c r="CJ620" s="20">
        <v>0.93988099999999997</v>
      </c>
      <c r="CK620" s="20">
        <v>1.0284500000000001</v>
      </c>
      <c r="CL620" s="20">
        <v>1.0844499999999999</v>
      </c>
      <c r="CM620" s="20">
        <v>1.0806</v>
      </c>
      <c r="CN620" s="20">
        <v>1.1533100000000001</v>
      </c>
      <c r="CO620" s="20">
        <v>1.2126300000000001</v>
      </c>
      <c r="CP620" s="20">
        <v>1.30965</v>
      </c>
      <c r="CQ620" s="20">
        <v>1.3193699999999999</v>
      </c>
      <c r="CR620" s="20">
        <v>1.2013499999999999</v>
      </c>
      <c r="CS620" s="20">
        <v>1.2889200000000001</v>
      </c>
      <c r="CT620" s="20">
        <v>1.40035</v>
      </c>
      <c r="CU620" s="20">
        <v>1.3253600000000001</v>
      </c>
      <c r="CV620" s="20">
        <v>1.2721800000000001</v>
      </c>
      <c r="CW620" s="20">
        <v>1.2777700000000001</v>
      </c>
      <c r="CX620" s="20">
        <v>1.2659</v>
      </c>
      <c r="CY620" s="6" t="s">
        <v>487</v>
      </c>
      <c r="CZ620" s="6" t="s">
        <v>488</v>
      </c>
      <c r="DA620" s="6" t="s">
        <v>148</v>
      </c>
      <c r="DB620" s="6" t="s">
        <v>345</v>
      </c>
      <c r="DC620" s="6">
        <v>44180</v>
      </c>
      <c r="DD620" s="6">
        <v>520</v>
      </c>
      <c r="DE620" s="6" t="s">
        <v>460</v>
      </c>
      <c r="DF620" s="6" t="s">
        <v>375</v>
      </c>
      <c r="DG620" s="6" t="s">
        <v>376</v>
      </c>
      <c r="DH620" s="6" t="s">
        <v>328</v>
      </c>
      <c r="DI620" s="6" t="s">
        <v>461</v>
      </c>
      <c r="DJ620" s="6">
        <v>29</v>
      </c>
      <c r="DK620" s="6">
        <v>59</v>
      </c>
      <c r="DL620" s="6">
        <v>2</v>
      </c>
      <c r="DM620" s="6" t="s">
        <v>379</v>
      </c>
      <c r="DN620" s="6">
        <v>2</v>
      </c>
      <c r="DO620" s="6" t="s">
        <v>463</v>
      </c>
      <c r="DP620" s="6"/>
      <c r="DQ620" s="6"/>
    </row>
    <row r="621" spans="1:121" x14ac:dyDescent="0.2">
      <c r="A621" s="6" t="s">
        <v>327</v>
      </c>
      <c r="B621" s="6" t="s">
        <v>327</v>
      </c>
      <c r="C621" s="6" t="s">
        <v>194</v>
      </c>
      <c r="D621" s="6" t="s">
        <v>148</v>
      </c>
      <c r="E621" s="6" t="s">
        <v>289</v>
      </c>
      <c r="F621" s="11">
        <v>-101</v>
      </c>
      <c r="G621" s="13">
        <v>-0.13430851063800001</v>
      </c>
      <c r="H621" s="11">
        <v>45.941530999999941</v>
      </c>
      <c r="I621" s="13">
        <v>6.1106971172712111E-2</v>
      </c>
      <c r="J621" s="11">
        <v>-96.100924999999961</v>
      </c>
      <c r="K621" s="13">
        <v>-0.120463005446342</v>
      </c>
      <c r="L621" s="11">
        <v>-50.594592283999987</v>
      </c>
      <c r="M621" s="13">
        <v>-7.210678223873429E-2</v>
      </c>
      <c r="N621" s="11">
        <v>-146.69551728399995</v>
      </c>
      <c r="O621" s="13">
        <v>-0.18388358798353344</v>
      </c>
      <c r="P621" s="7">
        <v>751.82143900000005</v>
      </c>
      <c r="Q621" s="7">
        <v>779.04431899999997</v>
      </c>
      <c r="R621" s="7">
        <v>773.97082899999998</v>
      </c>
      <c r="S621" s="7">
        <v>780.03557799999999</v>
      </c>
      <c r="T621" s="7">
        <v>778.64679000000001</v>
      </c>
      <c r="U621" s="7">
        <v>788.182548</v>
      </c>
      <c r="V621" s="7">
        <v>797.76297</v>
      </c>
      <c r="W621" s="7">
        <v>741.89926800000001</v>
      </c>
      <c r="X621" s="7">
        <v>719.23564099999999</v>
      </c>
      <c r="Y621" s="7">
        <v>701.66204500000003</v>
      </c>
      <c r="Z621" s="7">
        <v>691.28000199999997</v>
      </c>
      <c r="AA621" s="7">
        <v>707.77152899999999</v>
      </c>
      <c r="AB621" s="7">
        <v>698.48810300000002</v>
      </c>
      <c r="AC621" s="7">
        <v>685.50725699999998</v>
      </c>
      <c r="AD621" s="7">
        <v>680.44171200000005</v>
      </c>
      <c r="AE621" s="7">
        <v>662.41377350000005</v>
      </c>
      <c r="AF621" s="7">
        <v>651.06745271600005</v>
      </c>
      <c r="AG621" s="9">
        <v>11700.419376000002</v>
      </c>
      <c r="AH621" s="13">
        <v>0.36276048908512754</v>
      </c>
      <c r="AI621" s="9">
        <v>6994.1904663999994</v>
      </c>
      <c r="AJ621" s="13">
        <v>0.21684829174158993</v>
      </c>
      <c r="AK621" s="9">
        <v>6102.3586177000034</v>
      </c>
      <c r="AL621" s="13">
        <v>0.15548190028518802</v>
      </c>
      <c r="AM621" s="9">
        <v>-1396.1297081000012</v>
      </c>
      <c r="AN621" s="13">
        <v>-3.0785395343819764E-2</v>
      </c>
      <c r="AO621" s="9">
        <v>4706.2289096000022</v>
      </c>
      <c r="AP621" s="13">
        <v>0.11990993317228038</v>
      </c>
      <c r="AQ621" s="9">
        <v>32253.841661499999</v>
      </c>
      <c r="AR621" s="9">
        <v>32933.829108400001</v>
      </c>
      <c r="AS621" s="9">
        <v>35150.572622500003</v>
      </c>
      <c r="AT621" s="9">
        <v>37475.308310400003</v>
      </c>
      <c r="AU621" s="9">
        <v>38693.5192073</v>
      </c>
      <c r="AV621" s="9">
        <v>39824.260645499999</v>
      </c>
      <c r="AW621" s="9">
        <v>39248.032127899998</v>
      </c>
      <c r="AX621" s="9">
        <v>43103.676268199997</v>
      </c>
      <c r="AY621" s="9">
        <v>44624.436549799997</v>
      </c>
      <c r="AZ621" s="9">
        <v>45350.390745600002</v>
      </c>
      <c r="BA621" s="9">
        <v>44025.774298900003</v>
      </c>
      <c r="BB621" s="9">
        <v>43401.909172899999</v>
      </c>
      <c r="BC621" s="9">
        <v>43834.6213966</v>
      </c>
      <c r="BD621" s="9">
        <v>43261.773518800001</v>
      </c>
      <c r="BE621" s="9">
        <v>42937.331778699998</v>
      </c>
      <c r="BF621" s="9">
        <v>43954.2610375</v>
      </c>
      <c r="BG621" s="11">
        <v>-4</v>
      </c>
      <c r="BH621" s="13">
        <v>-0.125</v>
      </c>
      <c r="BI621" s="6">
        <v>-1</v>
      </c>
      <c r="BJ621" s="13">
        <v>-3.125E-2</v>
      </c>
      <c r="BK621" s="6">
        <v>-1</v>
      </c>
      <c r="BL621" s="13">
        <v>-3.2258064516129031E-2</v>
      </c>
      <c r="BM621" s="11">
        <v>-2</v>
      </c>
      <c r="BN621" s="13">
        <v>-6.6666666666666666E-2</v>
      </c>
      <c r="BO621" s="11">
        <v>-3</v>
      </c>
      <c r="BP621" s="13">
        <v>-9.6774193548387094E-2</v>
      </c>
      <c r="BQ621" s="6">
        <v>32</v>
      </c>
      <c r="BR621" s="6">
        <v>30</v>
      </c>
      <c r="BS621" s="6">
        <v>31</v>
      </c>
      <c r="BT621" s="6">
        <v>31</v>
      </c>
      <c r="BU621" s="6">
        <v>28</v>
      </c>
      <c r="BV621" s="6">
        <v>30</v>
      </c>
      <c r="BW621" s="6">
        <v>30</v>
      </c>
      <c r="BX621" s="6">
        <v>29</v>
      </c>
      <c r="BY621" s="6">
        <v>28</v>
      </c>
      <c r="BZ621" s="6">
        <v>28</v>
      </c>
      <c r="CA621" s="6">
        <v>27</v>
      </c>
      <c r="CB621" s="6">
        <v>28</v>
      </c>
      <c r="CC621" s="11">
        <v>28</v>
      </c>
      <c r="CD621" s="11">
        <v>-138.86199999999999</v>
      </c>
      <c r="CE621" s="11">
        <v>-44.075299999999999</v>
      </c>
      <c r="CF621" s="11">
        <v>82.183099999999996</v>
      </c>
      <c r="CG621" s="11">
        <v>38</v>
      </c>
      <c r="CH621" s="20">
        <v>1.40229</v>
      </c>
      <c r="CI621" s="20">
        <v>1.2499199999999999</v>
      </c>
      <c r="CJ621" s="20">
        <v>1.20634</v>
      </c>
      <c r="CK621" s="20">
        <v>1.2109300000000001</v>
      </c>
      <c r="CL621" s="20">
        <v>1.17597</v>
      </c>
      <c r="CM621" s="20">
        <v>1.18058</v>
      </c>
      <c r="CN621" s="20">
        <v>1.2070399999999999</v>
      </c>
      <c r="CO621" s="20">
        <v>1.19479</v>
      </c>
      <c r="CP621" s="20">
        <v>1.2483</v>
      </c>
      <c r="CQ621" s="20">
        <v>1.3138099999999999</v>
      </c>
      <c r="CR621" s="20">
        <v>1.3492299999999999</v>
      </c>
      <c r="CS621" s="20">
        <v>1.3776200000000001</v>
      </c>
      <c r="CT621" s="20">
        <v>1.39916</v>
      </c>
      <c r="CU621" s="20">
        <v>1.3829899999999999</v>
      </c>
      <c r="CV621" s="20">
        <v>1.3897900000000001</v>
      </c>
      <c r="CW621" s="20">
        <v>1.3537300000000001</v>
      </c>
      <c r="CX621" s="20">
        <v>1.33053</v>
      </c>
      <c r="CY621" s="6" t="s">
        <v>487</v>
      </c>
      <c r="CZ621" s="6" t="s">
        <v>488</v>
      </c>
      <c r="DA621" s="6" t="s">
        <v>148</v>
      </c>
      <c r="DB621" s="6" t="s">
        <v>345</v>
      </c>
      <c r="DC621" s="6">
        <v>44180</v>
      </c>
      <c r="DD621" s="6">
        <v>520</v>
      </c>
      <c r="DE621" s="6" t="s">
        <v>460</v>
      </c>
      <c r="DF621" s="6" t="s">
        <v>375</v>
      </c>
      <c r="DG621" s="6" t="s">
        <v>376</v>
      </c>
      <c r="DH621" s="6" t="s">
        <v>328</v>
      </c>
      <c r="DI621" s="6" t="s">
        <v>461</v>
      </c>
      <c r="DJ621" s="6">
        <v>29</v>
      </c>
      <c r="DK621" s="6">
        <v>59</v>
      </c>
      <c r="DL621" s="6">
        <v>2</v>
      </c>
      <c r="DM621" s="6" t="s">
        <v>379</v>
      </c>
      <c r="DN621" s="6">
        <v>2</v>
      </c>
      <c r="DO621" s="6" t="s">
        <v>463</v>
      </c>
      <c r="DP621" s="6"/>
      <c r="DQ621" s="6"/>
    </row>
    <row r="622" spans="1:121" x14ac:dyDescent="0.2">
      <c r="A622" s="6" t="s">
        <v>1</v>
      </c>
      <c r="B622" s="6" t="s">
        <v>1</v>
      </c>
      <c r="C622" s="6" t="s">
        <v>2</v>
      </c>
      <c r="D622" s="6" t="s">
        <v>166</v>
      </c>
      <c r="E622" s="6" t="s">
        <v>305</v>
      </c>
      <c r="F622" s="11">
        <v>-712</v>
      </c>
      <c r="G622" s="13">
        <v>-0.89898989899000004</v>
      </c>
      <c r="H622" s="11">
        <v>-68.196725711999989</v>
      </c>
      <c r="I622" s="13">
        <v>-8.6064894545880982E-2</v>
      </c>
      <c r="J622" s="11">
        <v>-549.84821592900005</v>
      </c>
      <c r="K622" s="13">
        <v>-0.75925905156713935</v>
      </c>
      <c r="L622" s="11">
        <v>-93.883008889600006</v>
      </c>
      <c r="M622" s="13">
        <v>-0.53849811908152168</v>
      </c>
      <c r="N622" s="11">
        <v>-643.73122481860003</v>
      </c>
      <c r="O622" s="13">
        <v>-0.88889759948413627</v>
      </c>
      <c r="P622" s="7">
        <v>792.38725698600001</v>
      </c>
      <c r="Q622" s="7">
        <v>824.05442327699996</v>
      </c>
      <c r="R622" s="7">
        <v>796.75496780699996</v>
      </c>
      <c r="S622" s="7">
        <v>698.77717294299998</v>
      </c>
      <c r="T622" s="7">
        <v>662.92760250499998</v>
      </c>
      <c r="U622" s="7">
        <v>674.04363198500005</v>
      </c>
      <c r="V622" s="7">
        <v>724.19053127400002</v>
      </c>
      <c r="W622" s="7">
        <v>660.92885506799996</v>
      </c>
      <c r="X622" s="7">
        <v>169.20977400800001</v>
      </c>
      <c r="Y622" s="7">
        <v>174.342315345</v>
      </c>
      <c r="Z622" s="7">
        <v>196.42010291299999</v>
      </c>
      <c r="AA622" s="7">
        <v>125.594355318</v>
      </c>
      <c r="AB622" s="7">
        <v>85.805770583400005</v>
      </c>
      <c r="AC622" s="7">
        <v>85.404315217800004</v>
      </c>
      <c r="AD622" s="7">
        <v>88.292252844900005</v>
      </c>
      <c r="AE622" s="7">
        <v>84.483957989700002</v>
      </c>
      <c r="AF622" s="7">
        <v>80.459306455399997</v>
      </c>
      <c r="AG622" s="9">
        <v>3524.3472411000002</v>
      </c>
      <c r="AH622" s="13">
        <v>0.17052616966741682</v>
      </c>
      <c r="AI622" s="9">
        <v>-813.02028839999912</v>
      </c>
      <c r="AJ622" s="13">
        <v>-3.9338131619368603E-2</v>
      </c>
      <c r="AK622" s="9">
        <v>3042.0587847999996</v>
      </c>
      <c r="AL622" s="13">
        <v>0.15321786110161734</v>
      </c>
      <c r="AM622" s="9">
        <v>1295.3087446999998</v>
      </c>
      <c r="AN622" s="13">
        <v>5.6572286300860239E-2</v>
      </c>
      <c r="AO622" s="9">
        <v>4337.3675294999994</v>
      </c>
      <c r="AP622" s="13">
        <v>0.21845803210712372</v>
      </c>
      <c r="AQ622" s="9">
        <v>20667.486098900001</v>
      </c>
      <c r="AR622" s="9">
        <v>21287.244359299999</v>
      </c>
      <c r="AS622" s="9">
        <v>21058.586846999999</v>
      </c>
      <c r="AT622" s="9">
        <v>21403.948027900002</v>
      </c>
      <c r="AU622" s="9">
        <v>21548.7874429</v>
      </c>
      <c r="AV622" s="9">
        <v>22298.727323399999</v>
      </c>
      <c r="AW622" s="9">
        <v>19854.465810500002</v>
      </c>
      <c r="AX622" s="9">
        <v>18465.267871299999</v>
      </c>
      <c r="AY622" s="9">
        <v>24279.152296200002</v>
      </c>
      <c r="AZ622" s="9">
        <v>22896.524595300001</v>
      </c>
      <c r="BA622" s="9">
        <v>24851.632583800001</v>
      </c>
      <c r="BB622" s="9">
        <v>24167.0019058</v>
      </c>
      <c r="BC622" s="9">
        <v>23455.9548416</v>
      </c>
      <c r="BD622" s="9">
        <v>21904.756113399999</v>
      </c>
      <c r="BE622" s="9">
        <v>23177.2332159</v>
      </c>
      <c r="BF622" s="9">
        <v>24191.833340000001</v>
      </c>
      <c r="BG622" s="11">
        <v>1</v>
      </c>
      <c r="BH622" s="13">
        <v>0.25</v>
      </c>
      <c r="BI622" s="6">
        <v>2</v>
      </c>
      <c r="BJ622" s="13">
        <v>0.5</v>
      </c>
      <c r="BK622" s="6">
        <v>-1</v>
      </c>
      <c r="BL622" s="13">
        <v>-0.16666666666666666</v>
      </c>
      <c r="BM622" s="11">
        <v>0</v>
      </c>
      <c r="BN622" s="13">
        <v>0</v>
      </c>
      <c r="BO622" s="11">
        <v>-1</v>
      </c>
      <c r="BP622" s="13">
        <v>-0.16666666666666666</v>
      </c>
      <c r="BQ622" s="6">
        <v>4</v>
      </c>
      <c r="BR622" s="6">
        <v>4</v>
      </c>
      <c r="BS622" s="6">
        <v>4</v>
      </c>
      <c r="BT622" s="6">
        <v>6</v>
      </c>
      <c r="BU622" s="6">
        <v>6</v>
      </c>
      <c r="BV622" s="6">
        <v>6</v>
      </c>
      <c r="BW622" s="6">
        <v>5</v>
      </c>
      <c r="BX622" s="6">
        <v>5</v>
      </c>
      <c r="BY622" s="6">
        <v>7</v>
      </c>
      <c r="BZ622" s="6">
        <v>6</v>
      </c>
      <c r="CA622" s="6">
        <v>4</v>
      </c>
      <c r="CB622" s="6">
        <v>5</v>
      </c>
      <c r="CC622" s="11">
        <v>5</v>
      </c>
      <c r="CD622" s="11">
        <v>-726.30100000000004</v>
      </c>
      <c r="CE622" s="11">
        <v>-72.244900000000001</v>
      </c>
      <c r="CF622" s="11">
        <v>86.617500000000007</v>
      </c>
      <c r="CG622" s="11">
        <v>15</v>
      </c>
      <c r="CH622" s="20">
        <v>20.715299999999999</v>
      </c>
      <c r="CI622" s="20">
        <v>21.082599999999999</v>
      </c>
      <c r="CJ622" s="20">
        <v>20.711300000000001</v>
      </c>
      <c r="CK622" s="20">
        <v>17.5746</v>
      </c>
      <c r="CL622" s="20">
        <v>17.635400000000001</v>
      </c>
      <c r="CM622" s="20">
        <v>17.757000000000001</v>
      </c>
      <c r="CN622" s="20">
        <v>19.732700000000001</v>
      </c>
      <c r="CO622" s="20">
        <v>19.544</v>
      </c>
      <c r="CP622" s="20">
        <v>6.1330999999999998</v>
      </c>
      <c r="CQ622" s="20">
        <v>6.4432</v>
      </c>
      <c r="CR622" s="20">
        <v>7.1588799999999999</v>
      </c>
      <c r="CS622" s="20">
        <v>4.6920299999999999</v>
      </c>
      <c r="CT622" s="20">
        <v>3.2521399999999998</v>
      </c>
      <c r="CU622" s="20">
        <v>3.3665500000000002</v>
      </c>
      <c r="CV622" s="20">
        <v>3.4573100000000001</v>
      </c>
      <c r="CW622" s="20">
        <v>3.3083800000000001</v>
      </c>
      <c r="CX622" s="20">
        <v>3.1635200000000001</v>
      </c>
      <c r="CY622" s="6" t="s">
        <v>490</v>
      </c>
      <c r="CZ622" s="6" t="s">
        <v>491</v>
      </c>
      <c r="DA622" s="6" t="s">
        <v>166</v>
      </c>
      <c r="DB622" s="6"/>
      <c r="DC622" s="6"/>
      <c r="DD622" s="6"/>
      <c r="DE622" s="6"/>
      <c r="DF622" s="6"/>
      <c r="DG622" s="6"/>
      <c r="DH622" s="6" t="s">
        <v>333</v>
      </c>
      <c r="DI622" s="6"/>
      <c r="DJ622" s="6"/>
      <c r="DK622" s="6"/>
      <c r="DL622" s="6">
        <v>4</v>
      </c>
      <c r="DM622" s="6" t="s">
        <v>446</v>
      </c>
      <c r="DN622" s="6">
        <v>8</v>
      </c>
      <c r="DO622" s="6" t="s">
        <v>486</v>
      </c>
      <c r="DP622" s="6"/>
      <c r="DQ622" s="6"/>
    </row>
    <row r="623" spans="1:121" x14ac:dyDescent="0.2">
      <c r="A623" s="6" t="s">
        <v>310</v>
      </c>
      <c r="B623" s="6" t="s">
        <v>310</v>
      </c>
      <c r="C623" s="6" t="s">
        <v>173</v>
      </c>
      <c r="D623" s="6" t="s">
        <v>166</v>
      </c>
      <c r="E623" s="6" t="s">
        <v>305</v>
      </c>
      <c r="F623" s="11">
        <v>1</v>
      </c>
      <c r="G623" s="13">
        <v>1</v>
      </c>
      <c r="H623" s="11">
        <v>0</v>
      </c>
      <c r="I623" s="13">
        <v>0</v>
      </c>
      <c r="J623" s="11">
        <v>-5</v>
      </c>
      <c r="K623" s="13">
        <v>-1</v>
      </c>
      <c r="L623" s="11">
        <v>0</v>
      </c>
      <c r="M623" s="13"/>
      <c r="N623" s="11">
        <v>-5</v>
      </c>
      <c r="O623" s="13">
        <v>-1</v>
      </c>
      <c r="P623" s="7">
        <v>5</v>
      </c>
      <c r="Q623" s="7">
        <v>5</v>
      </c>
      <c r="R623" s="7">
        <v>5</v>
      </c>
      <c r="S623" s="7">
        <v>5</v>
      </c>
      <c r="T623" s="7">
        <v>5</v>
      </c>
      <c r="U623" s="7">
        <v>5</v>
      </c>
      <c r="V623" s="7">
        <v>5</v>
      </c>
      <c r="W623" s="7">
        <v>5</v>
      </c>
      <c r="X623" s="7">
        <v>5</v>
      </c>
      <c r="Y623" s="7">
        <v>0</v>
      </c>
      <c r="Z623" s="7">
        <v>0</v>
      </c>
      <c r="AA623" s="7">
        <v>0</v>
      </c>
      <c r="AB623" s="7">
        <v>0</v>
      </c>
      <c r="AC623" s="7">
        <v>0</v>
      </c>
      <c r="AD623" s="7">
        <v>0</v>
      </c>
      <c r="AE623" s="7">
        <v>0</v>
      </c>
      <c r="AF623" s="7">
        <v>0</v>
      </c>
      <c r="AG623" s="9">
        <v>-1</v>
      </c>
      <c r="AH623" s="13">
        <v>-1</v>
      </c>
      <c r="AI623" s="9">
        <v>0</v>
      </c>
      <c r="AJ623" s="13">
        <v>0</v>
      </c>
      <c r="AK623" s="9">
        <v>-1</v>
      </c>
      <c r="AL623" s="13">
        <v>-1</v>
      </c>
      <c r="AM623" s="9">
        <v>0</v>
      </c>
      <c r="AN623" s="13"/>
      <c r="AO623" s="9">
        <v>-1</v>
      </c>
      <c r="AP623" s="13">
        <v>-1</v>
      </c>
      <c r="AQ623" s="9">
        <v>1</v>
      </c>
      <c r="AR623" s="9">
        <v>1</v>
      </c>
      <c r="AS623" s="9">
        <v>1</v>
      </c>
      <c r="AT623" s="9">
        <v>1</v>
      </c>
      <c r="AU623" s="9">
        <v>1</v>
      </c>
      <c r="AV623" s="9">
        <v>1</v>
      </c>
      <c r="AW623" s="9">
        <v>1</v>
      </c>
      <c r="AX623" s="9">
        <v>1</v>
      </c>
      <c r="AY623" s="9">
        <v>1</v>
      </c>
      <c r="AZ623" s="9">
        <v>0</v>
      </c>
      <c r="BA623" s="9">
        <v>0</v>
      </c>
      <c r="BB623" s="9">
        <v>0</v>
      </c>
      <c r="BC623" s="9">
        <v>0</v>
      </c>
      <c r="BD623" s="9">
        <v>0</v>
      </c>
      <c r="BE623" s="9">
        <v>0</v>
      </c>
      <c r="BF623" s="9">
        <v>0</v>
      </c>
      <c r="BG623" s="11">
        <v>-3</v>
      </c>
      <c r="BH623" s="13">
        <v>-1</v>
      </c>
      <c r="BI623" s="6">
        <v>-1</v>
      </c>
      <c r="BJ623" s="13">
        <v>-0.33333333333333331</v>
      </c>
      <c r="BK623" s="6">
        <v>-2</v>
      </c>
      <c r="BL623" s="13">
        <v>-1</v>
      </c>
      <c r="BM623" s="11">
        <v>0</v>
      </c>
      <c r="BN623" s="13" t="e">
        <v>#DIV/0!</v>
      </c>
      <c r="BO623" s="11">
        <v>-2</v>
      </c>
      <c r="BP623" s="13">
        <v>-1</v>
      </c>
      <c r="BQ623" s="6">
        <v>3</v>
      </c>
      <c r="BR623" s="6">
        <v>3</v>
      </c>
      <c r="BS623" s="6">
        <v>3</v>
      </c>
      <c r="BT623" s="6">
        <v>2</v>
      </c>
      <c r="BU623" s="6">
        <v>2</v>
      </c>
      <c r="BV623" s="6">
        <v>2</v>
      </c>
      <c r="BW623" s="6">
        <v>0</v>
      </c>
      <c r="BX623" s="6">
        <v>0</v>
      </c>
      <c r="BY623" s="6">
        <v>0</v>
      </c>
      <c r="BZ623" s="6">
        <v>0</v>
      </c>
      <c r="CA623" s="6">
        <v>0</v>
      </c>
      <c r="CB623" s="6">
        <v>0</v>
      </c>
      <c r="CC623" s="11">
        <v>0</v>
      </c>
      <c r="CD623" s="11">
        <v>-0.64989799999999998</v>
      </c>
      <c r="CE623" s="11">
        <v>5.5583E-2</v>
      </c>
      <c r="CF623" s="11">
        <v>5.8563999999999998E-2</v>
      </c>
      <c r="CG623" s="11">
        <v>0</v>
      </c>
      <c r="CH623" s="20">
        <v>4.9365399999999997E-2</v>
      </c>
      <c r="CI623" s="20">
        <v>0.10799</v>
      </c>
      <c r="CJ623" s="20">
        <v>0.69300399999999995</v>
      </c>
      <c r="CK623" s="20">
        <v>0.28908600000000001</v>
      </c>
      <c r="CL623" s="20">
        <v>0.88705100000000003</v>
      </c>
      <c r="CM623" s="20">
        <v>0.72172999999999998</v>
      </c>
      <c r="CN623" s="20">
        <v>0.54840800000000001</v>
      </c>
      <c r="CO623" s="20">
        <v>0.176872</v>
      </c>
      <c r="CP623" s="20">
        <v>7.6723299999999994E-2</v>
      </c>
      <c r="CQ623" s="20">
        <v>0</v>
      </c>
      <c r="CR623" s="20">
        <v>0</v>
      </c>
      <c r="CS623" s="20">
        <v>0</v>
      </c>
      <c r="CT623" s="20">
        <v>0</v>
      </c>
      <c r="CU623" s="20">
        <v>0</v>
      </c>
      <c r="CV623" s="20">
        <v>0</v>
      </c>
      <c r="CW623" s="20">
        <v>0</v>
      </c>
      <c r="CX623" s="20">
        <v>0</v>
      </c>
      <c r="CY623" s="6" t="s">
        <v>490</v>
      </c>
      <c r="CZ623" s="6" t="s">
        <v>491</v>
      </c>
      <c r="DA623" s="6" t="s">
        <v>166</v>
      </c>
      <c r="DB623" s="6"/>
      <c r="DC623" s="6"/>
      <c r="DD623" s="6"/>
      <c r="DE623" s="6"/>
      <c r="DF623" s="6"/>
      <c r="DG623" s="6"/>
      <c r="DH623" s="6" t="s">
        <v>333</v>
      </c>
      <c r="DI623" s="6"/>
      <c r="DJ623" s="6"/>
      <c r="DK623" s="6"/>
      <c r="DL623" s="6">
        <v>4</v>
      </c>
      <c r="DM623" s="6" t="s">
        <v>446</v>
      </c>
      <c r="DN623" s="6">
        <v>8</v>
      </c>
      <c r="DO623" s="6" t="s">
        <v>486</v>
      </c>
      <c r="DP623" s="6"/>
      <c r="DQ623" s="6"/>
    </row>
    <row r="624" spans="1:121" x14ac:dyDescent="0.2">
      <c r="A624" s="6" t="s">
        <v>311</v>
      </c>
      <c r="B624" s="6" t="s">
        <v>311</v>
      </c>
      <c r="C624" s="6" t="s">
        <v>174</v>
      </c>
      <c r="D624" s="6" t="s">
        <v>166</v>
      </c>
      <c r="E624" s="6" t="s">
        <v>305</v>
      </c>
      <c r="F624" s="11">
        <v>1</v>
      </c>
      <c r="G624" s="13">
        <v>1</v>
      </c>
      <c r="H624" s="11">
        <v>0</v>
      </c>
      <c r="I624" s="13">
        <v>0</v>
      </c>
      <c r="J624" s="11">
        <v>8.1221870000000003</v>
      </c>
      <c r="K624" s="13">
        <v>1.6244373999999999</v>
      </c>
      <c r="L624" s="11">
        <v>-8.1221870000000003</v>
      </c>
      <c r="M624" s="13">
        <v>-0.61896595437940338</v>
      </c>
      <c r="N624" s="11">
        <v>0</v>
      </c>
      <c r="O624" s="13">
        <v>0</v>
      </c>
      <c r="P624" s="7">
        <v>5</v>
      </c>
      <c r="Q624" s="7">
        <v>5</v>
      </c>
      <c r="R624" s="7">
        <v>5</v>
      </c>
      <c r="S624" s="7">
        <v>5</v>
      </c>
      <c r="T624" s="7">
        <v>5</v>
      </c>
      <c r="U624" s="7">
        <v>5</v>
      </c>
      <c r="V624" s="7">
        <v>5</v>
      </c>
      <c r="W624" s="7">
        <v>5</v>
      </c>
      <c r="X624" s="7">
        <v>5</v>
      </c>
      <c r="Y624" s="7">
        <v>13.122187</v>
      </c>
      <c r="Z624" s="7">
        <v>22.962192999999999</v>
      </c>
      <c r="AA624" s="7">
        <v>14.802405</v>
      </c>
      <c r="AB624" s="7">
        <v>11.009321999999999</v>
      </c>
      <c r="AC624" s="7">
        <v>5</v>
      </c>
      <c r="AD624" s="7">
        <v>5</v>
      </c>
      <c r="AE624" s="7">
        <v>5</v>
      </c>
      <c r="AF624" s="7">
        <v>5</v>
      </c>
      <c r="AG624" s="9">
        <v>0</v>
      </c>
      <c r="AH624" s="13">
        <v>0</v>
      </c>
      <c r="AI624" s="9">
        <v>0</v>
      </c>
      <c r="AJ624" s="13">
        <v>0</v>
      </c>
      <c r="AK624" s="9">
        <v>83265.191574500001</v>
      </c>
      <c r="AL624" s="13">
        <v>83265.191574500001</v>
      </c>
      <c r="AM624" s="9">
        <v>-83265.191574500001</v>
      </c>
      <c r="AN624" s="13">
        <v>-0.9999879903237906</v>
      </c>
      <c r="AO624" s="9">
        <v>0</v>
      </c>
      <c r="AP624" s="13">
        <v>0</v>
      </c>
      <c r="AQ624" s="9">
        <v>1</v>
      </c>
      <c r="AR624" s="9">
        <v>1</v>
      </c>
      <c r="AS624" s="9">
        <v>1</v>
      </c>
      <c r="AT624" s="9">
        <v>1</v>
      </c>
      <c r="AU624" s="9">
        <v>1</v>
      </c>
      <c r="AV624" s="9">
        <v>1</v>
      </c>
      <c r="AW624" s="9">
        <v>1</v>
      </c>
      <c r="AX624" s="9">
        <v>1</v>
      </c>
      <c r="AY624" s="9">
        <v>1</v>
      </c>
      <c r="AZ624" s="9">
        <v>83266.191574500001</v>
      </c>
      <c r="BA624" s="9">
        <v>50196.702082399999</v>
      </c>
      <c r="BB624" s="9">
        <v>52151.0452898</v>
      </c>
      <c r="BC624" s="9">
        <v>123213.37396</v>
      </c>
      <c r="BD624" s="9">
        <v>1</v>
      </c>
      <c r="BE624" s="9">
        <v>1</v>
      </c>
      <c r="BF624" s="9">
        <v>1</v>
      </c>
      <c r="BG624" s="11">
        <v>1</v>
      </c>
      <c r="BH624" s="13">
        <v>1</v>
      </c>
      <c r="BI624" s="6">
        <v>1</v>
      </c>
      <c r="BJ624" s="13">
        <v>1</v>
      </c>
      <c r="BK624" s="6">
        <v>0</v>
      </c>
      <c r="BL624" s="13">
        <v>0</v>
      </c>
      <c r="BM624" s="11">
        <v>0</v>
      </c>
      <c r="BN624" s="13">
        <v>0</v>
      </c>
      <c r="BO624" s="11">
        <v>0</v>
      </c>
      <c r="BP624" s="13">
        <v>0</v>
      </c>
      <c r="BQ624" s="6">
        <v>1</v>
      </c>
      <c r="BR624" s="6">
        <v>2</v>
      </c>
      <c r="BS624" s="6">
        <v>2</v>
      </c>
      <c r="BT624" s="6">
        <v>2</v>
      </c>
      <c r="BU624" s="6">
        <v>2</v>
      </c>
      <c r="BV624" s="6">
        <v>2</v>
      </c>
      <c r="BW624" s="6">
        <v>2</v>
      </c>
      <c r="BX624" s="6">
        <v>2</v>
      </c>
      <c r="BY624" s="6">
        <v>2</v>
      </c>
      <c r="BZ624" s="6">
        <v>2</v>
      </c>
      <c r="CA624" s="6">
        <v>2</v>
      </c>
      <c r="CB624" s="6">
        <v>2</v>
      </c>
      <c r="CC624" s="11">
        <v>2</v>
      </c>
      <c r="CD624" s="11">
        <v>4.9761100000000003</v>
      </c>
      <c r="CE624" s="11">
        <v>-0.32098700000000002</v>
      </c>
      <c r="CF624" s="11">
        <v>0.21546799999999999</v>
      </c>
      <c r="CG624" s="11">
        <v>0</v>
      </c>
      <c r="CH624" s="20">
        <v>0.16577</v>
      </c>
      <c r="CI624" s="20">
        <v>0.23677300000000001</v>
      </c>
      <c r="CJ624" s="20">
        <v>0.14254800000000001</v>
      </c>
      <c r="CK624" s="20">
        <v>9.9452499999999999E-2</v>
      </c>
      <c r="CL624" s="20">
        <v>0.54006600000000005</v>
      </c>
      <c r="CM624" s="20">
        <v>0.17530699999999999</v>
      </c>
      <c r="CN624" s="20">
        <v>6.5628900000000004E-2</v>
      </c>
      <c r="CO624" s="20">
        <v>0.18282200000000001</v>
      </c>
      <c r="CP624" s="20">
        <v>0.53169100000000002</v>
      </c>
      <c r="CQ624" s="20">
        <v>1.61965</v>
      </c>
      <c r="CR624" s="20">
        <v>2.8190200000000001</v>
      </c>
      <c r="CS624" s="20">
        <v>1.8872100000000001</v>
      </c>
      <c r="CT624" s="20">
        <v>1.44163</v>
      </c>
      <c r="CU624" s="20">
        <v>0.76870300000000003</v>
      </c>
      <c r="CV624" s="20">
        <v>0.81730400000000003</v>
      </c>
      <c r="CW624" s="20">
        <v>0.97363500000000003</v>
      </c>
      <c r="CX624" s="20">
        <v>0.93088599999999999</v>
      </c>
      <c r="CY624" s="6" t="s">
        <v>490</v>
      </c>
      <c r="CZ624" s="6" t="s">
        <v>491</v>
      </c>
      <c r="DA624" s="6" t="s">
        <v>166</v>
      </c>
      <c r="DB624" s="6"/>
      <c r="DC624" s="6"/>
      <c r="DD624" s="6"/>
      <c r="DE624" s="6"/>
      <c r="DF624" s="6"/>
      <c r="DG624" s="6"/>
      <c r="DH624" s="6" t="s">
        <v>333</v>
      </c>
      <c r="DI624" s="6"/>
      <c r="DJ624" s="6"/>
      <c r="DK624" s="6"/>
      <c r="DL624" s="6">
        <v>4</v>
      </c>
      <c r="DM624" s="6" t="s">
        <v>446</v>
      </c>
      <c r="DN624" s="6">
        <v>8</v>
      </c>
      <c r="DO624" s="6" t="s">
        <v>486</v>
      </c>
      <c r="DP624" s="6"/>
      <c r="DQ624" s="6"/>
    </row>
    <row r="625" spans="1:121" x14ac:dyDescent="0.2">
      <c r="A625" s="6" t="s">
        <v>312</v>
      </c>
      <c r="B625" s="6" t="s">
        <v>312</v>
      </c>
      <c r="C625" s="6" t="s">
        <v>175</v>
      </c>
      <c r="D625" s="6" t="s">
        <v>166</v>
      </c>
      <c r="E625" s="6" t="s">
        <v>305</v>
      </c>
      <c r="F625" s="11">
        <v>29</v>
      </c>
      <c r="G625" s="13">
        <v>0.12775330396500001</v>
      </c>
      <c r="H625" s="11">
        <v>38.845518441000024</v>
      </c>
      <c r="I625" s="13">
        <v>0.17107209081679384</v>
      </c>
      <c r="J625" s="11">
        <v>-57.676704961000013</v>
      </c>
      <c r="K625" s="13">
        <v>-0.2168977524505287</v>
      </c>
      <c r="L625" s="11">
        <v>47.308235466000014</v>
      </c>
      <c r="M625" s="13">
        <v>0.22718146179843951</v>
      </c>
      <c r="N625" s="11">
        <v>-10.368469494999999</v>
      </c>
      <c r="O625" s="13">
        <v>-3.8991439114596328E-2</v>
      </c>
      <c r="P625" s="7">
        <v>227.07104505199999</v>
      </c>
      <c r="Q625" s="7">
        <v>231.94509975299999</v>
      </c>
      <c r="R625" s="7">
        <v>232.45802931099999</v>
      </c>
      <c r="S625" s="7">
        <v>251.539299038</v>
      </c>
      <c r="T625" s="7">
        <v>251.732602327</v>
      </c>
      <c r="U625" s="7">
        <v>250.93170777200001</v>
      </c>
      <c r="V625" s="7">
        <v>265.91656349300001</v>
      </c>
      <c r="W625" s="7">
        <v>266.10442130000001</v>
      </c>
      <c r="X625" s="7">
        <v>272.14486427399999</v>
      </c>
      <c r="Y625" s="7">
        <v>208.239858532</v>
      </c>
      <c r="Z625" s="7">
        <v>207.16988906899999</v>
      </c>
      <c r="AA625" s="7">
        <v>222.60557019999999</v>
      </c>
      <c r="AB625" s="7">
        <v>225.85116262299999</v>
      </c>
      <c r="AC625" s="7">
        <v>215.53356307799999</v>
      </c>
      <c r="AD625" s="7">
        <v>237.87987687099999</v>
      </c>
      <c r="AE625" s="7">
        <v>251.235274906</v>
      </c>
      <c r="AF625" s="7">
        <v>255.54809399800001</v>
      </c>
      <c r="AG625" s="9">
        <v>5223.5745771000002</v>
      </c>
      <c r="AH625" s="13">
        <v>0.23949924191206423</v>
      </c>
      <c r="AI625" s="9">
        <v>2194.3765131</v>
      </c>
      <c r="AJ625" s="13">
        <v>0.1006114689471634</v>
      </c>
      <c r="AK625" s="9">
        <v>-430.86841450000065</v>
      </c>
      <c r="AL625" s="13">
        <v>-1.7949277342132072E-2</v>
      </c>
      <c r="AM625" s="9">
        <v>3460.0664785000008</v>
      </c>
      <c r="AN625" s="13">
        <v>0.14677525140292774</v>
      </c>
      <c r="AO625" s="9">
        <v>3029.1980640000002</v>
      </c>
      <c r="AP625" s="13">
        <v>0.12619146436640336</v>
      </c>
      <c r="AQ625" s="9">
        <v>21810.4012998</v>
      </c>
      <c r="AR625" s="9">
        <v>21628.3101953</v>
      </c>
      <c r="AS625" s="9">
        <v>21210.966075200002</v>
      </c>
      <c r="AT625" s="9">
        <v>21690.701421999998</v>
      </c>
      <c r="AU625" s="9">
        <v>22500.054324199999</v>
      </c>
      <c r="AV625" s="9">
        <v>22438.191271899999</v>
      </c>
      <c r="AW625" s="9">
        <v>24004.7778129</v>
      </c>
      <c r="AX625" s="9">
        <v>27097.897962300001</v>
      </c>
      <c r="AY625" s="9">
        <v>24085.239361</v>
      </c>
      <c r="AZ625" s="9">
        <v>23573.909398399999</v>
      </c>
      <c r="BA625" s="9">
        <v>23834.4157485</v>
      </c>
      <c r="BB625" s="9">
        <v>25498.323665799999</v>
      </c>
      <c r="BC625" s="9">
        <v>24918.021637599999</v>
      </c>
      <c r="BD625" s="9">
        <v>23093.445635</v>
      </c>
      <c r="BE625" s="9">
        <v>25139.133737200002</v>
      </c>
      <c r="BF625" s="9">
        <v>27033.9758769</v>
      </c>
      <c r="BG625" s="11">
        <v>-5.5</v>
      </c>
      <c r="BH625" s="13">
        <v>-0.171875</v>
      </c>
      <c r="BI625" s="6">
        <v>-4</v>
      </c>
      <c r="BJ625" s="13">
        <v>-0.125</v>
      </c>
      <c r="BK625" s="6">
        <v>-3</v>
      </c>
      <c r="BL625" s="13">
        <v>-0.10714285714285714</v>
      </c>
      <c r="BM625" s="11">
        <v>1.5</v>
      </c>
      <c r="BN625" s="13">
        <v>0.06</v>
      </c>
      <c r="BO625" s="11">
        <v>-1.5</v>
      </c>
      <c r="BP625" s="13">
        <v>-5.3571428571428568E-2</v>
      </c>
      <c r="BQ625" s="6">
        <v>32</v>
      </c>
      <c r="BR625" s="6">
        <v>33</v>
      </c>
      <c r="BS625" s="6">
        <v>33</v>
      </c>
      <c r="BT625" s="6">
        <v>28</v>
      </c>
      <c r="BU625" s="6">
        <v>28</v>
      </c>
      <c r="BV625" s="6">
        <v>27</v>
      </c>
      <c r="BW625" s="6">
        <v>25</v>
      </c>
      <c r="BX625" s="6">
        <v>25</v>
      </c>
      <c r="BY625" s="6">
        <v>25</v>
      </c>
      <c r="BZ625" s="6">
        <v>27</v>
      </c>
      <c r="CA625" s="6">
        <v>23</v>
      </c>
      <c r="CB625" s="6">
        <v>26</v>
      </c>
      <c r="CC625" s="11">
        <v>26.5</v>
      </c>
      <c r="CD625" s="11">
        <v>31.159500000000001</v>
      </c>
      <c r="CE625" s="11">
        <v>-27.504100000000001</v>
      </c>
      <c r="CF625" s="11">
        <v>24.8216</v>
      </c>
      <c r="CG625" s="11">
        <v>-3</v>
      </c>
      <c r="CH625" s="20">
        <v>1.3166</v>
      </c>
      <c r="CI625" s="20">
        <v>1.3113699999999999</v>
      </c>
      <c r="CJ625" s="20">
        <v>1.31769</v>
      </c>
      <c r="CK625" s="20">
        <v>1.32866</v>
      </c>
      <c r="CL625" s="20">
        <v>1.35145</v>
      </c>
      <c r="CM625" s="20">
        <v>1.27718</v>
      </c>
      <c r="CN625" s="20">
        <v>1.3996200000000001</v>
      </c>
      <c r="CO625" s="20">
        <v>1.5622499999999999</v>
      </c>
      <c r="CP625" s="20">
        <v>2.2279200000000001</v>
      </c>
      <c r="CQ625" s="20">
        <v>1.8791599999999999</v>
      </c>
      <c r="CR625" s="20">
        <v>1.87907</v>
      </c>
      <c r="CS625" s="20">
        <v>2.0770499999999998</v>
      </c>
      <c r="CT625" s="20">
        <v>2.1120100000000002</v>
      </c>
      <c r="CU625" s="20">
        <v>2.0478299999999998</v>
      </c>
      <c r="CV625" s="20">
        <v>2.1861899999999999</v>
      </c>
      <c r="CW625" s="20">
        <v>2.2585600000000001</v>
      </c>
      <c r="CX625" s="20">
        <v>2.2959999999999998</v>
      </c>
      <c r="CY625" s="6" t="s">
        <v>490</v>
      </c>
      <c r="CZ625" s="6" t="s">
        <v>491</v>
      </c>
      <c r="DA625" s="6" t="s">
        <v>166</v>
      </c>
      <c r="DB625" s="6"/>
      <c r="DC625" s="6"/>
      <c r="DD625" s="6"/>
      <c r="DE625" s="6"/>
      <c r="DF625" s="6"/>
      <c r="DG625" s="6"/>
      <c r="DH625" s="6" t="s">
        <v>333</v>
      </c>
      <c r="DI625" s="6"/>
      <c r="DJ625" s="6"/>
      <c r="DK625" s="6"/>
      <c r="DL625" s="6">
        <v>4</v>
      </c>
      <c r="DM625" s="6" t="s">
        <v>446</v>
      </c>
      <c r="DN625" s="6">
        <v>8</v>
      </c>
      <c r="DO625" s="6" t="s">
        <v>486</v>
      </c>
      <c r="DP625" s="6"/>
      <c r="DQ625" s="6"/>
    </row>
    <row r="626" spans="1:121" x14ac:dyDescent="0.2">
      <c r="A626" s="6" t="s">
        <v>792</v>
      </c>
      <c r="B626" s="6" t="s">
        <v>176</v>
      </c>
      <c r="C626" s="6" t="s">
        <v>177</v>
      </c>
      <c r="D626" s="6" t="s">
        <v>166</v>
      </c>
      <c r="E626" s="6" t="s">
        <v>305</v>
      </c>
      <c r="F626" s="11">
        <v>-94</v>
      </c>
      <c r="G626" s="13">
        <v>-0.29102167182700001</v>
      </c>
      <c r="H626" s="11">
        <v>35.315779880999969</v>
      </c>
      <c r="I626" s="13">
        <v>0.10942094993653492</v>
      </c>
      <c r="J626" s="11">
        <v>-164.498057351</v>
      </c>
      <c r="K626" s="13">
        <v>-0.45940539428819599</v>
      </c>
      <c r="L626" s="11">
        <v>35.078764569000015</v>
      </c>
      <c r="M626" s="13">
        <v>0.18122073966536784</v>
      </c>
      <c r="N626" s="11">
        <v>-129.41929278199999</v>
      </c>
      <c r="O626" s="13">
        <v>-0.36143843998199499</v>
      </c>
      <c r="P626" s="7">
        <v>322.75153799600002</v>
      </c>
      <c r="Q626" s="7">
        <v>338.54277837299998</v>
      </c>
      <c r="R626" s="7">
        <v>326.43035841400001</v>
      </c>
      <c r="S626" s="7">
        <v>443.31026519400001</v>
      </c>
      <c r="T626" s="7">
        <v>367.26752286099997</v>
      </c>
      <c r="U626" s="7">
        <v>422.66976941399997</v>
      </c>
      <c r="V626" s="7">
        <v>358.06731787699999</v>
      </c>
      <c r="W626" s="7">
        <v>271.992162114</v>
      </c>
      <c r="X626" s="7">
        <v>192.55660976799999</v>
      </c>
      <c r="Y626" s="7">
        <v>193.56926052599999</v>
      </c>
      <c r="Z626" s="7">
        <v>210.01409959899999</v>
      </c>
      <c r="AA626" s="7">
        <v>237.08466249099999</v>
      </c>
      <c r="AB626" s="7">
        <v>248.65252578499999</v>
      </c>
      <c r="AC626" s="7">
        <v>227.320712456</v>
      </c>
      <c r="AD626" s="7">
        <v>225.66180666</v>
      </c>
      <c r="AE626" s="7">
        <v>233.06959912299999</v>
      </c>
      <c r="AF626" s="7">
        <v>228.64802509500001</v>
      </c>
      <c r="AG626" s="9">
        <v>10799.025164500003</v>
      </c>
      <c r="AH626" s="13">
        <v>0.36480748017566633</v>
      </c>
      <c r="AI626" s="9">
        <v>2471.5546581000017</v>
      </c>
      <c r="AJ626" s="13">
        <v>8.3492872106816537E-2</v>
      </c>
      <c r="AK626" s="9">
        <v>5035.5317188999979</v>
      </c>
      <c r="AL626" s="13">
        <v>0.15699956852551317</v>
      </c>
      <c r="AM626" s="9">
        <v>3291.9387875000029</v>
      </c>
      <c r="AN626" s="13">
        <v>8.870981570162853E-2</v>
      </c>
      <c r="AO626" s="9">
        <v>8327.4705064000009</v>
      </c>
      <c r="AP626" s="13">
        <v>0.25963678701627513</v>
      </c>
      <c r="AQ626" s="9">
        <v>29601.983926699999</v>
      </c>
      <c r="AR626" s="9">
        <v>31590.162364799999</v>
      </c>
      <c r="AS626" s="9">
        <v>31986.634556500001</v>
      </c>
      <c r="AT626" s="9">
        <v>30000.3967773</v>
      </c>
      <c r="AU626" s="9">
        <v>33473.953923300003</v>
      </c>
      <c r="AV626" s="9">
        <v>33817.3880211</v>
      </c>
      <c r="AW626" s="9">
        <v>32073.538584800001</v>
      </c>
      <c r="AX626" s="9">
        <v>38498.280782200003</v>
      </c>
      <c r="AY626" s="9">
        <v>35108.072385300002</v>
      </c>
      <c r="AZ626" s="9">
        <v>37109.070303699998</v>
      </c>
      <c r="BA626" s="9">
        <v>34477.828163799997</v>
      </c>
      <c r="BB626" s="9">
        <v>36507.565184699997</v>
      </c>
      <c r="BC626" s="9">
        <v>38626.328672199998</v>
      </c>
      <c r="BD626" s="9">
        <v>42031.415984500003</v>
      </c>
      <c r="BE626" s="9">
        <v>41709.831468299999</v>
      </c>
      <c r="BF626" s="9">
        <v>40401.009091200001</v>
      </c>
      <c r="BG626" s="11">
        <v>-6.25</v>
      </c>
      <c r="BH626" s="13">
        <v>-0.48076923076923078</v>
      </c>
      <c r="BI626" s="6">
        <v>-3</v>
      </c>
      <c r="BJ626" s="13">
        <v>-0.23076923076923078</v>
      </c>
      <c r="BK626" s="6">
        <v>-1</v>
      </c>
      <c r="BL626" s="13">
        <v>-0.1</v>
      </c>
      <c r="BM626" s="11">
        <v>-2.25</v>
      </c>
      <c r="BN626" s="13">
        <v>-0.25</v>
      </c>
      <c r="BO626" s="11">
        <v>-3.25</v>
      </c>
      <c r="BP626" s="13">
        <v>-0.32500000000000001</v>
      </c>
      <c r="BQ626" s="6">
        <v>13</v>
      </c>
      <c r="BR626" s="6">
        <v>12</v>
      </c>
      <c r="BS626" s="6">
        <v>12</v>
      </c>
      <c r="BT626" s="6">
        <v>10</v>
      </c>
      <c r="BU626" s="6">
        <v>9</v>
      </c>
      <c r="BV626" s="6">
        <v>9</v>
      </c>
      <c r="BW626" s="6">
        <v>9</v>
      </c>
      <c r="BX626" s="6">
        <v>8</v>
      </c>
      <c r="BY626" s="6">
        <v>7</v>
      </c>
      <c r="BZ626" s="6">
        <v>8</v>
      </c>
      <c r="CA626" s="6">
        <v>7</v>
      </c>
      <c r="CB626" s="6">
        <v>6</v>
      </c>
      <c r="CC626" s="11">
        <v>6.75</v>
      </c>
      <c r="CD626" s="11">
        <v>-15.46</v>
      </c>
      <c r="CE626" s="11">
        <v>-113.92400000000001</v>
      </c>
      <c r="CF626" s="11">
        <v>35.2806</v>
      </c>
      <c r="CG626" s="11">
        <v>-79</v>
      </c>
      <c r="CH626" s="20">
        <v>0.977495</v>
      </c>
      <c r="CI626" s="20">
        <v>1.0684199999999999</v>
      </c>
      <c r="CJ626" s="20">
        <v>1.1041000000000001</v>
      </c>
      <c r="CK626" s="20">
        <v>1.4799</v>
      </c>
      <c r="CL626" s="20">
        <v>1.3121799999999999</v>
      </c>
      <c r="CM626" s="20">
        <v>1.5006299999999999</v>
      </c>
      <c r="CN626" s="20">
        <v>1.3309500000000001</v>
      </c>
      <c r="CO626" s="20">
        <v>1.1033200000000001</v>
      </c>
      <c r="CP626" s="20">
        <v>1.0731200000000001</v>
      </c>
      <c r="CQ626" s="20">
        <v>1.1249100000000001</v>
      </c>
      <c r="CR626" s="20">
        <v>1.1901900000000001</v>
      </c>
      <c r="CS626" s="20">
        <v>1.37226</v>
      </c>
      <c r="CT626" s="20">
        <v>1.46512</v>
      </c>
      <c r="CU626" s="20">
        <v>1.39425</v>
      </c>
      <c r="CV626" s="20">
        <v>1.3763000000000001</v>
      </c>
      <c r="CW626" s="20">
        <v>1.4208000000000001</v>
      </c>
      <c r="CX626" s="20">
        <v>1.4019999999999999</v>
      </c>
      <c r="CY626" s="6" t="s">
        <v>490</v>
      </c>
      <c r="CZ626" s="6" t="s">
        <v>491</v>
      </c>
      <c r="DA626" s="6" t="s">
        <v>166</v>
      </c>
      <c r="DB626" s="6"/>
      <c r="DC626" s="6"/>
      <c r="DD626" s="6"/>
      <c r="DE626" s="6"/>
      <c r="DF626" s="6"/>
      <c r="DG626" s="6"/>
      <c r="DH626" s="6" t="s">
        <v>333</v>
      </c>
      <c r="DI626" s="6"/>
      <c r="DJ626" s="6"/>
      <c r="DK626" s="6"/>
      <c r="DL626" s="6">
        <v>4</v>
      </c>
      <c r="DM626" s="6" t="s">
        <v>446</v>
      </c>
      <c r="DN626" s="6">
        <v>8</v>
      </c>
      <c r="DO626" s="6" t="s">
        <v>486</v>
      </c>
      <c r="DP626" s="6"/>
      <c r="DQ626" s="6"/>
    </row>
    <row r="627" spans="1:121" x14ac:dyDescent="0.2">
      <c r="A627" s="6" t="s">
        <v>313</v>
      </c>
      <c r="B627" s="6" t="s">
        <v>313</v>
      </c>
      <c r="C627" s="6" t="s">
        <v>178</v>
      </c>
      <c r="D627" s="6" t="s">
        <v>166</v>
      </c>
      <c r="E627" s="6" t="s">
        <v>305</v>
      </c>
      <c r="F627" s="11">
        <v>-57</v>
      </c>
      <c r="G627" s="13">
        <v>-0.46721311475400001</v>
      </c>
      <c r="H627" s="11">
        <v>1.4902099539999938</v>
      </c>
      <c r="I627" s="13">
        <v>1.221635696842698E-2</v>
      </c>
      <c r="J627" s="11">
        <v>-59.858444653099994</v>
      </c>
      <c r="K627" s="13">
        <v>-0.48478182755847943</v>
      </c>
      <c r="L627" s="11">
        <v>1.8417916402000003</v>
      </c>
      <c r="M627" s="13">
        <v>2.8951443893993341E-2</v>
      </c>
      <c r="N627" s="11">
        <v>-58.016653012899994</v>
      </c>
      <c r="O627" s="13">
        <v>-0.46986551754587297</v>
      </c>
      <c r="P627" s="7">
        <v>121.98480757</v>
      </c>
      <c r="Q627" s="7">
        <v>110.36375359500001</v>
      </c>
      <c r="R627" s="7">
        <v>103.478937546</v>
      </c>
      <c r="S627" s="7">
        <v>109.89905791299999</v>
      </c>
      <c r="T627" s="7">
        <v>111.561167838</v>
      </c>
      <c r="U627" s="7">
        <v>128.286455786</v>
      </c>
      <c r="V627" s="7">
        <v>123.47501752399999</v>
      </c>
      <c r="W627" s="7">
        <v>78.794677850699998</v>
      </c>
      <c r="X627" s="7">
        <v>47.956905532900002</v>
      </c>
      <c r="Y627" s="7">
        <v>63.616572870900001</v>
      </c>
      <c r="Z627" s="7">
        <v>68.842397445800003</v>
      </c>
      <c r="AA627" s="7">
        <v>70.470204273199997</v>
      </c>
      <c r="AB627" s="7">
        <v>65.1211066539</v>
      </c>
      <c r="AC627" s="7">
        <v>61.245872712900002</v>
      </c>
      <c r="AD627" s="7">
        <v>76.711064984000004</v>
      </c>
      <c r="AE627" s="7">
        <v>63.748008863400003</v>
      </c>
      <c r="AF627" s="7">
        <v>65.458364511100001</v>
      </c>
      <c r="AG627" s="9">
        <v>19979.2232774</v>
      </c>
      <c r="AH627" s="13">
        <v>0.93077588321782667</v>
      </c>
      <c r="AI627" s="9">
        <v>2646.8894366999994</v>
      </c>
      <c r="AJ627" s="13">
        <v>0.12331114273151995</v>
      </c>
      <c r="AK627" s="9">
        <v>12129.439104499997</v>
      </c>
      <c r="AL627" s="13">
        <v>0.50304538978670654</v>
      </c>
      <c r="AM627" s="9">
        <v>5202.8947362000035</v>
      </c>
      <c r="AN627" s="13">
        <v>0.14356196640138333</v>
      </c>
      <c r="AO627" s="9">
        <v>17332.333840700001</v>
      </c>
      <c r="AP627" s="13">
        <v>0.71882554153501976</v>
      </c>
      <c r="AQ627" s="9">
        <v>21465.127790300001</v>
      </c>
      <c r="AR627" s="9">
        <v>23185.453443599999</v>
      </c>
      <c r="AS627" s="9">
        <v>24849.244010099999</v>
      </c>
      <c r="AT627" s="9">
        <v>26437.733470499999</v>
      </c>
      <c r="AU627" s="9">
        <v>25780.6651385</v>
      </c>
      <c r="AV627" s="9">
        <v>24080.894429100001</v>
      </c>
      <c r="AW627" s="9">
        <v>24112.017227</v>
      </c>
      <c r="AX627" s="9">
        <v>30420.645987600001</v>
      </c>
      <c r="AY627" s="9">
        <v>40304.017407699997</v>
      </c>
      <c r="AZ627" s="9">
        <v>36241.456331499998</v>
      </c>
      <c r="BA627" s="9">
        <v>36069.575315900001</v>
      </c>
      <c r="BB627" s="9">
        <v>39233.211044099997</v>
      </c>
      <c r="BC627" s="9">
        <v>39182.431848599997</v>
      </c>
      <c r="BD627" s="9">
        <v>38175.207571899999</v>
      </c>
      <c r="BE627" s="9">
        <v>39743.260640300003</v>
      </c>
      <c r="BF627" s="9">
        <v>41444.351067700001</v>
      </c>
      <c r="BG627" s="11">
        <v>-1.5</v>
      </c>
      <c r="BH627" s="13">
        <v>-8.8235294117647065E-2</v>
      </c>
      <c r="BI627" s="6">
        <v>-2</v>
      </c>
      <c r="BJ627" s="13">
        <v>-0.11764705882352941</v>
      </c>
      <c r="BK627" s="6">
        <v>-3</v>
      </c>
      <c r="BL627" s="13">
        <v>-0.2</v>
      </c>
      <c r="BM627" s="11">
        <v>3.5</v>
      </c>
      <c r="BN627" s="13">
        <v>0.29166666666666669</v>
      </c>
      <c r="BO627" s="11">
        <v>0.5</v>
      </c>
      <c r="BP627" s="13">
        <v>3.3333333333333333E-2</v>
      </c>
      <c r="BQ627" s="6">
        <v>17</v>
      </c>
      <c r="BR627" s="6">
        <v>15</v>
      </c>
      <c r="BS627" s="6">
        <v>15</v>
      </c>
      <c r="BT627" s="6">
        <v>15</v>
      </c>
      <c r="BU627" s="6">
        <v>14</v>
      </c>
      <c r="BV627" s="6">
        <v>13</v>
      </c>
      <c r="BW627" s="6">
        <v>12</v>
      </c>
      <c r="BX627" s="6">
        <v>13</v>
      </c>
      <c r="BY627" s="6">
        <v>15</v>
      </c>
      <c r="BZ627" s="6">
        <v>13</v>
      </c>
      <c r="CA627" s="6">
        <v>15</v>
      </c>
      <c r="CB627" s="6">
        <v>17</v>
      </c>
      <c r="CC627" s="11">
        <v>15.5</v>
      </c>
      <c r="CD627" s="11">
        <v>-59.886499999999998</v>
      </c>
      <c r="CE627" s="11">
        <v>-9.9743999999999993</v>
      </c>
      <c r="CF627" s="11">
        <v>13.3344</v>
      </c>
      <c r="CG627" s="11">
        <v>3</v>
      </c>
      <c r="CH627" s="20">
        <v>1.0375399999999999</v>
      </c>
      <c r="CI627" s="20">
        <v>0.92900799999999994</v>
      </c>
      <c r="CJ627" s="20">
        <v>0.89238799999999996</v>
      </c>
      <c r="CK627" s="20">
        <v>0.91327199999999997</v>
      </c>
      <c r="CL627" s="20">
        <v>0.96868299999999996</v>
      </c>
      <c r="CM627" s="20">
        <v>1.0769899999999999</v>
      </c>
      <c r="CN627" s="20">
        <v>1.04684</v>
      </c>
      <c r="CO627" s="20">
        <v>0.71034799999999998</v>
      </c>
      <c r="CP627" s="20">
        <v>0.56147899999999995</v>
      </c>
      <c r="CQ627" s="20">
        <v>0.76894799999999996</v>
      </c>
      <c r="CR627" s="20">
        <v>0.815025</v>
      </c>
      <c r="CS627" s="20">
        <v>0.85109500000000005</v>
      </c>
      <c r="CT627" s="20">
        <v>0.79610800000000004</v>
      </c>
      <c r="CU627" s="20">
        <v>0.78035500000000002</v>
      </c>
      <c r="CV627" s="20">
        <v>0.97253900000000004</v>
      </c>
      <c r="CW627" s="20">
        <v>0.809894</v>
      </c>
      <c r="CX627" s="20">
        <v>0.82968200000000003</v>
      </c>
      <c r="CY627" s="6" t="s">
        <v>490</v>
      </c>
      <c r="CZ627" s="6" t="s">
        <v>491</v>
      </c>
      <c r="DA627" s="6" t="s">
        <v>166</v>
      </c>
      <c r="DB627" s="6"/>
      <c r="DC627" s="6"/>
      <c r="DD627" s="6"/>
      <c r="DE627" s="6"/>
      <c r="DF627" s="6"/>
      <c r="DG627" s="6"/>
      <c r="DH627" s="6" t="s">
        <v>333</v>
      </c>
      <c r="DI627" s="6"/>
      <c r="DJ627" s="6"/>
      <c r="DK627" s="6"/>
      <c r="DL627" s="6">
        <v>4</v>
      </c>
      <c r="DM627" s="6" t="s">
        <v>446</v>
      </c>
      <c r="DN627" s="6">
        <v>8</v>
      </c>
      <c r="DO627" s="6" t="s">
        <v>486</v>
      </c>
      <c r="DP627" s="6"/>
      <c r="DQ627" s="6"/>
    </row>
    <row r="628" spans="1:121" x14ac:dyDescent="0.2">
      <c r="A628" s="6" t="s">
        <v>793</v>
      </c>
      <c r="B628" s="6" t="s">
        <v>179</v>
      </c>
      <c r="C628" s="6" t="s">
        <v>180</v>
      </c>
      <c r="D628" s="6" t="s">
        <v>166</v>
      </c>
      <c r="E628" s="6" t="s">
        <v>305</v>
      </c>
      <c r="F628" s="11">
        <v>-2</v>
      </c>
      <c r="G628" s="13">
        <v>-0.01</v>
      </c>
      <c r="H628" s="11">
        <v>-58</v>
      </c>
      <c r="I628" s="13">
        <v>-0.18831168831168832</v>
      </c>
      <c r="J628" s="11">
        <v>62</v>
      </c>
      <c r="K628" s="13">
        <v>0.248</v>
      </c>
      <c r="L628" s="11">
        <v>-6</v>
      </c>
      <c r="M628" s="13">
        <v>-1.9230769230769232E-2</v>
      </c>
      <c r="N628" s="11">
        <v>56</v>
      </c>
      <c r="O628" s="13">
        <v>0.224</v>
      </c>
      <c r="P628" s="7">
        <v>308</v>
      </c>
      <c r="Q628" s="7">
        <v>304</v>
      </c>
      <c r="R628" s="7">
        <v>276</v>
      </c>
      <c r="S628" s="7">
        <v>272</v>
      </c>
      <c r="T628" s="7">
        <v>255</v>
      </c>
      <c r="U628" s="7">
        <v>262</v>
      </c>
      <c r="V628" s="7">
        <v>250</v>
      </c>
      <c r="W628" s="7">
        <v>283</v>
      </c>
      <c r="X628" s="7">
        <v>286</v>
      </c>
      <c r="Y628" s="7">
        <v>312</v>
      </c>
      <c r="Z628" s="7">
        <v>304</v>
      </c>
      <c r="AA628" s="7">
        <v>299</v>
      </c>
      <c r="AB628" s="7">
        <v>302</v>
      </c>
      <c r="AC628" s="7">
        <v>292</v>
      </c>
      <c r="AD628" s="7">
        <v>302</v>
      </c>
      <c r="AE628" s="7">
        <v>300</v>
      </c>
      <c r="AF628" s="7">
        <v>306</v>
      </c>
      <c r="AG628" s="9">
        <v>9672</v>
      </c>
      <c r="AH628" s="13">
        <v>0.59685282320271527</v>
      </c>
      <c r="AI628" s="9">
        <v>6901</v>
      </c>
      <c r="AJ628" s="13">
        <v>0.42585621721690831</v>
      </c>
      <c r="AK628" s="9">
        <v>-1942</v>
      </c>
      <c r="AL628" s="13">
        <v>-8.4047433567038865E-2</v>
      </c>
      <c r="AM628" s="9">
        <v>4713</v>
      </c>
      <c r="AN628" s="13">
        <v>0.2226894726894727</v>
      </c>
      <c r="AO628" s="9">
        <v>2771</v>
      </c>
      <c r="AP628" s="13">
        <v>0.11992556046048646</v>
      </c>
      <c r="AQ628" s="9">
        <v>16205</v>
      </c>
      <c r="AR628" s="9">
        <v>17113</v>
      </c>
      <c r="AS628" s="9">
        <v>17930</v>
      </c>
      <c r="AT628" s="9">
        <v>18499</v>
      </c>
      <c r="AU628" s="9">
        <v>19896</v>
      </c>
      <c r="AV628" s="9">
        <v>21585</v>
      </c>
      <c r="AW628" s="9">
        <v>23106</v>
      </c>
      <c r="AX628" s="9">
        <v>22286</v>
      </c>
      <c r="AY628" s="9">
        <v>22194</v>
      </c>
      <c r="AZ628" s="9">
        <v>21164</v>
      </c>
      <c r="BA628" s="9">
        <v>21942</v>
      </c>
      <c r="BB628" s="9">
        <v>23427</v>
      </c>
      <c r="BC628" s="9">
        <v>23410</v>
      </c>
      <c r="BD628" s="9">
        <v>24429</v>
      </c>
      <c r="BE628" s="9">
        <v>24447</v>
      </c>
      <c r="BF628" s="9">
        <v>25877</v>
      </c>
      <c r="BG628" s="11">
        <v>-13</v>
      </c>
      <c r="BH628" s="13">
        <v>-0.30232558139534882</v>
      </c>
      <c r="BI628" s="6">
        <v>-3</v>
      </c>
      <c r="BJ628" s="13">
        <v>-6.9767441860465115E-2</v>
      </c>
      <c r="BK628" s="6">
        <v>-2</v>
      </c>
      <c r="BL628" s="13">
        <v>-0.05</v>
      </c>
      <c r="BM628" s="11">
        <v>-8</v>
      </c>
      <c r="BN628" s="13">
        <v>-0.21052631578947367</v>
      </c>
      <c r="BO628" s="11">
        <v>-10</v>
      </c>
      <c r="BP628" s="13">
        <v>-0.25</v>
      </c>
      <c r="BQ628" s="6">
        <v>43</v>
      </c>
      <c r="BR628" s="6">
        <v>39</v>
      </c>
      <c r="BS628" s="6">
        <v>39</v>
      </c>
      <c r="BT628" s="6">
        <v>40</v>
      </c>
      <c r="BU628" s="6">
        <v>39</v>
      </c>
      <c r="BV628" s="6">
        <v>37</v>
      </c>
      <c r="BW628" s="6">
        <v>38</v>
      </c>
      <c r="BX628" s="6">
        <v>36</v>
      </c>
      <c r="BY628" s="6">
        <v>35</v>
      </c>
      <c r="BZ628" s="6">
        <v>33</v>
      </c>
      <c r="CA628" s="6">
        <v>29</v>
      </c>
      <c r="CB628" s="6">
        <v>29</v>
      </c>
      <c r="CC628" s="11">
        <v>30</v>
      </c>
      <c r="CD628" s="11">
        <v>-16</v>
      </c>
      <c r="CE628" s="11">
        <v>-20</v>
      </c>
      <c r="CF628" s="11">
        <v>34</v>
      </c>
      <c r="CG628" s="11">
        <v>14</v>
      </c>
      <c r="CH628" s="20">
        <v>0.98</v>
      </c>
      <c r="CI628" s="20">
        <v>0.94</v>
      </c>
      <c r="CJ628" s="20">
        <v>0.87</v>
      </c>
      <c r="CK628" s="20">
        <v>0.83</v>
      </c>
      <c r="CL628" s="20">
        <v>0.82</v>
      </c>
      <c r="CM628" s="20">
        <v>0.83</v>
      </c>
      <c r="CN628" s="20">
        <v>0.81</v>
      </c>
      <c r="CO628" s="20">
        <v>0.98</v>
      </c>
      <c r="CP628" s="20">
        <v>1.26</v>
      </c>
      <c r="CQ628" s="20">
        <v>1.4</v>
      </c>
      <c r="CR628" s="20">
        <v>1.34</v>
      </c>
      <c r="CS628" s="20">
        <v>1.35</v>
      </c>
      <c r="CT628" s="20">
        <v>1.38</v>
      </c>
      <c r="CU628" s="20">
        <v>1.39</v>
      </c>
      <c r="CV628" s="20">
        <v>1.42</v>
      </c>
      <c r="CW628" s="20">
        <v>1.39</v>
      </c>
      <c r="CX628" s="20">
        <v>1.42</v>
      </c>
      <c r="CY628" s="6" t="s">
        <v>490</v>
      </c>
      <c r="CZ628" s="6" t="s">
        <v>491</v>
      </c>
      <c r="DA628" s="6" t="s">
        <v>166</v>
      </c>
      <c r="DB628" s="6"/>
      <c r="DC628" s="6"/>
      <c r="DD628" s="6"/>
      <c r="DE628" s="6"/>
      <c r="DF628" s="6"/>
      <c r="DG628" s="6"/>
      <c r="DH628" s="6" t="s">
        <v>333</v>
      </c>
      <c r="DI628" s="6"/>
      <c r="DJ628" s="6"/>
      <c r="DK628" s="6"/>
      <c r="DL628" s="6">
        <v>4</v>
      </c>
      <c r="DM628" s="6" t="s">
        <v>446</v>
      </c>
      <c r="DN628" s="6">
        <v>8</v>
      </c>
      <c r="DO628" s="6" t="s">
        <v>486</v>
      </c>
      <c r="DP628" s="6"/>
      <c r="DQ628" s="6"/>
    </row>
    <row r="629" spans="1:121" x14ac:dyDescent="0.2">
      <c r="A629" s="6" t="s">
        <v>794</v>
      </c>
      <c r="B629" s="6" t="s">
        <v>181</v>
      </c>
      <c r="C629" s="6" t="s">
        <v>182</v>
      </c>
      <c r="D629" s="6" t="s">
        <v>166</v>
      </c>
      <c r="E629" s="6" t="s">
        <v>305</v>
      </c>
      <c r="F629" s="11">
        <v>0</v>
      </c>
      <c r="G629" s="13">
        <v>0</v>
      </c>
      <c r="H629" s="11">
        <v>17.895751622100008</v>
      </c>
      <c r="I629" s="13">
        <v>0.38631123483436425</v>
      </c>
      <c r="J629" s="11">
        <v>1.8792420024999927</v>
      </c>
      <c r="K629" s="13">
        <v>2.9262360949335285E-2</v>
      </c>
      <c r="L629" s="11">
        <v>-20.387475608899997</v>
      </c>
      <c r="M629" s="13">
        <v>-0.30843525651685388</v>
      </c>
      <c r="N629" s="11">
        <v>-18.508233606400005</v>
      </c>
      <c r="O629" s="13">
        <v>-0.2881984393732156</v>
      </c>
      <c r="P629" s="7">
        <v>46.324698865599998</v>
      </c>
      <c r="Q629" s="7">
        <v>41.282460456499997</v>
      </c>
      <c r="R629" s="7">
        <v>40.482510914899997</v>
      </c>
      <c r="S629" s="7">
        <v>51.7733375882</v>
      </c>
      <c r="T629" s="7">
        <v>47.503443380299998</v>
      </c>
      <c r="U629" s="7">
        <v>56.656895856399998</v>
      </c>
      <c r="V629" s="7">
        <v>64.220450487700006</v>
      </c>
      <c r="W629" s="7">
        <v>58.223661393900002</v>
      </c>
      <c r="X629" s="7">
        <v>57.355295095800003</v>
      </c>
      <c r="Y629" s="7">
        <v>66.099692490199999</v>
      </c>
      <c r="Z629" s="7">
        <v>63.679097178200003</v>
      </c>
      <c r="AA629" s="7">
        <v>48.5351677389</v>
      </c>
      <c r="AB629" s="7">
        <v>46.277153986800002</v>
      </c>
      <c r="AC629" s="7">
        <v>47.124003968300002</v>
      </c>
      <c r="AD629" s="7">
        <v>45.0706328642</v>
      </c>
      <c r="AE629" s="7">
        <v>44.1402165935</v>
      </c>
      <c r="AF629" s="7">
        <v>45.712216881300002</v>
      </c>
      <c r="AG629" s="9">
        <v>28454.462722700002</v>
      </c>
      <c r="AH629" s="13">
        <v>0.8390761937896728</v>
      </c>
      <c r="AI629" s="9">
        <v>7688.8981633000003</v>
      </c>
      <c r="AJ629" s="13">
        <v>0.22673320062906427</v>
      </c>
      <c r="AK629" s="9">
        <v>1914.1431549999979</v>
      </c>
      <c r="AL629" s="13">
        <v>4.6012444352069477E-2</v>
      </c>
      <c r="AM629" s="9">
        <v>18851.421404400004</v>
      </c>
      <c r="AN629" s="13">
        <v>0.43321964380009859</v>
      </c>
      <c r="AO629" s="9">
        <v>20765.564559400002</v>
      </c>
      <c r="AP629" s="13">
        <v>0.49916558290474344</v>
      </c>
      <c r="AQ629" s="9">
        <v>33911.655381600001</v>
      </c>
      <c r="AR629" s="9">
        <v>34077.676800399997</v>
      </c>
      <c r="AS629" s="9">
        <v>37321.3928008</v>
      </c>
      <c r="AT629" s="9">
        <v>36351.002478000002</v>
      </c>
      <c r="AU629" s="9">
        <v>38414.532552999997</v>
      </c>
      <c r="AV629" s="9">
        <v>41302.385410499999</v>
      </c>
      <c r="AW629" s="9">
        <v>41600.553544900002</v>
      </c>
      <c r="AX629" s="9">
        <v>43304.445431599997</v>
      </c>
      <c r="AY629" s="9">
        <v>40690.947536300002</v>
      </c>
      <c r="AZ629" s="9">
        <v>43514.6966999</v>
      </c>
      <c r="BA629" s="9">
        <v>53953.5980633</v>
      </c>
      <c r="BB629" s="9">
        <v>58196.280155599998</v>
      </c>
      <c r="BC629" s="9">
        <v>53300.177818099997</v>
      </c>
      <c r="BD629" s="9">
        <v>61089.416172600002</v>
      </c>
      <c r="BE629" s="9">
        <v>61946.030927799999</v>
      </c>
      <c r="BF629" s="9">
        <v>62366.118104300003</v>
      </c>
      <c r="BG629" s="11">
        <v>-2</v>
      </c>
      <c r="BH629" s="13">
        <v>-0.33333333333333331</v>
      </c>
      <c r="BI629" s="6">
        <v>2</v>
      </c>
      <c r="BJ629" s="13">
        <v>0.33333333333333331</v>
      </c>
      <c r="BK629" s="6">
        <v>2</v>
      </c>
      <c r="BL629" s="13">
        <v>0.25</v>
      </c>
      <c r="BM629" s="11">
        <v>-6</v>
      </c>
      <c r="BN629" s="13">
        <v>-0.6</v>
      </c>
      <c r="BO629" s="11">
        <v>-4</v>
      </c>
      <c r="BP629" s="13">
        <v>-0.5</v>
      </c>
      <c r="BQ629" s="6">
        <v>6</v>
      </c>
      <c r="BR629" s="6">
        <v>4</v>
      </c>
      <c r="BS629" s="6">
        <v>8</v>
      </c>
      <c r="BT629" s="6">
        <v>8</v>
      </c>
      <c r="BU629" s="6">
        <v>8</v>
      </c>
      <c r="BV629" s="6">
        <v>8</v>
      </c>
      <c r="BW629" s="6">
        <v>10</v>
      </c>
      <c r="BX629" s="6">
        <v>11</v>
      </c>
      <c r="BY629" s="6">
        <v>6</v>
      </c>
      <c r="BZ629" s="6">
        <v>5</v>
      </c>
      <c r="CA629" s="6">
        <v>5</v>
      </c>
      <c r="CB629" s="6">
        <v>4</v>
      </c>
      <c r="CC629" s="11">
        <v>4</v>
      </c>
      <c r="CD629" s="11">
        <v>-8.59619</v>
      </c>
      <c r="CE629" s="11">
        <v>2.9198599999999999</v>
      </c>
      <c r="CF629" s="11">
        <v>5.0638500000000004</v>
      </c>
      <c r="CG629" s="11">
        <v>8</v>
      </c>
      <c r="CH629" s="20">
        <v>0.49774200000000002</v>
      </c>
      <c r="CI629" s="20">
        <v>0.44271100000000002</v>
      </c>
      <c r="CJ629" s="20">
        <v>0.44569999999999999</v>
      </c>
      <c r="CK629" s="20">
        <v>0.54398000000000002</v>
      </c>
      <c r="CL629" s="20">
        <v>0.51838899999999999</v>
      </c>
      <c r="CM629" s="20">
        <v>0.59606400000000004</v>
      </c>
      <c r="CN629" s="20">
        <v>0.68084500000000003</v>
      </c>
      <c r="CO629" s="20">
        <v>0.65644199999999997</v>
      </c>
      <c r="CP629" s="20">
        <v>0.83735499999999996</v>
      </c>
      <c r="CQ629" s="20">
        <v>0.99026499999999995</v>
      </c>
      <c r="CR629" s="20">
        <v>0.92230000000000001</v>
      </c>
      <c r="CS629" s="20">
        <v>0.71431599999999995</v>
      </c>
      <c r="CT629" s="20">
        <v>0.685276</v>
      </c>
      <c r="CU629" s="20">
        <v>0.71107900000000002</v>
      </c>
      <c r="CV629" s="20">
        <v>0.65354199999999996</v>
      </c>
      <c r="CW629" s="20">
        <v>0.625</v>
      </c>
      <c r="CX629" s="20">
        <v>0.64153000000000004</v>
      </c>
      <c r="CY629" s="6" t="s">
        <v>490</v>
      </c>
      <c r="CZ629" s="6" t="s">
        <v>491</v>
      </c>
      <c r="DA629" s="6" t="s">
        <v>166</v>
      </c>
      <c r="DB629" s="6"/>
      <c r="DC629" s="6"/>
      <c r="DD629" s="6"/>
      <c r="DE629" s="6"/>
      <c r="DF629" s="6"/>
      <c r="DG629" s="6"/>
      <c r="DH629" s="6" t="s">
        <v>333</v>
      </c>
      <c r="DI629" s="6"/>
      <c r="DJ629" s="6"/>
      <c r="DK629" s="6"/>
      <c r="DL629" s="6">
        <v>4</v>
      </c>
      <c r="DM629" s="6" t="s">
        <v>446</v>
      </c>
      <c r="DN629" s="6">
        <v>8</v>
      </c>
      <c r="DO629" s="6" t="s">
        <v>486</v>
      </c>
      <c r="DP629" s="6"/>
      <c r="DQ629" s="6"/>
    </row>
    <row r="630" spans="1:121" x14ac:dyDescent="0.2">
      <c r="A630" s="6" t="s">
        <v>314</v>
      </c>
      <c r="B630" s="6" t="s">
        <v>314</v>
      </c>
      <c r="C630" s="6" t="s">
        <v>183</v>
      </c>
      <c r="D630" s="6" t="s">
        <v>166</v>
      </c>
      <c r="E630" s="6" t="s">
        <v>305</v>
      </c>
      <c r="F630" s="11">
        <v>1</v>
      </c>
      <c r="G630" s="13">
        <v>3.0303030303000002E-2</v>
      </c>
      <c r="H630" s="11">
        <v>-10.866950000100005</v>
      </c>
      <c r="I630" s="13">
        <v>-0.32455400192607214</v>
      </c>
      <c r="J630" s="11">
        <v>18.592099494000003</v>
      </c>
      <c r="K630" s="13">
        <v>0.82208571486563164</v>
      </c>
      <c r="L630" s="11">
        <v>-7.461713572299999</v>
      </c>
      <c r="M630" s="13">
        <v>-0.18107497655784244</v>
      </c>
      <c r="N630" s="11">
        <v>11.130385921700004</v>
      </c>
      <c r="O630" s="13">
        <v>0.49215158675995774</v>
      </c>
      <c r="P630" s="7">
        <v>33.482717623600003</v>
      </c>
      <c r="Q630" s="7">
        <v>34.848043824999998</v>
      </c>
      <c r="R630" s="7">
        <v>36.109824973000002</v>
      </c>
      <c r="S630" s="7">
        <v>37.146372534699999</v>
      </c>
      <c r="T630" s="7">
        <v>42.835053592500003</v>
      </c>
      <c r="U630" s="7">
        <v>31.1298416952</v>
      </c>
      <c r="V630" s="7">
        <v>22.615767623499998</v>
      </c>
      <c r="W630" s="7">
        <v>40.268947949299999</v>
      </c>
      <c r="X630" s="7">
        <v>40.214482020399998</v>
      </c>
      <c r="Y630" s="7">
        <v>41.207867117500001</v>
      </c>
      <c r="Z630" s="7">
        <v>38.883626630000002</v>
      </c>
      <c r="AA630" s="7">
        <v>37.796820067100001</v>
      </c>
      <c r="AB630" s="7">
        <v>37.126640999999999</v>
      </c>
      <c r="AC630" s="7">
        <v>33.768878999999998</v>
      </c>
      <c r="AD630" s="7">
        <v>33.690618757999999</v>
      </c>
      <c r="AE630" s="7">
        <v>33.517277515300002</v>
      </c>
      <c r="AF630" s="7">
        <v>33.746153545200002</v>
      </c>
      <c r="AG630" s="9">
        <v>7292.7422772999998</v>
      </c>
      <c r="AH630" s="13">
        <v>0.35520763763887131</v>
      </c>
      <c r="AI630" s="9">
        <v>5232.9217306999999</v>
      </c>
      <c r="AJ630" s="13">
        <v>0.25487994710807699</v>
      </c>
      <c r="AK630" s="9">
        <v>532.55621959999917</v>
      </c>
      <c r="AL630" s="13">
        <v>2.0670677490024797E-2</v>
      </c>
      <c r="AM630" s="9">
        <v>1527.2643270000008</v>
      </c>
      <c r="AN630" s="13">
        <v>5.8078824741759842E-2</v>
      </c>
      <c r="AO630" s="9">
        <v>2059.8205465999999</v>
      </c>
      <c r="AP630" s="13">
        <v>7.9950030887021226E-2</v>
      </c>
      <c r="AQ630" s="9">
        <v>20530.9275605</v>
      </c>
      <c r="AR630" s="9">
        <v>19649.826557699998</v>
      </c>
      <c r="AS630" s="9">
        <v>20613.329881500002</v>
      </c>
      <c r="AT630" s="9">
        <v>22229.328306399999</v>
      </c>
      <c r="AU630" s="9">
        <v>21664.368005600001</v>
      </c>
      <c r="AV630" s="9">
        <v>35823.9706334</v>
      </c>
      <c r="AW630" s="9">
        <v>25763.8492912</v>
      </c>
      <c r="AX630" s="9">
        <v>26304.80114</v>
      </c>
      <c r="AY630" s="9">
        <v>27617.537368900001</v>
      </c>
      <c r="AZ630" s="9">
        <v>26296.405510799999</v>
      </c>
      <c r="BA630" s="9">
        <v>27940.000947299999</v>
      </c>
      <c r="BB630" s="9">
        <v>28864.6379256</v>
      </c>
      <c r="BC630" s="9">
        <v>27591.505394600001</v>
      </c>
      <c r="BD630" s="9">
        <v>26058.248394499999</v>
      </c>
      <c r="BE630" s="9">
        <v>26140.4974754</v>
      </c>
      <c r="BF630" s="9">
        <v>27823.6698378</v>
      </c>
      <c r="BG630" s="11">
        <v>0.5</v>
      </c>
      <c r="BH630" s="13">
        <v>0.16666666666666666</v>
      </c>
      <c r="BI630" s="6">
        <v>0</v>
      </c>
      <c r="BJ630" s="13">
        <v>0</v>
      </c>
      <c r="BK630" s="6">
        <v>0</v>
      </c>
      <c r="BL630" s="13">
        <v>0</v>
      </c>
      <c r="BM630" s="11">
        <v>0.5</v>
      </c>
      <c r="BN630" s="13">
        <v>0.16666666666666666</v>
      </c>
      <c r="BO630" s="11">
        <v>0.5</v>
      </c>
      <c r="BP630" s="13">
        <v>0.16666666666666666</v>
      </c>
      <c r="BQ630" s="6">
        <v>3</v>
      </c>
      <c r="BR630" s="6">
        <v>4</v>
      </c>
      <c r="BS630" s="6">
        <v>3</v>
      </c>
      <c r="BT630" s="6">
        <v>3</v>
      </c>
      <c r="BU630" s="6">
        <v>3</v>
      </c>
      <c r="BV630" s="6">
        <v>3</v>
      </c>
      <c r="BW630" s="6">
        <v>3</v>
      </c>
      <c r="BX630" s="6">
        <v>3</v>
      </c>
      <c r="BY630" s="6">
        <v>3</v>
      </c>
      <c r="BZ630" s="6">
        <v>3</v>
      </c>
      <c r="CA630" s="6">
        <v>3</v>
      </c>
      <c r="CB630" s="6">
        <v>3</v>
      </c>
      <c r="CC630" s="11">
        <v>3.5</v>
      </c>
      <c r="CD630" s="11">
        <v>6.8588100000000001</v>
      </c>
      <c r="CE630" s="11">
        <v>-10.2554</v>
      </c>
      <c r="CF630" s="11">
        <v>3.6600600000000001</v>
      </c>
      <c r="CG630" s="11">
        <v>-6</v>
      </c>
      <c r="CH630" s="20">
        <v>0.45684799999999998</v>
      </c>
      <c r="CI630" s="20">
        <v>0.48794999999999999</v>
      </c>
      <c r="CJ630" s="20">
        <v>0.54201699999999997</v>
      </c>
      <c r="CK630" s="20">
        <v>0.55462400000000001</v>
      </c>
      <c r="CL630" s="20">
        <v>0.68943900000000002</v>
      </c>
      <c r="CM630" s="20">
        <v>0.49743599999999999</v>
      </c>
      <c r="CN630" s="20">
        <v>0.37251000000000001</v>
      </c>
      <c r="CO630" s="20">
        <v>0.711507</v>
      </c>
      <c r="CP630" s="20">
        <v>0.91573300000000002</v>
      </c>
      <c r="CQ630" s="20">
        <v>0.98768</v>
      </c>
      <c r="CR630" s="20">
        <v>0.93453600000000003</v>
      </c>
      <c r="CS630" s="20">
        <v>0.94173499999999999</v>
      </c>
      <c r="CT630" s="20">
        <v>0.94038900000000003</v>
      </c>
      <c r="CU630" s="20">
        <v>0.89030699999999996</v>
      </c>
      <c r="CV630" s="20">
        <v>0.884737</v>
      </c>
      <c r="CW630" s="20">
        <v>0.86885599999999996</v>
      </c>
      <c r="CX630" s="20">
        <v>0.87800299999999998</v>
      </c>
      <c r="CY630" s="6" t="s">
        <v>490</v>
      </c>
      <c r="CZ630" s="6" t="s">
        <v>491</v>
      </c>
      <c r="DA630" s="6" t="s">
        <v>166</v>
      </c>
      <c r="DB630" s="6"/>
      <c r="DC630" s="6"/>
      <c r="DD630" s="6"/>
      <c r="DE630" s="6"/>
      <c r="DF630" s="6"/>
      <c r="DG630" s="6"/>
      <c r="DH630" s="6" t="s">
        <v>333</v>
      </c>
      <c r="DI630" s="6"/>
      <c r="DJ630" s="6"/>
      <c r="DK630" s="6"/>
      <c r="DL630" s="6">
        <v>4</v>
      </c>
      <c r="DM630" s="6" t="s">
        <v>446</v>
      </c>
      <c r="DN630" s="6">
        <v>8</v>
      </c>
      <c r="DO630" s="6" t="s">
        <v>486</v>
      </c>
      <c r="DP630" s="6"/>
      <c r="DQ630" s="6"/>
    </row>
    <row r="631" spans="1:121" x14ac:dyDescent="0.2">
      <c r="A631" s="6" t="s">
        <v>315</v>
      </c>
      <c r="B631" s="6" t="s">
        <v>315</v>
      </c>
      <c r="C631" s="6" t="s">
        <v>184</v>
      </c>
      <c r="D631" s="6" t="s">
        <v>166</v>
      </c>
      <c r="E631" s="6" t="s">
        <v>305</v>
      </c>
      <c r="F631" s="11">
        <v>-62</v>
      </c>
      <c r="G631" s="13">
        <v>-0.55000000000000004</v>
      </c>
      <c r="H631" s="11">
        <v>-39</v>
      </c>
      <c r="I631" s="13">
        <v>-0.34513274336283184</v>
      </c>
      <c r="J631" s="11">
        <v>-12</v>
      </c>
      <c r="K631" s="13">
        <v>-0.16216216216216217</v>
      </c>
      <c r="L631" s="11">
        <v>-11</v>
      </c>
      <c r="M631" s="13">
        <v>-0.17741935483870969</v>
      </c>
      <c r="N631" s="11">
        <v>-23</v>
      </c>
      <c r="O631" s="13">
        <v>-0.3108108108108108</v>
      </c>
      <c r="P631" s="7">
        <v>113</v>
      </c>
      <c r="Q631" s="7">
        <v>88</v>
      </c>
      <c r="R631" s="7">
        <v>67</v>
      </c>
      <c r="S631" s="7">
        <v>73</v>
      </c>
      <c r="T631" s="7">
        <v>77</v>
      </c>
      <c r="U631" s="7">
        <v>75</v>
      </c>
      <c r="V631" s="7">
        <v>74</v>
      </c>
      <c r="W631" s="7">
        <v>76</v>
      </c>
      <c r="X631" s="7">
        <v>65</v>
      </c>
      <c r="Y631" s="7">
        <v>62</v>
      </c>
      <c r="Z631" s="7">
        <v>59</v>
      </c>
      <c r="AA631" s="7">
        <v>58</v>
      </c>
      <c r="AB631" s="7">
        <v>56</v>
      </c>
      <c r="AC631" s="7">
        <v>56</v>
      </c>
      <c r="AD631" s="7">
        <v>55</v>
      </c>
      <c r="AE631" s="7">
        <v>53</v>
      </c>
      <c r="AF631" s="7">
        <v>51</v>
      </c>
      <c r="AG631" s="9">
        <v>17517</v>
      </c>
      <c r="AH631" s="13">
        <v>0.53636057442052731</v>
      </c>
      <c r="AI631" s="9">
        <v>2029</v>
      </c>
      <c r="AJ631" s="13">
        <v>6.2126825683578801E-2</v>
      </c>
      <c r="AK631" s="9">
        <v>6565</v>
      </c>
      <c r="AL631" s="13">
        <v>0.18925853321033209</v>
      </c>
      <c r="AM631" s="9">
        <v>8923</v>
      </c>
      <c r="AN631" s="13">
        <v>0.2162994206481953</v>
      </c>
      <c r="AO631" s="9">
        <v>15488</v>
      </c>
      <c r="AP631" s="13">
        <v>0.44649446494464945</v>
      </c>
      <c r="AQ631" s="9">
        <v>32659</v>
      </c>
      <c r="AR631" s="9">
        <v>30061</v>
      </c>
      <c r="AS631" s="9">
        <v>30344</v>
      </c>
      <c r="AT631" s="9">
        <v>27924</v>
      </c>
      <c r="AU631" s="9">
        <v>30197</v>
      </c>
      <c r="AV631" s="9">
        <v>32850</v>
      </c>
      <c r="AW631" s="9">
        <v>34688</v>
      </c>
      <c r="AX631" s="9">
        <v>35049</v>
      </c>
      <c r="AY631" s="9">
        <v>34727</v>
      </c>
      <c r="AZ631" s="9">
        <v>41253</v>
      </c>
      <c r="BA631" s="9">
        <v>40417</v>
      </c>
      <c r="BB631" s="9">
        <v>41944</v>
      </c>
      <c r="BC631" s="9">
        <v>45785</v>
      </c>
      <c r="BD631" s="9">
        <v>45335</v>
      </c>
      <c r="BE631" s="9">
        <v>46558</v>
      </c>
      <c r="BF631" s="9">
        <v>50176</v>
      </c>
      <c r="BG631" s="11">
        <v>1</v>
      </c>
      <c r="BH631" s="13">
        <v>0.1111111111111111</v>
      </c>
      <c r="BI631" s="6">
        <v>1</v>
      </c>
      <c r="BJ631" s="13">
        <v>0.1111111111111111</v>
      </c>
      <c r="BK631" s="6">
        <v>0</v>
      </c>
      <c r="BL631" s="13">
        <v>0</v>
      </c>
      <c r="BM631" s="11">
        <v>0</v>
      </c>
      <c r="BN631" s="13">
        <v>0</v>
      </c>
      <c r="BO631" s="11">
        <v>0</v>
      </c>
      <c r="BP631" s="13">
        <v>0</v>
      </c>
      <c r="BQ631" s="6">
        <v>9</v>
      </c>
      <c r="BR631" s="6">
        <v>9</v>
      </c>
      <c r="BS631" s="6">
        <v>11</v>
      </c>
      <c r="BT631" s="6">
        <v>10</v>
      </c>
      <c r="BU631" s="6">
        <v>11</v>
      </c>
      <c r="BV631" s="6">
        <v>10</v>
      </c>
      <c r="BW631" s="6">
        <v>10</v>
      </c>
      <c r="BX631" s="6">
        <v>9</v>
      </c>
      <c r="BY631" s="6">
        <v>9</v>
      </c>
      <c r="BZ631" s="6">
        <v>9</v>
      </c>
      <c r="CA631" s="6">
        <v>10</v>
      </c>
      <c r="CB631" s="6">
        <v>11</v>
      </c>
      <c r="CC631" s="11">
        <v>10</v>
      </c>
      <c r="CD631" s="11">
        <v>-65</v>
      </c>
      <c r="CE631" s="11">
        <v>-9</v>
      </c>
      <c r="CF631" s="11">
        <v>12</v>
      </c>
      <c r="CG631" s="11">
        <v>3</v>
      </c>
      <c r="CH631" s="20">
        <v>0.94</v>
      </c>
      <c r="CI631" s="20">
        <v>0.72</v>
      </c>
      <c r="CJ631" s="20">
        <v>0.55000000000000004</v>
      </c>
      <c r="CK631" s="20">
        <v>0.57999999999999996</v>
      </c>
      <c r="CL631" s="20">
        <v>0.63</v>
      </c>
      <c r="CM631" s="20">
        <v>0.6</v>
      </c>
      <c r="CN631" s="20">
        <v>0.61</v>
      </c>
      <c r="CO631" s="20">
        <v>0.67</v>
      </c>
      <c r="CP631" s="20">
        <v>0.73</v>
      </c>
      <c r="CQ631" s="20">
        <v>0.72</v>
      </c>
      <c r="CR631" s="20">
        <v>0.68</v>
      </c>
      <c r="CS631" s="20">
        <v>0.69</v>
      </c>
      <c r="CT631" s="20">
        <v>0.68</v>
      </c>
      <c r="CU631" s="20">
        <v>0.71</v>
      </c>
      <c r="CV631" s="20">
        <v>0.69</v>
      </c>
      <c r="CW631" s="20">
        <v>0.66</v>
      </c>
      <c r="CX631" s="20">
        <v>0.63</v>
      </c>
      <c r="CY631" s="6" t="s">
        <v>490</v>
      </c>
      <c r="CZ631" s="6" t="s">
        <v>491</v>
      </c>
      <c r="DA631" s="6" t="s">
        <v>166</v>
      </c>
      <c r="DB631" s="6"/>
      <c r="DC631" s="6"/>
      <c r="DD631" s="6"/>
      <c r="DE631" s="6"/>
      <c r="DF631" s="6"/>
      <c r="DG631" s="6"/>
      <c r="DH631" s="6" t="s">
        <v>333</v>
      </c>
      <c r="DI631" s="6"/>
      <c r="DJ631" s="6"/>
      <c r="DK631" s="6"/>
      <c r="DL631" s="6">
        <v>4</v>
      </c>
      <c r="DM631" s="6" t="s">
        <v>446</v>
      </c>
      <c r="DN631" s="6">
        <v>8</v>
      </c>
      <c r="DO631" s="6" t="s">
        <v>486</v>
      </c>
      <c r="DP631" s="6"/>
      <c r="DQ631" s="6"/>
    </row>
    <row r="632" spans="1:121" x14ac:dyDescent="0.2">
      <c r="A632" s="6" t="s">
        <v>316</v>
      </c>
      <c r="B632" s="6" t="s">
        <v>316</v>
      </c>
      <c r="C632" s="6" t="s">
        <v>185</v>
      </c>
      <c r="D632" s="6" t="s">
        <v>166</v>
      </c>
      <c r="E632" s="6" t="s">
        <v>305</v>
      </c>
      <c r="F632" s="11">
        <v>1</v>
      </c>
      <c r="G632" s="13">
        <v>1</v>
      </c>
      <c r="H632" s="11">
        <v>9</v>
      </c>
      <c r="I632" s="13">
        <v>1.8</v>
      </c>
      <c r="J632" s="11">
        <v>-9</v>
      </c>
      <c r="K632" s="13">
        <v>-0.6428571428571429</v>
      </c>
      <c r="L632" s="11">
        <v>0</v>
      </c>
      <c r="M632" s="13">
        <v>0</v>
      </c>
      <c r="N632" s="11">
        <v>-9</v>
      </c>
      <c r="O632" s="13">
        <v>-0.6428571428571429</v>
      </c>
      <c r="P632" s="7">
        <v>5</v>
      </c>
      <c r="Q632" s="7">
        <v>5</v>
      </c>
      <c r="R632" s="7">
        <v>14</v>
      </c>
      <c r="S632" s="7">
        <v>5</v>
      </c>
      <c r="T632" s="7">
        <v>5</v>
      </c>
      <c r="U632" s="7">
        <v>5</v>
      </c>
      <c r="V632" s="7">
        <v>14</v>
      </c>
      <c r="W632" s="7">
        <v>12</v>
      </c>
      <c r="X632" s="7">
        <v>5</v>
      </c>
      <c r="Y632" s="7">
        <v>5</v>
      </c>
      <c r="Z632" s="7">
        <v>5</v>
      </c>
      <c r="AA632" s="7">
        <v>5</v>
      </c>
      <c r="AB632" s="7">
        <v>5</v>
      </c>
      <c r="AC632" s="7">
        <v>5</v>
      </c>
      <c r="AD632" s="7">
        <v>5</v>
      </c>
      <c r="AE632" s="7">
        <v>5</v>
      </c>
      <c r="AF632" s="7">
        <v>5</v>
      </c>
      <c r="AG632" s="9">
        <v>0</v>
      </c>
      <c r="AH632" s="13">
        <v>0</v>
      </c>
      <c r="AI632" s="9">
        <v>23484</v>
      </c>
      <c r="AJ632" s="13">
        <v>23484</v>
      </c>
      <c r="AK632" s="9">
        <v>-23484</v>
      </c>
      <c r="AL632" s="13">
        <v>-0.99995741962955076</v>
      </c>
      <c r="AM632" s="9">
        <v>0</v>
      </c>
      <c r="AN632" s="13">
        <v>0</v>
      </c>
      <c r="AO632" s="9">
        <v>-23484</v>
      </c>
      <c r="AP632" s="13">
        <v>-0.99995741962955076</v>
      </c>
      <c r="AQ632" s="9">
        <v>1</v>
      </c>
      <c r="AR632" s="9">
        <v>1</v>
      </c>
      <c r="AS632" s="9">
        <v>9828</v>
      </c>
      <c r="AT632" s="9">
        <v>1</v>
      </c>
      <c r="AU632" s="9">
        <v>1</v>
      </c>
      <c r="AV632" s="9">
        <v>1</v>
      </c>
      <c r="AW632" s="9">
        <v>23485</v>
      </c>
      <c r="AX632" s="9">
        <v>24743</v>
      </c>
      <c r="AY632" s="9">
        <v>1</v>
      </c>
      <c r="AZ632" s="9">
        <v>1</v>
      </c>
      <c r="BA632" s="9">
        <v>1</v>
      </c>
      <c r="BB632" s="9">
        <v>1</v>
      </c>
      <c r="BC632" s="9">
        <v>1</v>
      </c>
      <c r="BD632" s="9">
        <v>1</v>
      </c>
      <c r="BE632" s="9">
        <v>1</v>
      </c>
      <c r="BF632" s="9">
        <v>1</v>
      </c>
      <c r="BG632" s="11">
        <v>0</v>
      </c>
      <c r="BH632" s="13">
        <v>0</v>
      </c>
      <c r="BI632" s="6">
        <v>0</v>
      </c>
      <c r="BJ632" s="13">
        <v>0</v>
      </c>
      <c r="BK632" s="6">
        <v>-2</v>
      </c>
      <c r="BL632" s="13">
        <v>-0.66666666666666663</v>
      </c>
      <c r="BM632" s="11">
        <v>2</v>
      </c>
      <c r="BN632" s="13">
        <v>2</v>
      </c>
      <c r="BO632" s="11">
        <v>0</v>
      </c>
      <c r="BP632" s="13">
        <v>0</v>
      </c>
      <c r="BQ632" s="6">
        <v>3</v>
      </c>
      <c r="BR632" s="6">
        <v>3</v>
      </c>
      <c r="BS632" s="6">
        <v>2</v>
      </c>
      <c r="BT632" s="6">
        <v>3</v>
      </c>
      <c r="BU632" s="6">
        <v>3</v>
      </c>
      <c r="BV632" s="6">
        <v>1</v>
      </c>
      <c r="BW632" s="6">
        <v>1</v>
      </c>
      <c r="BX632" s="6">
        <v>1</v>
      </c>
      <c r="BY632" s="6">
        <v>3</v>
      </c>
      <c r="BZ632" s="6">
        <v>3</v>
      </c>
      <c r="CA632" s="6">
        <v>4</v>
      </c>
      <c r="CB632" s="6">
        <v>4</v>
      </c>
      <c r="CC632" s="11">
        <v>3</v>
      </c>
      <c r="CD632" s="11">
        <v>5</v>
      </c>
      <c r="CE632" s="11">
        <v>0</v>
      </c>
      <c r="CF632" s="11">
        <v>0</v>
      </c>
      <c r="CG632" s="11">
        <v>0</v>
      </c>
      <c r="CH632" s="20">
        <v>0.05</v>
      </c>
      <c r="CI632" s="20">
        <v>0.08</v>
      </c>
      <c r="CJ632" s="20">
        <v>0.28000000000000003</v>
      </c>
      <c r="CK632" s="20">
        <v>0.13</v>
      </c>
      <c r="CL632" s="20">
        <v>0.14000000000000001</v>
      </c>
      <c r="CM632" s="20">
        <v>0.18</v>
      </c>
      <c r="CN632" s="20">
        <v>0.27</v>
      </c>
      <c r="CO632" s="20">
        <v>0.26</v>
      </c>
      <c r="CP632" s="20">
        <v>0.25</v>
      </c>
      <c r="CQ632" s="20">
        <v>0.23</v>
      </c>
      <c r="CR632" s="20">
        <v>0.21</v>
      </c>
      <c r="CS632" s="20">
        <v>0.28000000000000003</v>
      </c>
      <c r="CT632" s="20">
        <v>0.22</v>
      </c>
      <c r="CU632" s="20">
        <v>0.23</v>
      </c>
      <c r="CV632" s="20">
        <v>0.21</v>
      </c>
      <c r="CW632" s="20">
        <v>0.23</v>
      </c>
      <c r="CX632" s="20">
        <v>0.24</v>
      </c>
      <c r="CY632" s="6" t="s">
        <v>490</v>
      </c>
      <c r="CZ632" s="6" t="s">
        <v>491</v>
      </c>
      <c r="DA632" s="6" t="s">
        <v>166</v>
      </c>
      <c r="DB632" s="6"/>
      <c r="DC632" s="6"/>
      <c r="DD632" s="6"/>
      <c r="DE632" s="6"/>
      <c r="DF632" s="6"/>
      <c r="DG632" s="6"/>
      <c r="DH632" s="6" t="s">
        <v>333</v>
      </c>
      <c r="DI632" s="6"/>
      <c r="DJ632" s="6"/>
      <c r="DK632" s="6"/>
      <c r="DL632" s="6">
        <v>4</v>
      </c>
      <c r="DM632" s="6" t="s">
        <v>446</v>
      </c>
      <c r="DN632" s="6">
        <v>8</v>
      </c>
      <c r="DO632" s="6" t="s">
        <v>486</v>
      </c>
      <c r="DP632" s="6"/>
      <c r="DQ632" s="6"/>
    </row>
    <row r="633" spans="1:121" x14ac:dyDescent="0.2">
      <c r="A633" s="6" t="s">
        <v>317</v>
      </c>
      <c r="B633" s="6" t="s">
        <v>317</v>
      </c>
      <c r="C633" s="6" t="s">
        <v>186</v>
      </c>
      <c r="D633" s="6" t="s">
        <v>166</v>
      </c>
      <c r="E633" s="6" t="s">
        <v>305</v>
      </c>
      <c r="F633" s="11">
        <v>6</v>
      </c>
      <c r="G633" s="13">
        <v>0.3</v>
      </c>
      <c r="H633" s="11">
        <v>-2</v>
      </c>
      <c r="I633" s="13">
        <v>-0.1</v>
      </c>
      <c r="J633" s="11">
        <v>-5</v>
      </c>
      <c r="K633" s="13">
        <v>-0.27777777777777779</v>
      </c>
      <c r="L633" s="11">
        <v>13</v>
      </c>
      <c r="M633" s="13">
        <v>1</v>
      </c>
      <c r="N633" s="11">
        <v>8</v>
      </c>
      <c r="O633" s="13">
        <v>0.44444444444444442</v>
      </c>
      <c r="P633" s="7">
        <v>20</v>
      </c>
      <c r="Q633" s="7">
        <v>27</v>
      </c>
      <c r="R633" s="7">
        <v>25</v>
      </c>
      <c r="S633" s="7">
        <v>18</v>
      </c>
      <c r="T633" s="7">
        <v>17</v>
      </c>
      <c r="U633" s="7">
        <v>17</v>
      </c>
      <c r="V633" s="7">
        <v>18</v>
      </c>
      <c r="W633" s="7">
        <v>20</v>
      </c>
      <c r="X633" s="7">
        <v>18</v>
      </c>
      <c r="Y633" s="7">
        <v>13</v>
      </c>
      <c r="Z633" s="7">
        <v>19</v>
      </c>
      <c r="AA633" s="7">
        <v>17</v>
      </c>
      <c r="AB633" s="7">
        <v>22</v>
      </c>
      <c r="AC633" s="7">
        <v>20</v>
      </c>
      <c r="AD633" s="7">
        <v>23</v>
      </c>
      <c r="AE633" s="7">
        <v>24</v>
      </c>
      <c r="AF633" s="7">
        <v>26</v>
      </c>
      <c r="AG633" s="9">
        <v>28094</v>
      </c>
      <c r="AH633" s="13">
        <v>1.2424376437289937</v>
      </c>
      <c r="AI633" s="9">
        <v>14671</v>
      </c>
      <c r="AJ633" s="13">
        <v>0.64881478860781883</v>
      </c>
      <c r="AK633" s="9">
        <v>3771</v>
      </c>
      <c r="AL633" s="13">
        <v>0.10114529410186948</v>
      </c>
      <c r="AM633" s="9">
        <v>9652</v>
      </c>
      <c r="AN633" s="13">
        <v>0.23510498368003119</v>
      </c>
      <c r="AO633" s="9">
        <v>13423</v>
      </c>
      <c r="AP633" s="13">
        <v>0.36003004050103266</v>
      </c>
      <c r="AQ633" s="9">
        <v>22612</v>
      </c>
      <c r="AR633" s="9">
        <v>26357</v>
      </c>
      <c r="AS633" s="9">
        <v>24748</v>
      </c>
      <c r="AT633" s="9">
        <v>28644</v>
      </c>
      <c r="AU633" s="9">
        <v>38871</v>
      </c>
      <c r="AV633" s="9">
        <v>26917</v>
      </c>
      <c r="AW633" s="9">
        <v>37283</v>
      </c>
      <c r="AX633" s="9">
        <v>39357</v>
      </c>
      <c r="AY633" s="9">
        <v>34588</v>
      </c>
      <c r="AZ633" s="9">
        <v>41054</v>
      </c>
      <c r="BA633" s="9">
        <v>41432</v>
      </c>
      <c r="BB633" s="9">
        <v>38264</v>
      </c>
      <c r="BC633" s="9">
        <v>36673</v>
      </c>
      <c r="BD633" s="9">
        <v>47510</v>
      </c>
      <c r="BE633" s="9">
        <v>50792</v>
      </c>
      <c r="BF633" s="9">
        <v>50706</v>
      </c>
      <c r="BG633" s="11">
        <v>3</v>
      </c>
      <c r="BH633" s="13">
        <v>1</v>
      </c>
      <c r="BI633" s="6">
        <v>0</v>
      </c>
      <c r="BJ633" s="13">
        <v>0</v>
      </c>
      <c r="BK633" s="6">
        <v>0</v>
      </c>
      <c r="BL633" s="13">
        <v>0</v>
      </c>
      <c r="BM633" s="11">
        <v>3</v>
      </c>
      <c r="BN633" s="13">
        <v>1</v>
      </c>
      <c r="BO633" s="11">
        <v>3</v>
      </c>
      <c r="BP633" s="13">
        <v>1</v>
      </c>
      <c r="BQ633" s="6">
        <v>3</v>
      </c>
      <c r="BR633" s="6">
        <v>3</v>
      </c>
      <c r="BS633" s="6">
        <v>3</v>
      </c>
      <c r="BT633" s="6">
        <v>3</v>
      </c>
      <c r="BU633" s="6">
        <v>4</v>
      </c>
      <c r="BV633" s="6">
        <v>4</v>
      </c>
      <c r="BW633" s="6">
        <v>3</v>
      </c>
      <c r="BX633" s="6">
        <v>5</v>
      </c>
      <c r="BY633" s="6">
        <v>5</v>
      </c>
      <c r="BZ633" s="6">
        <v>4</v>
      </c>
      <c r="CA633" s="6">
        <v>6</v>
      </c>
      <c r="CB633" s="6">
        <v>6</v>
      </c>
      <c r="CC633" s="11">
        <v>6</v>
      </c>
      <c r="CD633" s="11">
        <v>-1</v>
      </c>
      <c r="CE633" s="11">
        <v>4</v>
      </c>
      <c r="CF633" s="11">
        <v>2</v>
      </c>
      <c r="CG633" s="11">
        <v>6</v>
      </c>
      <c r="CH633" s="20">
        <v>0.13</v>
      </c>
      <c r="CI633" s="20">
        <v>0.17</v>
      </c>
      <c r="CJ633" s="20">
        <v>0.16</v>
      </c>
      <c r="CK633" s="20">
        <v>0.11</v>
      </c>
      <c r="CL633" s="20">
        <v>0.11</v>
      </c>
      <c r="CM633" s="20">
        <v>0.1</v>
      </c>
      <c r="CN633" s="20">
        <v>0.1</v>
      </c>
      <c r="CO633" s="20">
        <v>0.12</v>
      </c>
      <c r="CP633" s="20">
        <v>0.14000000000000001</v>
      </c>
      <c r="CQ633" s="20">
        <v>0.1</v>
      </c>
      <c r="CR633" s="20">
        <v>0.15</v>
      </c>
      <c r="CS633" s="20">
        <v>0.13</v>
      </c>
      <c r="CT633" s="20">
        <v>0.17</v>
      </c>
      <c r="CU633" s="20">
        <v>0.16</v>
      </c>
      <c r="CV633" s="20">
        <v>0.18</v>
      </c>
      <c r="CW633" s="20">
        <v>0.19</v>
      </c>
      <c r="CX633" s="20">
        <v>0.19</v>
      </c>
      <c r="CY633" s="6" t="s">
        <v>490</v>
      </c>
      <c r="CZ633" s="6" t="s">
        <v>491</v>
      </c>
      <c r="DA633" s="6" t="s">
        <v>166</v>
      </c>
      <c r="DB633" s="6"/>
      <c r="DC633" s="6"/>
      <c r="DD633" s="6"/>
      <c r="DE633" s="6"/>
      <c r="DF633" s="6"/>
      <c r="DG633" s="6"/>
      <c r="DH633" s="6" t="s">
        <v>333</v>
      </c>
      <c r="DI633" s="6"/>
      <c r="DJ633" s="6"/>
      <c r="DK633" s="6"/>
      <c r="DL633" s="6">
        <v>4</v>
      </c>
      <c r="DM633" s="6" t="s">
        <v>446</v>
      </c>
      <c r="DN633" s="6">
        <v>8</v>
      </c>
      <c r="DO633" s="6" t="s">
        <v>486</v>
      </c>
      <c r="DP633" s="6"/>
      <c r="DQ633" s="6"/>
    </row>
    <row r="634" spans="1:121" x14ac:dyDescent="0.2">
      <c r="A634" s="6" t="s">
        <v>318</v>
      </c>
      <c r="B634" s="6" t="s">
        <v>318</v>
      </c>
      <c r="C634" s="6" t="s">
        <v>187</v>
      </c>
      <c r="D634" s="6" t="s">
        <v>166</v>
      </c>
      <c r="E634" s="6" t="s">
        <v>305</v>
      </c>
      <c r="F634" s="11">
        <v>1</v>
      </c>
      <c r="G634" s="13">
        <v>1</v>
      </c>
      <c r="H634" s="11">
        <v>19.651306000000002</v>
      </c>
      <c r="I634" s="13">
        <v>3.9302611999999999</v>
      </c>
      <c r="J634" s="11">
        <v>-24.651306000000002</v>
      </c>
      <c r="K634" s="13">
        <v>-1</v>
      </c>
      <c r="L634" s="11">
        <v>0</v>
      </c>
      <c r="M634" s="13"/>
      <c r="N634" s="11">
        <v>-24.651306000000002</v>
      </c>
      <c r="O634" s="13">
        <v>-1</v>
      </c>
      <c r="P634" s="7">
        <v>5</v>
      </c>
      <c r="Q634" s="7">
        <v>40.877127999999999</v>
      </c>
      <c r="R634" s="7">
        <v>72.461838999999998</v>
      </c>
      <c r="S634" s="7">
        <v>70.124771999999993</v>
      </c>
      <c r="T634" s="7">
        <v>47.162945999999998</v>
      </c>
      <c r="U634" s="7">
        <v>27.890509999999999</v>
      </c>
      <c r="V634" s="7">
        <v>24.651306000000002</v>
      </c>
      <c r="W634" s="7">
        <v>5</v>
      </c>
      <c r="X634" s="7">
        <v>5</v>
      </c>
      <c r="Y634" s="7">
        <v>0</v>
      </c>
      <c r="Z634" s="7">
        <v>0</v>
      </c>
      <c r="AA634" s="7">
        <v>0</v>
      </c>
      <c r="AB634" s="7">
        <v>0</v>
      </c>
      <c r="AC634" s="7">
        <v>0</v>
      </c>
      <c r="AD634" s="7">
        <v>0</v>
      </c>
      <c r="AE634" s="7">
        <v>0</v>
      </c>
      <c r="AF634" s="7">
        <v>0</v>
      </c>
      <c r="AG634" s="9">
        <v>-1</v>
      </c>
      <c r="AH634" s="13">
        <v>-1</v>
      </c>
      <c r="AI634" s="9">
        <v>38352.995477999997</v>
      </c>
      <c r="AJ634" s="13">
        <v>38352.995477999997</v>
      </c>
      <c r="AK634" s="9">
        <v>-38353.995477999997</v>
      </c>
      <c r="AL634" s="13">
        <v>-1</v>
      </c>
      <c r="AM634" s="9">
        <v>0</v>
      </c>
      <c r="AN634" s="13"/>
      <c r="AO634" s="9">
        <v>-38353.995477999997</v>
      </c>
      <c r="AP634" s="13">
        <v>-1</v>
      </c>
      <c r="AQ634" s="9">
        <v>1</v>
      </c>
      <c r="AR634" s="9">
        <v>9125.59363175</v>
      </c>
      <c r="AS634" s="9">
        <v>13837.7556064</v>
      </c>
      <c r="AT634" s="9">
        <v>18633.650781799999</v>
      </c>
      <c r="AU634" s="9">
        <v>29575.778279499998</v>
      </c>
      <c r="AV634" s="9">
        <v>22984.6731095</v>
      </c>
      <c r="AW634" s="9">
        <v>38353.995477999997</v>
      </c>
      <c r="AX634" s="9">
        <v>1</v>
      </c>
      <c r="AY634" s="9">
        <v>1</v>
      </c>
      <c r="AZ634" s="9">
        <v>0</v>
      </c>
      <c r="BA634" s="9">
        <v>0</v>
      </c>
      <c r="BB634" s="9">
        <v>0</v>
      </c>
      <c r="BC634" s="9">
        <v>0</v>
      </c>
      <c r="BD634" s="9">
        <v>0</v>
      </c>
      <c r="BE634" s="9">
        <v>0</v>
      </c>
      <c r="BF634" s="9">
        <v>0</v>
      </c>
      <c r="BG634" s="11">
        <v>-1</v>
      </c>
      <c r="BH634" s="13">
        <v>-1</v>
      </c>
      <c r="BI634" s="6">
        <v>0</v>
      </c>
      <c r="BJ634" s="13">
        <v>0</v>
      </c>
      <c r="BK634" s="6">
        <v>-1</v>
      </c>
      <c r="BL634" s="13">
        <v>-1</v>
      </c>
      <c r="BM634" s="11">
        <v>0</v>
      </c>
      <c r="BN634" s="13" t="e">
        <v>#DIV/0!</v>
      </c>
      <c r="BO634" s="11">
        <v>-1</v>
      </c>
      <c r="BP634" s="13">
        <v>-1</v>
      </c>
      <c r="BQ634" s="6">
        <v>1</v>
      </c>
      <c r="BR634" s="6">
        <v>1</v>
      </c>
      <c r="BS634" s="6">
        <v>1</v>
      </c>
      <c r="BT634" s="6">
        <v>1</v>
      </c>
      <c r="BU634" s="6">
        <v>1</v>
      </c>
      <c r="BV634" s="6">
        <v>0</v>
      </c>
      <c r="BW634" s="6">
        <v>0</v>
      </c>
      <c r="BX634" s="6">
        <v>0</v>
      </c>
      <c r="BY634" s="6">
        <v>0</v>
      </c>
      <c r="BZ634" s="6">
        <v>0</v>
      </c>
      <c r="CA634" s="6">
        <v>0</v>
      </c>
      <c r="CB634" s="6">
        <v>0</v>
      </c>
      <c r="CC634" s="11">
        <v>0</v>
      </c>
      <c r="CD634" s="11">
        <v>-2.2889400000000002</v>
      </c>
      <c r="CE634" s="11">
        <v>0.37031399999999998</v>
      </c>
      <c r="CF634" s="11">
        <v>0.18906200000000001</v>
      </c>
      <c r="CG634" s="11">
        <v>0</v>
      </c>
      <c r="CH634" s="20">
        <v>5.0845799999999997E-2</v>
      </c>
      <c r="CI634" s="20">
        <v>1.17883</v>
      </c>
      <c r="CJ634" s="20">
        <v>2.1776499999999999</v>
      </c>
      <c r="CK634" s="20">
        <v>2.0070100000000002</v>
      </c>
      <c r="CL634" s="20">
        <v>1.3982600000000001</v>
      </c>
      <c r="CM634" s="20">
        <v>0.79781599999999997</v>
      </c>
      <c r="CN634" s="20">
        <v>0.70211400000000002</v>
      </c>
      <c r="CO634" s="20">
        <v>1.9931399999999998E-2</v>
      </c>
      <c r="CP634" s="20">
        <v>1.37594E-2</v>
      </c>
      <c r="CQ634" s="20">
        <v>0</v>
      </c>
      <c r="CR634" s="20">
        <v>0</v>
      </c>
      <c r="CS634" s="20">
        <v>0</v>
      </c>
      <c r="CT634" s="20">
        <v>0</v>
      </c>
      <c r="CU634" s="20">
        <v>0</v>
      </c>
      <c r="CV634" s="20">
        <v>0</v>
      </c>
      <c r="CW634" s="20">
        <v>0</v>
      </c>
      <c r="CX634" s="20">
        <v>0</v>
      </c>
      <c r="CY634" s="6" t="s">
        <v>490</v>
      </c>
      <c r="CZ634" s="6" t="s">
        <v>491</v>
      </c>
      <c r="DA634" s="6" t="s">
        <v>166</v>
      </c>
      <c r="DB634" s="6"/>
      <c r="DC634" s="6"/>
      <c r="DD634" s="6"/>
      <c r="DE634" s="6"/>
      <c r="DF634" s="6"/>
      <c r="DG634" s="6"/>
      <c r="DH634" s="6" t="s">
        <v>333</v>
      </c>
      <c r="DI634" s="6"/>
      <c r="DJ634" s="6"/>
      <c r="DK634" s="6"/>
      <c r="DL634" s="6">
        <v>4</v>
      </c>
      <c r="DM634" s="6" t="s">
        <v>446</v>
      </c>
      <c r="DN634" s="6">
        <v>8</v>
      </c>
      <c r="DO634" s="6" t="s">
        <v>486</v>
      </c>
      <c r="DP634" s="6"/>
      <c r="DQ634" s="6"/>
    </row>
    <row r="635" spans="1:121" x14ac:dyDescent="0.2">
      <c r="A635" s="6" t="s">
        <v>319</v>
      </c>
      <c r="B635" s="6" t="s">
        <v>319</v>
      </c>
      <c r="C635" s="6" t="s">
        <v>188</v>
      </c>
      <c r="D635" s="6" t="s">
        <v>166</v>
      </c>
      <c r="E635" s="6" t="s">
        <v>305</v>
      </c>
      <c r="F635" s="11">
        <v>1</v>
      </c>
      <c r="G635" s="13">
        <v>1</v>
      </c>
      <c r="H635" s="11">
        <v>37.602876952000003</v>
      </c>
      <c r="I635" s="13">
        <v>7.5205753904000003</v>
      </c>
      <c r="J635" s="11">
        <v>-12.329035195100001</v>
      </c>
      <c r="K635" s="13">
        <v>-0.28939442772822438</v>
      </c>
      <c r="L635" s="11">
        <v>-1.5423612439000003</v>
      </c>
      <c r="M635" s="13">
        <v>-5.0946994315594782E-2</v>
      </c>
      <c r="N635" s="11">
        <v>-13.871396439000002</v>
      </c>
      <c r="O635" s="13">
        <v>-0.32559764577938449</v>
      </c>
      <c r="P635" s="7">
        <v>5</v>
      </c>
      <c r="Q635" s="7">
        <v>16.042432246200001</v>
      </c>
      <c r="R635" s="7">
        <v>24.306929027700001</v>
      </c>
      <c r="S635" s="7">
        <v>51.112983515300002</v>
      </c>
      <c r="T635" s="7">
        <v>65.264496299800001</v>
      </c>
      <c r="U635" s="7">
        <v>41.573939037899997</v>
      </c>
      <c r="V635" s="7">
        <v>42.602876952000003</v>
      </c>
      <c r="W635" s="7">
        <v>42.815298459700003</v>
      </c>
      <c r="X635" s="7">
        <v>30.156153190600001</v>
      </c>
      <c r="Y635" s="7">
        <v>30.273841756900001</v>
      </c>
      <c r="Z635" s="7">
        <v>32.528304074300003</v>
      </c>
      <c r="AA635" s="7">
        <v>30.585698344600001</v>
      </c>
      <c r="AB635" s="7">
        <v>27.736200404200002</v>
      </c>
      <c r="AC635" s="7">
        <v>28.208045201699999</v>
      </c>
      <c r="AD635" s="7">
        <v>27.082309744100002</v>
      </c>
      <c r="AE635" s="7">
        <v>28.2185462592</v>
      </c>
      <c r="AF635" s="7">
        <v>28.731480513000001</v>
      </c>
      <c r="AG635" s="9">
        <v>15249.230082300001</v>
      </c>
      <c r="AH635" s="13">
        <v>15249.230082300001</v>
      </c>
      <c r="AI635" s="9">
        <v>12621.3697902</v>
      </c>
      <c r="AJ635" s="13">
        <v>12621.3697902</v>
      </c>
      <c r="AK635" s="9">
        <v>4935.1624634999989</v>
      </c>
      <c r="AL635" s="13">
        <v>0.39098541284471439</v>
      </c>
      <c r="AM635" s="9">
        <v>-2307.3021713999988</v>
      </c>
      <c r="AN635" s="13">
        <v>-0.13141380793498289</v>
      </c>
      <c r="AO635" s="9">
        <v>2627.8602921000002</v>
      </c>
      <c r="AP635" s="13">
        <v>0.20819072296077629</v>
      </c>
      <c r="AQ635" s="9">
        <v>1</v>
      </c>
      <c r="AR635" s="9">
        <v>16940.263124599998</v>
      </c>
      <c r="AS635" s="9">
        <v>12895.269873900001</v>
      </c>
      <c r="AT635" s="9">
        <v>10005.1803263</v>
      </c>
      <c r="AU635" s="9">
        <v>8723.8014912800008</v>
      </c>
      <c r="AV635" s="9">
        <v>11095.2869821</v>
      </c>
      <c r="AW635" s="9">
        <v>12622.3697902</v>
      </c>
      <c r="AX635" s="9">
        <v>18364.851735200002</v>
      </c>
      <c r="AY635" s="9">
        <v>17086.174926799999</v>
      </c>
      <c r="AZ635" s="9">
        <v>17557.532253699999</v>
      </c>
      <c r="BA635" s="9">
        <v>16259.4165698</v>
      </c>
      <c r="BB635" s="9">
        <v>15210.0293521</v>
      </c>
      <c r="BC635" s="9">
        <v>15306.955436800001</v>
      </c>
      <c r="BD635" s="9">
        <v>16390.309065900001</v>
      </c>
      <c r="BE635" s="9">
        <v>15422.619316300001</v>
      </c>
      <c r="BF635" s="9">
        <v>15250.230082300001</v>
      </c>
      <c r="BG635" s="11">
        <v>1.25</v>
      </c>
      <c r="BH635" s="13">
        <v>0.625</v>
      </c>
      <c r="BI635" s="6">
        <v>-1</v>
      </c>
      <c r="BJ635" s="13">
        <v>-0.5</v>
      </c>
      <c r="BK635" s="6">
        <v>2</v>
      </c>
      <c r="BL635" s="13">
        <v>2</v>
      </c>
      <c r="BM635" s="11">
        <v>0.25</v>
      </c>
      <c r="BN635" s="13">
        <v>8.3333333333333329E-2</v>
      </c>
      <c r="BO635" s="11">
        <v>2.25</v>
      </c>
      <c r="BP635" s="13">
        <v>2.25</v>
      </c>
      <c r="BQ635" s="6">
        <v>2</v>
      </c>
      <c r="BR635" s="6">
        <v>3</v>
      </c>
      <c r="BS635" s="6">
        <v>2</v>
      </c>
      <c r="BT635" s="6">
        <v>1</v>
      </c>
      <c r="BU635" s="6">
        <v>1</v>
      </c>
      <c r="BV635" s="6">
        <v>2</v>
      </c>
      <c r="BW635" s="6">
        <v>3</v>
      </c>
      <c r="BX635" s="6">
        <v>3</v>
      </c>
      <c r="BY635" s="6">
        <v>3</v>
      </c>
      <c r="BZ635" s="6">
        <v>3</v>
      </c>
      <c r="CA635" s="6">
        <v>2</v>
      </c>
      <c r="CB635" s="6">
        <v>3</v>
      </c>
      <c r="CC635" s="11">
        <v>3.25</v>
      </c>
      <c r="CD635" s="11">
        <v>19.894100000000002</v>
      </c>
      <c r="CE635" s="11">
        <v>0.662995</v>
      </c>
      <c r="CF635" s="11">
        <v>0.80550500000000003</v>
      </c>
      <c r="CG635" s="11">
        <v>2</v>
      </c>
      <c r="CH635" s="20">
        <v>4.4163000000000001E-2</v>
      </c>
      <c r="CI635" s="20">
        <v>9.3395099999999995E-2</v>
      </c>
      <c r="CJ635" s="20">
        <v>0.144846</v>
      </c>
      <c r="CK635" s="20">
        <v>0.28668100000000002</v>
      </c>
      <c r="CL635" s="20">
        <v>0.37651400000000002</v>
      </c>
      <c r="CM635" s="20">
        <v>0.23035600000000001</v>
      </c>
      <c r="CN635" s="20">
        <v>0.23997299999999999</v>
      </c>
      <c r="CO635" s="20">
        <v>0.26616600000000001</v>
      </c>
      <c r="CP635" s="20">
        <v>0.25048999999999999</v>
      </c>
      <c r="CQ635" s="20">
        <v>0.247749</v>
      </c>
      <c r="CR635" s="20">
        <v>0.25456200000000001</v>
      </c>
      <c r="CS635" s="20">
        <v>0.24071300000000001</v>
      </c>
      <c r="CT635" s="20">
        <v>0.21727099999999999</v>
      </c>
      <c r="CU635" s="20">
        <v>0.225605</v>
      </c>
      <c r="CV635" s="20">
        <v>0.212788</v>
      </c>
      <c r="CW635" s="20">
        <v>0.21841099999999999</v>
      </c>
      <c r="CX635" s="20">
        <v>0.219858</v>
      </c>
      <c r="CY635" s="6" t="s">
        <v>490</v>
      </c>
      <c r="CZ635" s="6" t="s">
        <v>491</v>
      </c>
      <c r="DA635" s="6" t="s">
        <v>166</v>
      </c>
      <c r="DB635" s="6"/>
      <c r="DC635" s="6"/>
      <c r="DD635" s="6"/>
      <c r="DE635" s="6"/>
      <c r="DF635" s="6"/>
      <c r="DG635" s="6"/>
      <c r="DH635" s="6" t="s">
        <v>333</v>
      </c>
      <c r="DI635" s="6"/>
      <c r="DJ635" s="6"/>
      <c r="DK635" s="6"/>
      <c r="DL635" s="6">
        <v>4</v>
      </c>
      <c r="DM635" s="6" t="s">
        <v>446</v>
      </c>
      <c r="DN635" s="6">
        <v>8</v>
      </c>
      <c r="DO635" s="6" t="s">
        <v>486</v>
      </c>
      <c r="DP635" s="6"/>
      <c r="DQ635" s="6"/>
    </row>
    <row r="636" spans="1:121" x14ac:dyDescent="0.2">
      <c r="A636" s="6" t="s">
        <v>320</v>
      </c>
      <c r="B636" s="6" t="s">
        <v>320</v>
      </c>
      <c r="C636" s="6" t="s">
        <v>189</v>
      </c>
      <c r="D636" s="6" t="s">
        <v>166</v>
      </c>
      <c r="E636" s="6" t="s">
        <v>305</v>
      </c>
      <c r="F636" s="11">
        <v>1</v>
      </c>
      <c r="G636" s="13">
        <v>1</v>
      </c>
      <c r="H636" s="11">
        <v>0</v>
      </c>
      <c r="I636" s="13">
        <v>0</v>
      </c>
      <c r="J636" s="11">
        <v>28.430238172899998</v>
      </c>
      <c r="K636" s="13">
        <v>5.6860476345799995</v>
      </c>
      <c r="L636" s="11">
        <v>-28.430238172899998</v>
      </c>
      <c r="M636" s="13">
        <v>-0.85043480772885371</v>
      </c>
      <c r="N636" s="11">
        <v>0</v>
      </c>
      <c r="O636" s="13">
        <v>0</v>
      </c>
      <c r="P636" s="7">
        <v>5</v>
      </c>
      <c r="Q636" s="7">
        <v>5</v>
      </c>
      <c r="R636" s="7">
        <v>5</v>
      </c>
      <c r="S636" s="7">
        <v>5</v>
      </c>
      <c r="T636" s="7">
        <v>5</v>
      </c>
      <c r="U636" s="7">
        <v>5</v>
      </c>
      <c r="V636" s="7">
        <v>5</v>
      </c>
      <c r="W636" s="7">
        <v>5</v>
      </c>
      <c r="X636" s="7">
        <v>5</v>
      </c>
      <c r="Y636" s="7">
        <v>33.430238172899998</v>
      </c>
      <c r="Z636" s="7">
        <v>5</v>
      </c>
      <c r="AA636" s="7">
        <v>5</v>
      </c>
      <c r="AB636" s="7">
        <v>5</v>
      </c>
      <c r="AC636" s="7">
        <v>5</v>
      </c>
      <c r="AD636" s="7">
        <v>5</v>
      </c>
      <c r="AE636" s="7">
        <v>5</v>
      </c>
      <c r="AF636" s="7">
        <v>5</v>
      </c>
      <c r="AG636" s="9">
        <v>0</v>
      </c>
      <c r="AH636" s="13">
        <v>0</v>
      </c>
      <c r="AI636" s="9">
        <v>0</v>
      </c>
      <c r="AJ636" s="13">
        <v>0</v>
      </c>
      <c r="AK636" s="9">
        <v>9537.9527822399996</v>
      </c>
      <c r="AL636" s="13">
        <v>9537.9527822399996</v>
      </c>
      <c r="AM636" s="9">
        <v>-9537.9527822399996</v>
      </c>
      <c r="AN636" s="13">
        <v>-0.99989516668938117</v>
      </c>
      <c r="AO636" s="9">
        <v>0</v>
      </c>
      <c r="AP636" s="13">
        <v>0</v>
      </c>
      <c r="AQ636" s="9">
        <v>1</v>
      </c>
      <c r="AR636" s="9">
        <v>1</v>
      </c>
      <c r="AS636" s="9">
        <v>1</v>
      </c>
      <c r="AT636" s="9">
        <v>1</v>
      </c>
      <c r="AU636" s="9">
        <v>1</v>
      </c>
      <c r="AV636" s="9">
        <v>1</v>
      </c>
      <c r="AW636" s="9">
        <v>1</v>
      </c>
      <c r="AX636" s="9">
        <v>1</v>
      </c>
      <c r="AY636" s="9">
        <v>1</v>
      </c>
      <c r="AZ636" s="9">
        <v>9538.9527822399996</v>
      </c>
      <c r="BA636" s="9">
        <v>1</v>
      </c>
      <c r="BB636" s="9">
        <v>1</v>
      </c>
      <c r="BC636" s="9">
        <v>1</v>
      </c>
      <c r="BD636" s="9">
        <v>1</v>
      </c>
      <c r="BE636" s="9">
        <v>1</v>
      </c>
      <c r="BF636" s="9">
        <v>1</v>
      </c>
      <c r="BG636" s="11">
        <v>1</v>
      </c>
      <c r="BH636" s="13" t="e">
        <v>#DIV/0!</v>
      </c>
      <c r="BI636" s="6">
        <v>0</v>
      </c>
      <c r="BJ636" s="13" t="e">
        <v>#DIV/0!</v>
      </c>
      <c r="BK636" s="6">
        <v>1</v>
      </c>
      <c r="BL636" s="13" t="e">
        <v>#DIV/0!</v>
      </c>
      <c r="BM636" s="11">
        <v>0</v>
      </c>
      <c r="BN636" s="13">
        <v>0</v>
      </c>
      <c r="BO636" s="11">
        <v>1</v>
      </c>
      <c r="BP636" s="13" t="e">
        <v>#DIV/0!</v>
      </c>
      <c r="BQ636" s="6">
        <v>0</v>
      </c>
      <c r="BR636" s="6">
        <v>0</v>
      </c>
      <c r="BS636" s="6">
        <v>0</v>
      </c>
      <c r="BT636" s="6">
        <v>0</v>
      </c>
      <c r="BU636" s="6">
        <v>0</v>
      </c>
      <c r="BV636" s="6">
        <v>0</v>
      </c>
      <c r="BW636" s="6">
        <v>1</v>
      </c>
      <c r="BX636" s="6">
        <v>0</v>
      </c>
      <c r="BY636" s="6">
        <v>0</v>
      </c>
      <c r="BZ636" s="6">
        <v>0</v>
      </c>
      <c r="CA636" s="6">
        <v>1</v>
      </c>
      <c r="CB636" s="6">
        <v>1</v>
      </c>
      <c r="CC636" s="11">
        <v>1</v>
      </c>
      <c r="CD636" s="11">
        <v>-1.99421</v>
      </c>
      <c r="CE636" s="11">
        <v>1.24421</v>
      </c>
      <c r="CF636" s="11">
        <v>0.37560199999999999</v>
      </c>
      <c r="CG636" s="11">
        <v>1</v>
      </c>
      <c r="CH636" s="20">
        <v>6.17242E-2</v>
      </c>
      <c r="CI636" s="20">
        <v>4.7283800000000001E-2</v>
      </c>
      <c r="CJ636" s="20">
        <v>4.7047699999999998E-2</v>
      </c>
      <c r="CK636" s="20">
        <v>4.80463E-2</v>
      </c>
      <c r="CL636" s="20">
        <v>6.1922699999999997E-2</v>
      </c>
      <c r="CM636" s="20">
        <v>0.116851</v>
      </c>
      <c r="CN636" s="20">
        <v>2.5684700000000001E-2</v>
      </c>
      <c r="CO636" s="20">
        <v>1.8521300000000001E-2</v>
      </c>
      <c r="CP636" s="20">
        <v>5.5281499999999997E-2</v>
      </c>
      <c r="CQ636" s="20">
        <v>0.63561299999999998</v>
      </c>
      <c r="CR636" s="20">
        <v>6.6028000000000003E-2</v>
      </c>
      <c r="CS636" s="20">
        <v>5.50094E-2</v>
      </c>
      <c r="CT636" s="20">
        <v>5.6099099999999999E-2</v>
      </c>
      <c r="CU636" s="20">
        <v>5.2533400000000001E-2</v>
      </c>
      <c r="CV636" s="20">
        <v>5.78667E-2</v>
      </c>
      <c r="CW636" s="20">
        <v>5.8333299999999998E-2</v>
      </c>
      <c r="CX636" s="20">
        <v>5.7235300000000003E-2</v>
      </c>
      <c r="CY636" s="6" t="s">
        <v>490</v>
      </c>
      <c r="CZ636" s="6" t="s">
        <v>491</v>
      </c>
      <c r="DA636" s="6" t="s">
        <v>166</v>
      </c>
      <c r="DB636" s="6"/>
      <c r="DC636" s="6"/>
      <c r="DD636" s="6"/>
      <c r="DE636" s="6"/>
      <c r="DF636" s="6"/>
      <c r="DG636" s="6"/>
      <c r="DH636" s="6" t="s">
        <v>333</v>
      </c>
      <c r="DI636" s="6"/>
      <c r="DJ636" s="6"/>
      <c r="DK636" s="6"/>
      <c r="DL636" s="6">
        <v>4</v>
      </c>
      <c r="DM636" s="6" t="s">
        <v>446</v>
      </c>
      <c r="DN636" s="6">
        <v>8</v>
      </c>
      <c r="DO636" s="6" t="s">
        <v>486</v>
      </c>
      <c r="DP636" s="6"/>
      <c r="DQ636" s="6"/>
    </row>
    <row r="637" spans="1:121" x14ac:dyDescent="0.2">
      <c r="A637" s="6" t="s">
        <v>321</v>
      </c>
      <c r="B637" s="6" t="s">
        <v>321</v>
      </c>
      <c r="C637" s="6" t="s">
        <v>190</v>
      </c>
      <c r="D637" s="6" t="s">
        <v>166</v>
      </c>
      <c r="E637" s="6" t="s">
        <v>305</v>
      </c>
      <c r="F637" s="11">
        <v>68</v>
      </c>
      <c r="G637" s="13">
        <v>0.57627118644099995</v>
      </c>
      <c r="H637" s="11">
        <v>-1.7745452569999998</v>
      </c>
      <c r="I637" s="13">
        <v>-1.4988633413355728E-2</v>
      </c>
      <c r="J637" s="11">
        <v>-12.316710639999997</v>
      </c>
      <c r="K637" s="13">
        <v>-0.10561569336951077</v>
      </c>
      <c r="L637" s="11">
        <v>81.941812213000006</v>
      </c>
      <c r="M637" s="13">
        <v>0.78562466579091139</v>
      </c>
      <c r="N637" s="11">
        <v>69.625101573000009</v>
      </c>
      <c r="O637" s="13">
        <v>0.59703467861570325</v>
      </c>
      <c r="P637" s="7">
        <v>118.392731883</v>
      </c>
      <c r="Q637" s="7">
        <v>126.36847181100001</v>
      </c>
      <c r="R637" s="7">
        <v>128.64657593000001</v>
      </c>
      <c r="S637" s="7">
        <v>136.95639980499999</v>
      </c>
      <c r="T637" s="7">
        <v>139.85095493599999</v>
      </c>
      <c r="U637" s="7">
        <v>134.03603428700001</v>
      </c>
      <c r="V637" s="7">
        <v>116.618186626</v>
      </c>
      <c r="W637" s="7">
        <v>110.821938323</v>
      </c>
      <c r="X637" s="7">
        <v>127.940385929</v>
      </c>
      <c r="Y637" s="7">
        <v>104.301475986</v>
      </c>
      <c r="Z637" s="7">
        <v>131.167411923</v>
      </c>
      <c r="AA637" s="7">
        <v>142.60152027399999</v>
      </c>
      <c r="AB637" s="7">
        <v>155.34224194999999</v>
      </c>
      <c r="AC637" s="7">
        <v>149.64595579799999</v>
      </c>
      <c r="AD637" s="7">
        <v>151.751896018</v>
      </c>
      <c r="AE637" s="7">
        <v>178.17991364100001</v>
      </c>
      <c r="AF637" s="7">
        <v>186.24328819900001</v>
      </c>
      <c r="AG637" s="9">
        <v>5765.9791489999989</v>
      </c>
      <c r="AH637" s="13">
        <v>0.24974818674860791</v>
      </c>
      <c r="AI637" s="9">
        <v>2492.6693914999996</v>
      </c>
      <c r="AJ637" s="13">
        <v>0.10796772666076128</v>
      </c>
      <c r="AK637" s="9">
        <v>9573.8403685000012</v>
      </c>
      <c r="AL637" s="13">
        <v>0.3742728703602573</v>
      </c>
      <c r="AM637" s="9">
        <v>-6300.530611000002</v>
      </c>
      <c r="AN637" s="13">
        <v>-0.17922818992513145</v>
      </c>
      <c r="AO637" s="9">
        <v>3273.3097574999993</v>
      </c>
      <c r="AP637" s="13">
        <v>0.12796443134237351</v>
      </c>
      <c r="AQ637" s="9">
        <v>23087.1712186</v>
      </c>
      <c r="AR637" s="9">
        <v>23075.256113200001</v>
      </c>
      <c r="AS637" s="9">
        <v>24523.065274600001</v>
      </c>
      <c r="AT637" s="9">
        <v>23133.8737716</v>
      </c>
      <c r="AU637" s="9">
        <v>23776.048194899999</v>
      </c>
      <c r="AV637" s="9">
        <v>23330.9888336</v>
      </c>
      <c r="AW637" s="9">
        <v>25579.8406101</v>
      </c>
      <c r="AX637" s="9">
        <v>27425.395325199999</v>
      </c>
      <c r="AY637" s="9">
        <v>27655.473059299999</v>
      </c>
      <c r="AZ637" s="9">
        <v>35153.680978600001</v>
      </c>
      <c r="BA637" s="9">
        <v>28931.115527999998</v>
      </c>
      <c r="BB637" s="9">
        <v>26783.348188100001</v>
      </c>
      <c r="BC637" s="9">
        <v>27179.074779499999</v>
      </c>
      <c r="BD637" s="9">
        <v>26328.561833799999</v>
      </c>
      <c r="BE637" s="9">
        <v>27274.092065000001</v>
      </c>
      <c r="BF637" s="9">
        <v>28853.150367599999</v>
      </c>
      <c r="BG637" s="11">
        <v>7</v>
      </c>
      <c r="BH637" s="13">
        <v>0.63636363636363635</v>
      </c>
      <c r="BI637" s="6">
        <v>3</v>
      </c>
      <c r="BJ637" s="13">
        <v>0.27272727272727271</v>
      </c>
      <c r="BK637" s="6">
        <v>0</v>
      </c>
      <c r="BL637" s="13">
        <v>0</v>
      </c>
      <c r="BM637" s="11">
        <v>4</v>
      </c>
      <c r="BN637" s="13">
        <v>0.2857142857142857</v>
      </c>
      <c r="BO637" s="11">
        <v>4</v>
      </c>
      <c r="BP637" s="13">
        <v>0.2857142857142857</v>
      </c>
      <c r="BQ637" s="6">
        <v>11</v>
      </c>
      <c r="BR637" s="6">
        <v>14</v>
      </c>
      <c r="BS637" s="6">
        <v>15</v>
      </c>
      <c r="BT637" s="6">
        <v>14</v>
      </c>
      <c r="BU637" s="6">
        <v>13</v>
      </c>
      <c r="BV637" s="6">
        <v>13</v>
      </c>
      <c r="BW637" s="6">
        <v>14</v>
      </c>
      <c r="BX637" s="6">
        <v>14</v>
      </c>
      <c r="BY637" s="6">
        <v>14</v>
      </c>
      <c r="BZ637" s="6">
        <v>25</v>
      </c>
      <c r="CA637" s="6">
        <v>20</v>
      </c>
      <c r="CB637" s="6">
        <v>16</v>
      </c>
      <c r="CC637" s="11">
        <v>18</v>
      </c>
      <c r="CD637" s="11">
        <v>11.7941</v>
      </c>
      <c r="CE637" s="11">
        <v>43.114699999999999</v>
      </c>
      <c r="CF637" s="11">
        <v>12.941800000000001</v>
      </c>
      <c r="CG637" s="11">
        <v>56</v>
      </c>
      <c r="CH637" s="20">
        <v>0.43063200000000001</v>
      </c>
      <c r="CI637" s="20">
        <v>0.429782</v>
      </c>
      <c r="CJ637" s="20">
        <v>0.43416700000000003</v>
      </c>
      <c r="CK637" s="20">
        <v>0.440419</v>
      </c>
      <c r="CL637" s="20">
        <v>0.46782000000000001</v>
      </c>
      <c r="CM637" s="20">
        <v>0.43137500000000001</v>
      </c>
      <c r="CN637" s="20">
        <v>0.37476300000000001</v>
      </c>
      <c r="CO637" s="20">
        <v>0.36653799999999997</v>
      </c>
      <c r="CP637" s="20">
        <v>0.50440499999999999</v>
      </c>
      <c r="CQ637" s="20">
        <v>0.41073500000000002</v>
      </c>
      <c r="CR637" s="20">
        <v>0.50645099999999998</v>
      </c>
      <c r="CS637" s="20">
        <v>0.54984999999999995</v>
      </c>
      <c r="CT637" s="20">
        <v>0.6008</v>
      </c>
      <c r="CU637" s="20">
        <v>0.59922500000000001</v>
      </c>
      <c r="CV637" s="20">
        <v>0.59739699999999996</v>
      </c>
      <c r="CW637" s="20">
        <v>0.68772</v>
      </c>
      <c r="CX637" s="20">
        <v>0.70398899999999998</v>
      </c>
      <c r="CY637" s="6" t="s">
        <v>490</v>
      </c>
      <c r="CZ637" s="6" t="s">
        <v>491</v>
      </c>
      <c r="DA637" s="6" t="s">
        <v>166</v>
      </c>
      <c r="DB637" s="6"/>
      <c r="DC637" s="6"/>
      <c r="DD637" s="6"/>
      <c r="DE637" s="6"/>
      <c r="DF637" s="6"/>
      <c r="DG637" s="6"/>
      <c r="DH637" s="6" t="s">
        <v>333</v>
      </c>
      <c r="DI637" s="6"/>
      <c r="DJ637" s="6"/>
      <c r="DK637" s="6"/>
      <c r="DL637" s="6">
        <v>4</v>
      </c>
      <c r="DM637" s="6" t="s">
        <v>446</v>
      </c>
      <c r="DN637" s="6">
        <v>8</v>
      </c>
      <c r="DO637" s="6" t="s">
        <v>486</v>
      </c>
      <c r="DP637" s="6"/>
      <c r="DQ637" s="6"/>
    </row>
    <row r="638" spans="1:121" x14ac:dyDescent="0.2">
      <c r="A638" s="6" t="s">
        <v>322</v>
      </c>
      <c r="B638" s="6" t="s">
        <v>322</v>
      </c>
      <c r="C638" s="6" t="s">
        <v>191</v>
      </c>
      <c r="D638" s="6" t="s">
        <v>166</v>
      </c>
      <c r="E638" s="6" t="s">
        <v>305</v>
      </c>
      <c r="F638" s="11">
        <v>1</v>
      </c>
      <c r="G638" s="13">
        <v>1</v>
      </c>
      <c r="H638" s="11">
        <v>-7</v>
      </c>
      <c r="I638" s="13">
        <v>-0.58333333333333337</v>
      </c>
      <c r="J638" s="11">
        <v>16</v>
      </c>
      <c r="K638" s="13">
        <v>3.2</v>
      </c>
      <c r="L638" s="11">
        <v>-16</v>
      </c>
      <c r="M638" s="13">
        <v>-0.76190476190476197</v>
      </c>
      <c r="N638" s="11">
        <v>0</v>
      </c>
      <c r="O638" s="13">
        <v>0</v>
      </c>
      <c r="P638" s="7">
        <v>12</v>
      </c>
      <c r="Q638" s="7">
        <v>5</v>
      </c>
      <c r="R638" s="7">
        <v>14</v>
      </c>
      <c r="S638" s="7">
        <v>5</v>
      </c>
      <c r="T638" s="7">
        <v>5</v>
      </c>
      <c r="U638" s="7">
        <v>5</v>
      </c>
      <c r="V638" s="7">
        <v>5</v>
      </c>
      <c r="W638" s="7">
        <v>5</v>
      </c>
      <c r="X638" s="7">
        <v>17</v>
      </c>
      <c r="Y638" s="7">
        <v>21</v>
      </c>
      <c r="Z638" s="7">
        <v>23</v>
      </c>
      <c r="AA638" s="7">
        <v>24</v>
      </c>
      <c r="AB638" s="7">
        <v>17</v>
      </c>
      <c r="AC638" s="7">
        <v>16</v>
      </c>
      <c r="AD638" s="7">
        <v>17</v>
      </c>
      <c r="AE638" s="7">
        <v>5</v>
      </c>
      <c r="AF638" s="7">
        <v>5</v>
      </c>
      <c r="AG638" s="9">
        <v>-11054</v>
      </c>
      <c r="AH638" s="13">
        <v>-0.99990954319312531</v>
      </c>
      <c r="AI638" s="9">
        <v>-11054</v>
      </c>
      <c r="AJ638" s="13">
        <v>-0.99990954319312531</v>
      </c>
      <c r="AK638" s="9">
        <v>6072</v>
      </c>
      <c r="AL638" s="13">
        <v>6072</v>
      </c>
      <c r="AM638" s="9">
        <v>-6072</v>
      </c>
      <c r="AN638" s="13">
        <v>-0.99983533673637404</v>
      </c>
      <c r="AO638" s="9">
        <v>0</v>
      </c>
      <c r="AP638" s="13">
        <v>0</v>
      </c>
      <c r="AQ638" s="9">
        <v>11055</v>
      </c>
      <c r="AR638" s="9">
        <v>1</v>
      </c>
      <c r="AS638" s="9">
        <v>9878</v>
      </c>
      <c r="AT638" s="9">
        <v>1</v>
      </c>
      <c r="AU638" s="9">
        <v>1</v>
      </c>
      <c r="AV638" s="9">
        <v>1</v>
      </c>
      <c r="AW638" s="9">
        <v>1</v>
      </c>
      <c r="AX638" s="9">
        <v>1</v>
      </c>
      <c r="AY638" s="9">
        <v>6391</v>
      </c>
      <c r="AZ638" s="9">
        <v>6073</v>
      </c>
      <c r="BA638" s="9">
        <v>4789</v>
      </c>
      <c r="BB638" s="9">
        <v>7600</v>
      </c>
      <c r="BC638" s="9">
        <v>14343</v>
      </c>
      <c r="BD638" s="9">
        <v>15506</v>
      </c>
      <c r="BE638" s="9">
        <v>22508</v>
      </c>
      <c r="BF638" s="9">
        <v>1</v>
      </c>
      <c r="BG638" s="11">
        <v>2</v>
      </c>
      <c r="BH638" s="13">
        <v>2</v>
      </c>
      <c r="BI638" s="6">
        <v>0</v>
      </c>
      <c r="BJ638" s="13">
        <v>0</v>
      </c>
      <c r="BK638" s="6">
        <v>1</v>
      </c>
      <c r="BL638" s="13">
        <v>1</v>
      </c>
      <c r="BM638" s="11">
        <v>1</v>
      </c>
      <c r="BN638" s="13">
        <v>0.5</v>
      </c>
      <c r="BO638" s="11">
        <v>2</v>
      </c>
      <c r="BP638" s="13">
        <v>2</v>
      </c>
      <c r="BQ638" s="6">
        <v>1</v>
      </c>
      <c r="BR638" s="6">
        <v>1</v>
      </c>
      <c r="BS638" s="6">
        <v>1</v>
      </c>
      <c r="BT638" s="6">
        <v>1</v>
      </c>
      <c r="BU638" s="6">
        <v>2</v>
      </c>
      <c r="BV638" s="6">
        <v>2</v>
      </c>
      <c r="BW638" s="6">
        <v>2</v>
      </c>
      <c r="BX638" s="6">
        <v>2</v>
      </c>
      <c r="BY638" s="6">
        <v>3</v>
      </c>
      <c r="BZ638" s="6">
        <v>3</v>
      </c>
      <c r="CA638" s="6">
        <v>3</v>
      </c>
      <c r="CB638" s="6">
        <v>3</v>
      </c>
      <c r="CC638" s="11">
        <v>3</v>
      </c>
      <c r="CD638" s="11">
        <v>-7</v>
      </c>
      <c r="CE638" s="11">
        <v>2</v>
      </c>
      <c r="CF638" s="11">
        <v>1</v>
      </c>
      <c r="CG638" s="11">
        <v>3</v>
      </c>
      <c r="CH638" s="20">
        <v>0.28999999999999998</v>
      </c>
      <c r="CI638" s="20">
        <v>0.17</v>
      </c>
      <c r="CJ638" s="20">
        <v>0.31</v>
      </c>
      <c r="CK638" s="20">
        <v>0.14000000000000001</v>
      </c>
      <c r="CL638" s="20">
        <v>0.17</v>
      </c>
      <c r="CM638" s="20">
        <v>0.19</v>
      </c>
      <c r="CN638" s="20">
        <v>0.18</v>
      </c>
      <c r="CO638" s="20">
        <v>0.19</v>
      </c>
      <c r="CP638" s="20">
        <v>0.48</v>
      </c>
      <c r="CQ638" s="20">
        <v>0.62</v>
      </c>
      <c r="CR638" s="20">
        <v>0.66</v>
      </c>
      <c r="CS638" s="20">
        <v>0.7</v>
      </c>
      <c r="CT638" s="20">
        <v>0.51</v>
      </c>
      <c r="CU638" s="20">
        <v>0.48</v>
      </c>
      <c r="CV638" s="20">
        <v>0.51</v>
      </c>
      <c r="CW638" s="20">
        <v>0.25</v>
      </c>
      <c r="CX638" s="20">
        <v>0.24</v>
      </c>
      <c r="CY638" s="6" t="s">
        <v>490</v>
      </c>
      <c r="CZ638" s="6" t="s">
        <v>491</v>
      </c>
      <c r="DA638" s="6" t="s">
        <v>166</v>
      </c>
      <c r="DB638" s="6"/>
      <c r="DC638" s="6"/>
      <c r="DD638" s="6"/>
      <c r="DE638" s="6"/>
      <c r="DF638" s="6"/>
      <c r="DG638" s="6"/>
      <c r="DH638" s="6" t="s">
        <v>333</v>
      </c>
      <c r="DI638" s="6"/>
      <c r="DJ638" s="6"/>
      <c r="DK638" s="6"/>
      <c r="DL638" s="6">
        <v>4</v>
      </c>
      <c r="DM638" s="6" t="s">
        <v>446</v>
      </c>
      <c r="DN638" s="6">
        <v>8</v>
      </c>
      <c r="DO638" s="6" t="s">
        <v>486</v>
      </c>
      <c r="DP638" s="6"/>
      <c r="DQ638" s="6"/>
    </row>
    <row r="639" spans="1:121" x14ac:dyDescent="0.2">
      <c r="A639" s="6" t="s">
        <v>323</v>
      </c>
      <c r="B639" s="6" t="s">
        <v>323</v>
      </c>
      <c r="C639" s="6" t="s">
        <v>192</v>
      </c>
      <c r="D639" s="6" t="s">
        <v>166</v>
      </c>
      <c r="E639" s="6" t="s">
        <v>305</v>
      </c>
      <c r="F639" s="11">
        <v>9</v>
      </c>
      <c r="G639" s="13">
        <v>9.7826086956499997E-2</v>
      </c>
      <c r="H639" s="11">
        <v>-7.7305839815000041</v>
      </c>
      <c r="I639" s="13">
        <v>-8.3698889959726658E-2</v>
      </c>
      <c r="J639" s="11">
        <v>0.61640937730000189</v>
      </c>
      <c r="K639" s="13">
        <v>7.2834714133784258E-3</v>
      </c>
      <c r="L639" s="11">
        <v>15.551523400000008</v>
      </c>
      <c r="M639" s="13">
        <v>0.18242754497135533</v>
      </c>
      <c r="N639" s="11">
        <v>16.16793277730001</v>
      </c>
      <c r="O639" s="13">
        <v>0.19103972219354545</v>
      </c>
      <c r="P639" s="7">
        <v>92.3618459602</v>
      </c>
      <c r="Q639" s="7">
        <v>91.069124562499994</v>
      </c>
      <c r="R639" s="7">
        <v>77.211200269800003</v>
      </c>
      <c r="S639" s="7">
        <v>122.982761418</v>
      </c>
      <c r="T639" s="7">
        <v>118.82109375</v>
      </c>
      <c r="U639" s="7">
        <v>119.975997533</v>
      </c>
      <c r="V639" s="7">
        <v>84.631261978699996</v>
      </c>
      <c r="W639" s="7">
        <v>85.247364631300002</v>
      </c>
      <c r="X639" s="7">
        <v>90.209453041000003</v>
      </c>
      <c r="Y639" s="7">
        <v>85.247671355999998</v>
      </c>
      <c r="Z639" s="7">
        <v>84.094045888400004</v>
      </c>
      <c r="AA639" s="7">
        <v>111.550619505</v>
      </c>
      <c r="AB639" s="7">
        <v>118.624899231</v>
      </c>
      <c r="AC639" s="7">
        <v>103.231663215</v>
      </c>
      <c r="AD639" s="7">
        <v>93.213115970100006</v>
      </c>
      <c r="AE639" s="7">
        <v>101.73712340900001</v>
      </c>
      <c r="AF639" s="7">
        <v>100.79919475600001</v>
      </c>
      <c r="AG639" s="9">
        <v>3840.385273249999</v>
      </c>
      <c r="AH639" s="13">
        <v>0.53507180951222166</v>
      </c>
      <c r="AI639" s="9">
        <v>2120.6988722899996</v>
      </c>
      <c r="AJ639" s="13">
        <v>0.29547196499544287</v>
      </c>
      <c r="AK639" s="9">
        <v>1311.19927766</v>
      </c>
      <c r="AL639" s="13">
        <v>0.14101910606314444</v>
      </c>
      <c r="AM639" s="9">
        <v>408.48712329999944</v>
      </c>
      <c r="AN639" s="13">
        <v>3.8503012492878005E-2</v>
      </c>
      <c r="AO639" s="9">
        <v>1719.6864009599994</v>
      </c>
      <c r="AP639" s="13">
        <v>0.18495177895850615</v>
      </c>
      <c r="AQ639" s="9">
        <v>7177.3268652500001</v>
      </c>
      <c r="AR639" s="9">
        <v>8063.2725031099999</v>
      </c>
      <c r="AS639" s="9">
        <v>7455.9635066500005</v>
      </c>
      <c r="AT639" s="9">
        <v>9269.0060134399992</v>
      </c>
      <c r="AU639" s="9">
        <v>10395.9973735</v>
      </c>
      <c r="AV639" s="9">
        <v>11386.6470097</v>
      </c>
      <c r="AW639" s="9">
        <v>9298.0257375399997</v>
      </c>
      <c r="AX639" s="9">
        <v>8759.1128065499997</v>
      </c>
      <c r="AY639" s="9">
        <v>10506.9621197</v>
      </c>
      <c r="AZ639" s="9">
        <v>10609.2250152</v>
      </c>
      <c r="BA639" s="9">
        <v>11475.403895699999</v>
      </c>
      <c r="BB639" s="9">
        <v>13549.4864684</v>
      </c>
      <c r="BC639" s="9">
        <v>13964.162498</v>
      </c>
      <c r="BD639" s="9">
        <v>15046.4253813</v>
      </c>
      <c r="BE639" s="9">
        <v>13584.2526387</v>
      </c>
      <c r="BF639" s="9">
        <v>11017.712138499999</v>
      </c>
      <c r="BG639" s="11">
        <v>0</v>
      </c>
      <c r="BH639" s="13">
        <v>0</v>
      </c>
      <c r="BI639" s="6">
        <v>0</v>
      </c>
      <c r="BJ639" s="13">
        <v>0</v>
      </c>
      <c r="BK639" s="6">
        <v>1</v>
      </c>
      <c r="BL639" s="13">
        <v>0.1111111111111111</v>
      </c>
      <c r="BM639" s="11">
        <v>-1</v>
      </c>
      <c r="BN639" s="13">
        <v>-0.1</v>
      </c>
      <c r="BO639" s="11">
        <v>0</v>
      </c>
      <c r="BP639" s="13">
        <v>0</v>
      </c>
      <c r="BQ639" s="6">
        <v>9</v>
      </c>
      <c r="BR639" s="6">
        <v>10</v>
      </c>
      <c r="BS639" s="6">
        <v>10</v>
      </c>
      <c r="BT639" s="6">
        <v>9</v>
      </c>
      <c r="BU639" s="6">
        <v>10</v>
      </c>
      <c r="BV639" s="6">
        <v>10</v>
      </c>
      <c r="BW639" s="6">
        <v>10</v>
      </c>
      <c r="BX639" s="6">
        <v>11</v>
      </c>
      <c r="BY639" s="6">
        <v>12</v>
      </c>
      <c r="BZ639" s="6">
        <v>12</v>
      </c>
      <c r="CA639" s="6">
        <v>9</v>
      </c>
      <c r="CB639" s="6">
        <v>9</v>
      </c>
      <c r="CC639" s="11">
        <v>9</v>
      </c>
      <c r="CD639" s="11">
        <v>-22.662500000000001</v>
      </c>
      <c r="CE639" s="11">
        <v>21.003599999999999</v>
      </c>
      <c r="CF639" s="11">
        <v>10.096299999999999</v>
      </c>
      <c r="CG639" s="11">
        <v>31</v>
      </c>
      <c r="CH639" s="20">
        <v>0.45268700000000001</v>
      </c>
      <c r="CI639" s="20">
        <v>0.42796699999999999</v>
      </c>
      <c r="CJ639" s="20">
        <v>0.36446299999999998</v>
      </c>
      <c r="CK639" s="20">
        <v>0.550261</v>
      </c>
      <c r="CL639" s="20">
        <v>0.55261199999999999</v>
      </c>
      <c r="CM639" s="20">
        <v>0.53896100000000002</v>
      </c>
      <c r="CN639" s="20">
        <v>0.38174999999999998</v>
      </c>
      <c r="CO639" s="20">
        <v>0.40482200000000002</v>
      </c>
      <c r="CP639" s="20">
        <v>0.53595099999999996</v>
      </c>
      <c r="CQ639" s="20">
        <v>0.51250799999999996</v>
      </c>
      <c r="CR639" s="20">
        <v>0.49027900000000002</v>
      </c>
      <c r="CS639" s="20">
        <v>0.65349400000000002</v>
      </c>
      <c r="CT639" s="20">
        <v>0.68961600000000001</v>
      </c>
      <c r="CU639" s="20">
        <v>0.61479499999999998</v>
      </c>
      <c r="CV639" s="20">
        <v>0.54052900000000004</v>
      </c>
      <c r="CW639" s="20">
        <v>0.57706299999999999</v>
      </c>
      <c r="CX639" s="20">
        <v>0.56594100000000003</v>
      </c>
      <c r="CY639" s="6" t="s">
        <v>490</v>
      </c>
      <c r="CZ639" s="6" t="s">
        <v>491</v>
      </c>
      <c r="DA639" s="6" t="s">
        <v>166</v>
      </c>
      <c r="DB639" s="6"/>
      <c r="DC639" s="6"/>
      <c r="DD639" s="6"/>
      <c r="DE639" s="6"/>
      <c r="DF639" s="6"/>
      <c r="DG639" s="6"/>
      <c r="DH639" s="6" t="s">
        <v>333</v>
      </c>
      <c r="DI639" s="6"/>
      <c r="DJ639" s="6"/>
      <c r="DK639" s="6"/>
      <c r="DL639" s="6">
        <v>4</v>
      </c>
      <c r="DM639" s="6" t="s">
        <v>446</v>
      </c>
      <c r="DN639" s="6">
        <v>8</v>
      </c>
      <c r="DO639" s="6" t="s">
        <v>486</v>
      </c>
      <c r="DP639" s="6"/>
      <c r="DQ639" s="6"/>
    </row>
    <row r="640" spans="1:121" x14ac:dyDescent="0.2">
      <c r="A640" s="6" t="s">
        <v>325</v>
      </c>
      <c r="B640" s="6" t="s">
        <v>325</v>
      </c>
      <c r="C640" s="6" t="s">
        <v>193</v>
      </c>
      <c r="D640" s="6" t="s">
        <v>166</v>
      </c>
      <c r="E640" s="6" t="s">
        <v>305</v>
      </c>
      <c r="F640" s="11">
        <v>9</v>
      </c>
      <c r="G640" s="13">
        <v>8.9108910891099999E-2</v>
      </c>
      <c r="H640" s="11">
        <v>13.556701333999996</v>
      </c>
      <c r="I640" s="13">
        <v>0.13394399436428159</v>
      </c>
      <c r="J640" s="11">
        <v>19.547407309000008</v>
      </c>
      <c r="K640" s="13">
        <v>0.17032044177669528</v>
      </c>
      <c r="L640" s="11">
        <v>-24.328577440000004</v>
      </c>
      <c r="M640" s="13">
        <v>-0.18112964539220081</v>
      </c>
      <c r="N640" s="11">
        <v>-4.7811701309999961</v>
      </c>
      <c r="O640" s="13">
        <v>-4.1659284837561331E-2</v>
      </c>
      <c r="P640" s="7">
        <v>101.21171463</v>
      </c>
      <c r="Q640" s="7">
        <v>110.044139101</v>
      </c>
      <c r="R640" s="7">
        <v>123.86721992699999</v>
      </c>
      <c r="S640" s="7">
        <v>133.436328489</v>
      </c>
      <c r="T640" s="7">
        <v>120.529976242</v>
      </c>
      <c r="U640" s="7">
        <v>134.107228607</v>
      </c>
      <c r="V640" s="7">
        <v>114.768415964</v>
      </c>
      <c r="W640" s="7">
        <v>126.75334515199999</v>
      </c>
      <c r="X640" s="7">
        <v>156.15780556300001</v>
      </c>
      <c r="Y640" s="7">
        <v>134.31582327300001</v>
      </c>
      <c r="Z640" s="7">
        <v>130.46129169599999</v>
      </c>
      <c r="AA640" s="7">
        <v>120.263131442</v>
      </c>
      <c r="AB640" s="7">
        <v>106.95454433099999</v>
      </c>
      <c r="AC640" s="7">
        <v>109.10436264499999</v>
      </c>
      <c r="AD640" s="7">
        <v>109.407811806</v>
      </c>
      <c r="AE640" s="7">
        <v>109.20239386599999</v>
      </c>
      <c r="AF640" s="7">
        <v>109.987245833</v>
      </c>
      <c r="AG640" s="9">
        <v>2862.1968059999999</v>
      </c>
      <c r="AH640" s="13">
        <v>0.1740186272206245</v>
      </c>
      <c r="AI640" s="9">
        <v>115.93607780000093</v>
      </c>
      <c r="AJ640" s="13">
        <v>7.0487945000172296E-3</v>
      </c>
      <c r="AK640" s="9">
        <v>-1342.0370877000005</v>
      </c>
      <c r="AL640" s="13">
        <v>-8.1023360063500457E-2</v>
      </c>
      <c r="AM640" s="9">
        <v>4088.2978158999995</v>
      </c>
      <c r="AN640" s="13">
        <v>0.2685862555500142</v>
      </c>
      <c r="AO640" s="9">
        <v>2746.260728199999</v>
      </c>
      <c r="AP640" s="13">
        <v>0.16580113459497756</v>
      </c>
      <c r="AQ640" s="9">
        <v>16447.646161299999</v>
      </c>
      <c r="AR640" s="9">
        <v>16539.265296099999</v>
      </c>
      <c r="AS640" s="9">
        <v>15861.044342699999</v>
      </c>
      <c r="AT640" s="9">
        <v>15060.6008465</v>
      </c>
      <c r="AU640" s="9">
        <v>15775.7998169</v>
      </c>
      <c r="AV640" s="9">
        <v>15651.324616</v>
      </c>
      <c r="AW640" s="9">
        <v>16563.5822391</v>
      </c>
      <c r="AX640" s="9">
        <v>16524.118761400001</v>
      </c>
      <c r="AY640" s="9">
        <v>14271.1632073</v>
      </c>
      <c r="AZ640" s="9">
        <v>15221.5451514</v>
      </c>
      <c r="BA640" s="9">
        <v>15133.809328699999</v>
      </c>
      <c r="BB640" s="9">
        <v>15523.4485886</v>
      </c>
      <c r="BC640" s="9">
        <v>17398.242804000001</v>
      </c>
      <c r="BD640" s="9">
        <v>18813.9043494</v>
      </c>
      <c r="BE640" s="9">
        <v>18994.2447813</v>
      </c>
      <c r="BF640" s="9">
        <v>19309.842967299999</v>
      </c>
      <c r="BG640" s="11">
        <v>-17.5</v>
      </c>
      <c r="BH640" s="13">
        <v>-0.76086956521739135</v>
      </c>
      <c r="BI640" s="6">
        <v>-4</v>
      </c>
      <c r="BJ640" s="13">
        <v>-0.17391304347826086</v>
      </c>
      <c r="BK640" s="6">
        <v>7</v>
      </c>
      <c r="BL640" s="13">
        <v>0.36842105263157893</v>
      </c>
      <c r="BM640" s="11">
        <v>-20.5</v>
      </c>
      <c r="BN640" s="13">
        <v>-0.78846153846153844</v>
      </c>
      <c r="BO640" s="11">
        <v>-13.5</v>
      </c>
      <c r="BP640" s="13">
        <v>-0.71052631578947367</v>
      </c>
      <c r="BQ640" s="6">
        <v>23</v>
      </c>
      <c r="BR640" s="6">
        <v>23</v>
      </c>
      <c r="BS640" s="6">
        <v>25</v>
      </c>
      <c r="BT640" s="6">
        <v>19</v>
      </c>
      <c r="BU640" s="6">
        <v>21</v>
      </c>
      <c r="BV640" s="6">
        <v>26</v>
      </c>
      <c r="BW640" s="6">
        <v>26</v>
      </c>
      <c r="BX640" s="6">
        <v>23</v>
      </c>
      <c r="BY640" s="6">
        <v>21</v>
      </c>
      <c r="BZ640" s="6">
        <v>7</v>
      </c>
      <c r="CA640" s="6">
        <v>7</v>
      </c>
      <c r="CB640" s="6">
        <v>7</v>
      </c>
      <c r="CC640" s="11">
        <v>5.5</v>
      </c>
      <c r="CD640" s="11">
        <v>-1.35606</v>
      </c>
      <c r="CE640" s="11">
        <v>-0.932064</v>
      </c>
      <c r="CF640" s="11">
        <v>11.063700000000001</v>
      </c>
      <c r="CG640" s="11">
        <v>10</v>
      </c>
      <c r="CH640" s="20">
        <v>0.73030399999999995</v>
      </c>
      <c r="CI640" s="20">
        <v>0.75817299999999999</v>
      </c>
      <c r="CJ640" s="20">
        <v>0.86214100000000005</v>
      </c>
      <c r="CK640" s="20">
        <v>0.89627100000000004</v>
      </c>
      <c r="CL640" s="20">
        <v>0.85546900000000003</v>
      </c>
      <c r="CM640" s="20">
        <v>0.92798499999999995</v>
      </c>
      <c r="CN640" s="20">
        <v>0.80138299999999996</v>
      </c>
      <c r="CO640" s="20">
        <v>0.93088899999999997</v>
      </c>
      <c r="CP640" s="20">
        <v>1.4055599999999999</v>
      </c>
      <c r="CQ640" s="20">
        <v>1.2324299999999999</v>
      </c>
      <c r="CR640" s="20">
        <v>1.1778</v>
      </c>
      <c r="CS640" s="20">
        <v>1.09941</v>
      </c>
      <c r="CT640" s="20">
        <v>1.0584</v>
      </c>
      <c r="CU640" s="20">
        <v>1.1178300000000001</v>
      </c>
      <c r="CV640" s="20">
        <v>1.1130599999999999</v>
      </c>
      <c r="CW640" s="20">
        <v>1.09823</v>
      </c>
      <c r="CX640" s="20">
        <v>1.10466</v>
      </c>
      <c r="CY640" s="6" t="s">
        <v>490</v>
      </c>
      <c r="CZ640" s="6" t="s">
        <v>491</v>
      </c>
      <c r="DA640" s="6" t="s">
        <v>166</v>
      </c>
      <c r="DB640" s="6"/>
      <c r="DC640" s="6"/>
      <c r="DD640" s="6"/>
      <c r="DE640" s="6"/>
      <c r="DF640" s="6"/>
      <c r="DG640" s="6"/>
      <c r="DH640" s="6" t="s">
        <v>333</v>
      </c>
      <c r="DI640" s="6"/>
      <c r="DJ640" s="6"/>
      <c r="DK640" s="6"/>
      <c r="DL640" s="6">
        <v>4</v>
      </c>
      <c r="DM640" s="6" t="s">
        <v>446</v>
      </c>
      <c r="DN640" s="6">
        <v>8</v>
      </c>
      <c r="DO640" s="6" t="s">
        <v>486</v>
      </c>
      <c r="DP640" s="6"/>
      <c r="DQ640" s="6"/>
    </row>
    <row r="641" spans="1:121" x14ac:dyDescent="0.2">
      <c r="A641" s="6" t="s">
        <v>327</v>
      </c>
      <c r="B641" s="6" t="s">
        <v>327</v>
      </c>
      <c r="C641" s="6" t="s">
        <v>194</v>
      </c>
      <c r="D641" s="6" t="s">
        <v>166</v>
      </c>
      <c r="E641" s="6" t="s">
        <v>305</v>
      </c>
      <c r="F641" s="11">
        <v>-7</v>
      </c>
      <c r="G641" s="13">
        <v>-1.2915129151299999E-2</v>
      </c>
      <c r="H641" s="11">
        <v>52.314179999999965</v>
      </c>
      <c r="I641" s="13">
        <v>9.6441105920501716E-2</v>
      </c>
      <c r="J641" s="11">
        <v>-41.035071000000016</v>
      </c>
      <c r="K641" s="13">
        <v>-6.8994208970539428E-2</v>
      </c>
      <c r="L641" s="11">
        <v>-18.839438109999946</v>
      </c>
      <c r="M641" s="13">
        <v>-3.4023032022226347E-2</v>
      </c>
      <c r="N641" s="11">
        <v>-59.874509109999963</v>
      </c>
      <c r="O641" s="13">
        <v>-0.10066984881161294</v>
      </c>
      <c r="P641" s="7">
        <v>542.446911</v>
      </c>
      <c r="Q641" s="7">
        <v>541.70751299999995</v>
      </c>
      <c r="R641" s="7">
        <v>517.10250900000005</v>
      </c>
      <c r="S641" s="7">
        <v>512.737165</v>
      </c>
      <c r="T641" s="7">
        <v>513.64387499999998</v>
      </c>
      <c r="U641" s="7">
        <v>546.13125000000002</v>
      </c>
      <c r="V641" s="7">
        <v>594.76109099999996</v>
      </c>
      <c r="W641" s="7">
        <v>593.34299799999997</v>
      </c>
      <c r="X641" s="7">
        <v>577.55618700000002</v>
      </c>
      <c r="Y641" s="7">
        <v>553.72601999999995</v>
      </c>
      <c r="Z641" s="7">
        <v>554.76253799999995</v>
      </c>
      <c r="AA641" s="7">
        <v>542.69691899999998</v>
      </c>
      <c r="AB641" s="7">
        <v>551.00996199999997</v>
      </c>
      <c r="AC641" s="7">
        <v>555.45874100000003</v>
      </c>
      <c r="AD641" s="7">
        <v>540.71577300000001</v>
      </c>
      <c r="AE641" s="7">
        <v>537.00443949999999</v>
      </c>
      <c r="AF641" s="7">
        <v>534.88658189</v>
      </c>
      <c r="AG641" s="9">
        <v>8634.3649580999991</v>
      </c>
      <c r="AH641" s="13">
        <v>0.27902880646403971</v>
      </c>
      <c r="AI641" s="9">
        <v>4194.9427579999974</v>
      </c>
      <c r="AJ641" s="13">
        <v>0.13556409494269028</v>
      </c>
      <c r="AK641" s="9">
        <v>3151.9542793000001</v>
      </c>
      <c r="AL641" s="13">
        <v>8.9698854489868265E-2</v>
      </c>
      <c r="AM641" s="9">
        <v>1287.4679208000016</v>
      </c>
      <c r="AN641" s="13">
        <v>3.3623034796833505E-2</v>
      </c>
      <c r="AO641" s="9">
        <v>4439.4222001000016</v>
      </c>
      <c r="AP641" s="13">
        <v>0.12633783699245071</v>
      </c>
      <c r="AQ641" s="9">
        <v>30944.349680300002</v>
      </c>
      <c r="AR641" s="9">
        <v>32325.6013203</v>
      </c>
      <c r="AS641" s="9">
        <v>32485.102648200002</v>
      </c>
      <c r="AT641" s="9">
        <v>34138.975746099997</v>
      </c>
      <c r="AU641" s="9">
        <v>34872.545801799999</v>
      </c>
      <c r="AV641" s="9">
        <v>35652.995440999999</v>
      </c>
      <c r="AW641" s="9">
        <v>35139.292438299999</v>
      </c>
      <c r="AX641" s="9">
        <v>36066.666032100002</v>
      </c>
      <c r="AY641" s="9">
        <v>37234.703186799998</v>
      </c>
      <c r="AZ641" s="9">
        <v>38291.246717599999</v>
      </c>
      <c r="BA641" s="9">
        <v>37246.216018599996</v>
      </c>
      <c r="BB641" s="9">
        <v>36976.986017000003</v>
      </c>
      <c r="BC641" s="9">
        <v>37098.174661099998</v>
      </c>
      <c r="BD641" s="9">
        <v>36886.665961500003</v>
      </c>
      <c r="BE641" s="9">
        <v>38278.235434399998</v>
      </c>
      <c r="BF641" s="9">
        <v>39578.714638400001</v>
      </c>
      <c r="BG641" s="11">
        <v>1</v>
      </c>
      <c r="BH641" s="13">
        <v>1.9230769230769232E-2</v>
      </c>
      <c r="BI641" s="6">
        <v>4</v>
      </c>
      <c r="BJ641" s="13">
        <v>7.6923076923076927E-2</v>
      </c>
      <c r="BK641" s="6">
        <v>1</v>
      </c>
      <c r="BL641" s="13">
        <v>1.7857142857142856E-2</v>
      </c>
      <c r="BM641" s="11">
        <v>-4</v>
      </c>
      <c r="BN641" s="13">
        <v>-7.0175438596491224E-2</v>
      </c>
      <c r="BO641" s="11">
        <v>-3</v>
      </c>
      <c r="BP641" s="13">
        <v>-5.3571428571428568E-2</v>
      </c>
      <c r="BQ641" s="6">
        <v>52</v>
      </c>
      <c r="BR641" s="6">
        <v>51</v>
      </c>
      <c r="BS641" s="6">
        <v>54</v>
      </c>
      <c r="BT641" s="6">
        <v>56</v>
      </c>
      <c r="BU641" s="6">
        <v>55</v>
      </c>
      <c r="BV641" s="6">
        <v>55</v>
      </c>
      <c r="BW641" s="6">
        <v>57</v>
      </c>
      <c r="BX641" s="6">
        <v>57</v>
      </c>
      <c r="BY641" s="6">
        <v>52</v>
      </c>
      <c r="BZ641" s="6">
        <v>52</v>
      </c>
      <c r="CA641" s="6">
        <v>53</v>
      </c>
      <c r="CB641" s="6">
        <v>53</v>
      </c>
      <c r="CC641" s="11">
        <v>53</v>
      </c>
      <c r="CD641" s="11">
        <v>-35.055599999999998</v>
      </c>
      <c r="CE641" s="11">
        <v>-31.800799999999999</v>
      </c>
      <c r="CF641" s="11">
        <v>59.295999999999999</v>
      </c>
      <c r="CG641" s="11">
        <v>27</v>
      </c>
      <c r="CH641" s="20">
        <v>1.1782999999999999</v>
      </c>
      <c r="CI641" s="20">
        <v>1.12134</v>
      </c>
      <c r="CJ641" s="20">
        <v>1.0893299999999999</v>
      </c>
      <c r="CK641" s="20">
        <v>1.04992</v>
      </c>
      <c r="CL641" s="20">
        <v>1.1139600000000001</v>
      </c>
      <c r="CM641" s="20">
        <v>1.1623600000000001</v>
      </c>
      <c r="CN641" s="20">
        <v>1.2865200000000001</v>
      </c>
      <c r="CO641" s="20">
        <v>1.3364</v>
      </c>
      <c r="CP641" s="20">
        <v>1.57647</v>
      </c>
      <c r="CQ641" s="20">
        <v>1.5319499999999999</v>
      </c>
      <c r="CR641" s="20">
        <v>1.54556</v>
      </c>
      <c r="CS641" s="20">
        <v>1.5829200000000001</v>
      </c>
      <c r="CT641" s="20">
        <v>1.65246</v>
      </c>
      <c r="CU641" s="20">
        <v>1.75729</v>
      </c>
      <c r="CV641" s="20">
        <v>1.7132099999999999</v>
      </c>
      <c r="CW641" s="20">
        <v>1.6904399999999999</v>
      </c>
      <c r="CX641" s="20">
        <v>1.6933100000000001</v>
      </c>
      <c r="CY641" s="6" t="s">
        <v>490</v>
      </c>
      <c r="CZ641" s="6" t="s">
        <v>491</v>
      </c>
      <c r="DA641" s="6" t="s">
        <v>166</v>
      </c>
      <c r="DB641" s="6"/>
      <c r="DC641" s="6"/>
      <c r="DD641" s="6"/>
      <c r="DE641" s="6"/>
      <c r="DF641" s="6"/>
      <c r="DG641" s="6"/>
      <c r="DH641" s="6" t="s">
        <v>333</v>
      </c>
      <c r="DI641" s="6"/>
      <c r="DJ641" s="6"/>
      <c r="DK641" s="6"/>
      <c r="DL641" s="6">
        <v>4</v>
      </c>
      <c r="DM641" s="6" t="s">
        <v>446</v>
      </c>
      <c r="DN641" s="6">
        <v>8</v>
      </c>
      <c r="DO641" s="6" t="s">
        <v>486</v>
      </c>
      <c r="DP641" s="6"/>
      <c r="DQ641" s="6"/>
    </row>
    <row r="642" spans="1:121" x14ac:dyDescent="0.2">
      <c r="A642" s="6" t="s">
        <v>1</v>
      </c>
      <c r="B642" s="6" t="s">
        <v>1</v>
      </c>
      <c r="C642" s="6" t="s">
        <v>2</v>
      </c>
      <c r="D642" s="6" t="s">
        <v>104</v>
      </c>
      <c r="E642" s="6" t="s">
        <v>245</v>
      </c>
      <c r="F642" s="11">
        <v>24</v>
      </c>
      <c r="G642" s="13">
        <v>0.54545454545500005</v>
      </c>
      <c r="H642" s="11">
        <v>29.198838538899999</v>
      </c>
      <c r="I642" s="13">
        <v>0.65836944852694157</v>
      </c>
      <c r="J642" s="11">
        <v>-36.706913874800001</v>
      </c>
      <c r="K642" s="13">
        <v>-0.4990805870624857</v>
      </c>
      <c r="L642" s="11">
        <v>31.021765826400006</v>
      </c>
      <c r="M642" s="13">
        <v>0.84201815717813389</v>
      </c>
      <c r="N642" s="11">
        <v>-5.685148048399995</v>
      </c>
      <c r="O642" s="13">
        <v>-7.7297346086087265E-2</v>
      </c>
      <c r="P642" s="7">
        <v>44.350233146800001</v>
      </c>
      <c r="Q642" s="7">
        <v>61.616673376100003</v>
      </c>
      <c r="R642" s="7">
        <v>141.98614791899999</v>
      </c>
      <c r="S642" s="7">
        <v>179.00915334600001</v>
      </c>
      <c r="T642" s="7">
        <v>37.312713980300003</v>
      </c>
      <c r="U642" s="7">
        <v>23.4186870777</v>
      </c>
      <c r="V642" s="7">
        <v>73.5490716857</v>
      </c>
      <c r="W642" s="7">
        <v>135.36943523100001</v>
      </c>
      <c r="X642" s="7">
        <v>136.06191686899999</v>
      </c>
      <c r="Y642" s="7">
        <v>36.842157810899998</v>
      </c>
      <c r="Z642" s="7">
        <v>33.1244692255</v>
      </c>
      <c r="AA642" s="7">
        <v>38.411466603400001</v>
      </c>
      <c r="AB642" s="7">
        <v>45.250461729800001</v>
      </c>
      <c r="AC642" s="7">
        <v>65.144480400600003</v>
      </c>
      <c r="AD642" s="7">
        <v>63.7974150593</v>
      </c>
      <c r="AE642" s="7">
        <v>65.9237503433</v>
      </c>
      <c r="AF642" s="7">
        <v>67.863923637300005</v>
      </c>
      <c r="AG642" s="9">
        <v>9080.6867474000028</v>
      </c>
      <c r="AH642" s="13">
        <v>0.51550388321061591</v>
      </c>
      <c r="AI642" s="9">
        <v>-1979.4232079999983</v>
      </c>
      <c r="AJ642" s="13">
        <v>-0.11237039429131024</v>
      </c>
      <c r="AK642" s="9">
        <v>224.71544279999944</v>
      </c>
      <c r="AL642" s="13">
        <v>1.4371906613842699E-2</v>
      </c>
      <c r="AM642" s="9">
        <v>10835.394512600002</v>
      </c>
      <c r="AN642" s="13">
        <v>0.68317030901938536</v>
      </c>
      <c r="AO642" s="9">
        <v>11060.109955400001</v>
      </c>
      <c r="AP642" s="13">
        <v>0.70736067551580473</v>
      </c>
      <c r="AQ642" s="9">
        <v>17615.166525699999</v>
      </c>
      <c r="AR642" s="9">
        <v>19617.873720600001</v>
      </c>
      <c r="AS642" s="9">
        <v>24342.812425700002</v>
      </c>
      <c r="AT642" s="9">
        <v>22009.1578816</v>
      </c>
      <c r="AU642" s="9">
        <v>15310.512998599999</v>
      </c>
      <c r="AV642" s="9">
        <v>11460.4490835</v>
      </c>
      <c r="AW642" s="9">
        <v>15635.7433177</v>
      </c>
      <c r="AX642" s="9">
        <v>18744.649464900001</v>
      </c>
      <c r="AY642" s="9">
        <v>19092.782039599999</v>
      </c>
      <c r="AZ642" s="9">
        <v>15860.4587605</v>
      </c>
      <c r="BA642" s="9">
        <v>19804.569519799999</v>
      </c>
      <c r="BB642" s="9">
        <v>21224.079360600001</v>
      </c>
      <c r="BC642" s="9">
        <v>24055.546598699999</v>
      </c>
      <c r="BD642" s="9">
        <v>26432.776563200001</v>
      </c>
      <c r="BE642" s="9">
        <v>25132.060351600001</v>
      </c>
      <c r="BF642" s="9">
        <v>26695.853273100001</v>
      </c>
      <c r="BG642" s="11">
        <v>1</v>
      </c>
      <c r="BH642" s="13">
        <v>0.33333333333333331</v>
      </c>
      <c r="BI642" s="6">
        <v>-1</v>
      </c>
      <c r="BJ642" s="13">
        <v>-0.33333333333333331</v>
      </c>
      <c r="BK642" s="6">
        <v>2</v>
      </c>
      <c r="BL642" s="13">
        <v>1</v>
      </c>
      <c r="BM642" s="11">
        <v>0</v>
      </c>
      <c r="BN642" s="13">
        <v>0</v>
      </c>
      <c r="BO642" s="11">
        <v>2</v>
      </c>
      <c r="BP642" s="13">
        <v>1</v>
      </c>
      <c r="BQ642" s="6">
        <v>3</v>
      </c>
      <c r="BR642" s="6">
        <v>4</v>
      </c>
      <c r="BS642" s="6">
        <v>2</v>
      </c>
      <c r="BT642" s="6">
        <v>2</v>
      </c>
      <c r="BU642" s="6">
        <v>2</v>
      </c>
      <c r="BV642" s="6">
        <v>2</v>
      </c>
      <c r="BW642" s="6">
        <v>4</v>
      </c>
      <c r="BX642" s="6">
        <v>4</v>
      </c>
      <c r="BY642" s="6">
        <v>6</v>
      </c>
      <c r="BZ642" s="6">
        <v>4</v>
      </c>
      <c r="CA642" s="6">
        <v>5</v>
      </c>
      <c r="CB642" s="6">
        <v>4</v>
      </c>
      <c r="CC642" s="11">
        <v>4</v>
      </c>
      <c r="CD642" s="11">
        <v>22.709299999999999</v>
      </c>
      <c r="CE642" s="11">
        <v>-4.0435699999999999</v>
      </c>
      <c r="CF642" s="11">
        <v>4.8480100000000004</v>
      </c>
      <c r="CG642" s="11">
        <v>1</v>
      </c>
      <c r="CH642" s="20">
        <v>1.48664</v>
      </c>
      <c r="CI642" s="20">
        <v>1.4736499999999999</v>
      </c>
      <c r="CJ642" s="20">
        <v>3.1778599999999999</v>
      </c>
      <c r="CK642" s="20">
        <v>4.0633100000000004</v>
      </c>
      <c r="CL642" s="20">
        <v>0.89121099999999998</v>
      </c>
      <c r="CM642" s="20">
        <v>0.56621299999999997</v>
      </c>
      <c r="CN642" s="20">
        <v>1.5604</v>
      </c>
      <c r="CO642" s="20">
        <v>2.9438</v>
      </c>
      <c r="CP642" s="20">
        <v>2.9753599999999998</v>
      </c>
      <c r="CQ642" s="20">
        <v>0.75831000000000004</v>
      </c>
      <c r="CR642" s="20">
        <v>0.71049399999999996</v>
      </c>
      <c r="CS642" s="20">
        <v>0.83491599999999999</v>
      </c>
      <c r="CT642" s="20">
        <v>0.95855299999999999</v>
      </c>
      <c r="CU642" s="20">
        <v>1.39751</v>
      </c>
      <c r="CV642" s="20">
        <v>1.29471</v>
      </c>
      <c r="CW642" s="20">
        <v>1.33545</v>
      </c>
      <c r="CX642" s="20">
        <v>1.34467</v>
      </c>
      <c r="CY642" s="6" t="s">
        <v>492</v>
      </c>
      <c r="CZ642" s="6" t="s">
        <v>493</v>
      </c>
      <c r="DA642" s="6" t="s">
        <v>104</v>
      </c>
      <c r="DB642" s="6"/>
      <c r="DC642" s="6">
        <v>41140</v>
      </c>
      <c r="DD642" s="6">
        <v>312</v>
      </c>
      <c r="DE642" s="6" t="s">
        <v>374</v>
      </c>
      <c r="DF642" s="6" t="s">
        <v>375</v>
      </c>
      <c r="DG642" s="6" t="s">
        <v>376</v>
      </c>
      <c r="DH642" s="6" t="s">
        <v>328</v>
      </c>
      <c r="DI642" s="6" t="s">
        <v>377</v>
      </c>
      <c r="DJ642" s="6">
        <v>29</v>
      </c>
      <c r="DK642" s="6">
        <v>63</v>
      </c>
      <c r="DL642" s="6">
        <v>2</v>
      </c>
      <c r="DM642" s="6" t="s">
        <v>379</v>
      </c>
      <c r="DN642" s="6">
        <v>3</v>
      </c>
      <c r="DO642" s="6" t="s">
        <v>380</v>
      </c>
      <c r="DP642" s="6"/>
      <c r="DQ642" s="6"/>
    </row>
    <row r="643" spans="1:121" x14ac:dyDescent="0.2">
      <c r="A643" s="6" t="s">
        <v>310</v>
      </c>
      <c r="B643" s="6" t="s">
        <v>310</v>
      </c>
      <c r="C643" s="6" t="s">
        <v>173</v>
      </c>
      <c r="D643" s="6" t="s">
        <v>104</v>
      </c>
      <c r="E643" s="6" t="s">
        <v>245</v>
      </c>
      <c r="F643" s="11">
        <v>0</v>
      </c>
      <c r="G643" s="13">
        <v>0</v>
      </c>
      <c r="H643" s="11">
        <v>0</v>
      </c>
      <c r="I643" s="13"/>
      <c r="J643" s="11">
        <v>0</v>
      </c>
      <c r="K643" s="13"/>
      <c r="L643" s="11">
        <v>0</v>
      </c>
      <c r="M643" s="13"/>
      <c r="N643" s="11">
        <v>0</v>
      </c>
      <c r="O643" s="13"/>
      <c r="P643" s="7">
        <v>0</v>
      </c>
      <c r="Q643" s="7">
        <v>0</v>
      </c>
      <c r="R643" s="7">
        <v>0</v>
      </c>
      <c r="S643" s="7">
        <v>0</v>
      </c>
      <c r="T643" s="7">
        <v>0</v>
      </c>
      <c r="U643" s="7">
        <v>0</v>
      </c>
      <c r="V643" s="7">
        <v>0</v>
      </c>
      <c r="W643" s="7">
        <v>0</v>
      </c>
      <c r="X643" s="7">
        <v>0</v>
      </c>
      <c r="Y643" s="7">
        <v>0</v>
      </c>
      <c r="Z643" s="7">
        <v>0</v>
      </c>
      <c r="AA643" s="7">
        <v>0</v>
      </c>
      <c r="AB643" s="7">
        <v>0</v>
      </c>
      <c r="AC643" s="7">
        <v>0</v>
      </c>
      <c r="AD643" s="7">
        <v>0</v>
      </c>
      <c r="AE643" s="7">
        <v>0</v>
      </c>
      <c r="AF643" s="7">
        <v>0</v>
      </c>
      <c r="AG643" s="9">
        <v>0</v>
      </c>
      <c r="AH643" s="13"/>
      <c r="AI643" s="9">
        <v>0</v>
      </c>
      <c r="AJ643" s="13"/>
      <c r="AK643" s="9">
        <v>0</v>
      </c>
      <c r="AL643" s="13"/>
      <c r="AM643" s="9">
        <v>0</v>
      </c>
      <c r="AN643" s="13"/>
      <c r="AO643" s="9">
        <v>0</v>
      </c>
      <c r="AP643" s="13"/>
      <c r="AQ643" s="9">
        <v>0</v>
      </c>
      <c r="AR643" s="9">
        <v>0</v>
      </c>
      <c r="AS643" s="9">
        <v>0</v>
      </c>
      <c r="AT643" s="9">
        <v>0</v>
      </c>
      <c r="AU643" s="9">
        <v>0</v>
      </c>
      <c r="AV643" s="9">
        <v>0</v>
      </c>
      <c r="AW643" s="9">
        <v>0</v>
      </c>
      <c r="AX643" s="9">
        <v>0</v>
      </c>
      <c r="AY643" s="9">
        <v>0</v>
      </c>
      <c r="AZ643" s="9">
        <v>0</v>
      </c>
      <c r="BA643" s="9">
        <v>0</v>
      </c>
      <c r="BB643" s="9">
        <v>0</v>
      </c>
      <c r="BC643" s="9">
        <v>0</v>
      </c>
      <c r="BD643" s="9">
        <v>0</v>
      </c>
      <c r="BE643" s="9">
        <v>0</v>
      </c>
      <c r="BF643" s="9">
        <v>0</v>
      </c>
      <c r="BG643" s="11">
        <v>0</v>
      </c>
      <c r="BH643" s="13" t="e">
        <v>#DIV/0!</v>
      </c>
      <c r="BI643" s="6">
        <v>0</v>
      </c>
      <c r="BJ643" s="13" t="e">
        <v>#DIV/0!</v>
      </c>
      <c r="BK643" s="6">
        <v>0</v>
      </c>
      <c r="BL643" s="13" t="e">
        <v>#DIV/0!</v>
      </c>
      <c r="BM643" s="11">
        <v>0</v>
      </c>
      <c r="BN643" s="13" t="e">
        <v>#DIV/0!</v>
      </c>
      <c r="BO643" s="11">
        <v>0</v>
      </c>
      <c r="BP643" s="13" t="e">
        <v>#DIV/0!</v>
      </c>
      <c r="BQ643" s="6">
        <v>0</v>
      </c>
      <c r="BR643" s="6">
        <v>0</v>
      </c>
      <c r="BS643" s="6">
        <v>0</v>
      </c>
      <c r="BT643" s="6">
        <v>0</v>
      </c>
      <c r="BU643" s="6">
        <v>0</v>
      </c>
      <c r="BV643" s="6">
        <v>0</v>
      </c>
      <c r="BW643" s="6">
        <v>0</v>
      </c>
      <c r="BX643" s="6">
        <v>0</v>
      </c>
      <c r="BY643" s="6">
        <v>0</v>
      </c>
      <c r="BZ643" s="6">
        <v>0</v>
      </c>
      <c r="CA643" s="6">
        <v>0</v>
      </c>
      <c r="CB643" s="6">
        <v>0</v>
      </c>
      <c r="CC643" s="11">
        <v>0</v>
      </c>
      <c r="CD643" s="11">
        <v>0</v>
      </c>
      <c r="CE643" s="11">
        <v>0</v>
      </c>
      <c r="CF643" s="11">
        <v>0</v>
      </c>
      <c r="CG643" s="11">
        <v>0</v>
      </c>
      <c r="CH643" s="20">
        <v>0</v>
      </c>
      <c r="CI643" s="20">
        <v>0</v>
      </c>
      <c r="CJ643" s="20">
        <v>0</v>
      </c>
      <c r="CK643" s="20">
        <v>0</v>
      </c>
      <c r="CL643" s="20">
        <v>0</v>
      </c>
      <c r="CM643" s="20">
        <v>0</v>
      </c>
      <c r="CN643" s="20">
        <v>0</v>
      </c>
      <c r="CO643" s="20">
        <v>0</v>
      </c>
      <c r="CP643" s="20">
        <v>0</v>
      </c>
      <c r="CQ643" s="20">
        <v>0</v>
      </c>
      <c r="CR643" s="20">
        <v>0</v>
      </c>
      <c r="CS643" s="20">
        <v>0</v>
      </c>
      <c r="CT643" s="20">
        <v>0</v>
      </c>
      <c r="CU643" s="20">
        <v>0</v>
      </c>
      <c r="CV643" s="20">
        <v>0</v>
      </c>
      <c r="CW643" s="20">
        <v>0</v>
      </c>
      <c r="CX643" s="20">
        <v>0</v>
      </c>
      <c r="CY643" s="6" t="s">
        <v>492</v>
      </c>
      <c r="CZ643" s="6" t="s">
        <v>493</v>
      </c>
      <c r="DA643" s="6" t="s">
        <v>104</v>
      </c>
      <c r="DB643" s="6"/>
      <c r="DC643" s="6">
        <v>41140</v>
      </c>
      <c r="DD643" s="6">
        <v>312</v>
      </c>
      <c r="DE643" s="6" t="s">
        <v>374</v>
      </c>
      <c r="DF643" s="6" t="s">
        <v>375</v>
      </c>
      <c r="DG643" s="6" t="s">
        <v>376</v>
      </c>
      <c r="DH643" s="6" t="s">
        <v>328</v>
      </c>
      <c r="DI643" s="6" t="s">
        <v>377</v>
      </c>
      <c r="DJ643" s="6">
        <v>29</v>
      </c>
      <c r="DK643" s="6">
        <v>63</v>
      </c>
      <c r="DL643" s="6">
        <v>2</v>
      </c>
      <c r="DM643" s="6" t="s">
        <v>379</v>
      </c>
      <c r="DN643" s="6">
        <v>3</v>
      </c>
      <c r="DO643" s="6" t="s">
        <v>380</v>
      </c>
      <c r="DP643" s="6"/>
      <c r="DQ643" s="6"/>
    </row>
    <row r="644" spans="1:121" x14ac:dyDescent="0.2">
      <c r="A644" s="6" t="s">
        <v>311</v>
      </c>
      <c r="B644" s="6" t="s">
        <v>311</v>
      </c>
      <c r="C644" s="6" t="s">
        <v>174</v>
      </c>
      <c r="D644" s="6" t="s">
        <v>104</v>
      </c>
      <c r="E644" s="6" t="s">
        <v>245</v>
      </c>
      <c r="F644" s="11">
        <v>-25</v>
      </c>
      <c r="G644" s="13">
        <v>-0.33783783783799998</v>
      </c>
      <c r="H644" s="11">
        <v>-3.1996179999999868</v>
      </c>
      <c r="I644" s="13">
        <v>-4.3276246636915656E-2</v>
      </c>
      <c r="J644" s="11">
        <v>-48.410703000000005</v>
      </c>
      <c r="K644" s="13">
        <v>-0.68439414983117086</v>
      </c>
      <c r="L644" s="11">
        <v>27.092995508800001</v>
      </c>
      <c r="M644" s="13">
        <v>1.2136036652243296</v>
      </c>
      <c r="N644" s="11">
        <v>-21.317707491200004</v>
      </c>
      <c r="O644" s="13">
        <v>-0.30137373330003919</v>
      </c>
      <c r="P644" s="7">
        <v>73.934738999999993</v>
      </c>
      <c r="Q644" s="7">
        <v>59.015802000000001</v>
      </c>
      <c r="R644" s="7">
        <v>58.755091999999998</v>
      </c>
      <c r="S644" s="7">
        <v>65.087581999999998</v>
      </c>
      <c r="T644" s="7">
        <v>61.610256999999997</v>
      </c>
      <c r="U644" s="7">
        <v>79.897216</v>
      </c>
      <c r="V644" s="7">
        <v>70.735121000000007</v>
      </c>
      <c r="W644" s="7">
        <v>48.120731999999997</v>
      </c>
      <c r="X644" s="7">
        <v>23.438403000000001</v>
      </c>
      <c r="Y644" s="7">
        <v>22.324418000000001</v>
      </c>
      <c r="Z644" s="7">
        <v>18.078578</v>
      </c>
      <c r="AA644" s="7">
        <v>40.950491999999997</v>
      </c>
      <c r="AB644" s="7">
        <v>48.361485533200003</v>
      </c>
      <c r="AC644" s="7">
        <v>47.492683814300001</v>
      </c>
      <c r="AD644" s="7">
        <v>49.372514738900001</v>
      </c>
      <c r="AE644" s="7">
        <v>50.214780029300002</v>
      </c>
      <c r="AF644" s="7">
        <v>49.417413508800003</v>
      </c>
      <c r="AG644" s="9">
        <v>69427.381742799989</v>
      </c>
      <c r="AH644" s="13">
        <v>1.0737164934158008</v>
      </c>
      <c r="AI644" s="9">
        <v>39463.233285800001</v>
      </c>
      <c r="AJ644" s="13">
        <v>0.61031142754959411</v>
      </c>
      <c r="AK644" s="9">
        <v>59573.684576999993</v>
      </c>
      <c r="AL644" s="13">
        <v>0.57214146508065811</v>
      </c>
      <c r="AM644" s="9">
        <v>-29609.536120000004</v>
      </c>
      <c r="AN644" s="13">
        <v>-0.18087933110298549</v>
      </c>
      <c r="AO644" s="9">
        <v>29964.148456999988</v>
      </c>
      <c r="AP644" s="13">
        <v>0.2877735684776011</v>
      </c>
      <c r="AQ644" s="9">
        <v>64660.813323199996</v>
      </c>
      <c r="AR644" s="9">
        <v>78473.968691000002</v>
      </c>
      <c r="AS644" s="9">
        <v>80731.649710500002</v>
      </c>
      <c r="AT644" s="9">
        <v>74859.723406799996</v>
      </c>
      <c r="AU644" s="9">
        <v>91732.1888511</v>
      </c>
      <c r="AV644" s="9">
        <v>92391.548334399995</v>
      </c>
      <c r="AW644" s="9">
        <v>104124.046609</v>
      </c>
      <c r="AX644" s="9">
        <v>130176.64732800001</v>
      </c>
      <c r="AY644" s="9">
        <v>166958.49948500001</v>
      </c>
      <c r="AZ644" s="9">
        <v>163697.73118599999</v>
      </c>
      <c r="BA644" s="9">
        <v>119118.14792</v>
      </c>
      <c r="BB644" s="9">
        <v>115460.458277</v>
      </c>
      <c r="BC644" s="9">
        <v>123238.148816</v>
      </c>
      <c r="BD644" s="9">
        <v>151933.9094</v>
      </c>
      <c r="BE644" s="9">
        <v>134864.18420399999</v>
      </c>
      <c r="BF644" s="9">
        <v>134088.19506599999</v>
      </c>
      <c r="BG644" s="11">
        <v>-1</v>
      </c>
      <c r="BH644" s="13">
        <v>-0.33333333333333331</v>
      </c>
      <c r="BI644" s="6">
        <v>-1</v>
      </c>
      <c r="BJ644" s="13">
        <v>-0.33333333333333331</v>
      </c>
      <c r="BK644" s="6">
        <v>0</v>
      </c>
      <c r="BL644" s="13">
        <v>0</v>
      </c>
      <c r="BM644" s="11">
        <v>0</v>
      </c>
      <c r="BN644" s="13">
        <v>0</v>
      </c>
      <c r="BO644" s="11">
        <v>0</v>
      </c>
      <c r="BP644" s="13">
        <v>0</v>
      </c>
      <c r="BQ644" s="6">
        <v>3</v>
      </c>
      <c r="BR644" s="6">
        <v>3</v>
      </c>
      <c r="BS644" s="6">
        <v>3</v>
      </c>
      <c r="BT644" s="6">
        <v>2</v>
      </c>
      <c r="BU644" s="6">
        <v>2</v>
      </c>
      <c r="BV644" s="6">
        <v>2</v>
      </c>
      <c r="BW644" s="6">
        <v>2</v>
      </c>
      <c r="BX644" s="6">
        <v>2</v>
      </c>
      <c r="BY644" s="6">
        <v>2</v>
      </c>
      <c r="BZ644" s="6">
        <v>2</v>
      </c>
      <c r="CA644" s="6">
        <v>2</v>
      </c>
      <c r="CB644" s="6">
        <v>2</v>
      </c>
      <c r="CC644" s="11">
        <v>2</v>
      </c>
      <c r="CD644" s="11">
        <v>-20.5595</v>
      </c>
      <c r="CE644" s="11">
        <v>-12.0398</v>
      </c>
      <c r="CF644" s="11">
        <v>8.0819600000000005</v>
      </c>
      <c r="CG644" s="11">
        <v>-4</v>
      </c>
      <c r="CH644" s="20">
        <v>7.9725000000000001</v>
      </c>
      <c r="CI644" s="20">
        <v>4.5556200000000002</v>
      </c>
      <c r="CJ644" s="20">
        <v>4.3827299999999996</v>
      </c>
      <c r="CK644" s="20">
        <v>5.0579200000000002</v>
      </c>
      <c r="CL644" s="20">
        <v>5.1923599999999999</v>
      </c>
      <c r="CM644" s="20">
        <v>6.8518400000000002</v>
      </c>
      <c r="CN644" s="20">
        <v>5.2511900000000002</v>
      </c>
      <c r="CO644" s="20">
        <v>3.5067599999999999</v>
      </c>
      <c r="CP644" s="20">
        <v>1.69398</v>
      </c>
      <c r="CQ644" s="20">
        <v>1.53461</v>
      </c>
      <c r="CR644" s="20">
        <v>1.3061799999999999</v>
      </c>
      <c r="CS644" s="20">
        <v>3.0376500000000002</v>
      </c>
      <c r="CT644" s="20">
        <v>3.5394399999999999</v>
      </c>
      <c r="CU644" s="20">
        <v>3.54636</v>
      </c>
      <c r="CV644" s="20">
        <v>3.4927899999999998</v>
      </c>
      <c r="CW644" s="20">
        <v>3.5414699999999999</v>
      </c>
      <c r="CX644" s="20">
        <v>3.3883800000000002</v>
      </c>
      <c r="CY644" s="6" t="s">
        <v>492</v>
      </c>
      <c r="CZ644" s="6" t="s">
        <v>493</v>
      </c>
      <c r="DA644" s="6" t="s">
        <v>104</v>
      </c>
      <c r="DB644" s="6"/>
      <c r="DC644" s="6">
        <v>41140</v>
      </c>
      <c r="DD644" s="6">
        <v>312</v>
      </c>
      <c r="DE644" s="6" t="s">
        <v>374</v>
      </c>
      <c r="DF644" s="6" t="s">
        <v>375</v>
      </c>
      <c r="DG644" s="6" t="s">
        <v>376</v>
      </c>
      <c r="DH644" s="6" t="s">
        <v>328</v>
      </c>
      <c r="DI644" s="6" t="s">
        <v>377</v>
      </c>
      <c r="DJ644" s="6">
        <v>29</v>
      </c>
      <c r="DK644" s="6">
        <v>63</v>
      </c>
      <c r="DL644" s="6">
        <v>2</v>
      </c>
      <c r="DM644" s="6" t="s">
        <v>379</v>
      </c>
      <c r="DN644" s="6">
        <v>3</v>
      </c>
      <c r="DO644" s="6" t="s">
        <v>380</v>
      </c>
      <c r="DP644" s="6"/>
      <c r="DQ644" s="6"/>
    </row>
    <row r="645" spans="1:121" x14ac:dyDescent="0.2">
      <c r="A645" s="6" t="s">
        <v>312</v>
      </c>
      <c r="B645" s="6" t="s">
        <v>312</v>
      </c>
      <c r="C645" s="6" t="s">
        <v>175</v>
      </c>
      <c r="D645" s="6" t="s">
        <v>104</v>
      </c>
      <c r="E645" s="6" t="s">
        <v>245</v>
      </c>
      <c r="F645" s="11">
        <v>9</v>
      </c>
      <c r="G645" s="13">
        <v>4.7872340425500003E-2</v>
      </c>
      <c r="H645" s="11">
        <v>63.465893146000013</v>
      </c>
      <c r="I645" s="13">
        <v>0.33834962945088121</v>
      </c>
      <c r="J645" s="11">
        <v>-51.315659600000004</v>
      </c>
      <c r="K645" s="13">
        <v>-0.20441164893811936</v>
      </c>
      <c r="L645" s="11">
        <v>-2.7196732380000128</v>
      </c>
      <c r="M645" s="13">
        <v>-1.361708154309433E-2</v>
      </c>
      <c r="N645" s="11">
        <v>-54.035332838000016</v>
      </c>
      <c r="O645" s="13">
        <v>-0.21524524038926496</v>
      </c>
      <c r="P645" s="7">
        <v>187.57488592199999</v>
      </c>
      <c r="Q645" s="7">
        <v>189.52851896999999</v>
      </c>
      <c r="R645" s="7">
        <v>196.76407505899999</v>
      </c>
      <c r="S645" s="7">
        <v>222.35512842</v>
      </c>
      <c r="T645" s="7">
        <v>240.85652582</v>
      </c>
      <c r="U645" s="7">
        <v>256.790618311</v>
      </c>
      <c r="V645" s="7">
        <v>251.04077906800001</v>
      </c>
      <c r="W645" s="7">
        <v>271.787550775</v>
      </c>
      <c r="X645" s="7">
        <v>239.663027521</v>
      </c>
      <c r="Y645" s="7">
        <v>199.725119468</v>
      </c>
      <c r="Z645" s="7">
        <v>191.37565522099999</v>
      </c>
      <c r="AA645" s="7">
        <v>190.05821710000001</v>
      </c>
      <c r="AB645" s="7">
        <v>175.25335966599999</v>
      </c>
      <c r="AC645" s="7">
        <v>176.93990879899999</v>
      </c>
      <c r="AD645" s="7">
        <v>186.45562676099999</v>
      </c>
      <c r="AE645" s="7">
        <v>194.524501641</v>
      </c>
      <c r="AF645" s="7">
        <v>197.00544622999999</v>
      </c>
      <c r="AG645" s="9">
        <v>9214.3442118000021</v>
      </c>
      <c r="AH645" s="13">
        <v>0.40229284533261706</v>
      </c>
      <c r="AI645" s="9">
        <v>2744.4495733000003</v>
      </c>
      <c r="AJ645" s="13">
        <v>0.11982105316847784</v>
      </c>
      <c r="AK645" s="9">
        <v>217.68637089999902</v>
      </c>
      <c r="AL645" s="13">
        <v>8.4871228405456623E-3</v>
      </c>
      <c r="AM645" s="9">
        <v>6252.2082676000027</v>
      </c>
      <c r="AN645" s="13">
        <v>0.24170872534797855</v>
      </c>
      <c r="AO645" s="9">
        <v>6469.8946385000017</v>
      </c>
      <c r="AP645" s="13">
        <v>0.25224725983218427</v>
      </c>
      <c r="AQ645" s="9">
        <v>22904.568944499999</v>
      </c>
      <c r="AR645" s="9">
        <v>23733.176773399999</v>
      </c>
      <c r="AS645" s="9">
        <v>24933.573799099999</v>
      </c>
      <c r="AT645" s="9">
        <v>25029.975930600001</v>
      </c>
      <c r="AU645" s="9">
        <v>26301.895149600001</v>
      </c>
      <c r="AV645" s="9">
        <v>23970.156542799999</v>
      </c>
      <c r="AW645" s="9">
        <v>25649.018517799999</v>
      </c>
      <c r="AX645" s="9">
        <v>27049.535980799999</v>
      </c>
      <c r="AY645" s="9">
        <v>25454.745394500002</v>
      </c>
      <c r="AZ645" s="9">
        <v>25866.704888699998</v>
      </c>
      <c r="BA645" s="9">
        <v>25391.8201051</v>
      </c>
      <c r="BB645" s="9">
        <v>27062.602279800001</v>
      </c>
      <c r="BC645" s="9">
        <v>27068.8590114</v>
      </c>
      <c r="BD645" s="9">
        <v>27556.139563100001</v>
      </c>
      <c r="BE645" s="9">
        <v>29615.145703900002</v>
      </c>
      <c r="BF645" s="9">
        <v>32118.913156300001</v>
      </c>
      <c r="BG645" s="11">
        <v>-3</v>
      </c>
      <c r="BH645" s="13">
        <v>-0.10714285714285714</v>
      </c>
      <c r="BI645" s="6">
        <v>5</v>
      </c>
      <c r="BJ645" s="13">
        <v>0.17857142857142858</v>
      </c>
      <c r="BK645" s="6">
        <v>-8</v>
      </c>
      <c r="BL645" s="13">
        <v>-0.24242424242424243</v>
      </c>
      <c r="BM645" s="11">
        <v>0</v>
      </c>
      <c r="BN645" s="13">
        <v>0</v>
      </c>
      <c r="BO645" s="11">
        <v>-8</v>
      </c>
      <c r="BP645" s="13">
        <v>-0.24242424242424243</v>
      </c>
      <c r="BQ645" s="6">
        <v>28</v>
      </c>
      <c r="BR645" s="6">
        <v>26</v>
      </c>
      <c r="BS645" s="6">
        <v>31</v>
      </c>
      <c r="BT645" s="6">
        <v>33</v>
      </c>
      <c r="BU645" s="6">
        <v>33</v>
      </c>
      <c r="BV645" s="6">
        <v>25</v>
      </c>
      <c r="BW645" s="6">
        <v>25</v>
      </c>
      <c r="BX645" s="6">
        <v>24</v>
      </c>
      <c r="BY645" s="6">
        <v>25</v>
      </c>
      <c r="BZ645" s="6">
        <v>25</v>
      </c>
      <c r="CA645" s="6">
        <v>24</v>
      </c>
      <c r="CB645" s="6">
        <v>26</v>
      </c>
      <c r="CC645" s="11">
        <v>25</v>
      </c>
      <c r="CD645" s="11">
        <v>11.6465</v>
      </c>
      <c r="CE645" s="11">
        <v>-22.720099999999999</v>
      </c>
      <c r="CF645" s="11">
        <v>20.504200000000001</v>
      </c>
      <c r="CG645" s="11">
        <v>-2</v>
      </c>
      <c r="CH645" s="20">
        <v>1.3945099999999999</v>
      </c>
      <c r="CI645" s="20">
        <v>1.0017100000000001</v>
      </c>
      <c r="CJ645" s="20">
        <v>0.96032899999999999</v>
      </c>
      <c r="CK645" s="20">
        <v>1.06002</v>
      </c>
      <c r="CL645" s="20">
        <v>1.1609700000000001</v>
      </c>
      <c r="CM645" s="20">
        <v>1.19953</v>
      </c>
      <c r="CN645" s="20">
        <v>1.02881</v>
      </c>
      <c r="CO645" s="20">
        <v>1.17343</v>
      </c>
      <c r="CP645" s="20">
        <v>1.1837200000000001</v>
      </c>
      <c r="CQ645" s="20">
        <v>1.0037700000000001</v>
      </c>
      <c r="CR645" s="20">
        <v>1.0215399999999999</v>
      </c>
      <c r="CS645" s="20">
        <v>1.0317799999999999</v>
      </c>
      <c r="CT645" s="20">
        <v>0.91596699999999998</v>
      </c>
      <c r="CU645" s="20">
        <v>0.91490300000000002</v>
      </c>
      <c r="CV645" s="20">
        <v>0.88809499999999997</v>
      </c>
      <c r="CW645" s="20">
        <v>0.90463099999999996</v>
      </c>
      <c r="CX645" s="20">
        <v>0.89198900000000003</v>
      </c>
      <c r="CY645" s="6" t="s">
        <v>492</v>
      </c>
      <c r="CZ645" s="6" t="s">
        <v>493</v>
      </c>
      <c r="DA645" s="6" t="s">
        <v>104</v>
      </c>
      <c r="DB645" s="6"/>
      <c r="DC645" s="6">
        <v>41140</v>
      </c>
      <c r="DD645" s="6">
        <v>312</v>
      </c>
      <c r="DE645" s="6" t="s">
        <v>374</v>
      </c>
      <c r="DF645" s="6" t="s">
        <v>375</v>
      </c>
      <c r="DG645" s="6" t="s">
        <v>376</v>
      </c>
      <c r="DH645" s="6" t="s">
        <v>328</v>
      </c>
      <c r="DI645" s="6" t="s">
        <v>377</v>
      </c>
      <c r="DJ645" s="6">
        <v>29</v>
      </c>
      <c r="DK645" s="6">
        <v>63</v>
      </c>
      <c r="DL645" s="6">
        <v>2</v>
      </c>
      <c r="DM645" s="6" t="s">
        <v>379</v>
      </c>
      <c r="DN645" s="6">
        <v>3</v>
      </c>
      <c r="DO645" s="6" t="s">
        <v>380</v>
      </c>
      <c r="DP645" s="6"/>
      <c r="DQ645" s="6"/>
    </row>
    <row r="646" spans="1:121" x14ac:dyDescent="0.2">
      <c r="A646" s="6" t="s">
        <v>792</v>
      </c>
      <c r="B646" s="6" t="s">
        <v>176</v>
      </c>
      <c r="C646" s="6" t="s">
        <v>177</v>
      </c>
      <c r="D646" s="6" t="s">
        <v>104</v>
      </c>
      <c r="E646" s="6" t="s">
        <v>245</v>
      </c>
      <c r="F646" s="11">
        <v>24</v>
      </c>
      <c r="G646" s="13">
        <v>0.34285714285699997</v>
      </c>
      <c r="H646" s="11">
        <v>-2.428675944099993</v>
      </c>
      <c r="I646" s="13">
        <v>-3.4654278081023407E-2</v>
      </c>
      <c r="J646" s="11">
        <v>21.557998414899998</v>
      </c>
      <c r="K646" s="13">
        <v>0.31864920863211099</v>
      </c>
      <c r="L646" s="11">
        <v>5.1755804245999997</v>
      </c>
      <c r="M646" s="13">
        <v>5.8014184487747866E-2</v>
      </c>
      <c r="N646" s="11">
        <v>26.733578839499998</v>
      </c>
      <c r="O646" s="13">
        <v>0.39514956709631704</v>
      </c>
      <c r="P646" s="7">
        <v>70.083005002199997</v>
      </c>
      <c r="Q646" s="7">
        <v>74.394677203100002</v>
      </c>
      <c r="R646" s="7">
        <v>60.610964659399997</v>
      </c>
      <c r="S646" s="7">
        <v>70.821757138400002</v>
      </c>
      <c r="T646" s="7">
        <v>72.001827161999998</v>
      </c>
      <c r="U646" s="7">
        <v>85.351229596600007</v>
      </c>
      <c r="V646" s="7">
        <v>67.654329058100004</v>
      </c>
      <c r="W646" s="7">
        <v>35.864522323199999</v>
      </c>
      <c r="X646" s="7">
        <v>29.744968847799999</v>
      </c>
      <c r="Y646" s="7">
        <v>89.212327473000002</v>
      </c>
      <c r="Z646" s="7">
        <v>90.099107432599993</v>
      </c>
      <c r="AA646" s="7">
        <v>42.5072119628</v>
      </c>
      <c r="AB646" s="7">
        <v>51.872737309800002</v>
      </c>
      <c r="AC646" s="7">
        <v>53.130674209299997</v>
      </c>
      <c r="AD646" s="7">
        <v>44.236906882100001</v>
      </c>
      <c r="AE646" s="7">
        <v>88.584949832800007</v>
      </c>
      <c r="AF646" s="7">
        <v>94.387907897600002</v>
      </c>
      <c r="AG646" s="9">
        <v>45999.137675300008</v>
      </c>
      <c r="AH646" s="13">
        <v>1.3169696497160688</v>
      </c>
      <c r="AI646" s="9">
        <v>-6799.1798359999957</v>
      </c>
      <c r="AJ646" s="13">
        <v>-0.19466263802987852</v>
      </c>
      <c r="AK646" s="9">
        <v>-896.36198490000243</v>
      </c>
      <c r="AL646" s="13">
        <v>-3.1866301302208543E-2</v>
      </c>
      <c r="AM646" s="9">
        <v>53694.679496200006</v>
      </c>
      <c r="AN646" s="13">
        <v>1.9717150240275001</v>
      </c>
      <c r="AO646" s="9">
        <v>52798.317511300003</v>
      </c>
      <c r="AP646" s="13">
        <v>1.87701745768754</v>
      </c>
      <c r="AQ646" s="9">
        <v>34928.016515199997</v>
      </c>
      <c r="AR646" s="9">
        <v>35769.084853200002</v>
      </c>
      <c r="AS646" s="9">
        <v>32816.141678400003</v>
      </c>
      <c r="AT646" s="9">
        <v>26016.4905406</v>
      </c>
      <c r="AU646" s="9">
        <v>27816.827054599999</v>
      </c>
      <c r="AV646" s="9">
        <v>26427.997986999999</v>
      </c>
      <c r="AW646" s="9">
        <v>28128.836679200002</v>
      </c>
      <c r="AX646" s="9">
        <v>32215.0538519</v>
      </c>
      <c r="AY646" s="9">
        <v>33309.072987200001</v>
      </c>
      <c r="AZ646" s="9">
        <v>27232.474694299999</v>
      </c>
      <c r="BA646" s="9">
        <v>30392.3199183</v>
      </c>
      <c r="BB646" s="9">
        <v>35057.649314399998</v>
      </c>
      <c r="BC646" s="9">
        <v>32111.486717200001</v>
      </c>
      <c r="BD646" s="9">
        <v>34042.8486663</v>
      </c>
      <c r="BE646" s="9">
        <v>39183.130219899998</v>
      </c>
      <c r="BF646" s="9">
        <v>80927.154190500005</v>
      </c>
      <c r="BG646" s="11">
        <v>-4.75</v>
      </c>
      <c r="BH646" s="13">
        <v>-0.43181818181818182</v>
      </c>
      <c r="BI646" s="6">
        <v>-2</v>
      </c>
      <c r="BJ646" s="13">
        <v>-0.18181818181818182</v>
      </c>
      <c r="BK646" s="6">
        <v>-2</v>
      </c>
      <c r="BL646" s="13">
        <v>-0.22222222222222221</v>
      </c>
      <c r="BM646" s="11">
        <v>-0.75</v>
      </c>
      <c r="BN646" s="13">
        <v>-0.10714285714285714</v>
      </c>
      <c r="BO646" s="11">
        <v>-2.75</v>
      </c>
      <c r="BP646" s="13">
        <v>-0.30555555555555558</v>
      </c>
      <c r="BQ646" s="6">
        <v>11</v>
      </c>
      <c r="BR646" s="6">
        <v>9</v>
      </c>
      <c r="BS646" s="6">
        <v>9</v>
      </c>
      <c r="BT646" s="6">
        <v>9</v>
      </c>
      <c r="BU646" s="6">
        <v>8</v>
      </c>
      <c r="BV646" s="6">
        <v>8</v>
      </c>
      <c r="BW646" s="6">
        <v>7</v>
      </c>
      <c r="BX646" s="6">
        <v>7</v>
      </c>
      <c r="BY646" s="6">
        <v>5</v>
      </c>
      <c r="BZ646" s="6">
        <v>5</v>
      </c>
      <c r="CA646" s="6">
        <v>5</v>
      </c>
      <c r="CB646" s="6">
        <v>5</v>
      </c>
      <c r="CC646" s="11">
        <v>6.25</v>
      </c>
      <c r="CD646" s="11">
        <v>41.381700000000002</v>
      </c>
      <c r="CE646" s="11">
        <v>-24.7377</v>
      </c>
      <c r="CF646" s="11">
        <v>7.66092</v>
      </c>
      <c r="CG646" s="11">
        <v>-17</v>
      </c>
      <c r="CH646" s="20">
        <v>0.27215400000000001</v>
      </c>
      <c r="CI646" s="20">
        <v>0.21948200000000001</v>
      </c>
      <c r="CJ646" s="20">
        <v>0.176512</v>
      </c>
      <c r="CK646" s="20">
        <v>0.21337700000000001</v>
      </c>
      <c r="CL646" s="20">
        <v>0.23097100000000001</v>
      </c>
      <c r="CM646" s="20">
        <v>0.27811200000000003</v>
      </c>
      <c r="CN646" s="20">
        <v>0.195803</v>
      </c>
      <c r="CO646" s="20">
        <v>0.106989</v>
      </c>
      <c r="CP646" s="20">
        <v>0.100011</v>
      </c>
      <c r="CQ646" s="20">
        <v>0.28874100000000003</v>
      </c>
      <c r="CR646" s="20">
        <v>0.30049700000000001</v>
      </c>
      <c r="CS646" s="20">
        <v>0.143148</v>
      </c>
      <c r="CT646" s="20">
        <v>0.17082800000000001</v>
      </c>
      <c r="CU646" s="20">
        <v>0.177345</v>
      </c>
      <c r="CV646" s="20">
        <v>0.13982700000000001</v>
      </c>
      <c r="CW646" s="20">
        <v>0.27935199999999999</v>
      </c>
      <c r="CX646" s="20">
        <v>0.291661</v>
      </c>
      <c r="CY646" s="6" t="s">
        <v>492</v>
      </c>
      <c r="CZ646" s="6" t="s">
        <v>493</v>
      </c>
      <c r="DA646" s="6" t="s">
        <v>104</v>
      </c>
      <c r="DB646" s="6"/>
      <c r="DC646" s="6">
        <v>41140</v>
      </c>
      <c r="DD646" s="6">
        <v>312</v>
      </c>
      <c r="DE646" s="6" t="s">
        <v>374</v>
      </c>
      <c r="DF646" s="6" t="s">
        <v>375</v>
      </c>
      <c r="DG646" s="6" t="s">
        <v>376</v>
      </c>
      <c r="DH646" s="6" t="s">
        <v>328</v>
      </c>
      <c r="DI646" s="6" t="s">
        <v>377</v>
      </c>
      <c r="DJ646" s="6">
        <v>29</v>
      </c>
      <c r="DK646" s="6">
        <v>63</v>
      </c>
      <c r="DL646" s="6">
        <v>2</v>
      </c>
      <c r="DM646" s="6" t="s">
        <v>379</v>
      </c>
      <c r="DN646" s="6">
        <v>3</v>
      </c>
      <c r="DO646" s="6" t="s">
        <v>380</v>
      </c>
      <c r="DP646" s="6"/>
      <c r="DQ646" s="6"/>
    </row>
    <row r="647" spans="1:121" x14ac:dyDescent="0.2">
      <c r="A647" s="6" t="s">
        <v>313</v>
      </c>
      <c r="B647" s="6" t="s">
        <v>313</v>
      </c>
      <c r="C647" s="6" t="s">
        <v>178</v>
      </c>
      <c r="D647" s="6" t="s">
        <v>104</v>
      </c>
      <c r="E647" s="6" t="s">
        <v>245</v>
      </c>
      <c r="F647" s="11">
        <v>70</v>
      </c>
      <c r="G647" s="13">
        <v>0.642201834862</v>
      </c>
      <c r="H647" s="11">
        <v>-6.3667880649999944</v>
      </c>
      <c r="I647" s="13">
        <v>-5.8669965794096217E-2</v>
      </c>
      <c r="J647" s="11">
        <v>97.932386422999997</v>
      </c>
      <c r="K647" s="13">
        <v>0.95869367807307548</v>
      </c>
      <c r="L647" s="11">
        <v>-21.230863526000007</v>
      </c>
      <c r="M647" s="13">
        <v>-0.10610959648952738</v>
      </c>
      <c r="N647" s="11">
        <v>76.70152289699999</v>
      </c>
      <c r="O647" s="13">
        <v>0.75085748224615323</v>
      </c>
      <c r="P647" s="7">
        <v>108.518694</v>
      </c>
      <c r="Q647" s="7">
        <v>96.959458093999999</v>
      </c>
      <c r="R647" s="7">
        <v>89.780725137900006</v>
      </c>
      <c r="S647" s="7">
        <v>95.323815186999994</v>
      </c>
      <c r="T647" s="7">
        <v>95.705261113700004</v>
      </c>
      <c r="U647" s="7">
        <v>99.680202249299995</v>
      </c>
      <c r="V647" s="7">
        <v>102.151905935</v>
      </c>
      <c r="W647" s="7">
        <v>90.112598832499998</v>
      </c>
      <c r="X647" s="7">
        <v>87.808764029900004</v>
      </c>
      <c r="Y647" s="7">
        <v>200.084292358</v>
      </c>
      <c r="Z647" s="7">
        <v>207.57291899099999</v>
      </c>
      <c r="AA647" s="7">
        <v>210.180356746</v>
      </c>
      <c r="AB647" s="7">
        <v>212.06333606499999</v>
      </c>
      <c r="AC647" s="7">
        <v>195.14422809499999</v>
      </c>
      <c r="AD647" s="7">
        <v>185.09852158999999</v>
      </c>
      <c r="AE647" s="7">
        <v>173.912148734</v>
      </c>
      <c r="AF647" s="7">
        <v>178.85342883199999</v>
      </c>
      <c r="AG647" s="9">
        <v>24325.660815000003</v>
      </c>
      <c r="AH647" s="13">
        <v>0.86606919853221187</v>
      </c>
      <c r="AI647" s="9">
        <v>10981.461689800002</v>
      </c>
      <c r="AJ647" s="13">
        <v>0.3909741978533493</v>
      </c>
      <c r="AK647" s="9">
        <v>14615.754216499998</v>
      </c>
      <c r="AL647" s="13">
        <v>0.3741020633964745</v>
      </c>
      <c r="AM647" s="9">
        <v>-1271.555091299997</v>
      </c>
      <c r="AN647" s="13">
        <v>-2.368563660139885E-2</v>
      </c>
      <c r="AO647" s="9">
        <v>13344.199125200001</v>
      </c>
      <c r="AP647" s="13">
        <v>0.34155558126963326</v>
      </c>
      <c r="AQ647" s="9">
        <v>28087.4332631</v>
      </c>
      <c r="AR647" s="9">
        <v>31472.5526961</v>
      </c>
      <c r="AS647" s="9">
        <v>32147.079163599999</v>
      </c>
      <c r="AT647" s="9">
        <v>29831.5164367</v>
      </c>
      <c r="AU647" s="9">
        <v>34465.7379497</v>
      </c>
      <c r="AV647" s="9">
        <v>42375.152209699998</v>
      </c>
      <c r="AW647" s="9">
        <v>39068.894952900002</v>
      </c>
      <c r="AX647" s="9">
        <v>51707.920527200004</v>
      </c>
      <c r="AY647" s="9">
        <v>54299.449104300002</v>
      </c>
      <c r="AZ647" s="9">
        <v>53684.6491694</v>
      </c>
      <c r="BA647" s="9">
        <v>50572.0388207</v>
      </c>
      <c r="BB647" s="9">
        <v>54277.3164808</v>
      </c>
      <c r="BC647" s="9">
        <v>54460.221750500001</v>
      </c>
      <c r="BD647" s="9">
        <v>55105.055726999999</v>
      </c>
      <c r="BE647" s="9">
        <v>51882.084363800001</v>
      </c>
      <c r="BF647" s="9">
        <v>52413.094078100003</v>
      </c>
      <c r="BG647" s="11">
        <v>-1.25</v>
      </c>
      <c r="BH647" s="13">
        <v>-0.10416666666666667</v>
      </c>
      <c r="BI647" s="6">
        <v>1</v>
      </c>
      <c r="BJ647" s="13">
        <v>8.3333333333333329E-2</v>
      </c>
      <c r="BK647" s="6">
        <v>2</v>
      </c>
      <c r="BL647" s="13">
        <v>0.15384615384615385</v>
      </c>
      <c r="BM647" s="11">
        <v>-4.25</v>
      </c>
      <c r="BN647" s="13">
        <v>-0.28333333333333333</v>
      </c>
      <c r="BO647" s="11">
        <v>-2.25</v>
      </c>
      <c r="BP647" s="13">
        <v>-0.17307692307692307</v>
      </c>
      <c r="BQ647" s="6">
        <v>12</v>
      </c>
      <c r="BR647" s="6">
        <v>12</v>
      </c>
      <c r="BS647" s="6">
        <v>12</v>
      </c>
      <c r="BT647" s="6">
        <v>13</v>
      </c>
      <c r="BU647" s="6">
        <v>13</v>
      </c>
      <c r="BV647" s="6">
        <v>14</v>
      </c>
      <c r="BW647" s="6">
        <v>15</v>
      </c>
      <c r="BX647" s="6">
        <v>13</v>
      </c>
      <c r="BY647" s="6">
        <v>13</v>
      </c>
      <c r="BZ647" s="6">
        <v>14</v>
      </c>
      <c r="CA647" s="6">
        <v>12</v>
      </c>
      <c r="CB647" s="6">
        <v>12</v>
      </c>
      <c r="CC647" s="11">
        <v>10.75</v>
      </c>
      <c r="CD647" s="11">
        <v>67.345600000000005</v>
      </c>
      <c r="CE647" s="11">
        <v>-8.8733000000000004</v>
      </c>
      <c r="CF647" s="11">
        <v>11.862399999999999</v>
      </c>
      <c r="CG647" s="11">
        <v>3</v>
      </c>
      <c r="CH647" s="20">
        <v>1.1834800000000001</v>
      </c>
      <c r="CI647" s="20">
        <v>0.76297899999999996</v>
      </c>
      <c r="CJ647" s="20">
        <v>0.66664000000000001</v>
      </c>
      <c r="CK647" s="20">
        <v>0.71493399999999996</v>
      </c>
      <c r="CL647" s="20">
        <v>0.74611899999999998</v>
      </c>
      <c r="CM647" s="20">
        <v>0.76802400000000004</v>
      </c>
      <c r="CN647" s="20">
        <v>0.67432899999999996</v>
      </c>
      <c r="CO647" s="20">
        <v>0.59743299999999999</v>
      </c>
      <c r="CP647" s="20">
        <v>0.62025200000000003</v>
      </c>
      <c r="CQ647" s="20">
        <v>1.3469199999999999</v>
      </c>
      <c r="CR647" s="20">
        <v>1.4462299999999999</v>
      </c>
      <c r="CS647" s="20">
        <v>1.47692</v>
      </c>
      <c r="CT647" s="20">
        <v>1.44896</v>
      </c>
      <c r="CU647" s="20">
        <v>1.35314</v>
      </c>
      <c r="CV647" s="20">
        <v>1.2161999999999999</v>
      </c>
      <c r="CW647" s="20">
        <v>1.1429800000000001</v>
      </c>
      <c r="CX647" s="20">
        <v>1.14242</v>
      </c>
      <c r="CY647" s="6" t="s">
        <v>492</v>
      </c>
      <c r="CZ647" s="6" t="s">
        <v>493</v>
      </c>
      <c r="DA647" s="6" t="s">
        <v>104</v>
      </c>
      <c r="DB647" s="6"/>
      <c r="DC647" s="6">
        <v>41140</v>
      </c>
      <c r="DD647" s="6">
        <v>312</v>
      </c>
      <c r="DE647" s="6" t="s">
        <v>374</v>
      </c>
      <c r="DF647" s="6" t="s">
        <v>375</v>
      </c>
      <c r="DG647" s="6" t="s">
        <v>376</v>
      </c>
      <c r="DH647" s="6" t="s">
        <v>328</v>
      </c>
      <c r="DI647" s="6" t="s">
        <v>377</v>
      </c>
      <c r="DJ647" s="6">
        <v>29</v>
      </c>
      <c r="DK647" s="6">
        <v>63</v>
      </c>
      <c r="DL647" s="6">
        <v>2</v>
      </c>
      <c r="DM647" s="6" t="s">
        <v>379</v>
      </c>
      <c r="DN647" s="6">
        <v>3</v>
      </c>
      <c r="DO647" s="6" t="s">
        <v>380</v>
      </c>
      <c r="DP647" s="6"/>
      <c r="DQ647" s="6"/>
    </row>
    <row r="648" spans="1:121" x14ac:dyDescent="0.2">
      <c r="A648" s="6" t="s">
        <v>793</v>
      </c>
      <c r="B648" s="6" t="s">
        <v>179</v>
      </c>
      <c r="C648" s="6" t="s">
        <v>180</v>
      </c>
      <c r="D648" s="6" t="s">
        <v>104</v>
      </c>
      <c r="E648" s="6" t="s">
        <v>245</v>
      </c>
      <c r="F648" s="11">
        <v>313</v>
      </c>
      <c r="G648" s="13">
        <v>1.2</v>
      </c>
      <c r="H648" s="11">
        <v>330</v>
      </c>
      <c r="I648" s="13">
        <v>1.2692307692307692</v>
      </c>
      <c r="J648" s="11">
        <v>-40</v>
      </c>
      <c r="K648" s="13">
        <v>-6.7796610169491525E-2</v>
      </c>
      <c r="L648" s="11">
        <v>23</v>
      </c>
      <c r="M648" s="13">
        <v>4.1818181818181817E-2</v>
      </c>
      <c r="N648" s="11">
        <v>-17</v>
      </c>
      <c r="O648" s="13">
        <v>-2.8813559322033899E-2</v>
      </c>
      <c r="P648" s="7">
        <v>260</v>
      </c>
      <c r="Q648" s="7">
        <v>277</v>
      </c>
      <c r="R648" s="7">
        <v>314</v>
      </c>
      <c r="S648" s="7">
        <v>302</v>
      </c>
      <c r="T648" s="7">
        <v>325</v>
      </c>
      <c r="U648" s="7">
        <v>334</v>
      </c>
      <c r="V648" s="7">
        <v>590</v>
      </c>
      <c r="W648" s="7">
        <v>567</v>
      </c>
      <c r="X648" s="7">
        <v>544</v>
      </c>
      <c r="Y648" s="7">
        <v>550</v>
      </c>
      <c r="Z648" s="7">
        <v>562</v>
      </c>
      <c r="AA648" s="7">
        <v>522</v>
      </c>
      <c r="AB648" s="7">
        <v>549</v>
      </c>
      <c r="AC648" s="7">
        <v>523</v>
      </c>
      <c r="AD648" s="7">
        <v>533</v>
      </c>
      <c r="AE648" s="7">
        <v>552</v>
      </c>
      <c r="AF648" s="7">
        <v>573</v>
      </c>
      <c r="AG648" s="9">
        <v>6679</v>
      </c>
      <c r="AH648" s="13">
        <v>0.34050471577874075</v>
      </c>
      <c r="AI648" s="9">
        <v>4723</v>
      </c>
      <c r="AJ648" s="13">
        <v>0.24078511343359671</v>
      </c>
      <c r="AK648" s="9">
        <v>-362</v>
      </c>
      <c r="AL648" s="13">
        <v>-1.487385980770811E-2</v>
      </c>
      <c r="AM648" s="9">
        <v>2318</v>
      </c>
      <c r="AN648" s="13">
        <v>9.6680013346680013E-2</v>
      </c>
      <c r="AO648" s="9">
        <v>1956</v>
      </c>
      <c r="AP648" s="13">
        <v>8.036814857424604E-2</v>
      </c>
      <c r="AQ648" s="9">
        <v>19615</v>
      </c>
      <c r="AR648" s="9">
        <v>19589</v>
      </c>
      <c r="AS648" s="9">
        <v>22053</v>
      </c>
      <c r="AT648" s="9">
        <v>23708</v>
      </c>
      <c r="AU648" s="9">
        <v>21952</v>
      </c>
      <c r="AV648" s="9">
        <v>22771</v>
      </c>
      <c r="AW648" s="9">
        <v>24338</v>
      </c>
      <c r="AX648" s="9">
        <v>24233</v>
      </c>
      <c r="AY648" s="9">
        <v>23819</v>
      </c>
      <c r="AZ648" s="9">
        <v>23976</v>
      </c>
      <c r="BA648" s="9">
        <v>24051</v>
      </c>
      <c r="BB648" s="9">
        <v>24724</v>
      </c>
      <c r="BC648" s="9">
        <v>24827</v>
      </c>
      <c r="BD648" s="9">
        <v>25202</v>
      </c>
      <c r="BE648" s="9">
        <v>25719</v>
      </c>
      <c r="BF648" s="9">
        <v>26294</v>
      </c>
      <c r="BG648" s="11">
        <v>-1</v>
      </c>
      <c r="BH648" s="13">
        <v>-3.0303030303030304E-2</v>
      </c>
      <c r="BI648" s="6">
        <v>0</v>
      </c>
      <c r="BJ648" s="13">
        <v>0</v>
      </c>
      <c r="BK648" s="6">
        <v>1</v>
      </c>
      <c r="BL648" s="13">
        <v>3.0303030303030304E-2</v>
      </c>
      <c r="BM648" s="11">
        <v>-2</v>
      </c>
      <c r="BN648" s="13">
        <v>-5.8823529411764705E-2</v>
      </c>
      <c r="BO648" s="11">
        <v>-1</v>
      </c>
      <c r="BP648" s="13">
        <v>-3.0303030303030304E-2</v>
      </c>
      <c r="BQ648" s="6">
        <v>33</v>
      </c>
      <c r="BR648" s="6">
        <v>34</v>
      </c>
      <c r="BS648" s="6">
        <v>32</v>
      </c>
      <c r="BT648" s="6">
        <v>33</v>
      </c>
      <c r="BU648" s="6">
        <v>32</v>
      </c>
      <c r="BV648" s="6">
        <v>31</v>
      </c>
      <c r="BW648" s="6">
        <v>34</v>
      </c>
      <c r="BX648" s="6">
        <v>33</v>
      </c>
      <c r="BY648" s="6">
        <v>34</v>
      </c>
      <c r="BZ648" s="6">
        <v>35</v>
      </c>
      <c r="CA648" s="6">
        <v>32</v>
      </c>
      <c r="CB648" s="6">
        <v>32</v>
      </c>
      <c r="CC648" s="11">
        <v>32</v>
      </c>
      <c r="CD648" s="11">
        <v>301</v>
      </c>
      <c r="CE648" s="11">
        <v>-17</v>
      </c>
      <c r="CF648" s="11">
        <v>28</v>
      </c>
      <c r="CG648" s="11">
        <v>11</v>
      </c>
      <c r="CH648" s="20">
        <v>1.06</v>
      </c>
      <c r="CI648" s="20">
        <v>0.8</v>
      </c>
      <c r="CJ648" s="20">
        <v>0.86</v>
      </c>
      <c r="CK648" s="20">
        <v>0.84</v>
      </c>
      <c r="CL648" s="20">
        <v>0.94</v>
      </c>
      <c r="CM648" s="20">
        <v>0.97</v>
      </c>
      <c r="CN648" s="20">
        <v>1.48</v>
      </c>
      <c r="CO648" s="20">
        <v>1.44</v>
      </c>
      <c r="CP648" s="20">
        <v>1.45</v>
      </c>
      <c r="CQ648" s="20">
        <v>1.38</v>
      </c>
      <c r="CR648" s="20">
        <v>1.46</v>
      </c>
      <c r="CS648" s="20">
        <v>1.37</v>
      </c>
      <c r="CT648" s="20">
        <v>1.41</v>
      </c>
      <c r="CU648" s="20">
        <v>1.35</v>
      </c>
      <c r="CV648" s="20">
        <v>1.3</v>
      </c>
      <c r="CW648" s="20">
        <v>1.33</v>
      </c>
      <c r="CX648" s="20">
        <v>1.34</v>
      </c>
      <c r="CY648" s="6" t="s">
        <v>492</v>
      </c>
      <c r="CZ648" s="6" t="s">
        <v>493</v>
      </c>
      <c r="DA648" s="6" t="s">
        <v>104</v>
      </c>
      <c r="DB648" s="6"/>
      <c r="DC648" s="6">
        <v>41140</v>
      </c>
      <c r="DD648" s="6">
        <v>312</v>
      </c>
      <c r="DE648" s="6" t="s">
        <v>374</v>
      </c>
      <c r="DF648" s="6" t="s">
        <v>375</v>
      </c>
      <c r="DG648" s="6" t="s">
        <v>376</v>
      </c>
      <c r="DH648" s="6" t="s">
        <v>328</v>
      </c>
      <c r="DI648" s="6" t="s">
        <v>377</v>
      </c>
      <c r="DJ648" s="6">
        <v>29</v>
      </c>
      <c r="DK648" s="6">
        <v>63</v>
      </c>
      <c r="DL648" s="6">
        <v>2</v>
      </c>
      <c r="DM648" s="6" t="s">
        <v>379</v>
      </c>
      <c r="DN648" s="6">
        <v>3</v>
      </c>
      <c r="DO648" s="6" t="s">
        <v>380</v>
      </c>
      <c r="DP648" s="6"/>
      <c r="DQ648" s="6"/>
    </row>
    <row r="649" spans="1:121" x14ac:dyDescent="0.2">
      <c r="A649" s="6" t="s">
        <v>794</v>
      </c>
      <c r="B649" s="6" t="s">
        <v>181</v>
      </c>
      <c r="C649" s="6" t="s">
        <v>182</v>
      </c>
      <c r="D649" s="6" t="s">
        <v>104</v>
      </c>
      <c r="E649" s="6" t="s">
        <v>245</v>
      </c>
      <c r="F649" s="11">
        <v>99</v>
      </c>
      <c r="G649" s="13">
        <v>1.375</v>
      </c>
      <c r="H649" s="11">
        <v>23.7458609623</v>
      </c>
      <c r="I649" s="13">
        <v>0.3307832673729833</v>
      </c>
      <c r="J649" s="11">
        <v>99.310984263799995</v>
      </c>
      <c r="K649" s="13">
        <v>1.0395504402698781</v>
      </c>
      <c r="L649" s="11">
        <v>-23.396446392000001</v>
      </c>
      <c r="M649" s="13">
        <v>-0.12007807832484683</v>
      </c>
      <c r="N649" s="11">
        <v>75.914537871799993</v>
      </c>
      <c r="O649" s="13">
        <v>0.79464514275567555</v>
      </c>
      <c r="P649" s="7">
        <v>71.786765850899997</v>
      </c>
      <c r="Q649" s="7">
        <v>88.440797406599998</v>
      </c>
      <c r="R649" s="7">
        <v>96.071935159299997</v>
      </c>
      <c r="S649" s="7">
        <v>98.453972849199999</v>
      </c>
      <c r="T649" s="7">
        <v>107.945975819</v>
      </c>
      <c r="U649" s="7">
        <v>88.947308405100003</v>
      </c>
      <c r="V649" s="7">
        <v>95.532626813199997</v>
      </c>
      <c r="W649" s="7">
        <v>121.60957422600001</v>
      </c>
      <c r="X649" s="7">
        <v>136.45644953499999</v>
      </c>
      <c r="Y649" s="7">
        <v>194.84361107699999</v>
      </c>
      <c r="Z649" s="7">
        <v>163.46340225399999</v>
      </c>
      <c r="AA649" s="7">
        <v>147.92678532100001</v>
      </c>
      <c r="AB649" s="7">
        <v>171.681126632</v>
      </c>
      <c r="AC649" s="7">
        <v>155.17529390000001</v>
      </c>
      <c r="AD649" s="7">
        <v>163.171997632</v>
      </c>
      <c r="AE649" s="7">
        <v>163.177287826</v>
      </c>
      <c r="AF649" s="7">
        <v>171.44716468499999</v>
      </c>
      <c r="AG649" s="9">
        <v>28896.125560200002</v>
      </c>
      <c r="AH649" s="13">
        <v>0.93118827919680547</v>
      </c>
      <c r="AI649" s="9">
        <v>14171.840186299996</v>
      </c>
      <c r="AJ649" s="13">
        <v>0.4566927648704987</v>
      </c>
      <c r="AK649" s="9">
        <v>4827.6769813999999</v>
      </c>
      <c r="AL649" s="13">
        <v>0.10679923106397984</v>
      </c>
      <c r="AM649" s="9">
        <v>9896.6083925000057</v>
      </c>
      <c r="AN649" s="13">
        <v>0.19780964287344863</v>
      </c>
      <c r="AO649" s="9">
        <v>14724.285373900006</v>
      </c>
      <c r="AP649" s="13">
        <v>0.32573479169335323</v>
      </c>
      <c r="AQ649" s="9">
        <v>31031.453257900001</v>
      </c>
      <c r="AR649" s="9">
        <v>30655.424231699999</v>
      </c>
      <c r="AS649" s="9">
        <v>33924.791781499996</v>
      </c>
      <c r="AT649" s="9">
        <v>42721.762982699998</v>
      </c>
      <c r="AU649" s="9">
        <v>42128.623441399999</v>
      </c>
      <c r="AV649" s="9">
        <v>44174.773937500002</v>
      </c>
      <c r="AW649" s="9">
        <v>45203.293444199997</v>
      </c>
      <c r="AX649" s="9">
        <v>44385.001181500003</v>
      </c>
      <c r="AY649" s="9">
        <v>50664.798282000003</v>
      </c>
      <c r="AZ649" s="9">
        <v>50030.970425599997</v>
      </c>
      <c r="BA649" s="9">
        <v>59734.7051632</v>
      </c>
      <c r="BB649" s="9">
        <v>57818.107946099997</v>
      </c>
      <c r="BC649" s="9">
        <v>56599.477134399996</v>
      </c>
      <c r="BD649" s="9">
        <v>66262.834348000004</v>
      </c>
      <c r="BE649" s="9">
        <v>59664.217740100001</v>
      </c>
      <c r="BF649" s="9">
        <v>59927.578818100003</v>
      </c>
      <c r="BG649" s="11">
        <v>2</v>
      </c>
      <c r="BH649" s="13">
        <v>0.16666666666666666</v>
      </c>
      <c r="BI649" s="6">
        <v>2</v>
      </c>
      <c r="BJ649" s="13">
        <v>0.16666666666666666</v>
      </c>
      <c r="BK649" s="6">
        <v>0</v>
      </c>
      <c r="BL649" s="13">
        <v>0</v>
      </c>
      <c r="BM649" s="11">
        <v>0</v>
      </c>
      <c r="BN649" s="13">
        <v>0</v>
      </c>
      <c r="BO649" s="11">
        <v>0</v>
      </c>
      <c r="BP649" s="13">
        <v>0</v>
      </c>
      <c r="BQ649" s="6">
        <v>12</v>
      </c>
      <c r="BR649" s="6">
        <v>11</v>
      </c>
      <c r="BS649" s="6">
        <v>13</v>
      </c>
      <c r="BT649" s="6">
        <v>14</v>
      </c>
      <c r="BU649" s="6">
        <v>14</v>
      </c>
      <c r="BV649" s="6">
        <v>12</v>
      </c>
      <c r="BW649" s="6">
        <v>14</v>
      </c>
      <c r="BX649" s="6">
        <v>12</v>
      </c>
      <c r="BY649" s="6">
        <v>14</v>
      </c>
      <c r="BZ649" s="6">
        <v>14</v>
      </c>
      <c r="CA649" s="6">
        <v>14</v>
      </c>
      <c r="CB649" s="6">
        <v>13</v>
      </c>
      <c r="CC649" s="11">
        <v>14</v>
      </c>
      <c r="CD649" s="11">
        <v>87.288499999999999</v>
      </c>
      <c r="CE649" s="11">
        <v>4.52475</v>
      </c>
      <c r="CF649" s="11">
        <v>7.8471599999999997</v>
      </c>
      <c r="CG649" s="11">
        <v>13</v>
      </c>
      <c r="CH649" s="20">
        <v>0.98899099999999995</v>
      </c>
      <c r="CI649" s="20">
        <v>0.88661800000000002</v>
      </c>
      <c r="CJ649" s="20">
        <v>0.91070600000000002</v>
      </c>
      <c r="CK649" s="20">
        <v>0.933616</v>
      </c>
      <c r="CL649" s="20">
        <v>1.05765</v>
      </c>
      <c r="CM649" s="20">
        <v>0.85883399999999999</v>
      </c>
      <c r="CN649" s="20">
        <v>0.78859299999999999</v>
      </c>
      <c r="CO649" s="20">
        <v>1.00831</v>
      </c>
      <c r="CP649" s="20">
        <v>1.2019299999999999</v>
      </c>
      <c r="CQ649" s="20">
        <v>1.6256999999999999</v>
      </c>
      <c r="CR649" s="20">
        <v>1.39331</v>
      </c>
      <c r="CS649" s="20">
        <v>1.2666900000000001</v>
      </c>
      <c r="CT649" s="20">
        <v>1.42089</v>
      </c>
      <c r="CU649" s="20">
        <v>1.2742899999999999</v>
      </c>
      <c r="CV649" s="20">
        <v>1.2262500000000001</v>
      </c>
      <c r="CW649" s="20">
        <v>1.19523</v>
      </c>
      <c r="CX649" s="20">
        <v>1.21254</v>
      </c>
      <c r="CY649" s="6" t="s">
        <v>492</v>
      </c>
      <c r="CZ649" s="6" t="s">
        <v>493</v>
      </c>
      <c r="DA649" s="6" t="s">
        <v>104</v>
      </c>
      <c r="DB649" s="6"/>
      <c r="DC649" s="6">
        <v>41140</v>
      </c>
      <c r="DD649" s="6">
        <v>312</v>
      </c>
      <c r="DE649" s="6" t="s">
        <v>374</v>
      </c>
      <c r="DF649" s="6" t="s">
        <v>375</v>
      </c>
      <c r="DG649" s="6" t="s">
        <v>376</v>
      </c>
      <c r="DH649" s="6" t="s">
        <v>328</v>
      </c>
      <c r="DI649" s="6" t="s">
        <v>377</v>
      </c>
      <c r="DJ649" s="6">
        <v>29</v>
      </c>
      <c r="DK649" s="6">
        <v>63</v>
      </c>
      <c r="DL649" s="6">
        <v>2</v>
      </c>
      <c r="DM649" s="6" t="s">
        <v>379</v>
      </c>
      <c r="DN649" s="6">
        <v>3</v>
      </c>
      <c r="DO649" s="6" t="s">
        <v>380</v>
      </c>
      <c r="DP649" s="6"/>
      <c r="DQ649" s="6"/>
    </row>
    <row r="650" spans="1:121" x14ac:dyDescent="0.2">
      <c r="A650" s="6" t="s">
        <v>314</v>
      </c>
      <c r="B650" s="6" t="s">
        <v>314</v>
      </c>
      <c r="C650" s="6" t="s">
        <v>183</v>
      </c>
      <c r="D650" s="6" t="s">
        <v>104</v>
      </c>
      <c r="E650" s="6" t="s">
        <v>245</v>
      </c>
      <c r="F650" s="11">
        <v>1</v>
      </c>
      <c r="G650" s="13">
        <v>1</v>
      </c>
      <c r="H650" s="11">
        <v>13.669950971999999</v>
      </c>
      <c r="I650" s="13">
        <v>2.7339901943999996</v>
      </c>
      <c r="J650" s="11">
        <v>-0.58033996959999712</v>
      </c>
      <c r="K650" s="13">
        <v>-3.1084172126126838E-2</v>
      </c>
      <c r="L650" s="11">
        <v>-13.089611002400002</v>
      </c>
      <c r="M650" s="13">
        <v>-0.72359825762219909</v>
      </c>
      <c r="N650" s="11">
        <v>-13.669950971999999</v>
      </c>
      <c r="O650" s="13">
        <v>-0.73218997695823196</v>
      </c>
      <c r="P650" s="7">
        <v>5</v>
      </c>
      <c r="Q650" s="7">
        <v>5</v>
      </c>
      <c r="R650" s="7">
        <v>5</v>
      </c>
      <c r="S650" s="7">
        <v>12.4852767448</v>
      </c>
      <c r="T650" s="7">
        <v>15.7055361398</v>
      </c>
      <c r="U650" s="7">
        <v>23.185461093600001</v>
      </c>
      <c r="V650" s="7">
        <v>18.669950971999999</v>
      </c>
      <c r="W650" s="7">
        <v>11.654152436</v>
      </c>
      <c r="X650" s="7">
        <v>5</v>
      </c>
      <c r="Y650" s="7">
        <v>18.089611002400002</v>
      </c>
      <c r="Z650" s="7">
        <v>16.553467000000001</v>
      </c>
      <c r="AA650" s="7">
        <v>12.556540999999999</v>
      </c>
      <c r="AB650" s="7">
        <v>10.988852</v>
      </c>
      <c r="AC650" s="7">
        <v>5</v>
      </c>
      <c r="AD650" s="7">
        <v>5</v>
      </c>
      <c r="AE650" s="7">
        <v>5</v>
      </c>
      <c r="AF650" s="7">
        <v>5</v>
      </c>
      <c r="AG650" s="9">
        <v>0</v>
      </c>
      <c r="AH650" s="13">
        <v>0</v>
      </c>
      <c r="AI650" s="9">
        <v>18043.474075800001</v>
      </c>
      <c r="AJ650" s="13">
        <v>18043.474075800001</v>
      </c>
      <c r="AK650" s="9">
        <v>23249.430882299999</v>
      </c>
      <c r="AL650" s="13">
        <v>1.2884515660936069</v>
      </c>
      <c r="AM650" s="9">
        <v>-41292.9049581</v>
      </c>
      <c r="AN650" s="13">
        <v>-0.99997578335105364</v>
      </c>
      <c r="AO650" s="9">
        <v>-18043.474075800001</v>
      </c>
      <c r="AP650" s="13">
        <v>-0.99994458137179276</v>
      </c>
      <c r="AQ650" s="9">
        <v>1</v>
      </c>
      <c r="AR650" s="9">
        <v>1</v>
      </c>
      <c r="AS650" s="9">
        <v>1</v>
      </c>
      <c r="AT650" s="9">
        <v>19484.522166899998</v>
      </c>
      <c r="AU650" s="9">
        <v>11229.491694799999</v>
      </c>
      <c r="AV650" s="9">
        <v>11241.637287400001</v>
      </c>
      <c r="AW650" s="9">
        <v>18044.474075800001</v>
      </c>
      <c r="AX650" s="9">
        <v>16294.769452</v>
      </c>
      <c r="AY650" s="9">
        <v>1</v>
      </c>
      <c r="AZ650" s="9">
        <v>41293.9049581</v>
      </c>
      <c r="BA650" s="9">
        <v>35795.556447700001</v>
      </c>
      <c r="BB650" s="9">
        <v>42379.818813700003</v>
      </c>
      <c r="BC650" s="9">
        <v>58040.053907100002</v>
      </c>
      <c r="BD650" s="9">
        <v>1</v>
      </c>
      <c r="BE650" s="9">
        <v>1</v>
      </c>
      <c r="BF650" s="9">
        <v>1</v>
      </c>
      <c r="BG650" s="11">
        <v>1.25</v>
      </c>
      <c r="BH650" s="13">
        <v>0.625</v>
      </c>
      <c r="BI650" s="6">
        <v>1</v>
      </c>
      <c r="BJ650" s="13">
        <v>0.5</v>
      </c>
      <c r="BK650" s="6">
        <v>1</v>
      </c>
      <c r="BL650" s="13">
        <v>0.33333333333333331</v>
      </c>
      <c r="BM650" s="11">
        <v>-0.75</v>
      </c>
      <c r="BN650" s="13">
        <v>-0.1875</v>
      </c>
      <c r="BO650" s="11">
        <v>0.25</v>
      </c>
      <c r="BP650" s="13">
        <v>8.3333333333333329E-2</v>
      </c>
      <c r="BQ650" s="6">
        <v>2</v>
      </c>
      <c r="BR650" s="6">
        <v>3</v>
      </c>
      <c r="BS650" s="6">
        <v>3</v>
      </c>
      <c r="BT650" s="6">
        <v>3</v>
      </c>
      <c r="BU650" s="6">
        <v>3</v>
      </c>
      <c r="BV650" s="6">
        <v>2</v>
      </c>
      <c r="BW650" s="6">
        <v>4</v>
      </c>
      <c r="BX650" s="6">
        <v>4</v>
      </c>
      <c r="BY650" s="6">
        <v>4</v>
      </c>
      <c r="BZ650" s="6">
        <v>4</v>
      </c>
      <c r="CA650" s="6">
        <v>4</v>
      </c>
      <c r="CB650" s="6">
        <v>4</v>
      </c>
      <c r="CC650" s="11">
        <v>3.25</v>
      </c>
      <c r="CD650" s="11">
        <v>8.2485199999999992</v>
      </c>
      <c r="CE650" s="11">
        <v>-0.29381099999999999</v>
      </c>
      <c r="CF650" s="11">
        <v>0.10485800000000001</v>
      </c>
      <c r="CG650" s="11">
        <v>0</v>
      </c>
      <c r="CH650" s="20">
        <v>1.6781899999999999E-2</v>
      </c>
      <c r="CI650" s="20">
        <v>3.3524999999999999E-2</v>
      </c>
      <c r="CJ650" s="20">
        <v>7.3997599999999997E-2</v>
      </c>
      <c r="CK650" s="20">
        <v>0.168243</v>
      </c>
      <c r="CL650" s="20">
        <v>0.226962</v>
      </c>
      <c r="CM650" s="20">
        <v>0.34002599999999999</v>
      </c>
      <c r="CN650" s="20">
        <v>0.23943999999999999</v>
      </c>
      <c r="CO650" s="20">
        <v>0.15143300000000001</v>
      </c>
      <c r="CP650" s="20">
        <v>7.6791100000000001E-2</v>
      </c>
      <c r="CQ650" s="20">
        <v>0.24147299999999999</v>
      </c>
      <c r="CR650" s="20">
        <v>0.23413700000000001</v>
      </c>
      <c r="CS650" s="20">
        <v>0.18202699999999999</v>
      </c>
      <c r="CT650" s="20">
        <v>0.15556600000000001</v>
      </c>
      <c r="CU650" s="20">
        <v>0.13395099999999999</v>
      </c>
      <c r="CV650" s="20">
        <v>0.110017</v>
      </c>
      <c r="CW650" s="20">
        <v>0.119615</v>
      </c>
      <c r="CX650" s="20">
        <v>0.118251</v>
      </c>
      <c r="CY650" s="6" t="s">
        <v>492</v>
      </c>
      <c r="CZ650" s="6" t="s">
        <v>493</v>
      </c>
      <c r="DA650" s="6" t="s">
        <v>104</v>
      </c>
      <c r="DB650" s="6"/>
      <c r="DC650" s="6">
        <v>41140</v>
      </c>
      <c r="DD650" s="6">
        <v>312</v>
      </c>
      <c r="DE650" s="6" t="s">
        <v>374</v>
      </c>
      <c r="DF650" s="6" t="s">
        <v>375</v>
      </c>
      <c r="DG650" s="6" t="s">
        <v>376</v>
      </c>
      <c r="DH650" s="6" t="s">
        <v>328</v>
      </c>
      <c r="DI650" s="6" t="s">
        <v>377</v>
      </c>
      <c r="DJ650" s="6">
        <v>29</v>
      </c>
      <c r="DK650" s="6">
        <v>63</v>
      </c>
      <c r="DL650" s="6">
        <v>2</v>
      </c>
      <c r="DM650" s="6" t="s">
        <v>379</v>
      </c>
      <c r="DN650" s="6">
        <v>3</v>
      </c>
      <c r="DO650" s="6" t="s">
        <v>380</v>
      </c>
      <c r="DP650" s="6"/>
      <c r="DQ650" s="6"/>
    </row>
    <row r="651" spans="1:121" x14ac:dyDescent="0.2">
      <c r="A651" s="6" t="s">
        <v>315</v>
      </c>
      <c r="B651" s="6" t="s">
        <v>315</v>
      </c>
      <c r="C651" s="6" t="s">
        <v>184</v>
      </c>
      <c r="D651" s="6" t="s">
        <v>104</v>
      </c>
      <c r="E651" s="6" t="s">
        <v>245</v>
      </c>
      <c r="F651" s="11">
        <v>101</v>
      </c>
      <c r="G651" s="13">
        <v>1.07</v>
      </c>
      <c r="H651" s="11">
        <v>138</v>
      </c>
      <c r="I651" s="13">
        <v>1.4680851063829787</v>
      </c>
      <c r="J651" s="11">
        <v>99</v>
      </c>
      <c r="K651" s="13">
        <v>0.42672413793103448</v>
      </c>
      <c r="L651" s="11">
        <v>-136</v>
      </c>
      <c r="M651" s="13">
        <v>-0.41087613293051362</v>
      </c>
      <c r="N651" s="11">
        <v>-37</v>
      </c>
      <c r="O651" s="13">
        <v>-0.15948275862068967</v>
      </c>
      <c r="P651" s="7">
        <v>94</v>
      </c>
      <c r="Q651" s="7">
        <v>92</v>
      </c>
      <c r="R651" s="7">
        <v>92</v>
      </c>
      <c r="S651" s="7">
        <v>99</v>
      </c>
      <c r="T651" s="7">
        <v>100</v>
      </c>
      <c r="U651" s="7">
        <v>102</v>
      </c>
      <c r="V651" s="7">
        <v>232</v>
      </c>
      <c r="W651" s="7">
        <v>205</v>
      </c>
      <c r="X651" s="7">
        <v>198</v>
      </c>
      <c r="Y651" s="7">
        <v>331</v>
      </c>
      <c r="Z651" s="7">
        <v>232</v>
      </c>
      <c r="AA651" s="7">
        <v>208</v>
      </c>
      <c r="AB651" s="7">
        <v>198</v>
      </c>
      <c r="AC651" s="7">
        <v>195</v>
      </c>
      <c r="AD651" s="7">
        <v>193</v>
      </c>
      <c r="AE651" s="7">
        <v>195</v>
      </c>
      <c r="AF651" s="7">
        <v>195</v>
      </c>
      <c r="AG651" s="9">
        <v>28367</v>
      </c>
      <c r="AH651" s="13">
        <v>0.95396152811407053</v>
      </c>
      <c r="AI651" s="9">
        <v>4434</v>
      </c>
      <c r="AJ651" s="13">
        <v>0.14911218724778047</v>
      </c>
      <c r="AK651" s="9">
        <v>12655</v>
      </c>
      <c r="AL651" s="13">
        <v>0.37035411179397137</v>
      </c>
      <c r="AM651" s="9">
        <v>11278</v>
      </c>
      <c r="AN651" s="13">
        <v>0.24085424452749599</v>
      </c>
      <c r="AO651" s="9">
        <v>23933</v>
      </c>
      <c r="AP651" s="13">
        <v>0.70040971612525604</v>
      </c>
      <c r="AQ651" s="9">
        <v>29736</v>
      </c>
      <c r="AR651" s="9">
        <v>29694</v>
      </c>
      <c r="AS651" s="9">
        <v>29269</v>
      </c>
      <c r="AT651" s="9">
        <v>31944</v>
      </c>
      <c r="AU651" s="9">
        <v>32399</v>
      </c>
      <c r="AV651" s="9">
        <v>33291</v>
      </c>
      <c r="AW651" s="9">
        <v>34170</v>
      </c>
      <c r="AX651" s="9">
        <v>33140</v>
      </c>
      <c r="AY651" s="9">
        <v>35770</v>
      </c>
      <c r="AZ651" s="9">
        <v>46825</v>
      </c>
      <c r="BA651" s="9">
        <v>53097</v>
      </c>
      <c r="BB651" s="9">
        <v>55434</v>
      </c>
      <c r="BC651" s="9">
        <v>53875</v>
      </c>
      <c r="BD651" s="9">
        <v>56402</v>
      </c>
      <c r="BE651" s="9">
        <v>55051</v>
      </c>
      <c r="BF651" s="9">
        <v>58103</v>
      </c>
      <c r="BG651" s="11">
        <v>2</v>
      </c>
      <c r="BH651" s="13">
        <v>0.14285714285714285</v>
      </c>
      <c r="BI651" s="6">
        <v>3</v>
      </c>
      <c r="BJ651" s="13">
        <v>0.21428571428571427</v>
      </c>
      <c r="BK651" s="6">
        <v>4</v>
      </c>
      <c r="BL651" s="13">
        <v>0.23529411764705882</v>
      </c>
      <c r="BM651" s="11">
        <v>-5</v>
      </c>
      <c r="BN651" s="13">
        <v>-0.23809523809523808</v>
      </c>
      <c r="BO651" s="11">
        <v>-1</v>
      </c>
      <c r="BP651" s="13">
        <v>-5.8823529411764705E-2</v>
      </c>
      <c r="BQ651" s="6">
        <v>14</v>
      </c>
      <c r="BR651" s="6">
        <v>14</v>
      </c>
      <c r="BS651" s="6">
        <v>17</v>
      </c>
      <c r="BT651" s="6">
        <v>17</v>
      </c>
      <c r="BU651" s="6">
        <v>18</v>
      </c>
      <c r="BV651" s="6">
        <v>15</v>
      </c>
      <c r="BW651" s="6">
        <v>21</v>
      </c>
      <c r="BX651" s="6">
        <v>20</v>
      </c>
      <c r="BY651" s="6">
        <v>18</v>
      </c>
      <c r="BZ651" s="6">
        <v>17</v>
      </c>
      <c r="CA651" s="6">
        <v>19</v>
      </c>
      <c r="CB651" s="6">
        <v>17</v>
      </c>
      <c r="CC651" s="11">
        <v>16</v>
      </c>
      <c r="CD651" s="11">
        <v>98</v>
      </c>
      <c r="CE651" s="11">
        <v>-7</v>
      </c>
      <c r="CF651" s="11">
        <v>10</v>
      </c>
      <c r="CG651" s="11">
        <v>3</v>
      </c>
      <c r="CH651" s="20">
        <v>1.01</v>
      </c>
      <c r="CI651" s="20">
        <v>0.7</v>
      </c>
      <c r="CJ651" s="20">
        <v>0.65</v>
      </c>
      <c r="CK651" s="20">
        <v>0.71</v>
      </c>
      <c r="CL651" s="20">
        <v>0.74</v>
      </c>
      <c r="CM651" s="20">
        <v>0.75</v>
      </c>
      <c r="CN651" s="20">
        <v>1.49</v>
      </c>
      <c r="CO651" s="20">
        <v>1.35</v>
      </c>
      <c r="CP651" s="20">
        <v>1.35</v>
      </c>
      <c r="CQ651" s="20">
        <v>2.15</v>
      </c>
      <c r="CR651" s="20">
        <v>1.58</v>
      </c>
      <c r="CS651" s="20">
        <v>1.44</v>
      </c>
      <c r="CT651" s="20">
        <v>1.34</v>
      </c>
      <c r="CU651" s="20">
        <v>1.35</v>
      </c>
      <c r="CV651" s="20">
        <v>1.26</v>
      </c>
      <c r="CW651" s="20">
        <v>1.26</v>
      </c>
      <c r="CX651" s="20">
        <v>1.22</v>
      </c>
      <c r="CY651" s="6" t="s">
        <v>492</v>
      </c>
      <c r="CZ651" s="6" t="s">
        <v>493</v>
      </c>
      <c r="DA651" s="6" t="s">
        <v>104</v>
      </c>
      <c r="DB651" s="6"/>
      <c r="DC651" s="6">
        <v>41140</v>
      </c>
      <c r="DD651" s="6">
        <v>312</v>
      </c>
      <c r="DE651" s="6" t="s">
        <v>374</v>
      </c>
      <c r="DF651" s="6" t="s">
        <v>375</v>
      </c>
      <c r="DG651" s="6" t="s">
        <v>376</v>
      </c>
      <c r="DH651" s="6" t="s">
        <v>328</v>
      </c>
      <c r="DI651" s="6" t="s">
        <v>377</v>
      </c>
      <c r="DJ651" s="6">
        <v>29</v>
      </c>
      <c r="DK651" s="6">
        <v>63</v>
      </c>
      <c r="DL651" s="6">
        <v>2</v>
      </c>
      <c r="DM651" s="6" t="s">
        <v>379</v>
      </c>
      <c r="DN651" s="6">
        <v>3</v>
      </c>
      <c r="DO651" s="6" t="s">
        <v>380</v>
      </c>
      <c r="DP651" s="6"/>
      <c r="DQ651" s="6"/>
    </row>
    <row r="652" spans="1:121" x14ac:dyDescent="0.2">
      <c r="A652" s="6" t="s">
        <v>316</v>
      </c>
      <c r="B652" s="6" t="s">
        <v>316</v>
      </c>
      <c r="C652" s="6" t="s">
        <v>185</v>
      </c>
      <c r="D652" s="6" t="s">
        <v>104</v>
      </c>
      <c r="E652" s="6" t="s">
        <v>245</v>
      </c>
      <c r="F652" s="11">
        <v>-6</v>
      </c>
      <c r="G652" s="13">
        <v>-0.21</v>
      </c>
      <c r="H652" s="11">
        <v>0</v>
      </c>
      <c r="I652" s="13">
        <v>0</v>
      </c>
      <c r="J652" s="11">
        <v>1</v>
      </c>
      <c r="K652" s="13">
        <v>3.5714285714285712E-2</v>
      </c>
      <c r="L652" s="11">
        <v>-7</v>
      </c>
      <c r="M652" s="13">
        <v>-0.2413793103448276</v>
      </c>
      <c r="N652" s="11">
        <v>-6</v>
      </c>
      <c r="O652" s="13">
        <v>-0.21428571428571427</v>
      </c>
      <c r="P652" s="7">
        <v>28</v>
      </c>
      <c r="Q652" s="7">
        <v>20</v>
      </c>
      <c r="R652" s="7">
        <v>27</v>
      </c>
      <c r="S652" s="7">
        <v>27</v>
      </c>
      <c r="T652" s="7">
        <v>29</v>
      </c>
      <c r="U652" s="7">
        <v>36</v>
      </c>
      <c r="V652" s="7">
        <v>28</v>
      </c>
      <c r="W652" s="7">
        <v>26</v>
      </c>
      <c r="X652" s="7">
        <v>26</v>
      </c>
      <c r="Y652" s="7">
        <v>29</v>
      </c>
      <c r="Z652" s="7">
        <v>20</v>
      </c>
      <c r="AA652" s="7">
        <v>18</v>
      </c>
      <c r="AB652" s="7">
        <v>22</v>
      </c>
      <c r="AC652" s="7">
        <v>22</v>
      </c>
      <c r="AD652" s="7">
        <v>23</v>
      </c>
      <c r="AE652" s="7">
        <v>22</v>
      </c>
      <c r="AF652" s="7">
        <v>22</v>
      </c>
      <c r="AG652" s="9">
        <v>10056</v>
      </c>
      <c r="AH652" s="13">
        <v>0.77022058823529405</v>
      </c>
      <c r="AI652" s="9">
        <v>10982</v>
      </c>
      <c r="AJ652" s="13">
        <v>0.84114583333333348</v>
      </c>
      <c r="AK652" s="9">
        <v>-3081</v>
      </c>
      <c r="AL652" s="13">
        <v>-0.12817206090356931</v>
      </c>
      <c r="AM652" s="9">
        <v>2155</v>
      </c>
      <c r="AN652" s="13">
        <v>0.10282960347377965</v>
      </c>
      <c r="AO652" s="9">
        <v>-926</v>
      </c>
      <c r="AP652" s="13">
        <v>-3.8522339628920883E-2</v>
      </c>
      <c r="AQ652" s="9">
        <v>13056</v>
      </c>
      <c r="AR652" s="9">
        <v>21708</v>
      </c>
      <c r="AS652" s="9">
        <v>26768</v>
      </c>
      <c r="AT652" s="9">
        <v>28906</v>
      </c>
      <c r="AU652" s="9">
        <v>28695</v>
      </c>
      <c r="AV652" s="9">
        <v>27007</v>
      </c>
      <c r="AW652" s="9">
        <v>24038</v>
      </c>
      <c r="AX652" s="9">
        <v>21880</v>
      </c>
      <c r="AY652" s="9">
        <v>22250</v>
      </c>
      <c r="AZ652" s="9">
        <v>20957</v>
      </c>
      <c r="BA652" s="9">
        <v>20779</v>
      </c>
      <c r="BB652" s="9">
        <v>23682</v>
      </c>
      <c r="BC652" s="9">
        <v>23385</v>
      </c>
      <c r="BD652" s="9">
        <v>22372</v>
      </c>
      <c r="BE652" s="9">
        <v>22178</v>
      </c>
      <c r="BF652" s="9">
        <v>23112</v>
      </c>
      <c r="BG652" s="11">
        <v>-2</v>
      </c>
      <c r="BH652" s="13">
        <v>-0.2</v>
      </c>
      <c r="BI652" s="6">
        <v>1</v>
      </c>
      <c r="BJ652" s="13">
        <v>0.1</v>
      </c>
      <c r="BK652" s="6">
        <v>-2</v>
      </c>
      <c r="BL652" s="13">
        <v>-0.18181818181818182</v>
      </c>
      <c r="BM652" s="11">
        <v>-1</v>
      </c>
      <c r="BN652" s="13">
        <v>-0.1111111111111111</v>
      </c>
      <c r="BO652" s="11">
        <v>-3</v>
      </c>
      <c r="BP652" s="13">
        <v>-0.27272727272727271</v>
      </c>
      <c r="BQ652" s="6">
        <v>10</v>
      </c>
      <c r="BR652" s="6">
        <v>12</v>
      </c>
      <c r="BS652" s="6">
        <v>13</v>
      </c>
      <c r="BT652" s="6">
        <v>11</v>
      </c>
      <c r="BU652" s="6">
        <v>9</v>
      </c>
      <c r="BV652" s="6">
        <v>9</v>
      </c>
      <c r="BW652" s="6">
        <v>9</v>
      </c>
      <c r="BX652" s="6">
        <v>8</v>
      </c>
      <c r="BY652" s="6">
        <v>8</v>
      </c>
      <c r="BZ652" s="6">
        <v>8</v>
      </c>
      <c r="CA652" s="6">
        <v>8</v>
      </c>
      <c r="CB652" s="6">
        <v>8</v>
      </c>
      <c r="CC652" s="11">
        <v>8</v>
      </c>
      <c r="CD652" s="11">
        <v>-8</v>
      </c>
      <c r="CE652" s="11">
        <v>-1</v>
      </c>
      <c r="CF652" s="11">
        <v>3</v>
      </c>
      <c r="CG652" s="11">
        <v>2</v>
      </c>
      <c r="CH652" s="20">
        <v>0.73</v>
      </c>
      <c r="CI652" s="20">
        <v>0.37</v>
      </c>
      <c r="CJ652" s="20">
        <v>0.45</v>
      </c>
      <c r="CK652" s="20">
        <v>0.45</v>
      </c>
      <c r="CL652" s="20">
        <v>0.49</v>
      </c>
      <c r="CM652" s="20">
        <v>0.62</v>
      </c>
      <c r="CN652" s="20">
        <v>0.42</v>
      </c>
      <c r="CO652" s="20">
        <v>0.4</v>
      </c>
      <c r="CP652" s="20">
        <v>0.41</v>
      </c>
      <c r="CQ652" s="20">
        <v>0.45</v>
      </c>
      <c r="CR652" s="20">
        <v>0.34</v>
      </c>
      <c r="CS652" s="20">
        <v>0.3</v>
      </c>
      <c r="CT652" s="20">
        <v>0.36</v>
      </c>
      <c r="CU652" s="20">
        <v>0.37</v>
      </c>
      <c r="CV652" s="20">
        <v>0.35</v>
      </c>
      <c r="CW652" s="20">
        <v>0.33</v>
      </c>
      <c r="CX652" s="20">
        <v>0.33</v>
      </c>
      <c r="CY652" s="6" t="s">
        <v>492</v>
      </c>
      <c r="CZ652" s="6" t="s">
        <v>493</v>
      </c>
      <c r="DA652" s="6" t="s">
        <v>104</v>
      </c>
      <c r="DB652" s="6"/>
      <c r="DC652" s="6">
        <v>41140</v>
      </c>
      <c r="DD652" s="6">
        <v>312</v>
      </c>
      <c r="DE652" s="6" t="s">
        <v>374</v>
      </c>
      <c r="DF652" s="6" t="s">
        <v>375</v>
      </c>
      <c r="DG652" s="6" t="s">
        <v>376</v>
      </c>
      <c r="DH652" s="6" t="s">
        <v>328</v>
      </c>
      <c r="DI652" s="6" t="s">
        <v>377</v>
      </c>
      <c r="DJ652" s="6">
        <v>29</v>
      </c>
      <c r="DK652" s="6">
        <v>63</v>
      </c>
      <c r="DL652" s="6">
        <v>2</v>
      </c>
      <c r="DM652" s="6" t="s">
        <v>379</v>
      </c>
      <c r="DN652" s="6">
        <v>3</v>
      </c>
      <c r="DO652" s="6" t="s">
        <v>380</v>
      </c>
      <c r="DP652" s="6"/>
      <c r="DQ652" s="6"/>
    </row>
    <row r="653" spans="1:121" x14ac:dyDescent="0.2">
      <c r="A653" s="6" t="s">
        <v>317</v>
      </c>
      <c r="B653" s="6" t="s">
        <v>317</v>
      </c>
      <c r="C653" s="6" t="s">
        <v>186</v>
      </c>
      <c r="D653" s="6" t="s">
        <v>104</v>
      </c>
      <c r="E653" s="6" t="s">
        <v>245</v>
      </c>
      <c r="F653" s="11">
        <v>2</v>
      </c>
      <c r="G653" s="13">
        <v>0.06</v>
      </c>
      <c r="H653" s="11">
        <v>-2</v>
      </c>
      <c r="I653" s="13">
        <v>-5.8823529411764705E-2</v>
      </c>
      <c r="J653" s="11">
        <v>-6</v>
      </c>
      <c r="K653" s="13">
        <v>-0.1875</v>
      </c>
      <c r="L653" s="11">
        <v>10</v>
      </c>
      <c r="M653" s="13">
        <v>0.38461538461538464</v>
      </c>
      <c r="N653" s="11">
        <v>4</v>
      </c>
      <c r="O653" s="13">
        <v>0.125</v>
      </c>
      <c r="P653" s="7">
        <v>34</v>
      </c>
      <c r="Q653" s="7">
        <v>37</v>
      </c>
      <c r="R653" s="7">
        <v>39</v>
      </c>
      <c r="S653" s="7">
        <v>35</v>
      </c>
      <c r="T653" s="7">
        <v>34</v>
      </c>
      <c r="U653" s="7">
        <v>32</v>
      </c>
      <c r="V653" s="7">
        <v>32</v>
      </c>
      <c r="W653" s="7">
        <v>28</v>
      </c>
      <c r="X653" s="7">
        <v>26</v>
      </c>
      <c r="Y653" s="7">
        <v>26</v>
      </c>
      <c r="Z653" s="7">
        <v>28</v>
      </c>
      <c r="AA653" s="7">
        <v>29</v>
      </c>
      <c r="AB653" s="7">
        <v>28</v>
      </c>
      <c r="AC653" s="7">
        <v>30</v>
      </c>
      <c r="AD653" s="7">
        <v>31</v>
      </c>
      <c r="AE653" s="7">
        <v>36</v>
      </c>
      <c r="AF653" s="7">
        <v>36</v>
      </c>
      <c r="AG653" s="9">
        <v>40190</v>
      </c>
      <c r="AH653" s="13">
        <v>1.836837294332724</v>
      </c>
      <c r="AI653" s="9">
        <v>8287</v>
      </c>
      <c r="AJ653" s="13">
        <v>0.37874771480804387</v>
      </c>
      <c r="AK653" s="9">
        <v>1801</v>
      </c>
      <c r="AL653" s="13">
        <v>5.9700997779030061E-2</v>
      </c>
      <c r="AM653" s="9">
        <v>30102</v>
      </c>
      <c r="AN653" s="13">
        <v>0.94162912912912911</v>
      </c>
      <c r="AO653" s="9">
        <v>31903</v>
      </c>
      <c r="AP653" s="13">
        <v>1.0575463254549673</v>
      </c>
      <c r="AQ653" s="9">
        <v>21880</v>
      </c>
      <c r="AR653" s="9">
        <v>23762</v>
      </c>
      <c r="AS653" s="9">
        <v>22981</v>
      </c>
      <c r="AT653" s="9">
        <v>24989</v>
      </c>
      <c r="AU653" s="9">
        <v>25023</v>
      </c>
      <c r="AV653" s="9">
        <v>26320</v>
      </c>
      <c r="AW653" s="9">
        <v>30167</v>
      </c>
      <c r="AX653" s="9">
        <v>32822</v>
      </c>
      <c r="AY653" s="9">
        <v>33786</v>
      </c>
      <c r="AZ653" s="9">
        <v>31968</v>
      </c>
      <c r="BA653" s="9">
        <v>36969</v>
      </c>
      <c r="BB653" s="9">
        <v>40852</v>
      </c>
      <c r="BC653" s="9">
        <v>37417</v>
      </c>
      <c r="BD653" s="9">
        <v>42834</v>
      </c>
      <c r="BE653" s="9">
        <v>39521</v>
      </c>
      <c r="BF653" s="9">
        <v>62070</v>
      </c>
      <c r="BG653" s="11">
        <v>-3</v>
      </c>
      <c r="BH653" s="13">
        <v>-0.33333333333333331</v>
      </c>
      <c r="BI653" s="6">
        <v>-2</v>
      </c>
      <c r="BJ653" s="13">
        <v>-0.22222222222222221</v>
      </c>
      <c r="BK653" s="6">
        <v>-1</v>
      </c>
      <c r="BL653" s="13">
        <v>-0.14285714285714285</v>
      </c>
      <c r="BM653" s="11">
        <v>0</v>
      </c>
      <c r="BN653" s="13">
        <v>0</v>
      </c>
      <c r="BO653" s="11">
        <v>-1</v>
      </c>
      <c r="BP653" s="13">
        <v>-0.14285714285714285</v>
      </c>
      <c r="BQ653" s="6">
        <v>9</v>
      </c>
      <c r="BR653" s="6">
        <v>8</v>
      </c>
      <c r="BS653" s="6">
        <v>8</v>
      </c>
      <c r="BT653" s="6">
        <v>7</v>
      </c>
      <c r="BU653" s="6">
        <v>5</v>
      </c>
      <c r="BV653" s="6">
        <v>5</v>
      </c>
      <c r="BW653" s="6">
        <v>6</v>
      </c>
      <c r="BX653" s="6">
        <v>6</v>
      </c>
      <c r="BY653" s="6">
        <v>6</v>
      </c>
      <c r="BZ653" s="6">
        <v>5</v>
      </c>
      <c r="CA653" s="6">
        <v>5</v>
      </c>
      <c r="CB653" s="6">
        <v>5</v>
      </c>
      <c r="CC653" s="11">
        <v>6</v>
      </c>
      <c r="CD653" s="11">
        <v>-8</v>
      </c>
      <c r="CE653" s="11">
        <v>7</v>
      </c>
      <c r="CF653" s="11">
        <v>4</v>
      </c>
      <c r="CG653" s="11">
        <v>11</v>
      </c>
      <c r="CH653" s="20">
        <v>0.28000000000000003</v>
      </c>
      <c r="CI653" s="20">
        <v>0.22</v>
      </c>
      <c r="CJ653" s="20">
        <v>0.21</v>
      </c>
      <c r="CK653" s="20">
        <v>0.19</v>
      </c>
      <c r="CL653" s="20">
        <v>0.19</v>
      </c>
      <c r="CM653" s="20">
        <v>0.17</v>
      </c>
      <c r="CN653" s="20">
        <v>0.15</v>
      </c>
      <c r="CO653" s="20">
        <v>0.13</v>
      </c>
      <c r="CP653" s="20">
        <v>0.12</v>
      </c>
      <c r="CQ653" s="20">
        <v>0.12</v>
      </c>
      <c r="CR653" s="20">
        <v>0.13</v>
      </c>
      <c r="CS653" s="20">
        <v>0.13</v>
      </c>
      <c r="CT653" s="20">
        <v>0.12</v>
      </c>
      <c r="CU653" s="20">
        <v>0.13</v>
      </c>
      <c r="CV653" s="20">
        <v>0.12</v>
      </c>
      <c r="CW653" s="20">
        <v>0.14000000000000001</v>
      </c>
      <c r="CX653" s="20">
        <v>0.14000000000000001</v>
      </c>
      <c r="CY653" s="6" t="s">
        <v>492</v>
      </c>
      <c r="CZ653" s="6" t="s">
        <v>493</v>
      </c>
      <c r="DA653" s="6" t="s">
        <v>104</v>
      </c>
      <c r="DB653" s="6"/>
      <c r="DC653" s="6">
        <v>41140</v>
      </c>
      <c r="DD653" s="6">
        <v>312</v>
      </c>
      <c r="DE653" s="6" t="s">
        <v>374</v>
      </c>
      <c r="DF653" s="6" t="s">
        <v>375</v>
      </c>
      <c r="DG653" s="6" t="s">
        <v>376</v>
      </c>
      <c r="DH653" s="6" t="s">
        <v>328</v>
      </c>
      <c r="DI653" s="6" t="s">
        <v>377</v>
      </c>
      <c r="DJ653" s="6">
        <v>29</v>
      </c>
      <c r="DK653" s="6">
        <v>63</v>
      </c>
      <c r="DL653" s="6">
        <v>2</v>
      </c>
      <c r="DM653" s="6" t="s">
        <v>379</v>
      </c>
      <c r="DN653" s="6">
        <v>3</v>
      </c>
      <c r="DO653" s="6" t="s">
        <v>380</v>
      </c>
      <c r="DP653" s="6"/>
      <c r="DQ653" s="6"/>
    </row>
    <row r="654" spans="1:121" x14ac:dyDescent="0.2">
      <c r="A654" s="6" t="s">
        <v>318</v>
      </c>
      <c r="B654" s="6" t="s">
        <v>318</v>
      </c>
      <c r="C654" s="6" t="s">
        <v>187</v>
      </c>
      <c r="D654" s="6" t="s">
        <v>104</v>
      </c>
      <c r="E654" s="6" t="s">
        <v>245</v>
      </c>
      <c r="F654" s="11">
        <v>0</v>
      </c>
      <c r="G654" s="13">
        <v>0</v>
      </c>
      <c r="H654" s="11">
        <v>0</v>
      </c>
      <c r="I654" s="13"/>
      <c r="J654" s="11">
        <v>12.657489</v>
      </c>
      <c r="K654" s="13"/>
      <c r="L654" s="11">
        <v>-12.657489</v>
      </c>
      <c r="M654" s="13">
        <v>-1</v>
      </c>
      <c r="N654" s="11">
        <v>0</v>
      </c>
      <c r="O654" s="13"/>
      <c r="P654" s="7">
        <v>0</v>
      </c>
      <c r="Q654" s="7">
        <v>5</v>
      </c>
      <c r="R654" s="7">
        <v>5</v>
      </c>
      <c r="S654" s="7">
        <v>5</v>
      </c>
      <c r="T654" s="7">
        <v>0</v>
      </c>
      <c r="U654" s="7">
        <v>0</v>
      </c>
      <c r="V654" s="7">
        <v>0</v>
      </c>
      <c r="W654" s="7">
        <v>0</v>
      </c>
      <c r="X654" s="7">
        <v>0</v>
      </c>
      <c r="Y654" s="7">
        <v>12.657489</v>
      </c>
      <c r="Z654" s="7">
        <v>12.242405</v>
      </c>
      <c r="AA654" s="7">
        <v>10.859901000000001</v>
      </c>
      <c r="AB654" s="7">
        <v>5</v>
      </c>
      <c r="AC654" s="7">
        <v>5</v>
      </c>
      <c r="AD654" s="7">
        <v>0</v>
      </c>
      <c r="AE654" s="7">
        <v>0</v>
      </c>
      <c r="AF654" s="7">
        <v>0</v>
      </c>
      <c r="AG654" s="9">
        <v>0</v>
      </c>
      <c r="AH654" s="13"/>
      <c r="AI654" s="9">
        <v>0</v>
      </c>
      <c r="AJ654" s="13"/>
      <c r="AK654" s="9">
        <v>125381.73692</v>
      </c>
      <c r="AL654" s="13"/>
      <c r="AM654" s="9">
        <v>-125381.73692</v>
      </c>
      <c r="AN654" s="13">
        <v>-1</v>
      </c>
      <c r="AO654" s="9">
        <v>0</v>
      </c>
      <c r="AP654" s="13"/>
      <c r="AQ654" s="9">
        <v>0</v>
      </c>
      <c r="AR654" s="9">
        <v>1</v>
      </c>
      <c r="AS654" s="9">
        <v>1</v>
      </c>
      <c r="AT654" s="9">
        <v>1</v>
      </c>
      <c r="AU654" s="9">
        <v>0</v>
      </c>
      <c r="AV654" s="9">
        <v>0</v>
      </c>
      <c r="AW654" s="9">
        <v>0</v>
      </c>
      <c r="AX654" s="9">
        <v>0</v>
      </c>
      <c r="AY654" s="9">
        <v>0</v>
      </c>
      <c r="AZ654" s="9">
        <v>125381.73692</v>
      </c>
      <c r="BA654" s="9">
        <v>129568.998769</v>
      </c>
      <c r="BB654" s="9">
        <v>209714.376815</v>
      </c>
      <c r="BC654" s="9">
        <v>1</v>
      </c>
      <c r="BD654" s="9">
        <v>1</v>
      </c>
      <c r="BE654" s="9">
        <v>0</v>
      </c>
      <c r="BF654" s="9">
        <v>0</v>
      </c>
      <c r="BG654" s="11">
        <v>-1</v>
      </c>
      <c r="BH654" s="13">
        <v>-1</v>
      </c>
      <c r="BI654" s="6">
        <v>-1</v>
      </c>
      <c r="BJ654" s="13">
        <v>-1</v>
      </c>
      <c r="BK654" s="6">
        <v>2</v>
      </c>
      <c r="BL654" s="13" t="e">
        <v>#DIV/0!</v>
      </c>
      <c r="BM654" s="11">
        <v>-2</v>
      </c>
      <c r="BN654" s="13">
        <v>-1</v>
      </c>
      <c r="BO654" s="11">
        <v>0</v>
      </c>
      <c r="BP654" s="13" t="e">
        <v>#DIV/0!</v>
      </c>
      <c r="BQ654" s="6">
        <v>1</v>
      </c>
      <c r="BR654" s="6">
        <v>0</v>
      </c>
      <c r="BS654" s="6">
        <v>0</v>
      </c>
      <c r="BT654" s="6">
        <v>0</v>
      </c>
      <c r="BU654" s="6">
        <v>0</v>
      </c>
      <c r="BV654" s="6">
        <v>0</v>
      </c>
      <c r="BW654" s="6">
        <v>2</v>
      </c>
      <c r="BX654" s="6">
        <v>2</v>
      </c>
      <c r="BY654" s="6">
        <v>1</v>
      </c>
      <c r="BZ654" s="6">
        <v>1</v>
      </c>
      <c r="CA654" s="6">
        <v>1</v>
      </c>
      <c r="CB654" s="6">
        <v>0</v>
      </c>
      <c r="CC654" s="11">
        <v>0</v>
      </c>
      <c r="CD654" s="11">
        <v>0</v>
      </c>
      <c r="CE654" s="11">
        <v>0</v>
      </c>
      <c r="CF654" s="11">
        <v>0</v>
      </c>
      <c r="CG654" s="11">
        <v>0</v>
      </c>
      <c r="CH654" s="20">
        <v>0</v>
      </c>
      <c r="CI654" s="20">
        <v>7.1843299999999999E-2</v>
      </c>
      <c r="CJ654" s="20">
        <v>0.16129599999999999</v>
      </c>
      <c r="CK654" s="20">
        <v>5.5577099999999997E-2</v>
      </c>
      <c r="CL654" s="20">
        <v>0</v>
      </c>
      <c r="CM654" s="20">
        <v>0</v>
      </c>
      <c r="CN654" s="20">
        <v>0</v>
      </c>
      <c r="CO654" s="20">
        <v>0</v>
      </c>
      <c r="CP654" s="20">
        <v>0</v>
      </c>
      <c r="CQ654" s="20">
        <v>0.25870300000000002</v>
      </c>
      <c r="CR654" s="20">
        <v>0.25423800000000002</v>
      </c>
      <c r="CS654" s="20">
        <v>0.22138099999999999</v>
      </c>
      <c r="CT654" s="20">
        <v>0.15331</v>
      </c>
      <c r="CU654" s="20">
        <v>0.14100499999999999</v>
      </c>
      <c r="CV654" s="20">
        <v>0</v>
      </c>
      <c r="CW654" s="20">
        <v>0</v>
      </c>
      <c r="CX654" s="20">
        <v>0</v>
      </c>
      <c r="CY654" s="6" t="s">
        <v>492</v>
      </c>
      <c r="CZ654" s="6" t="s">
        <v>493</v>
      </c>
      <c r="DA654" s="6" t="s">
        <v>104</v>
      </c>
      <c r="DB654" s="6"/>
      <c r="DC654" s="6">
        <v>41140</v>
      </c>
      <c r="DD654" s="6">
        <v>312</v>
      </c>
      <c r="DE654" s="6" t="s">
        <v>374</v>
      </c>
      <c r="DF654" s="6" t="s">
        <v>375</v>
      </c>
      <c r="DG654" s="6" t="s">
        <v>376</v>
      </c>
      <c r="DH654" s="6" t="s">
        <v>328</v>
      </c>
      <c r="DI654" s="6" t="s">
        <v>377</v>
      </c>
      <c r="DJ654" s="6">
        <v>29</v>
      </c>
      <c r="DK654" s="6">
        <v>63</v>
      </c>
      <c r="DL654" s="6">
        <v>2</v>
      </c>
      <c r="DM654" s="6" t="s">
        <v>379</v>
      </c>
      <c r="DN654" s="6">
        <v>3</v>
      </c>
      <c r="DO654" s="6" t="s">
        <v>380</v>
      </c>
      <c r="DP654" s="6"/>
      <c r="DQ654" s="6"/>
    </row>
    <row r="655" spans="1:121" x14ac:dyDescent="0.2">
      <c r="A655" s="6" t="s">
        <v>319</v>
      </c>
      <c r="B655" s="6" t="s">
        <v>319</v>
      </c>
      <c r="C655" s="6" t="s">
        <v>188</v>
      </c>
      <c r="D655" s="6" t="s">
        <v>104</v>
      </c>
      <c r="E655" s="6" t="s">
        <v>245</v>
      </c>
      <c r="F655" s="11">
        <v>371</v>
      </c>
      <c r="G655" s="13">
        <v>12.3666666667</v>
      </c>
      <c r="H655" s="11">
        <v>4.4358786416999969</v>
      </c>
      <c r="I655" s="13">
        <v>0.14794230441063691</v>
      </c>
      <c r="J655" s="11">
        <v>30.976783349300007</v>
      </c>
      <c r="K655" s="13">
        <v>0.89997196398490853</v>
      </c>
      <c r="L655" s="11">
        <v>335.46381051270004</v>
      </c>
      <c r="M655" s="13">
        <v>5.1296902951637424</v>
      </c>
      <c r="N655" s="11">
        <v>366.44059386200001</v>
      </c>
      <c r="O655" s="13">
        <v>10.646239708721488</v>
      </c>
      <c r="P655" s="7">
        <v>29.983841737300001</v>
      </c>
      <c r="Q655" s="7">
        <v>32.2979577857</v>
      </c>
      <c r="R655" s="7">
        <v>37.545361063900003</v>
      </c>
      <c r="S655" s="7">
        <v>32.740488683499997</v>
      </c>
      <c r="T655" s="7">
        <v>41.409330734599997</v>
      </c>
      <c r="U655" s="7">
        <v>30.5115257872</v>
      </c>
      <c r="V655" s="7">
        <v>34.419720378999997</v>
      </c>
      <c r="W655" s="7">
        <v>38.871982551000002</v>
      </c>
      <c r="X655" s="7">
        <v>44.191809492300003</v>
      </c>
      <c r="Y655" s="7">
        <v>65.396503728300004</v>
      </c>
      <c r="Z655" s="7">
        <v>60.665387085799999</v>
      </c>
      <c r="AA655" s="7">
        <v>99.980941078699999</v>
      </c>
      <c r="AB655" s="7">
        <v>84.525357162199995</v>
      </c>
      <c r="AC655" s="7">
        <v>85.956225554699998</v>
      </c>
      <c r="AD655" s="7">
        <v>352.64466784899997</v>
      </c>
      <c r="AE655" s="7">
        <v>349.13717853700001</v>
      </c>
      <c r="AF655" s="7">
        <v>400.86031424100003</v>
      </c>
      <c r="AG655" s="9">
        <v>52879.407899900005</v>
      </c>
      <c r="AH655" s="13">
        <v>3.9654842238491201</v>
      </c>
      <c r="AI655" s="9">
        <v>1733.6327089000006</v>
      </c>
      <c r="AJ655" s="13">
        <v>0.13000699951303288</v>
      </c>
      <c r="AK655" s="9">
        <v>4271.3166817999991</v>
      </c>
      <c r="AL655" s="13">
        <v>0.28345901983508442</v>
      </c>
      <c r="AM655" s="9">
        <v>46874.458509200005</v>
      </c>
      <c r="AN655" s="13">
        <v>2.4237217859316909</v>
      </c>
      <c r="AO655" s="9">
        <v>51145.775191000008</v>
      </c>
      <c r="AP655" s="13">
        <v>3.3942066075599131</v>
      </c>
      <c r="AQ655" s="9">
        <v>13334.9182382</v>
      </c>
      <c r="AR655" s="9">
        <v>14548.708545199999</v>
      </c>
      <c r="AS655" s="9">
        <v>15295.065322799999</v>
      </c>
      <c r="AT655" s="9">
        <v>10910.7233244</v>
      </c>
      <c r="AU655" s="9">
        <v>12339.0727293</v>
      </c>
      <c r="AV655" s="9">
        <v>15662.027900499999</v>
      </c>
      <c r="AW655" s="9">
        <v>15068.5509471</v>
      </c>
      <c r="AX655" s="9">
        <v>14226.135214899999</v>
      </c>
      <c r="AY655" s="9">
        <v>13922.1368112</v>
      </c>
      <c r="AZ655" s="9">
        <v>19339.8676289</v>
      </c>
      <c r="BA655" s="9">
        <v>17043.0150196</v>
      </c>
      <c r="BB655" s="9">
        <v>19114.665428600001</v>
      </c>
      <c r="BC655" s="9">
        <v>15381.9666294</v>
      </c>
      <c r="BD655" s="9">
        <v>15820.6007926</v>
      </c>
      <c r="BE655" s="9">
        <v>61464.282005900001</v>
      </c>
      <c r="BF655" s="9">
        <v>66214.326138100005</v>
      </c>
      <c r="BG655" s="11">
        <v>4.25</v>
      </c>
      <c r="BH655" s="13">
        <v>1.4166666666666667</v>
      </c>
      <c r="BI655" s="6">
        <v>3</v>
      </c>
      <c r="BJ655" s="13">
        <v>1</v>
      </c>
      <c r="BK655" s="6">
        <v>2</v>
      </c>
      <c r="BL655" s="13">
        <v>0.33333333333333331</v>
      </c>
      <c r="BM655" s="11">
        <v>-0.75</v>
      </c>
      <c r="BN655" s="13">
        <v>-9.375E-2</v>
      </c>
      <c r="BO655" s="11">
        <v>1.25</v>
      </c>
      <c r="BP655" s="13">
        <v>0.20833333333333334</v>
      </c>
      <c r="BQ655" s="6">
        <v>3</v>
      </c>
      <c r="BR655" s="6">
        <v>6</v>
      </c>
      <c r="BS655" s="6">
        <v>7</v>
      </c>
      <c r="BT655" s="6">
        <v>6</v>
      </c>
      <c r="BU655" s="6">
        <v>4</v>
      </c>
      <c r="BV655" s="6">
        <v>6</v>
      </c>
      <c r="BW655" s="6">
        <v>8</v>
      </c>
      <c r="BX655" s="6">
        <v>7</v>
      </c>
      <c r="BY655" s="6">
        <v>8</v>
      </c>
      <c r="BZ655" s="6">
        <v>8</v>
      </c>
      <c r="CA655" s="6">
        <v>8</v>
      </c>
      <c r="CB655" s="6">
        <v>8</v>
      </c>
      <c r="CC655" s="11">
        <v>7.25</v>
      </c>
      <c r="CD655" s="11">
        <v>364.90100000000001</v>
      </c>
      <c r="CE655" s="11">
        <v>2.6977199999999999</v>
      </c>
      <c r="CF655" s="11">
        <v>3.27759</v>
      </c>
      <c r="CG655" s="11">
        <v>6</v>
      </c>
      <c r="CH655" s="20">
        <v>0.23041</v>
      </c>
      <c r="CI655" s="20">
        <v>0.17577499999999999</v>
      </c>
      <c r="CJ655" s="20">
        <v>0.192636</v>
      </c>
      <c r="CK655" s="20">
        <v>0.16573399999999999</v>
      </c>
      <c r="CL655" s="20">
        <v>0.21448900000000001</v>
      </c>
      <c r="CM655" s="20">
        <v>0.15515899999999999</v>
      </c>
      <c r="CN655" s="20">
        <v>0.15095900000000001</v>
      </c>
      <c r="CO655" s="20">
        <v>0.17771300000000001</v>
      </c>
      <c r="CP655" s="20">
        <v>0.22146399999999999</v>
      </c>
      <c r="CQ655" s="20">
        <v>0.29805799999999999</v>
      </c>
      <c r="CR655" s="20">
        <v>0.27939999999999998</v>
      </c>
      <c r="CS655" s="20">
        <v>0.457814</v>
      </c>
      <c r="CT655" s="20">
        <v>0.37006899999999998</v>
      </c>
      <c r="CU655" s="20">
        <v>0.37413099999999999</v>
      </c>
      <c r="CV655" s="20">
        <v>1.4359900000000001</v>
      </c>
      <c r="CW655" s="20">
        <v>1.39791</v>
      </c>
      <c r="CX655" s="20">
        <v>1.54582</v>
      </c>
      <c r="CY655" s="6" t="s">
        <v>492</v>
      </c>
      <c r="CZ655" s="6" t="s">
        <v>493</v>
      </c>
      <c r="DA655" s="6" t="s">
        <v>104</v>
      </c>
      <c r="DB655" s="6"/>
      <c r="DC655" s="6">
        <v>41140</v>
      </c>
      <c r="DD655" s="6">
        <v>312</v>
      </c>
      <c r="DE655" s="6" t="s">
        <v>374</v>
      </c>
      <c r="DF655" s="6" t="s">
        <v>375</v>
      </c>
      <c r="DG655" s="6" t="s">
        <v>376</v>
      </c>
      <c r="DH655" s="6" t="s">
        <v>328</v>
      </c>
      <c r="DI655" s="6" t="s">
        <v>377</v>
      </c>
      <c r="DJ655" s="6">
        <v>29</v>
      </c>
      <c r="DK655" s="6">
        <v>63</v>
      </c>
      <c r="DL655" s="6">
        <v>2</v>
      </c>
      <c r="DM655" s="6" t="s">
        <v>379</v>
      </c>
      <c r="DN655" s="6">
        <v>3</v>
      </c>
      <c r="DO655" s="6" t="s">
        <v>380</v>
      </c>
      <c r="DP655" s="6"/>
      <c r="DQ655" s="6"/>
    </row>
    <row r="656" spans="1:121" x14ac:dyDescent="0.2">
      <c r="A656" s="6" t="s">
        <v>320</v>
      </c>
      <c r="B656" s="6" t="s">
        <v>320</v>
      </c>
      <c r="C656" s="6" t="s">
        <v>189</v>
      </c>
      <c r="D656" s="6" t="s">
        <v>104</v>
      </c>
      <c r="E656" s="6" t="s">
        <v>245</v>
      </c>
      <c r="F656" s="11">
        <v>1</v>
      </c>
      <c r="G656" s="13">
        <v>1</v>
      </c>
      <c r="H656" s="11">
        <v>0</v>
      </c>
      <c r="I656" s="13">
        <v>0</v>
      </c>
      <c r="J656" s="11">
        <v>43.369486963999996</v>
      </c>
      <c r="K656" s="13">
        <v>8.6738973927999989</v>
      </c>
      <c r="L656" s="11">
        <v>-37.798806301799999</v>
      </c>
      <c r="M656" s="13">
        <v>-0.78145973162652227</v>
      </c>
      <c r="N656" s="11">
        <v>5.5706806621999991</v>
      </c>
      <c r="O656" s="13">
        <v>1.1141361324400001</v>
      </c>
      <c r="P656" s="7">
        <v>5</v>
      </c>
      <c r="Q656" s="7">
        <v>13.546671999999999</v>
      </c>
      <c r="R656" s="7">
        <v>24.8458507416</v>
      </c>
      <c r="S656" s="7">
        <v>26.792882047100001</v>
      </c>
      <c r="T656" s="7">
        <v>19.879448546900001</v>
      </c>
      <c r="U656" s="7">
        <v>17.632905317100001</v>
      </c>
      <c r="V656" s="7">
        <v>5</v>
      </c>
      <c r="W656" s="7">
        <v>45.162461995999998</v>
      </c>
      <c r="X656" s="7">
        <v>44.929398598100001</v>
      </c>
      <c r="Y656" s="7">
        <v>48.369486963999996</v>
      </c>
      <c r="Z656" s="7">
        <v>21.584086617099999</v>
      </c>
      <c r="AA656" s="7">
        <v>5</v>
      </c>
      <c r="AB656" s="7">
        <v>5</v>
      </c>
      <c r="AC656" s="7">
        <v>5</v>
      </c>
      <c r="AD656" s="7">
        <v>5</v>
      </c>
      <c r="AE656" s="7">
        <v>5</v>
      </c>
      <c r="AF656" s="7">
        <v>10.570680662199999</v>
      </c>
      <c r="AG656" s="9">
        <v>0</v>
      </c>
      <c r="AH656" s="13">
        <v>0</v>
      </c>
      <c r="AI656" s="9">
        <v>0</v>
      </c>
      <c r="AJ656" s="13">
        <v>0</v>
      </c>
      <c r="AK656" s="9">
        <v>20794.668941899999</v>
      </c>
      <c r="AL656" s="13">
        <v>20794.668941899999</v>
      </c>
      <c r="AM656" s="9">
        <v>-20794.668941899999</v>
      </c>
      <c r="AN656" s="13">
        <v>-0.99995191306407161</v>
      </c>
      <c r="AO656" s="9">
        <v>0</v>
      </c>
      <c r="AP656" s="13">
        <v>0</v>
      </c>
      <c r="AQ656" s="9">
        <v>1</v>
      </c>
      <c r="AR656" s="9">
        <v>31636.112363200002</v>
      </c>
      <c r="AS656" s="9">
        <v>19583.2525078</v>
      </c>
      <c r="AT656" s="9">
        <v>14970.5378783</v>
      </c>
      <c r="AU656" s="9">
        <v>31881.308444499999</v>
      </c>
      <c r="AV656" s="9">
        <v>33807.818292299999</v>
      </c>
      <c r="AW656" s="9">
        <v>1</v>
      </c>
      <c r="AX656" s="9">
        <v>17217.9168307</v>
      </c>
      <c r="AY656" s="9">
        <v>22084.011119499999</v>
      </c>
      <c r="AZ656" s="9">
        <v>20795.668941899999</v>
      </c>
      <c r="BA656" s="9">
        <v>29022.727772300001</v>
      </c>
      <c r="BB656" s="9">
        <v>1</v>
      </c>
      <c r="BC656" s="9">
        <v>1</v>
      </c>
      <c r="BD656" s="9">
        <v>1</v>
      </c>
      <c r="BE656" s="9">
        <v>1</v>
      </c>
      <c r="BF656" s="9">
        <v>1</v>
      </c>
      <c r="BG656" s="11">
        <v>0</v>
      </c>
      <c r="BH656" s="13">
        <v>0</v>
      </c>
      <c r="BI656" s="6">
        <v>0</v>
      </c>
      <c r="BJ656" s="13">
        <v>0</v>
      </c>
      <c r="BK656" s="6">
        <v>0</v>
      </c>
      <c r="BL656" s="13">
        <v>0</v>
      </c>
      <c r="BM656" s="11">
        <v>0</v>
      </c>
      <c r="BN656" s="13">
        <v>0</v>
      </c>
      <c r="BO656" s="11">
        <v>0</v>
      </c>
      <c r="BP656" s="13">
        <v>0</v>
      </c>
      <c r="BQ656" s="6">
        <v>1</v>
      </c>
      <c r="BR656" s="6">
        <v>1</v>
      </c>
      <c r="BS656" s="6">
        <v>1</v>
      </c>
      <c r="BT656" s="6">
        <v>1</v>
      </c>
      <c r="BU656" s="6">
        <v>1</v>
      </c>
      <c r="BV656" s="6">
        <v>1</v>
      </c>
      <c r="BW656" s="6">
        <v>1</v>
      </c>
      <c r="BX656" s="6">
        <v>1</v>
      </c>
      <c r="BY656" s="6">
        <v>0</v>
      </c>
      <c r="BZ656" s="6">
        <v>0</v>
      </c>
      <c r="CA656" s="6">
        <v>1</v>
      </c>
      <c r="CB656" s="6">
        <v>1</v>
      </c>
      <c r="CC656" s="11">
        <v>1</v>
      </c>
      <c r="CD656" s="11">
        <v>9.9571100000000001</v>
      </c>
      <c r="CE656" s="11">
        <v>0.15099499999999999</v>
      </c>
      <c r="CF656" s="11">
        <v>4.5582400000000002E-2</v>
      </c>
      <c r="CG656" s="11">
        <v>0</v>
      </c>
      <c r="CH656" s="20">
        <v>9.6046299999999994E-3</v>
      </c>
      <c r="CI656" s="20">
        <v>0.211173</v>
      </c>
      <c r="CJ656" s="20">
        <v>0.354601</v>
      </c>
      <c r="CK656" s="20">
        <v>0.37582700000000002</v>
      </c>
      <c r="CL656" s="20">
        <v>0.29172399999999998</v>
      </c>
      <c r="CM656" s="20">
        <v>0.25528400000000001</v>
      </c>
      <c r="CN656" s="20">
        <v>8.7233000000000005E-2</v>
      </c>
      <c r="CO656" s="20">
        <v>0.53781199999999996</v>
      </c>
      <c r="CP656" s="20">
        <v>0.51922599999999997</v>
      </c>
      <c r="CQ656" s="20">
        <v>0.51218600000000003</v>
      </c>
      <c r="CR656" s="20">
        <v>0.23264699999999999</v>
      </c>
      <c r="CS656" s="20">
        <v>1.91348E-2</v>
      </c>
      <c r="CT656" s="20">
        <v>5.4197700000000001E-2</v>
      </c>
      <c r="CU656" s="20">
        <v>5.4146899999999998E-2</v>
      </c>
      <c r="CV656" s="20">
        <v>8.7154800000000004E-2</v>
      </c>
      <c r="CW656" s="20">
        <v>9.1620400000000005E-2</v>
      </c>
      <c r="CX656" s="20">
        <v>9.9584500000000006E-2</v>
      </c>
      <c r="CY656" s="6" t="s">
        <v>492</v>
      </c>
      <c r="CZ656" s="6" t="s">
        <v>493</v>
      </c>
      <c r="DA656" s="6" t="s">
        <v>104</v>
      </c>
      <c r="DB656" s="6"/>
      <c r="DC656" s="6">
        <v>41140</v>
      </c>
      <c r="DD656" s="6">
        <v>312</v>
      </c>
      <c r="DE656" s="6" t="s">
        <v>374</v>
      </c>
      <c r="DF656" s="6" t="s">
        <v>375</v>
      </c>
      <c r="DG656" s="6" t="s">
        <v>376</v>
      </c>
      <c r="DH656" s="6" t="s">
        <v>328</v>
      </c>
      <c r="DI656" s="6" t="s">
        <v>377</v>
      </c>
      <c r="DJ656" s="6">
        <v>29</v>
      </c>
      <c r="DK656" s="6">
        <v>63</v>
      </c>
      <c r="DL656" s="6">
        <v>2</v>
      </c>
      <c r="DM656" s="6" t="s">
        <v>379</v>
      </c>
      <c r="DN656" s="6">
        <v>3</v>
      </c>
      <c r="DO656" s="6" t="s">
        <v>380</v>
      </c>
      <c r="DP656" s="6"/>
      <c r="DQ656" s="6"/>
    </row>
    <row r="657" spans="1:121" x14ac:dyDescent="0.2">
      <c r="A657" s="6" t="s">
        <v>321</v>
      </c>
      <c r="B657" s="6" t="s">
        <v>321</v>
      </c>
      <c r="C657" s="6" t="s">
        <v>190</v>
      </c>
      <c r="D657" s="6" t="s">
        <v>104</v>
      </c>
      <c r="E657" s="6" t="s">
        <v>245</v>
      </c>
      <c r="F657" s="11">
        <v>151</v>
      </c>
      <c r="G657" s="13">
        <v>0.712264150943</v>
      </c>
      <c r="H657" s="11">
        <v>64.842741241999988</v>
      </c>
      <c r="I657" s="13">
        <v>0.3053310551318672</v>
      </c>
      <c r="J657" s="11">
        <v>-25.275921505000014</v>
      </c>
      <c r="K657" s="13">
        <v>-9.1179234048844426E-2</v>
      </c>
      <c r="L657" s="11">
        <v>110.66786939400001</v>
      </c>
      <c r="M657" s="13">
        <v>0.43927071265774942</v>
      </c>
      <c r="N657" s="11">
        <v>85.391947888999994</v>
      </c>
      <c r="O657" s="13">
        <v>0.30803911148868135</v>
      </c>
      <c r="P657" s="7">
        <v>212.36864102800001</v>
      </c>
      <c r="Q657" s="7">
        <v>221.76519805300001</v>
      </c>
      <c r="R657" s="7">
        <v>196.95541424000001</v>
      </c>
      <c r="S657" s="7">
        <v>197.89577080999999</v>
      </c>
      <c r="T657" s="7">
        <v>245.15325417700001</v>
      </c>
      <c r="U657" s="7">
        <v>243.69542246399999</v>
      </c>
      <c r="V657" s="7">
        <v>277.21138227</v>
      </c>
      <c r="W657" s="7">
        <v>227.99696350100001</v>
      </c>
      <c r="X657" s="7">
        <v>231.46066089300001</v>
      </c>
      <c r="Y657" s="7">
        <v>251.93546076499999</v>
      </c>
      <c r="Z657" s="7">
        <v>280.77908396100003</v>
      </c>
      <c r="AA657" s="7">
        <v>328.31992261300002</v>
      </c>
      <c r="AB657" s="7">
        <v>343.87199585899998</v>
      </c>
      <c r="AC657" s="7">
        <v>350.99268035099999</v>
      </c>
      <c r="AD657" s="7">
        <v>356.51511500800001</v>
      </c>
      <c r="AE657" s="7">
        <v>345.41281288900001</v>
      </c>
      <c r="AF657" s="7">
        <v>362.603330159</v>
      </c>
      <c r="AG657" s="9">
        <v>12438.422948999998</v>
      </c>
      <c r="AH657" s="13">
        <v>0.78611520595654139</v>
      </c>
      <c r="AI657" s="9">
        <v>10429.547916099998</v>
      </c>
      <c r="AJ657" s="13">
        <v>0.65915319343259038</v>
      </c>
      <c r="AK657" s="9">
        <v>1140.0322559000015</v>
      </c>
      <c r="AL657" s="13">
        <v>4.3426170068585263E-2</v>
      </c>
      <c r="AM657" s="9">
        <v>868.84277699999802</v>
      </c>
      <c r="AN657" s="13">
        <v>3.1718588997918934E-2</v>
      </c>
      <c r="AO657" s="9">
        <v>2008.8750328999995</v>
      </c>
      <c r="AP657" s="13">
        <v>7.6522175906663381E-2</v>
      </c>
      <c r="AQ657" s="9">
        <v>15822.6464197</v>
      </c>
      <c r="AR657" s="9">
        <v>16114.232747599999</v>
      </c>
      <c r="AS657" s="9">
        <v>20482.9784669</v>
      </c>
      <c r="AT657" s="9">
        <v>21925.706524599998</v>
      </c>
      <c r="AU657" s="9">
        <v>22756.9316755</v>
      </c>
      <c r="AV657" s="9">
        <v>26506.465898599999</v>
      </c>
      <c r="AW657" s="9">
        <v>26252.194335799999</v>
      </c>
      <c r="AX657" s="9">
        <v>32267.179251699999</v>
      </c>
      <c r="AY657" s="9">
        <v>33797.865399599999</v>
      </c>
      <c r="AZ657" s="9">
        <v>27392.2265917</v>
      </c>
      <c r="BA657" s="9">
        <v>25568.721465899998</v>
      </c>
      <c r="BB657" s="9">
        <v>24848.2064149</v>
      </c>
      <c r="BC657" s="9">
        <v>25404.913645199998</v>
      </c>
      <c r="BD657" s="9">
        <v>26478.773380899998</v>
      </c>
      <c r="BE657" s="9">
        <v>26374.670257400001</v>
      </c>
      <c r="BF657" s="9">
        <v>28261.069368699998</v>
      </c>
      <c r="BG657" s="11">
        <v>21.25</v>
      </c>
      <c r="BH657" s="13">
        <v>1.1805555555555556</v>
      </c>
      <c r="BI657" s="6">
        <v>5</v>
      </c>
      <c r="BJ657" s="13">
        <v>0.27777777777777779</v>
      </c>
      <c r="BK657" s="6">
        <v>4</v>
      </c>
      <c r="BL657" s="13">
        <v>0.17391304347826086</v>
      </c>
      <c r="BM657" s="11">
        <v>12.25</v>
      </c>
      <c r="BN657" s="13">
        <v>0.45370370370370372</v>
      </c>
      <c r="BO657" s="11">
        <v>16.25</v>
      </c>
      <c r="BP657" s="13">
        <v>0.70652173913043481</v>
      </c>
      <c r="BQ657" s="6">
        <v>18</v>
      </c>
      <c r="BR657" s="6">
        <v>20</v>
      </c>
      <c r="BS657" s="6">
        <v>22</v>
      </c>
      <c r="BT657" s="6">
        <v>23</v>
      </c>
      <c r="BU657" s="6">
        <v>24</v>
      </c>
      <c r="BV657" s="6">
        <v>25</v>
      </c>
      <c r="BW657" s="6">
        <v>27</v>
      </c>
      <c r="BX657" s="6">
        <v>26</v>
      </c>
      <c r="BY657" s="6">
        <v>27</v>
      </c>
      <c r="BZ657" s="6">
        <v>46</v>
      </c>
      <c r="CA657" s="6">
        <v>47</v>
      </c>
      <c r="CB657" s="6">
        <v>41</v>
      </c>
      <c r="CC657" s="11">
        <v>39.25</v>
      </c>
      <c r="CD657" s="11">
        <v>49.682699999999997</v>
      </c>
      <c r="CE657" s="11">
        <v>77.337599999999995</v>
      </c>
      <c r="CF657" s="11">
        <v>23.214400000000001</v>
      </c>
      <c r="CG657" s="11">
        <v>100</v>
      </c>
      <c r="CH657" s="20">
        <v>0.99043999999999999</v>
      </c>
      <c r="CI657" s="20">
        <v>0.70506899999999995</v>
      </c>
      <c r="CJ657" s="20">
        <v>0.57231200000000004</v>
      </c>
      <c r="CK657" s="20">
        <v>0.57435199999999997</v>
      </c>
      <c r="CL657" s="20">
        <v>0.73629900000000004</v>
      </c>
      <c r="CM657" s="20">
        <v>0.71980900000000003</v>
      </c>
      <c r="CN657" s="20">
        <v>0.69362999999999997</v>
      </c>
      <c r="CO657" s="20">
        <v>0.55456499999999997</v>
      </c>
      <c r="CP657" s="20">
        <v>0.55054999999999998</v>
      </c>
      <c r="CQ657" s="20">
        <v>0.55254000000000003</v>
      </c>
      <c r="CR657" s="20">
        <v>0.63801200000000002</v>
      </c>
      <c r="CS657" s="20">
        <v>0.73655999999999999</v>
      </c>
      <c r="CT657" s="20">
        <v>0.74332399999999998</v>
      </c>
      <c r="CU657" s="20">
        <v>0.76488100000000003</v>
      </c>
      <c r="CV657" s="20">
        <v>0.72737700000000005</v>
      </c>
      <c r="CW657" s="20">
        <v>0.68966300000000003</v>
      </c>
      <c r="CX657" s="20">
        <v>0.69071400000000005</v>
      </c>
      <c r="CY657" s="6" t="s">
        <v>492</v>
      </c>
      <c r="CZ657" s="6" t="s">
        <v>493</v>
      </c>
      <c r="DA657" s="6" t="s">
        <v>104</v>
      </c>
      <c r="DB657" s="6"/>
      <c r="DC657" s="6">
        <v>41140</v>
      </c>
      <c r="DD657" s="6">
        <v>312</v>
      </c>
      <c r="DE657" s="6" t="s">
        <v>374</v>
      </c>
      <c r="DF657" s="6" t="s">
        <v>375</v>
      </c>
      <c r="DG657" s="6" t="s">
        <v>376</v>
      </c>
      <c r="DH657" s="6" t="s">
        <v>328</v>
      </c>
      <c r="DI657" s="6" t="s">
        <v>377</v>
      </c>
      <c r="DJ657" s="6">
        <v>29</v>
      </c>
      <c r="DK657" s="6">
        <v>63</v>
      </c>
      <c r="DL657" s="6">
        <v>2</v>
      </c>
      <c r="DM657" s="6" t="s">
        <v>379</v>
      </c>
      <c r="DN657" s="6">
        <v>3</v>
      </c>
      <c r="DO657" s="6" t="s">
        <v>380</v>
      </c>
      <c r="DP657" s="6"/>
      <c r="DQ657" s="6"/>
    </row>
    <row r="658" spans="1:121" x14ac:dyDescent="0.2">
      <c r="A658" s="6" t="s">
        <v>322</v>
      </c>
      <c r="B658" s="6" t="s">
        <v>322</v>
      </c>
      <c r="C658" s="6" t="s">
        <v>191</v>
      </c>
      <c r="D658" s="6" t="s">
        <v>104</v>
      </c>
      <c r="E658" s="6" t="s">
        <v>245</v>
      </c>
      <c r="F658" s="11">
        <v>-4</v>
      </c>
      <c r="G658" s="13">
        <v>-0.27</v>
      </c>
      <c r="H658" s="11">
        <v>0</v>
      </c>
      <c r="I658" s="13">
        <v>0</v>
      </c>
      <c r="J658" s="11">
        <v>0</v>
      </c>
      <c r="K658" s="13">
        <v>0</v>
      </c>
      <c r="L658" s="11">
        <v>-4</v>
      </c>
      <c r="M658" s="13">
        <v>-0.26666666666666666</v>
      </c>
      <c r="N658" s="11">
        <v>-4</v>
      </c>
      <c r="O658" s="13">
        <v>-0.26666666666666666</v>
      </c>
      <c r="P658" s="7">
        <v>15</v>
      </c>
      <c r="Q658" s="7">
        <v>19</v>
      </c>
      <c r="R658" s="7">
        <v>36</v>
      </c>
      <c r="S658" s="7">
        <v>18</v>
      </c>
      <c r="T658" s="7">
        <v>21</v>
      </c>
      <c r="U658" s="7">
        <v>23</v>
      </c>
      <c r="V658" s="7">
        <v>15</v>
      </c>
      <c r="W658" s="7">
        <v>14</v>
      </c>
      <c r="X658" s="7">
        <v>12</v>
      </c>
      <c r="Y658" s="7">
        <v>15</v>
      </c>
      <c r="Z658" s="7">
        <v>15</v>
      </c>
      <c r="AA658" s="7">
        <v>15</v>
      </c>
      <c r="AB658" s="7">
        <v>13</v>
      </c>
      <c r="AC658" s="7">
        <v>10</v>
      </c>
      <c r="AD658" s="7">
        <v>11</v>
      </c>
      <c r="AE658" s="7">
        <v>12</v>
      </c>
      <c r="AF658" s="7">
        <v>11</v>
      </c>
      <c r="AG658" s="9">
        <v>6985</v>
      </c>
      <c r="AH658" s="13">
        <v>0.74898134248337989</v>
      </c>
      <c r="AI658" s="9">
        <v>3182</v>
      </c>
      <c r="AJ658" s="13">
        <v>0.34119665451426123</v>
      </c>
      <c r="AK658" s="9">
        <v>4257</v>
      </c>
      <c r="AL658" s="13">
        <v>0.34034218100415736</v>
      </c>
      <c r="AM658" s="9">
        <v>-454</v>
      </c>
      <c r="AN658" s="13">
        <v>-2.7080226662690127E-2</v>
      </c>
      <c r="AO658" s="9">
        <v>3803</v>
      </c>
      <c r="AP658" s="13">
        <v>0.30404541093700033</v>
      </c>
      <c r="AQ658" s="9">
        <v>9326</v>
      </c>
      <c r="AR658" s="9">
        <v>8819</v>
      </c>
      <c r="AS658" s="9">
        <v>6429</v>
      </c>
      <c r="AT658" s="9">
        <v>8944</v>
      </c>
      <c r="AU658" s="9">
        <v>9704</v>
      </c>
      <c r="AV658" s="9">
        <v>10410</v>
      </c>
      <c r="AW658" s="9">
        <v>12508</v>
      </c>
      <c r="AX658" s="9">
        <v>14268</v>
      </c>
      <c r="AY658" s="9">
        <v>15223</v>
      </c>
      <c r="AZ658" s="9">
        <v>16765</v>
      </c>
      <c r="BA658" s="9">
        <v>15092</v>
      </c>
      <c r="BB658" s="9">
        <v>14297</v>
      </c>
      <c r="BC658" s="9">
        <v>15291</v>
      </c>
      <c r="BD658" s="9">
        <v>17500</v>
      </c>
      <c r="BE658" s="9">
        <v>15650</v>
      </c>
      <c r="BF658" s="9">
        <v>16311</v>
      </c>
      <c r="BG658" s="11">
        <v>1</v>
      </c>
      <c r="BH658" s="13">
        <v>0.33333333333333331</v>
      </c>
      <c r="BI658" s="6">
        <v>1</v>
      </c>
      <c r="BJ658" s="13">
        <v>0.33333333333333331</v>
      </c>
      <c r="BK658" s="6">
        <v>0</v>
      </c>
      <c r="BL658" s="13">
        <v>0</v>
      </c>
      <c r="BM658" s="11">
        <v>0</v>
      </c>
      <c r="BN658" s="13">
        <v>0</v>
      </c>
      <c r="BO658" s="11">
        <v>0</v>
      </c>
      <c r="BP658" s="13">
        <v>0</v>
      </c>
      <c r="BQ658" s="6">
        <v>3</v>
      </c>
      <c r="BR658" s="6">
        <v>3</v>
      </c>
      <c r="BS658" s="6">
        <v>4</v>
      </c>
      <c r="BT658" s="6">
        <v>4</v>
      </c>
      <c r="BU658" s="6">
        <v>4</v>
      </c>
      <c r="BV658" s="6">
        <v>4</v>
      </c>
      <c r="BW658" s="6">
        <v>4</v>
      </c>
      <c r="BX658" s="6">
        <v>4</v>
      </c>
      <c r="BY658" s="6">
        <v>5</v>
      </c>
      <c r="BZ658" s="6">
        <v>5</v>
      </c>
      <c r="CA658" s="6">
        <v>4</v>
      </c>
      <c r="CB658" s="6">
        <v>4</v>
      </c>
      <c r="CC658" s="11">
        <v>4</v>
      </c>
      <c r="CD658" s="11">
        <v>-9</v>
      </c>
      <c r="CE658" s="11">
        <v>3</v>
      </c>
      <c r="CF658" s="11">
        <v>2</v>
      </c>
      <c r="CG658" s="11">
        <v>5</v>
      </c>
      <c r="CH658" s="20">
        <v>0.47</v>
      </c>
      <c r="CI658" s="20">
        <v>0.41</v>
      </c>
      <c r="CJ658" s="20">
        <v>0.7</v>
      </c>
      <c r="CK658" s="20">
        <v>0.35</v>
      </c>
      <c r="CL658" s="20">
        <v>0.42</v>
      </c>
      <c r="CM658" s="20">
        <v>0.46</v>
      </c>
      <c r="CN658" s="20">
        <v>0.26</v>
      </c>
      <c r="CO658" s="20">
        <v>0.24</v>
      </c>
      <c r="CP658" s="20">
        <v>0.2</v>
      </c>
      <c r="CQ658" s="20">
        <v>0.25</v>
      </c>
      <c r="CR658" s="20">
        <v>0.25</v>
      </c>
      <c r="CS658" s="20">
        <v>0.26</v>
      </c>
      <c r="CT658" s="20">
        <v>0.21</v>
      </c>
      <c r="CU658" s="20">
        <v>0.17</v>
      </c>
      <c r="CV658" s="20">
        <v>0.17</v>
      </c>
      <c r="CW658" s="20">
        <v>0.17</v>
      </c>
      <c r="CX658" s="20">
        <v>0.16</v>
      </c>
      <c r="CY658" s="6" t="s">
        <v>492</v>
      </c>
      <c r="CZ658" s="6" t="s">
        <v>493</v>
      </c>
      <c r="DA658" s="6" t="s">
        <v>104</v>
      </c>
      <c r="DB658" s="6"/>
      <c r="DC658" s="6">
        <v>41140</v>
      </c>
      <c r="DD658" s="6">
        <v>312</v>
      </c>
      <c r="DE658" s="6" t="s">
        <v>374</v>
      </c>
      <c r="DF658" s="6" t="s">
        <v>375</v>
      </c>
      <c r="DG658" s="6" t="s">
        <v>376</v>
      </c>
      <c r="DH658" s="6" t="s">
        <v>328</v>
      </c>
      <c r="DI658" s="6" t="s">
        <v>377</v>
      </c>
      <c r="DJ658" s="6">
        <v>29</v>
      </c>
      <c r="DK658" s="6">
        <v>63</v>
      </c>
      <c r="DL658" s="6">
        <v>2</v>
      </c>
      <c r="DM658" s="6" t="s">
        <v>379</v>
      </c>
      <c r="DN658" s="6">
        <v>3</v>
      </c>
      <c r="DO658" s="6" t="s">
        <v>380</v>
      </c>
      <c r="DP658" s="6"/>
      <c r="DQ658" s="6"/>
    </row>
    <row r="659" spans="1:121" x14ac:dyDescent="0.2">
      <c r="A659" s="6" t="s">
        <v>323</v>
      </c>
      <c r="B659" s="6" t="s">
        <v>323</v>
      </c>
      <c r="C659" s="6" t="s">
        <v>192</v>
      </c>
      <c r="D659" s="6" t="s">
        <v>104</v>
      </c>
      <c r="E659" s="6" t="s">
        <v>245</v>
      </c>
      <c r="F659" s="11">
        <v>-111</v>
      </c>
      <c r="G659" s="13">
        <v>-0.256944444444</v>
      </c>
      <c r="H659" s="11">
        <v>-64.281113419999997</v>
      </c>
      <c r="I659" s="13">
        <v>-0.14889843918566806</v>
      </c>
      <c r="J659" s="11">
        <v>-104.78251592699996</v>
      </c>
      <c r="K659" s="13">
        <v>-0.28517679892651043</v>
      </c>
      <c r="L659" s="11">
        <v>58.135293360999981</v>
      </c>
      <c r="M659" s="13">
        <v>0.221343409856815</v>
      </c>
      <c r="N659" s="11">
        <v>-46.647222565999982</v>
      </c>
      <c r="O659" s="13">
        <v>-0.12695539415614057</v>
      </c>
      <c r="P659" s="7">
        <v>431.71112989199997</v>
      </c>
      <c r="Q659" s="7">
        <v>385.70779420000002</v>
      </c>
      <c r="R659" s="7">
        <v>354.86128771800003</v>
      </c>
      <c r="S659" s="7">
        <v>346.22707579500002</v>
      </c>
      <c r="T659" s="7">
        <v>335.24994428999997</v>
      </c>
      <c r="U659" s="7">
        <v>321.71152435800002</v>
      </c>
      <c r="V659" s="7">
        <v>367.43001647199998</v>
      </c>
      <c r="W659" s="7">
        <v>372.93427612300002</v>
      </c>
      <c r="X659" s="7">
        <v>350.89721188099998</v>
      </c>
      <c r="Y659" s="7">
        <v>262.64750054500001</v>
      </c>
      <c r="Z659" s="7">
        <v>251.32634396500001</v>
      </c>
      <c r="AA659" s="7">
        <v>249.758772728</v>
      </c>
      <c r="AB659" s="7">
        <v>350.967822377</v>
      </c>
      <c r="AC659" s="7">
        <v>351.421725052</v>
      </c>
      <c r="AD659" s="7">
        <v>301.99207405099997</v>
      </c>
      <c r="AE659" s="7">
        <v>313.17961554599998</v>
      </c>
      <c r="AF659" s="7">
        <v>320.78279390599999</v>
      </c>
      <c r="AG659" s="9">
        <v>5033.2287982999987</v>
      </c>
      <c r="AH659" s="13">
        <v>0.45365315260845862</v>
      </c>
      <c r="AI659" s="9">
        <v>2271.9611475999991</v>
      </c>
      <c r="AJ659" s="13">
        <v>0.2047755781658068</v>
      </c>
      <c r="AK659" s="9">
        <v>1645.3317676000006</v>
      </c>
      <c r="AL659" s="13">
        <v>0.12309051481432756</v>
      </c>
      <c r="AM659" s="9">
        <v>1115.935883099999</v>
      </c>
      <c r="AN659" s="13">
        <v>7.4335383839742669E-2</v>
      </c>
      <c r="AO659" s="9">
        <v>2761.2676506999996</v>
      </c>
      <c r="AP659" s="13">
        <v>0.2065758793198248</v>
      </c>
      <c r="AQ659" s="9">
        <v>11094.8833252</v>
      </c>
      <c r="AR659" s="9">
        <v>11252.4022135</v>
      </c>
      <c r="AS659" s="9">
        <v>12445.8749295</v>
      </c>
      <c r="AT659" s="9">
        <v>12911.291385099999</v>
      </c>
      <c r="AU659" s="9">
        <v>12871.339249500001</v>
      </c>
      <c r="AV659" s="9">
        <v>13116.496197099999</v>
      </c>
      <c r="AW659" s="9">
        <v>13366.844472799999</v>
      </c>
      <c r="AX659" s="9">
        <v>13316.4485719</v>
      </c>
      <c r="AY659" s="9">
        <v>13493.194324</v>
      </c>
      <c r="AZ659" s="9">
        <v>15012.1762404</v>
      </c>
      <c r="BA659" s="9">
        <v>15410.8306457</v>
      </c>
      <c r="BB659" s="9">
        <v>15683.113768499999</v>
      </c>
      <c r="BC659" s="9">
        <v>14730.1859535</v>
      </c>
      <c r="BD659" s="9">
        <v>15402.0254854</v>
      </c>
      <c r="BE659" s="9">
        <v>15680.071234999999</v>
      </c>
      <c r="BF659" s="9">
        <v>16128.112123499999</v>
      </c>
      <c r="BG659" s="11">
        <v>-6.25</v>
      </c>
      <c r="BH659" s="13">
        <v>-0.28409090909090912</v>
      </c>
      <c r="BI659" s="6">
        <v>-2</v>
      </c>
      <c r="BJ659" s="13">
        <v>-9.0909090909090912E-2</v>
      </c>
      <c r="BK659" s="6">
        <v>-2</v>
      </c>
      <c r="BL659" s="13">
        <v>-0.1</v>
      </c>
      <c r="BM659" s="11">
        <v>-2.25</v>
      </c>
      <c r="BN659" s="13">
        <v>-0.125</v>
      </c>
      <c r="BO659" s="11">
        <v>-4.25</v>
      </c>
      <c r="BP659" s="13">
        <v>-0.21249999999999999</v>
      </c>
      <c r="BQ659" s="6">
        <v>22</v>
      </c>
      <c r="BR659" s="6">
        <v>20</v>
      </c>
      <c r="BS659" s="6">
        <v>18</v>
      </c>
      <c r="BT659" s="6">
        <v>20</v>
      </c>
      <c r="BU659" s="6">
        <v>19</v>
      </c>
      <c r="BV659" s="6">
        <v>19</v>
      </c>
      <c r="BW659" s="6">
        <v>18</v>
      </c>
      <c r="BX659" s="6">
        <v>17</v>
      </c>
      <c r="BY659" s="6">
        <v>18</v>
      </c>
      <c r="BZ659" s="6">
        <v>17</v>
      </c>
      <c r="CA659" s="6">
        <v>18</v>
      </c>
      <c r="CB659" s="6">
        <v>15</v>
      </c>
      <c r="CC659" s="11">
        <v>15.75</v>
      </c>
      <c r="CD659" s="11">
        <v>-256.29300000000001</v>
      </c>
      <c r="CE659" s="11">
        <v>98.173500000000004</v>
      </c>
      <c r="CF659" s="11">
        <v>47.191200000000002</v>
      </c>
      <c r="CG659" s="11">
        <v>145</v>
      </c>
      <c r="CH659" s="20">
        <v>2.7130399999999999</v>
      </c>
      <c r="CI659" s="20">
        <v>1.6944399999999999</v>
      </c>
      <c r="CJ659" s="20">
        <v>1.44224</v>
      </c>
      <c r="CK659" s="20">
        <v>1.39812</v>
      </c>
      <c r="CL659" s="20">
        <v>1.39991</v>
      </c>
      <c r="CM659" s="20">
        <v>1.32637</v>
      </c>
      <c r="CN659" s="20">
        <v>1.29047</v>
      </c>
      <c r="CO659" s="20">
        <v>1.3024</v>
      </c>
      <c r="CP659" s="20">
        <v>1.2577700000000001</v>
      </c>
      <c r="CQ659" s="20">
        <v>0.87941599999999998</v>
      </c>
      <c r="CR659" s="20">
        <v>0.86231999999999998</v>
      </c>
      <c r="CS659" s="20">
        <v>0.851298</v>
      </c>
      <c r="CT659" s="20">
        <v>1.14035</v>
      </c>
      <c r="CU659" s="20">
        <v>1.1389800000000001</v>
      </c>
      <c r="CV659" s="20">
        <v>0.90759199999999995</v>
      </c>
      <c r="CW659" s="20">
        <v>0.91893000000000002</v>
      </c>
      <c r="CX659" s="20">
        <v>0.90762500000000002</v>
      </c>
      <c r="CY659" s="6" t="s">
        <v>492</v>
      </c>
      <c r="CZ659" s="6" t="s">
        <v>493</v>
      </c>
      <c r="DA659" s="6" t="s">
        <v>104</v>
      </c>
      <c r="DB659" s="6"/>
      <c r="DC659" s="6">
        <v>41140</v>
      </c>
      <c r="DD659" s="6">
        <v>312</v>
      </c>
      <c r="DE659" s="6" t="s">
        <v>374</v>
      </c>
      <c r="DF659" s="6" t="s">
        <v>375</v>
      </c>
      <c r="DG659" s="6" t="s">
        <v>376</v>
      </c>
      <c r="DH659" s="6" t="s">
        <v>328</v>
      </c>
      <c r="DI659" s="6" t="s">
        <v>377</v>
      </c>
      <c r="DJ659" s="6">
        <v>29</v>
      </c>
      <c r="DK659" s="6">
        <v>63</v>
      </c>
      <c r="DL659" s="6">
        <v>2</v>
      </c>
      <c r="DM659" s="6" t="s">
        <v>379</v>
      </c>
      <c r="DN659" s="6">
        <v>3</v>
      </c>
      <c r="DO659" s="6" t="s">
        <v>380</v>
      </c>
      <c r="DP659" s="6"/>
      <c r="DQ659" s="6"/>
    </row>
    <row r="660" spans="1:121" x14ac:dyDescent="0.2">
      <c r="A660" s="6" t="s">
        <v>325</v>
      </c>
      <c r="B660" s="6" t="s">
        <v>325</v>
      </c>
      <c r="C660" s="6" t="s">
        <v>193</v>
      </c>
      <c r="D660" s="6" t="s">
        <v>104</v>
      </c>
      <c r="E660" s="6" t="s">
        <v>245</v>
      </c>
      <c r="F660" s="11">
        <v>47</v>
      </c>
      <c r="G660" s="13">
        <v>0.40517241379300001</v>
      </c>
      <c r="H660" s="11">
        <v>35.147483365999989</v>
      </c>
      <c r="I660" s="13">
        <v>0.30345140065004211</v>
      </c>
      <c r="J660" s="11">
        <v>9.2443037540000148</v>
      </c>
      <c r="K660" s="13">
        <v>6.1231412305898673E-2</v>
      </c>
      <c r="L660" s="11">
        <v>3.2367221140000026</v>
      </c>
      <c r="M660" s="13">
        <v>2.0202047491938376E-2</v>
      </c>
      <c r="N660" s="11">
        <v>12.481025868000017</v>
      </c>
      <c r="O660" s="13">
        <v>8.2670459697239268E-2</v>
      </c>
      <c r="P660" s="7">
        <v>115.825741093</v>
      </c>
      <c r="Q660" s="7">
        <v>130.19839379300001</v>
      </c>
      <c r="R660" s="7">
        <v>131.95369480900001</v>
      </c>
      <c r="S660" s="7">
        <v>154.46411622100001</v>
      </c>
      <c r="T660" s="7">
        <v>159.203175759</v>
      </c>
      <c r="U660" s="7">
        <v>157.86535079000001</v>
      </c>
      <c r="V660" s="7">
        <v>150.97322445899999</v>
      </c>
      <c r="W660" s="7">
        <v>149.83694082700001</v>
      </c>
      <c r="X660" s="7">
        <v>155.87133759599999</v>
      </c>
      <c r="Y660" s="7">
        <v>160.21752821300001</v>
      </c>
      <c r="Z660" s="7">
        <v>165.34634361600001</v>
      </c>
      <c r="AA660" s="7">
        <v>170.14972937900001</v>
      </c>
      <c r="AB660" s="7">
        <v>132.46336250600001</v>
      </c>
      <c r="AC660" s="7">
        <v>149.36013957200001</v>
      </c>
      <c r="AD660" s="7">
        <v>161.638705423</v>
      </c>
      <c r="AE660" s="7">
        <v>158.870187015</v>
      </c>
      <c r="AF660" s="7">
        <v>163.45425032700001</v>
      </c>
      <c r="AG660" s="9">
        <v>7788.6298012999978</v>
      </c>
      <c r="AH660" s="13">
        <v>0.42592687090235037</v>
      </c>
      <c r="AI660" s="9">
        <v>578.16926039999817</v>
      </c>
      <c r="AJ660" s="13">
        <v>3.1617605434654833E-2</v>
      </c>
      <c r="AK660" s="9">
        <v>1361.8571048000013</v>
      </c>
      <c r="AL660" s="13">
        <v>7.2191617645268435E-2</v>
      </c>
      <c r="AM660" s="9">
        <v>5848.6034360999984</v>
      </c>
      <c r="AN660" s="13">
        <v>0.28915785872397204</v>
      </c>
      <c r="AO660" s="9">
        <v>7210.4605408999996</v>
      </c>
      <c r="AP660" s="13">
        <v>0.38222424994536602</v>
      </c>
      <c r="AQ660" s="9">
        <v>18286.307658400001</v>
      </c>
      <c r="AR660" s="9">
        <v>17876.569564699999</v>
      </c>
      <c r="AS660" s="9">
        <v>18136.176866400001</v>
      </c>
      <c r="AT660" s="9">
        <v>16715.002472700002</v>
      </c>
      <c r="AU660" s="9">
        <v>17270.670505900001</v>
      </c>
      <c r="AV660" s="9">
        <v>18323.5354573</v>
      </c>
      <c r="AW660" s="9">
        <v>18864.476918799999</v>
      </c>
      <c r="AX660" s="9">
        <v>19650.223835199999</v>
      </c>
      <c r="AY660" s="9">
        <v>20798.060784000001</v>
      </c>
      <c r="AZ660" s="9">
        <v>20226.3340236</v>
      </c>
      <c r="BA660" s="9">
        <v>19956.048515900002</v>
      </c>
      <c r="BB660" s="9">
        <v>22185.6465794</v>
      </c>
      <c r="BC660" s="9">
        <v>23777.5893818</v>
      </c>
      <c r="BD660" s="9">
        <v>23644.055701900001</v>
      </c>
      <c r="BE660" s="9">
        <v>25412.6761291</v>
      </c>
      <c r="BF660" s="9">
        <v>26074.937459699999</v>
      </c>
      <c r="BG660" s="11">
        <v>-7.75</v>
      </c>
      <c r="BH660" s="13">
        <v>-0.31</v>
      </c>
      <c r="BI660" s="6">
        <v>0</v>
      </c>
      <c r="BJ660" s="13">
        <v>0</v>
      </c>
      <c r="BK660" s="6">
        <v>4</v>
      </c>
      <c r="BL660" s="13">
        <v>0.16</v>
      </c>
      <c r="BM660" s="11">
        <v>-11.75</v>
      </c>
      <c r="BN660" s="13">
        <v>-0.40517241379310343</v>
      </c>
      <c r="BO660" s="11">
        <v>-7.75</v>
      </c>
      <c r="BP660" s="13">
        <v>-0.31</v>
      </c>
      <c r="BQ660" s="6">
        <v>25</v>
      </c>
      <c r="BR660" s="6">
        <v>28</v>
      </c>
      <c r="BS660" s="6">
        <v>29</v>
      </c>
      <c r="BT660" s="6">
        <v>25</v>
      </c>
      <c r="BU660" s="6">
        <v>24</v>
      </c>
      <c r="BV660" s="6">
        <v>27</v>
      </c>
      <c r="BW660" s="6">
        <v>29</v>
      </c>
      <c r="BX660" s="6">
        <v>34</v>
      </c>
      <c r="BY660" s="6">
        <v>32</v>
      </c>
      <c r="BZ660" s="6">
        <v>14</v>
      </c>
      <c r="CA660" s="6">
        <v>16</v>
      </c>
      <c r="CB660" s="6">
        <v>18</v>
      </c>
      <c r="CC660" s="11">
        <v>17.25</v>
      </c>
      <c r="CD660" s="11">
        <v>36.033999999999999</v>
      </c>
      <c r="CE660" s="11">
        <v>-1.0666500000000001</v>
      </c>
      <c r="CF660" s="11">
        <v>12.661099999999999</v>
      </c>
      <c r="CG660" s="11">
        <v>12</v>
      </c>
      <c r="CH660" s="20">
        <v>1.0716000000000001</v>
      </c>
      <c r="CI660" s="20">
        <v>0.838565</v>
      </c>
      <c r="CJ660" s="20">
        <v>0.79076900000000006</v>
      </c>
      <c r="CK660" s="20">
        <v>0.93637700000000001</v>
      </c>
      <c r="CL660" s="20">
        <v>1.0145299999999999</v>
      </c>
      <c r="CM660" s="20">
        <v>1.0025599999999999</v>
      </c>
      <c r="CN660" s="20">
        <v>0.82081199999999999</v>
      </c>
      <c r="CO660" s="20">
        <v>0.80925800000000003</v>
      </c>
      <c r="CP660" s="20">
        <v>0.84644600000000003</v>
      </c>
      <c r="CQ660" s="20">
        <v>0.81874599999999997</v>
      </c>
      <c r="CR660" s="20">
        <v>0.87848899999999996</v>
      </c>
      <c r="CS660" s="20">
        <v>0.904999</v>
      </c>
      <c r="CT660" s="20">
        <v>0.73263199999999995</v>
      </c>
      <c r="CU660" s="20">
        <v>0.83279800000000004</v>
      </c>
      <c r="CV660" s="20">
        <v>0.85225200000000001</v>
      </c>
      <c r="CW660" s="20">
        <v>0.82650999999999997</v>
      </c>
      <c r="CX660" s="20">
        <v>0.82730300000000001</v>
      </c>
      <c r="CY660" s="6" t="s">
        <v>492</v>
      </c>
      <c r="CZ660" s="6" t="s">
        <v>493</v>
      </c>
      <c r="DA660" s="6" t="s">
        <v>104</v>
      </c>
      <c r="DB660" s="6"/>
      <c r="DC660" s="6">
        <v>41140</v>
      </c>
      <c r="DD660" s="6">
        <v>312</v>
      </c>
      <c r="DE660" s="6" t="s">
        <v>374</v>
      </c>
      <c r="DF660" s="6" t="s">
        <v>375</v>
      </c>
      <c r="DG660" s="6" t="s">
        <v>376</v>
      </c>
      <c r="DH660" s="6" t="s">
        <v>328</v>
      </c>
      <c r="DI660" s="6" t="s">
        <v>377</v>
      </c>
      <c r="DJ660" s="6">
        <v>29</v>
      </c>
      <c r="DK660" s="6">
        <v>63</v>
      </c>
      <c r="DL660" s="6">
        <v>2</v>
      </c>
      <c r="DM660" s="6" t="s">
        <v>379</v>
      </c>
      <c r="DN660" s="6">
        <v>3</v>
      </c>
      <c r="DO660" s="6" t="s">
        <v>380</v>
      </c>
      <c r="DP660" s="6"/>
      <c r="DQ660" s="6"/>
    </row>
    <row r="661" spans="1:121" x14ac:dyDescent="0.2">
      <c r="A661" s="6" t="s">
        <v>327</v>
      </c>
      <c r="B661" s="6" t="s">
        <v>327</v>
      </c>
      <c r="C661" s="6" t="s">
        <v>194</v>
      </c>
      <c r="D661" s="6" t="s">
        <v>104</v>
      </c>
      <c r="E661" s="6" t="s">
        <v>245</v>
      </c>
      <c r="F661" s="11">
        <v>802</v>
      </c>
      <c r="G661" s="13">
        <v>1.7434782608699999</v>
      </c>
      <c r="H661" s="11">
        <v>863.78402700000015</v>
      </c>
      <c r="I661" s="13">
        <v>1.8790059361414184</v>
      </c>
      <c r="J661" s="11">
        <v>-32.73679200000015</v>
      </c>
      <c r="K661" s="13">
        <v>-2.4735263544060228E-2</v>
      </c>
      <c r="L661" s="11">
        <v>-28.582459879999988</v>
      </c>
      <c r="M661" s="13">
        <v>-2.2144072984797716E-2</v>
      </c>
      <c r="N661" s="11">
        <v>-61.319251880000138</v>
      </c>
      <c r="O661" s="13">
        <v>-4.6331597047640061E-2</v>
      </c>
      <c r="P661" s="7">
        <v>459.70265999999998</v>
      </c>
      <c r="Q661" s="7">
        <v>1347.2711340000001</v>
      </c>
      <c r="R661" s="7">
        <v>1442.5489050000001</v>
      </c>
      <c r="S661" s="7">
        <v>1344.912806</v>
      </c>
      <c r="T661" s="7">
        <v>1258.209869</v>
      </c>
      <c r="U661" s="7">
        <v>1265.5482039999999</v>
      </c>
      <c r="V661" s="7">
        <v>1323.4866870000001</v>
      </c>
      <c r="W661" s="7">
        <v>1336.769133</v>
      </c>
      <c r="X661" s="7">
        <v>1295.8046420000001</v>
      </c>
      <c r="Y661" s="7">
        <v>1290.7498949999999</v>
      </c>
      <c r="Z661" s="7">
        <v>1294.797677</v>
      </c>
      <c r="AA661" s="7">
        <v>1299.497511</v>
      </c>
      <c r="AB661" s="7">
        <v>1284.5842379999999</v>
      </c>
      <c r="AC661" s="7">
        <v>1270.8219710000001</v>
      </c>
      <c r="AD661" s="7">
        <v>1270.3861910000001</v>
      </c>
      <c r="AE661" s="7">
        <v>1261.3410357499999</v>
      </c>
      <c r="AF661" s="7">
        <v>1262.1674351199999</v>
      </c>
      <c r="AG661" s="9">
        <v>19667.238570699999</v>
      </c>
      <c r="AH661" s="13">
        <v>0.62140023438779401</v>
      </c>
      <c r="AI661" s="9">
        <v>10959.018003600002</v>
      </c>
      <c r="AJ661" s="13">
        <v>0.34625788117720052</v>
      </c>
      <c r="AK661" s="9">
        <v>-89.671103600005154</v>
      </c>
      <c r="AL661" s="13">
        <v>-2.1045162464995628E-3</v>
      </c>
      <c r="AM661" s="9">
        <v>8797.8916707000026</v>
      </c>
      <c r="AN661" s="13">
        <v>0.20691564116253289</v>
      </c>
      <c r="AO661" s="9">
        <v>8708.2205670999974</v>
      </c>
      <c r="AP661" s="13">
        <v>0.20437566758755191</v>
      </c>
      <c r="AQ661" s="9">
        <v>31649.873112900001</v>
      </c>
      <c r="AR661" s="9">
        <v>34842.688520800002</v>
      </c>
      <c r="AS661" s="9">
        <v>35223.7178518</v>
      </c>
      <c r="AT661" s="9">
        <v>37610.441463100004</v>
      </c>
      <c r="AU661" s="9">
        <v>40204.386487000003</v>
      </c>
      <c r="AV661" s="9">
        <v>39774.434559499998</v>
      </c>
      <c r="AW661" s="9">
        <v>42608.891116500003</v>
      </c>
      <c r="AX661" s="9">
        <v>46084.020728199997</v>
      </c>
      <c r="AY661" s="9">
        <v>42252.258247899998</v>
      </c>
      <c r="AZ661" s="9">
        <v>42519.220012899998</v>
      </c>
      <c r="BA661" s="9">
        <v>42616.992468199998</v>
      </c>
      <c r="BB661" s="9">
        <v>41901.863569900001</v>
      </c>
      <c r="BC661" s="9">
        <v>45204.307280200002</v>
      </c>
      <c r="BD661" s="9">
        <v>49924.979445099998</v>
      </c>
      <c r="BE661" s="9">
        <v>51212.707685599999</v>
      </c>
      <c r="BF661" s="9">
        <v>51317.1116836</v>
      </c>
      <c r="BG661" s="11">
        <v>2.75</v>
      </c>
      <c r="BH661" s="13">
        <v>6.5476190476190479E-2</v>
      </c>
      <c r="BI661" s="6">
        <v>2</v>
      </c>
      <c r="BJ661" s="13">
        <v>4.7619047619047616E-2</v>
      </c>
      <c r="BK661" s="6">
        <v>6</v>
      </c>
      <c r="BL661" s="13">
        <v>0.13636363636363635</v>
      </c>
      <c r="BM661" s="11">
        <v>-5.25</v>
      </c>
      <c r="BN661" s="13">
        <v>-0.105</v>
      </c>
      <c r="BO661" s="11">
        <v>0.75</v>
      </c>
      <c r="BP661" s="13">
        <v>1.7045454545454544E-2</v>
      </c>
      <c r="BQ661" s="6">
        <v>42</v>
      </c>
      <c r="BR661" s="6">
        <v>42</v>
      </c>
      <c r="BS661" s="6">
        <v>42</v>
      </c>
      <c r="BT661" s="6">
        <v>44</v>
      </c>
      <c r="BU661" s="6">
        <v>44</v>
      </c>
      <c r="BV661" s="6">
        <v>45</v>
      </c>
      <c r="BW661" s="6">
        <v>50</v>
      </c>
      <c r="BX661" s="6">
        <v>46</v>
      </c>
      <c r="BY661" s="6">
        <v>46</v>
      </c>
      <c r="BZ661" s="6">
        <v>44</v>
      </c>
      <c r="CA661" s="6">
        <v>44</v>
      </c>
      <c r="CB661" s="6">
        <v>44</v>
      </c>
      <c r="CC661" s="11">
        <v>44.75</v>
      </c>
      <c r="CD661" s="11">
        <v>779.16399999999999</v>
      </c>
      <c r="CE661" s="11">
        <v>-26.9499</v>
      </c>
      <c r="CF661" s="11">
        <v>50.250999999999998</v>
      </c>
      <c r="CG661" s="11">
        <v>23</v>
      </c>
      <c r="CH661" s="20">
        <v>1.2803599999999999</v>
      </c>
      <c r="CI661" s="20">
        <v>2.6070899999999999</v>
      </c>
      <c r="CJ661" s="20">
        <v>2.6164999999999998</v>
      </c>
      <c r="CK661" s="20">
        <v>2.4855</v>
      </c>
      <c r="CL661" s="20">
        <v>2.4499900000000001</v>
      </c>
      <c r="CM661" s="20">
        <v>2.4720499999999999</v>
      </c>
      <c r="CN661" s="20">
        <v>2.22906</v>
      </c>
      <c r="CO661" s="20">
        <v>2.2141899999999999</v>
      </c>
      <c r="CP661" s="20">
        <v>2.1339299999999999</v>
      </c>
      <c r="CQ661" s="20">
        <v>1.98881</v>
      </c>
      <c r="CR661" s="20">
        <v>2.1229200000000001</v>
      </c>
      <c r="CS661" s="20">
        <v>2.2052999999999998</v>
      </c>
      <c r="CT661" s="20">
        <v>2.1531500000000001</v>
      </c>
      <c r="CU661" s="20">
        <v>2.1880000000000002</v>
      </c>
      <c r="CV661" s="20">
        <v>2.0860799999999999</v>
      </c>
      <c r="CW661" s="20">
        <v>2.0539999999999998</v>
      </c>
      <c r="CX661" s="20">
        <v>2.0135999999999998</v>
      </c>
      <c r="CY661" s="6" t="s">
        <v>492</v>
      </c>
      <c r="CZ661" s="6" t="s">
        <v>493</v>
      </c>
      <c r="DA661" s="6" t="s">
        <v>104</v>
      </c>
      <c r="DB661" s="6"/>
      <c r="DC661" s="6">
        <v>41140</v>
      </c>
      <c r="DD661" s="6">
        <v>312</v>
      </c>
      <c r="DE661" s="6" t="s">
        <v>374</v>
      </c>
      <c r="DF661" s="6" t="s">
        <v>375</v>
      </c>
      <c r="DG661" s="6" t="s">
        <v>376</v>
      </c>
      <c r="DH661" s="6" t="s">
        <v>328</v>
      </c>
      <c r="DI661" s="6" t="s">
        <v>377</v>
      </c>
      <c r="DJ661" s="6">
        <v>29</v>
      </c>
      <c r="DK661" s="6">
        <v>63</v>
      </c>
      <c r="DL661" s="6">
        <v>2</v>
      </c>
      <c r="DM661" s="6" t="s">
        <v>379</v>
      </c>
      <c r="DN661" s="6">
        <v>3</v>
      </c>
      <c r="DO661" s="6" t="s">
        <v>380</v>
      </c>
      <c r="DP661" s="6"/>
      <c r="DQ661" s="6"/>
    </row>
    <row r="662" spans="1:121" x14ac:dyDescent="0.2">
      <c r="A662" s="6" t="s">
        <v>1</v>
      </c>
      <c r="B662" s="6" t="s">
        <v>1</v>
      </c>
      <c r="C662" s="6" t="s">
        <v>2</v>
      </c>
      <c r="D662" s="6" t="s">
        <v>117</v>
      </c>
      <c r="E662" s="6" t="s">
        <v>258</v>
      </c>
      <c r="F662" s="11">
        <v>-4</v>
      </c>
      <c r="G662" s="13">
        <v>-3.9603960395999997E-2</v>
      </c>
      <c r="H662" s="11">
        <v>-41.107735199899992</v>
      </c>
      <c r="I662" s="13">
        <v>-0.40577811806379815</v>
      </c>
      <c r="J662" s="11">
        <v>14.756738154899992</v>
      </c>
      <c r="K662" s="13">
        <v>0.24513583564243296</v>
      </c>
      <c r="L662" s="11">
        <v>21.709294743700013</v>
      </c>
      <c r="M662" s="13">
        <v>0.28963124784476085</v>
      </c>
      <c r="N662" s="11">
        <v>36.466032898600005</v>
      </c>
      <c r="O662" s="13">
        <v>0.60576608145577981</v>
      </c>
      <c r="P662" s="7">
        <v>101.30594374099999</v>
      </c>
      <c r="Q662" s="7">
        <v>90.544436622999996</v>
      </c>
      <c r="R662" s="7">
        <v>131.75704066500001</v>
      </c>
      <c r="S662" s="7">
        <v>108.134875846</v>
      </c>
      <c r="T662" s="7">
        <v>68.627245183599996</v>
      </c>
      <c r="U662" s="7">
        <v>72.548902631399997</v>
      </c>
      <c r="V662" s="7">
        <v>60.198208541100001</v>
      </c>
      <c r="W662" s="7">
        <v>97.502114242499999</v>
      </c>
      <c r="X662" s="7">
        <v>109.914200624</v>
      </c>
      <c r="Y662" s="7">
        <v>74.954946695999993</v>
      </c>
      <c r="Z662" s="7">
        <v>90.342349824799996</v>
      </c>
      <c r="AA662" s="7">
        <v>86.041162872499996</v>
      </c>
      <c r="AB662" s="7">
        <v>80.426030156600007</v>
      </c>
      <c r="AC662" s="7">
        <v>79.802626407600002</v>
      </c>
      <c r="AD662" s="7">
        <v>93.187829786699993</v>
      </c>
      <c r="AE662" s="7">
        <v>94.3157161046</v>
      </c>
      <c r="AF662" s="7">
        <v>96.664241439700007</v>
      </c>
      <c r="AG662" s="9">
        <v>7949.4466988999993</v>
      </c>
      <c r="AH662" s="13">
        <v>0.37373832579609034</v>
      </c>
      <c r="AI662" s="9">
        <v>3.6866387000009126</v>
      </c>
      <c r="AJ662" s="13">
        <v>1.7332504106783606E-4</v>
      </c>
      <c r="AK662" s="9">
        <v>-203.57591300000058</v>
      </c>
      <c r="AL662" s="13">
        <v>-9.5693371853752141E-3</v>
      </c>
      <c r="AM662" s="9">
        <v>8149.335973199999</v>
      </c>
      <c r="AN662" s="13">
        <v>0.38677074062228661</v>
      </c>
      <c r="AO662" s="9">
        <v>7945.7600601999984</v>
      </c>
      <c r="AP662" s="13">
        <v>0.3735002638064594</v>
      </c>
      <c r="AQ662" s="9">
        <v>21270.086983900001</v>
      </c>
      <c r="AR662" s="9">
        <v>21864.011745600001</v>
      </c>
      <c r="AS662" s="9">
        <v>20985.246414199999</v>
      </c>
      <c r="AT662" s="9">
        <v>21664.7698624</v>
      </c>
      <c r="AU662" s="9">
        <v>24263.589767699999</v>
      </c>
      <c r="AV662" s="9">
        <v>24629.3279191</v>
      </c>
      <c r="AW662" s="9">
        <v>21273.773622600002</v>
      </c>
      <c r="AX662" s="9">
        <v>21964.363728299999</v>
      </c>
      <c r="AY662" s="9">
        <v>22034.863065400001</v>
      </c>
      <c r="AZ662" s="9">
        <v>21070.197709600001</v>
      </c>
      <c r="BA662" s="9">
        <v>23183.947762399999</v>
      </c>
      <c r="BB662" s="9">
        <v>21513.344424800001</v>
      </c>
      <c r="BC662" s="9">
        <v>24480.2629141</v>
      </c>
      <c r="BD662" s="9">
        <v>24949.614143399998</v>
      </c>
      <c r="BE662" s="9">
        <v>28692.664083399999</v>
      </c>
      <c r="BF662" s="9">
        <v>29219.5336828</v>
      </c>
      <c r="BG662" s="11">
        <v>1</v>
      </c>
      <c r="BH662" s="13">
        <v>0.33333333333333331</v>
      </c>
      <c r="BI662" s="6">
        <v>0</v>
      </c>
      <c r="BJ662" s="13">
        <v>0</v>
      </c>
      <c r="BK662" s="6">
        <v>-1</v>
      </c>
      <c r="BL662" s="13">
        <v>-0.33333333333333331</v>
      </c>
      <c r="BM662" s="11">
        <v>2</v>
      </c>
      <c r="BN662" s="13">
        <v>1</v>
      </c>
      <c r="BO662" s="11">
        <v>1</v>
      </c>
      <c r="BP662" s="13">
        <v>0.33333333333333331</v>
      </c>
      <c r="BQ662" s="6">
        <v>3</v>
      </c>
      <c r="BR662" s="6">
        <v>2</v>
      </c>
      <c r="BS662" s="6">
        <v>3</v>
      </c>
      <c r="BT662" s="6">
        <v>3</v>
      </c>
      <c r="BU662" s="6">
        <v>2</v>
      </c>
      <c r="BV662" s="6">
        <v>4</v>
      </c>
      <c r="BW662" s="6">
        <v>2</v>
      </c>
      <c r="BX662" s="6">
        <v>4</v>
      </c>
      <c r="BY662" s="6">
        <v>5</v>
      </c>
      <c r="BZ662" s="6">
        <v>5</v>
      </c>
      <c r="CA662" s="6">
        <v>5</v>
      </c>
      <c r="CB662" s="6">
        <v>5</v>
      </c>
      <c r="CC662" s="11">
        <v>4</v>
      </c>
      <c r="CD662" s="11">
        <v>-6.4792199999999998</v>
      </c>
      <c r="CE662" s="11">
        <v>-9.23644</v>
      </c>
      <c r="CF662" s="11">
        <v>11.074</v>
      </c>
      <c r="CG662" s="11">
        <v>2</v>
      </c>
      <c r="CH662" s="20">
        <v>1.6352199999999999</v>
      </c>
      <c r="CI662" s="20">
        <v>1.46875</v>
      </c>
      <c r="CJ662" s="20">
        <v>2.1533099999999998</v>
      </c>
      <c r="CK662" s="20">
        <v>1.8004599999999999</v>
      </c>
      <c r="CL662" s="20">
        <v>1.1250500000000001</v>
      </c>
      <c r="CM662" s="20">
        <v>1.18224</v>
      </c>
      <c r="CN662" s="20">
        <v>1.0075700000000001</v>
      </c>
      <c r="CO662" s="20">
        <v>1.6629400000000001</v>
      </c>
      <c r="CP662" s="20">
        <v>1.84388</v>
      </c>
      <c r="CQ662" s="20">
        <v>1.21404</v>
      </c>
      <c r="CR662" s="20">
        <v>1.4863500000000001</v>
      </c>
      <c r="CS662" s="20">
        <v>1.5076499999999999</v>
      </c>
      <c r="CT662" s="20">
        <v>1.3584499999999999</v>
      </c>
      <c r="CU662" s="20">
        <v>1.43171</v>
      </c>
      <c r="CV662" s="20">
        <v>1.6632800000000001</v>
      </c>
      <c r="CW662" s="20">
        <v>1.71567</v>
      </c>
      <c r="CX662" s="20">
        <v>1.7493799999999999</v>
      </c>
      <c r="CY662" s="6" t="s">
        <v>495</v>
      </c>
      <c r="CZ662" s="6" t="s">
        <v>496</v>
      </c>
      <c r="DA662" s="6" t="s">
        <v>117</v>
      </c>
      <c r="DB662" s="6" t="s">
        <v>345</v>
      </c>
      <c r="DC662" s="6"/>
      <c r="DD662" s="6"/>
      <c r="DE662" s="6"/>
      <c r="DF662" s="6"/>
      <c r="DG662" s="6"/>
      <c r="DH662" s="6" t="s">
        <v>333</v>
      </c>
      <c r="DI662" s="6"/>
      <c r="DJ662" s="6"/>
      <c r="DK662" s="6"/>
      <c r="DL662" s="6">
        <v>9</v>
      </c>
      <c r="DM662" s="6" t="s">
        <v>440</v>
      </c>
      <c r="DN662" s="6">
        <v>7</v>
      </c>
      <c r="DO662" s="6" t="s">
        <v>369</v>
      </c>
      <c r="DP662" s="6"/>
      <c r="DQ662" s="6"/>
    </row>
    <row r="663" spans="1:121" x14ac:dyDescent="0.2">
      <c r="A663" s="6" t="s">
        <v>310</v>
      </c>
      <c r="B663" s="6" t="s">
        <v>310</v>
      </c>
      <c r="C663" s="6" t="s">
        <v>173</v>
      </c>
      <c r="D663" s="6" t="s">
        <v>117</v>
      </c>
      <c r="E663" s="6" t="s">
        <v>258</v>
      </c>
      <c r="F663" s="11">
        <v>1</v>
      </c>
      <c r="G663" s="13">
        <v>1</v>
      </c>
      <c r="H663" s="11">
        <v>0</v>
      </c>
      <c r="I663" s="13">
        <v>0</v>
      </c>
      <c r="J663" s="11">
        <v>0</v>
      </c>
      <c r="K663" s="13">
        <v>0</v>
      </c>
      <c r="L663" s="11">
        <v>0</v>
      </c>
      <c r="M663" s="13">
        <v>0</v>
      </c>
      <c r="N663" s="11">
        <v>0</v>
      </c>
      <c r="O663" s="13">
        <v>0</v>
      </c>
      <c r="P663" s="7">
        <v>5</v>
      </c>
      <c r="Q663" s="7">
        <v>0</v>
      </c>
      <c r="R663" s="7">
        <v>5</v>
      </c>
      <c r="S663" s="7">
        <v>5</v>
      </c>
      <c r="T663" s="7">
        <v>5</v>
      </c>
      <c r="U663" s="7">
        <v>5</v>
      </c>
      <c r="V663" s="7">
        <v>5</v>
      </c>
      <c r="W663" s="7">
        <v>5</v>
      </c>
      <c r="X663" s="7">
        <v>5</v>
      </c>
      <c r="Y663" s="7">
        <v>5</v>
      </c>
      <c r="Z663" s="7">
        <v>5</v>
      </c>
      <c r="AA663" s="7">
        <v>0</v>
      </c>
      <c r="AB663" s="7">
        <v>5</v>
      </c>
      <c r="AC663" s="7">
        <v>5</v>
      </c>
      <c r="AD663" s="7">
        <v>5</v>
      </c>
      <c r="AE663" s="7">
        <v>5</v>
      </c>
      <c r="AF663" s="7">
        <v>5</v>
      </c>
      <c r="AG663" s="9">
        <v>0</v>
      </c>
      <c r="AH663" s="13">
        <v>0</v>
      </c>
      <c r="AI663" s="9">
        <v>0</v>
      </c>
      <c r="AJ663" s="13">
        <v>0</v>
      </c>
      <c r="AK663" s="9">
        <v>0</v>
      </c>
      <c r="AL663" s="13">
        <v>0</v>
      </c>
      <c r="AM663" s="9">
        <v>0</v>
      </c>
      <c r="AN663" s="13">
        <v>0</v>
      </c>
      <c r="AO663" s="9">
        <v>0</v>
      </c>
      <c r="AP663" s="13">
        <v>0</v>
      </c>
      <c r="AQ663" s="9">
        <v>1</v>
      </c>
      <c r="AR663" s="9">
        <v>0</v>
      </c>
      <c r="AS663" s="9">
        <v>1</v>
      </c>
      <c r="AT663" s="9">
        <v>1</v>
      </c>
      <c r="AU663" s="9">
        <v>1</v>
      </c>
      <c r="AV663" s="9">
        <v>1</v>
      </c>
      <c r="AW663" s="9">
        <v>1</v>
      </c>
      <c r="AX663" s="9">
        <v>1</v>
      </c>
      <c r="AY663" s="9">
        <v>1</v>
      </c>
      <c r="AZ663" s="9">
        <v>1</v>
      </c>
      <c r="BA663" s="9">
        <v>1</v>
      </c>
      <c r="BB663" s="9">
        <v>0</v>
      </c>
      <c r="BC663" s="9">
        <v>1</v>
      </c>
      <c r="BD663" s="9">
        <v>1</v>
      </c>
      <c r="BE663" s="9">
        <v>1</v>
      </c>
      <c r="BF663" s="9">
        <v>1</v>
      </c>
      <c r="BG663" s="11">
        <v>1</v>
      </c>
      <c r="BH663" s="13" t="e">
        <v>#DIV/0!</v>
      </c>
      <c r="BI663" s="6">
        <v>0</v>
      </c>
      <c r="BJ663" s="13" t="e">
        <v>#DIV/0!</v>
      </c>
      <c r="BK663" s="6">
        <v>0</v>
      </c>
      <c r="BL663" s="13" t="e">
        <v>#DIV/0!</v>
      </c>
      <c r="BM663" s="11">
        <v>1</v>
      </c>
      <c r="BN663" s="13" t="e">
        <v>#DIV/0!</v>
      </c>
      <c r="BO663" s="11">
        <v>1</v>
      </c>
      <c r="BP663" s="13" t="e">
        <v>#DIV/0!</v>
      </c>
      <c r="BQ663" s="6">
        <v>0</v>
      </c>
      <c r="BR663" s="6">
        <v>0</v>
      </c>
      <c r="BS663" s="6">
        <v>0</v>
      </c>
      <c r="BT663" s="6">
        <v>0</v>
      </c>
      <c r="BU663" s="6">
        <v>0</v>
      </c>
      <c r="BV663" s="6">
        <v>0</v>
      </c>
      <c r="BW663" s="6">
        <v>0</v>
      </c>
      <c r="BX663" s="6">
        <v>0</v>
      </c>
      <c r="BY663" s="6">
        <v>0</v>
      </c>
      <c r="BZ663" s="6">
        <v>0</v>
      </c>
      <c r="CA663" s="6">
        <v>0</v>
      </c>
      <c r="CB663" s="6">
        <v>1</v>
      </c>
      <c r="CC663" s="11">
        <v>1</v>
      </c>
      <c r="CD663" s="11">
        <v>-3.5165700000000002</v>
      </c>
      <c r="CE663" s="11">
        <v>0.412885</v>
      </c>
      <c r="CF663" s="11">
        <v>0.435029</v>
      </c>
      <c r="CG663" s="11">
        <v>0</v>
      </c>
      <c r="CH663" s="20">
        <v>0.226411</v>
      </c>
      <c r="CI663" s="20">
        <v>0</v>
      </c>
      <c r="CJ663" s="20">
        <v>0.15979199999999999</v>
      </c>
      <c r="CK663" s="20">
        <v>0.15751399999999999</v>
      </c>
      <c r="CL663" s="20">
        <v>0.25681100000000001</v>
      </c>
      <c r="CM663" s="20">
        <v>8.4010100000000004E-2</v>
      </c>
      <c r="CN663" s="20">
        <v>3.5512500000000002E-2</v>
      </c>
      <c r="CO663" s="20">
        <v>3.2521500000000002E-2</v>
      </c>
      <c r="CP663" s="20">
        <v>2.7185600000000001E-2</v>
      </c>
      <c r="CQ663" s="20">
        <v>0.19239400000000001</v>
      </c>
      <c r="CR663" s="20">
        <v>2.35759E-2</v>
      </c>
      <c r="CS663" s="20">
        <v>0</v>
      </c>
      <c r="CT663" s="20">
        <v>3.2816100000000001E-2</v>
      </c>
      <c r="CU663" s="20">
        <v>3.0963500000000001E-2</v>
      </c>
      <c r="CV663" s="20">
        <v>6.4600099999999994E-2</v>
      </c>
      <c r="CW663" s="20">
        <v>6.6459699999999997E-2</v>
      </c>
      <c r="CX663" s="20">
        <v>7.0188600000000004E-2</v>
      </c>
      <c r="CY663" s="6" t="s">
        <v>495</v>
      </c>
      <c r="CZ663" s="6" t="s">
        <v>496</v>
      </c>
      <c r="DA663" s="6" t="s">
        <v>117</v>
      </c>
      <c r="DB663" s="6" t="s">
        <v>345</v>
      </c>
      <c r="DC663" s="6"/>
      <c r="DD663" s="6"/>
      <c r="DE663" s="6"/>
      <c r="DF663" s="6"/>
      <c r="DG663" s="6"/>
      <c r="DH663" s="6" t="s">
        <v>333</v>
      </c>
      <c r="DI663" s="6"/>
      <c r="DJ663" s="6"/>
      <c r="DK663" s="6"/>
      <c r="DL663" s="6">
        <v>9</v>
      </c>
      <c r="DM663" s="6" t="s">
        <v>440</v>
      </c>
      <c r="DN663" s="6">
        <v>7</v>
      </c>
      <c r="DO663" s="6" t="s">
        <v>369</v>
      </c>
      <c r="DP663" s="6"/>
      <c r="DQ663" s="6"/>
    </row>
    <row r="664" spans="1:121" x14ac:dyDescent="0.2">
      <c r="A664" s="6" t="s">
        <v>311</v>
      </c>
      <c r="B664" s="6" t="s">
        <v>311</v>
      </c>
      <c r="C664" s="6" t="s">
        <v>174</v>
      </c>
      <c r="D664" s="6" t="s">
        <v>117</v>
      </c>
      <c r="E664" s="6" t="s">
        <v>258</v>
      </c>
      <c r="F664" s="11">
        <v>1</v>
      </c>
      <c r="G664" s="13">
        <v>1</v>
      </c>
      <c r="H664" s="11">
        <v>-34.534785999999997</v>
      </c>
      <c r="I664" s="13">
        <v>-0.7264552317900882</v>
      </c>
      <c r="J664" s="11">
        <v>-8.0039809999999996</v>
      </c>
      <c r="K664" s="13">
        <v>-0.61550236039255979</v>
      </c>
      <c r="L664" s="11">
        <v>0</v>
      </c>
      <c r="M664" s="13">
        <v>0</v>
      </c>
      <c r="N664" s="11">
        <v>-8.0039809999999996</v>
      </c>
      <c r="O664" s="13">
        <v>-0.61550236039255979</v>
      </c>
      <c r="P664" s="7">
        <v>47.538767</v>
      </c>
      <c r="Q664" s="7">
        <v>16.394072999999999</v>
      </c>
      <c r="R664" s="7">
        <v>5</v>
      </c>
      <c r="S664" s="7">
        <v>5</v>
      </c>
      <c r="T664" s="7">
        <v>5</v>
      </c>
      <c r="U664" s="7">
        <v>15.481742000000001</v>
      </c>
      <c r="V664" s="7">
        <v>13.003981</v>
      </c>
      <c r="W664" s="7">
        <v>14.085642</v>
      </c>
      <c r="X664" s="7">
        <v>13.370753000000001</v>
      </c>
      <c r="Y664" s="7">
        <v>5</v>
      </c>
      <c r="Z664" s="7">
        <v>5</v>
      </c>
      <c r="AA664" s="7">
        <v>5</v>
      </c>
      <c r="AB664" s="7">
        <v>5</v>
      </c>
      <c r="AC664" s="7">
        <v>5</v>
      </c>
      <c r="AD664" s="7">
        <v>5</v>
      </c>
      <c r="AE664" s="7">
        <v>5</v>
      </c>
      <c r="AF664" s="7">
        <v>5</v>
      </c>
      <c r="AG664" s="9">
        <v>-139711.87718400001</v>
      </c>
      <c r="AH664" s="13">
        <v>-0.99999284246362863</v>
      </c>
      <c r="AI664" s="9">
        <v>-103582.26442450001</v>
      </c>
      <c r="AJ664" s="13">
        <v>-0.74139382505224283</v>
      </c>
      <c r="AK664" s="9">
        <v>-36129.6127595</v>
      </c>
      <c r="AL664" s="13">
        <v>-0.99997232263934588</v>
      </c>
      <c r="AM664" s="9">
        <v>0</v>
      </c>
      <c r="AN664" s="13">
        <v>0</v>
      </c>
      <c r="AO664" s="9">
        <v>-36129.6127595</v>
      </c>
      <c r="AP664" s="13">
        <v>-0.99997232263934588</v>
      </c>
      <c r="AQ664" s="9">
        <v>139712.87718400001</v>
      </c>
      <c r="AR664" s="9">
        <v>198724.20729600001</v>
      </c>
      <c r="AS664" s="9">
        <v>1</v>
      </c>
      <c r="AT664" s="9">
        <v>1</v>
      </c>
      <c r="AU664" s="9">
        <v>1</v>
      </c>
      <c r="AV664" s="9">
        <v>24612.002339800001</v>
      </c>
      <c r="AW664" s="9">
        <v>36130.6127595</v>
      </c>
      <c r="AX664" s="9">
        <v>26064.295227400002</v>
      </c>
      <c r="AY664" s="9">
        <v>25007.512551100001</v>
      </c>
      <c r="AZ664" s="9">
        <v>1</v>
      </c>
      <c r="BA664" s="9">
        <v>1</v>
      </c>
      <c r="BB664" s="9">
        <v>1</v>
      </c>
      <c r="BC664" s="9">
        <v>1</v>
      </c>
      <c r="BD664" s="9">
        <v>1</v>
      </c>
      <c r="BE664" s="9">
        <v>1</v>
      </c>
      <c r="BF664" s="9">
        <v>1</v>
      </c>
      <c r="BG664" s="11">
        <v>0</v>
      </c>
      <c r="BH664" s="13">
        <v>0</v>
      </c>
      <c r="BI664" s="6">
        <v>0</v>
      </c>
      <c r="BJ664" s="13">
        <v>0</v>
      </c>
      <c r="BK664" s="6">
        <v>0</v>
      </c>
      <c r="BL664" s="13">
        <v>0</v>
      </c>
      <c r="BM664" s="11">
        <v>0</v>
      </c>
      <c r="BN664" s="13">
        <v>0</v>
      </c>
      <c r="BO664" s="11">
        <v>0</v>
      </c>
      <c r="BP664" s="13">
        <v>0</v>
      </c>
      <c r="BQ664" s="6">
        <v>1</v>
      </c>
      <c r="BR664" s="6">
        <v>1</v>
      </c>
      <c r="BS664" s="6">
        <v>1</v>
      </c>
      <c r="BT664" s="6">
        <v>1</v>
      </c>
      <c r="BU664" s="6">
        <v>1</v>
      </c>
      <c r="BV664" s="6">
        <v>1</v>
      </c>
      <c r="BW664" s="6">
        <v>1</v>
      </c>
      <c r="BX664" s="6">
        <v>1</v>
      </c>
      <c r="BY664" s="6">
        <v>1</v>
      </c>
      <c r="BZ664" s="6">
        <v>1</v>
      </c>
      <c r="CA664" s="6">
        <v>1</v>
      </c>
      <c r="CB664" s="6">
        <v>1</v>
      </c>
      <c r="CC664" s="11">
        <v>1</v>
      </c>
      <c r="CD664" s="11">
        <v>-43.438099999999999</v>
      </c>
      <c r="CE664" s="11">
        <v>-7.74139</v>
      </c>
      <c r="CF664" s="11">
        <v>5.1965599999999998</v>
      </c>
      <c r="CG664" s="11">
        <v>-3</v>
      </c>
      <c r="CH664" s="20">
        <v>2.4684599999999999</v>
      </c>
      <c r="CI664" s="20">
        <v>0.85833000000000004</v>
      </c>
      <c r="CJ664" s="20">
        <v>0.24615999999999999</v>
      </c>
      <c r="CK664" s="20">
        <v>0.20918200000000001</v>
      </c>
      <c r="CL664" s="20">
        <v>0.238538</v>
      </c>
      <c r="CM664" s="20">
        <v>0.89485199999999998</v>
      </c>
      <c r="CN664" s="20">
        <v>0.76160300000000003</v>
      </c>
      <c r="CO664" s="20">
        <v>0.80505400000000005</v>
      </c>
      <c r="CP664" s="20">
        <v>0.74133400000000005</v>
      </c>
      <c r="CQ664" s="20">
        <v>0.33648</v>
      </c>
      <c r="CR664" s="20">
        <v>0.18843699999999999</v>
      </c>
      <c r="CS664" s="20">
        <v>0.34592200000000001</v>
      </c>
      <c r="CT664" s="20">
        <v>0.16634699999999999</v>
      </c>
      <c r="CU664" s="20">
        <v>0.13109000000000001</v>
      </c>
      <c r="CV664" s="20">
        <v>0.12100900000000001</v>
      </c>
      <c r="CW664" s="20">
        <v>0.12611900000000001</v>
      </c>
      <c r="CX664" s="20">
        <v>9.7436800000000004E-2</v>
      </c>
      <c r="CY664" s="6" t="s">
        <v>495</v>
      </c>
      <c r="CZ664" s="6" t="s">
        <v>496</v>
      </c>
      <c r="DA664" s="6" t="s">
        <v>117</v>
      </c>
      <c r="DB664" s="6" t="s">
        <v>345</v>
      </c>
      <c r="DC664" s="6"/>
      <c r="DD664" s="6"/>
      <c r="DE664" s="6"/>
      <c r="DF664" s="6"/>
      <c r="DG664" s="6"/>
      <c r="DH664" s="6" t="s">
        <v>333</v>
      </c>
      <c r="DI664" s="6"/>
      <c r="DJ664" s="6"/>
      <c r="DK664" s="6"/>
      <c r="DL664" s="6">
        <v>9</v>
      </c>
      <c r="DM664" s="6" t="s">
        <v>440</v>
      </c>
      <c r="DN664" s="6">
        <v>7</v>
      </c>
      <c r="DO664" s="6" t="s">
        <v>369</v>
      </c>
      <c r="DP664" s="6"/>
      <c r="DQ664" s="6"/>
    </row>
    <row r="665" spans="1:121" x14ac:dyDescent="0.2">
      <c r="A665" s="6" t="s">
        <v>312</v>
      </c>
      <c r="B665" s="6" t="s">
        <v>312</v>
      </c>
      <c r="C665" s="6" t="s">
        <v>175</v>
      </c>
      <c r="D665" s="6" t="s">
        <v>117</v>
      </c>
      <c r="E665" s="6" t="s">
        <v>258</v>
      </c>
      <c r="F665" s="11">
        <v>47</v>
      </c>
      <c r="G665" s="13">
        <v>0.24226804123699999</v>
      </c>
      <c r="H665" s="11">
        <v>100.81917159400001</v>
      </c>
      <c r="I665" s="13">
        <v>0.51933920070221873</v>
      </c>
      <c r="J665" s="11">
        <v>-43.20725209500003</v>
      </c>
      <c r="K665" s="13">
        <v>-0.14649064260666139</v>
      </c>
      <c r="L665" s="11">
        <v>-11.09622900399998</v>
      </c>
      <c r="M665" s="13">
        <v>-4.4077845833570752E-2</v>
      </c>
      <c r="N665" s="11">
        <v>-54.30348109900001</v>
      </c>
      <c r="O665" s="13">
        <v>-0.18411149647935501</v>
      </c>
      <c r="P665" s="7">
        <v>194.12971610400001</v>
      </c>
      <c r="Q665" s="7">
        <v>253.840040251</v>
      </c>
      <c r="R665" s="7">
        <v>251.89155056000001</v>
      </c>
      <c r="S665" s="7">
        <v>256.37359963599999</v>
      </c>
      <c r="T665" s="7">
        <v>271.42124413099998</v>
      </c>
      <c r="U665" s="7">
        <v>276.02560786100003</v>
      </c>
      <c r="V665" s="7">
        <v>294.94888769800002</v>
      </c>
      <c r="W665" s="7">
        <v>308.654007734</v>
      </c>
      <c r="X665" s="7">
        <v>278.22692097800001</v>
      </c>
      <c r="Y665" s="7">
        <v>251.74163560299999</v>
      </c>
      <c r="Z665" s="7">
        <v>237.610990872</v>
      </c>
      <c r="AA665" s="7">
        <v>233.824755385</v>
      </c>
      <c r="AB665" s="7">
        <v>217.61793929699999</v>
      </c>
      <c r="AC665" s="7">
        <v>215.09056614400001</v>
      </c>
      <c r="AD665" s="7">
        <v>217.40761380800001</v>
      </c>
      <c r="AE665" s="7">
        <v>235.443778165</v>
      </c>
      <c r="AF665" s="7">
        <v>240.64540659900001</v>
      </c>
      <c r="AG665" s="9">
        <v>7017.6682722999976</v>
      </c>
      <c r="AH665" s="13">
        <v>0.26955753367946605</v>
      </c>
      <c r="AI665" s="9">
        <v>965.69294910000099</v>
      </c>
      <c r="AJ665" s="13">
        <v>3.7093490252102138E-2</v>
      </c>
      <c r="AK665" s="9">
        <v>1928.0295836000005</v>
      </c>
      <c r="AL665" s="13">
        <v>7.1409242177456714E-2</v>
      </c>
      <c r="AM665" s="9">
        <v>4123.9457395999962</v>
      </c>
      <c r="AN665" s="13">
        <v>0.14256019636202613</v>
      </c>
      <c r="AO665" s="9">
        <v>6051.9753231999966</v>
      </c>
      <c r="AP665" s="13">
        <v>0.22414955412636456</v>
      </c>
      <c r="AQ665" s="9">
        <v>26034.027602599999</v>
      </c>
      <c r="AR665" s="9">
        <v>26327.277463400002</v>
      </c>
      <c r="AS665" s="9">
        <v>25796.836933499999</v>
      </c>
      <c r="AT665" s="9">
        <v>25740.187377900002</v>
      </c>
      <c r="AU665" s="9">
        <v>25823.115191699999</v>
      </c>
      <c r="AV665" s="9">
        <v>25752.040255399999</v>
      </c>
      <c r="AW665" s="9">
        <v>26999.7205517</v>
      </c>
      <c r="AX665" s="9">
        <v>27516.6778634</v>
      </c>
      <c r="AY665" s="9">
        <v>27964.237111499999</v>
      </c>
      <c r="AZ665" s="9">
        <v>28927.750135300001</v>
      </c>
      <c r="BA665" s="9">
        <v>26185.698376600001</v>
      </c>
      <c r="BB665" s="9">
        <v>26513.963966800002</v>
      </c>
      <c r="BC665" s="9">
        <v>27164.121045299999</v>
      </c>
      <c r="BD665" s="9">
        <v>28622.647536</v>
      </c>
      <c r="BE665" s="9">
        <v>31231.924917100001</v>
      </c>
      <c r="BF665" s="9">
        <v>33051.695874899997</v>
      </c>
      <c r="BG665" s="11">
        <v>-7.25</v>
      </c>
      <c r="BH665" s="13">
        <v>-0.2265625</v>
      </c>
      <c r="BI665" s="6">
        <v>2</v>
      </c>
      <c r="BJ665" s="13">
        <v>6.25E-2</v>
      </c>
      <c r="BK665" s="6">
        <v>-8</v>
      </c>
      <c r="BL665" s="13">
        <v>-0.23529411764705882</v>
      </c>
      <c r="BM665" s="11">
        <v>-1.25</v>
      </c>
      <c r="BN665" s="13">
        <v>-4.807692307692308E-2</v>
      </c>
      <c r="BO665" s="11">
        <v>-9.25</v>
      </c>
      <c r="BP665" s="13">
        <v>-0.27205882352941174</v>
      </c>
      <c r="BQ665" s="6">
        <v>32</v>
      </c>
      <c r="BR665" s="6">
        <v>32</v>
      </c>
      <c r="BS665" s="6">
        <v>36</v>
      </c>
      <c r="BT665" s="6">
        <v>34</v>
      </c>
      <c r="BU665" s="6">
        <v>33</v>
      </c>
      <c r="BV665" s="6">
        <v>28</v>
      </c>
      <c r="BW665" s="6">
        <v>26</v>
      </c>
      <c r="BX665" s="6">
        <v>24</v>
      </c>
      <c r="BY665" s="6">
        <v>24</v>
      </c>
      <c r="BZ665" s="6">
        <v>22</v>
      </c>
      <c r="CA665" s="6">
        <v>23</v>
      </c>
      <c r="CB665" s="6">
        <v>25</v>
      </c>
      <c r="CC665" s="11">
        <v>24.75</v>
      </c>
      <c r="CD665" s="11">
        <v>48.808999999999997</v>
      </c>
      <c r="CE665" s="11">
        <v>-23.513999999999999</v>
      </c>
      <c r="CF665" s="11">
        <v>21.220700000000001</v>
      </c>
      <c r="CG665" s="11">
        <v>-3</v>
      </c>
      <c r="CH665" s="20">
        <v>0.69497799999999998</v>
      </c>
      <c r="CI665" s="20">
        <v>0.90994799999999998</v>
      </c>
      <c r="CJ665" s="20">
        <v>0.89770099999999997</v>
      </c>
      <c r="CK665" s="20">
        <v>0.89650700000000005</v>
      </c>
      <c r="CL665" s="20">
        <v>0.89796399999999998</v>
      </c>
      <c r="CM665" s="20">
        <v>0.86903900000000001</v>
      </c>
      <c r="CN665" s="20">
        <v>0.95360199999999995</v>
      </c>
      <c r="CO665" s="20">
        <v>1.04514</v>
      </c>
      <c r="CP665" s="20">
        <v>1.0542</v>
      </c>
      <c r="CQ665" s="20">
        <v>0.99561100000000002</v>
      </c>
      <c r="CR665" s="20">
        <v>0.97286799999999996</v>
      </c>
      <c r="CS665" s="20">
        <v>1.0233000000000001</v>
      </c>
      <c r="CT665" s="20">
        <v>0.90690800000000005</v>
      </c>
      <c r="CU665" s="20">
        <v>0.93010499999999996</v>
      </c>
      <c r="CV665" s="20">
        <v>0.91074600000000006</v>
      </c>
      <c r="CW665" s="20">
        <v>0.98321099999999995</v>
      </c>
      <c r="CX665" s="20">
        <v>0.99517999999999995</v>
      </c>
      <c r="CY665" s="6" t="s">
        <v>495</v>
      </c>
      <c r="CZ665" s="6" t="s">
        <v>496</v>
      </c>
      <c r="DA665" s="6" t="s">
        <v>117</v>
      </c>
      <c r="DB665" s="6" t="s">
        <v>345</v>
      </c>
      <c r="DC665" s="6"/>
      <c r="DD665" s="6"/>
      <c r="DE665" s="6"/>
      <c r="DF665" s="6"/>
      <c r="DG665" s="6"/>
      <c r="DH665" s="6" t="s">
        <v>333</v>
      </c>
      <c r="DI665" s="6"/>
      <c r="DJ665" s="6"/>
      <c r="DK665" s="6"/>
      <c r="DL665" s="6">
        <v>9</v>
      </c>
      <c r="DM665" s="6" t="s">
        <v>440</v>
      </c>
      <c r="DN665" s="6">
        <v>7</v>
      </c>
      <c r="DO665" s="6" t="s">
        <v>369</v>
      </c>
      <c r="DP665" s="6"/>
      <c r="DQ665" s="6"/>
    </row>
    <row r="666" spans="1:121" x14ac:dyDescent="0.2">
      <c r="A666" s="6" t="s">
        <v>792</v>
      </c>
      <c r="B666" s="6" t="s">
        <v>176</v>
      </c>
      <c r="C666" s="6" t="s">
        <v>177</v>
      </c>
      <c r="D666" s="6" t="s">
        <v>117</v>
      </c>
      <c r="E666" s="6" t="s">
        <v>258</v>
      </c>
      <c r="F666" s="11">
        <v>-158</v>
      </c>
      <c r="G666" s="13">
        <v>-0.29151291512900002</v>
      </c>
      <c r="H666" s="11">
        <v>-63.820854643000018</v>
      </c>
      <c r="I666" s="13">
        <v>-0.11771130963254392</v>
      </c>
      <c r="J666" s="11">
        <v>186.82112487199998</v>
      </c>
      <c r="K666" s="13">
        <v>0.39054478805878062</v>
      </c>
      <c r="L666" s="11">
        <v>-281.03563957799997</v>
      </c>
      <c r="M666" s="13">
        <v>-0.42249471488573354</v>
      </c>
      <c r="N666" s="11">
        <v>-94.214514705999989</v>
      </c>
      <c r="O666" s="13">
        <v>-0.19695303570795664</v>
      </c>
      <c r="P666" s="7">
        <v>542.18116205000001</v>
      </c>
      <c r="Q666" s="7">
        <v>473.98383587900003</v>
      </c>
      <c r="R666" s="7">
        <v>461.78777804700002</v>
      </c>
      <c r="S666" s="7">
        <v>484.44929937799998</v>
      </c>
      <c r="T666" s="7">
        <v>485.60757471400001</v>
      </c>
      <c r="U666" s="7">
        <v>512.38511887100003</v>
      </c>
      <c r="V666" s="7">
        <v>478.36030740699999</v>
      </c>
      <c r="W666" s="7">
        <v>449.24782285700002</v>
      </c>
      <c r="X666" s="7">
        <v>424.95746693299998</v>
      </c>
      <c r="Y666" s="7">
        <v>665.18143227899998</v>
      </c>
      <c r="Z666" s="7">
        <v>661.55453716199997</v>
      </c>
      <c r="AA666" s="7">
        <v>374.53527338100002</v>
      </c>
      <c r="AB666" s="7">
        <v>659.44716235199996</v>
      </c>
      <c r="AC666" s="7">
        <v>360.65649336799999</v>
      </c>
      <c r="AD666" s="7">
        <v>387.71507877699997</v>
      </c>
      <c r="AE666" s="7">
        <v>391.928479294</v>
      </c>
      <c r="AF666" s="7">
        <v>384.145792701</v>
      </c>
      <c r="AG666" s="9">
        <v>20082.032989600004</v>
      </c>
      <c r="AH666" s="13">
        <v>0.77274817967702003</v>
      </c>
      <c r="AI666" s="9">
        <v>7572.9396936999983</v>
      </c>
      <c r="AJ666" s="13">
        <v>0.29140353300590227</v>
      </c>
      <c r="AK666" s="9">
        <v>19636.528089400003</v>
      </c>
      <c r="AL666" s="13">
        <v>0.58510397351185339</v>
      </c>
      <c r="AM666" s="9">
        <v>-7127.4347934999969</v>
      </c>
      <c r="AN666" s="13">
        <v>-0.13398119358753652</v>
      </c>
      <c r="AO666" s="9">
        <v>12509.093295900006</v>
      </c>
      <c r="AP666" s="13">
        <v>0.37272985118038843</v>
      </c>
      <c r="AQ666" s="9">
        <v>25987.810153099999</v>
      </c>
      <c r="AR666" s="9">
        <v>29548.606663400002</v>
      </c>
      <c r="AS666" s="9">
        <v>29971.730757699999</v>
      </c>
      <c r="AT666" s="9">
        <v>29909.2361661</v>
      </c>
      <c r="AU666" s="9">
        <v>31380.328513799999</v>
      </c>
      <c r="AV666" s="9">
        <v>32851.169789699998</v>
      </c>
      <c r="AW666" s="9">
        <v>33560.749846799998</v>
      </c>
      <c r="AX666" s="9">
        <v>35488.563708900001</v>
      </c>
      <c r="AY666" s="9">
        <v>33884.018767299996</v>
      </c>
      <c r="AZ666" s="9">
        <v>53197.2779362</v>
      </c>
      <c r="BA666" s="9">
        <v>59308.583722000003</v>
      </c>
      <c r="BB666" s="9">
        <v>37493.924773300001</v>
      </c>
      <c r="BC666" s="9">
        <v>62226.699010999997</v>
      </c>
      <c r="BD666" s="9">
        <v>42902.494540699998</v>
      </c>
      <c r="BE666" s="9">
        <v>43230.084118500003</v>
      </c>
      <c r="BF666" s="9">
        <v>46069.843142700003</v>
      </c>
      <c r="BG666" s="11">
        <v>-7.25</v>
      </c>
      <c r="BH666" s="13">
        <v>-0.26851851851851855</v>
      </c>
      <c r="BI666" s="6">
        <v>-5</v>
      </c>
      <c r="BJ666" s="13">
        <v>-0.18518518518518517</v>
      </c>
      <c r="BK666" s="6">
        <v>-3</v>
      </c>
      <c r="BL666" s="13">
        <v>-0.13636363636363635</v>
      </c>
      <c r="BM666" s="11">
        <v>0.75</v>
      </c>
      <c r="BN666" s="13">
        <v>3.9473684210526314E-2</v>
      </c>
      <c r="BO666" s="11">
        <v>-2.25</v>
      </c>
      <c r="BP666" s="13">
        <v>-0.10227272727272728</v>
      </c>
      <c r="BQ666" s="6">
        <v>27</v>
      </c>
      <c r="BR666" s="6">
        <v>27</v>
      </c>
      <c r="BS666" s="6">
        <v>23</v>
      </c>
      <c r="BT666" s="6">
        <v>22</v>
      </c>
      <c r="BU666" s="6">
        <v>24</v>
      </c>
      <c r="BV666" s="6">
        <v>25</v>
      </c>
      <c r="BW666" s="6">
        <v>19</v>
      </c>
      <c r="BX666" s="6">
        <v>20</v>
      </c>
      <c r="BY666" s="6">
        <v>19</v>
      </c>
      <c r="BZ666" s="6">
        <v>20</v>
      </c>
      <c r="CA666" s="6">
        <v>20</v>
      </c>
      <c r="CB666" s="6">
        <v>20</v>
      </c>
      <c r="CC666" s="11">
        <v>19.75</v>
      </c>
      <c r="CD666" s="11">
        <v>-25.924399999999999</v>
      </c>
      <c r="CE666" s="11">
        <v>-191.37799999999999</v>
      </c>
      <c r="CF666" s="11">
        <v>59.2669</v>
      </c>
      <c r="CG666" s="11">
        <v>-132</v>
      </c>
      <c r="CH666" s="20">
        <v>1.01386</v>
      </c>
      <c r="CI666" s="20">
        <v>0.94843599999999995</v>
      </c>
      <c r="CJ666" s="20">
        <v>0.98199400000000003</v>
      </c>
      <c r="CK666" s="20">
        <v>1.07064</v>
      </c>
      <c r="CL666" s="20">
        <v>1.06918</v>
      </c>
      <c r="CM666" s="20">
        <v>1.1252800000000001</v>
      </c>
      <c r="CN666" s="20">
        <v>1.09222</v>
      </c>
      <c r="CO666" s="20">
        <v>1.05108</v>
      </c>
      <c r="CP666" s="20">
        <v>1.09612</v>
      </c>
      <c r="CQ666" s="20">
        <v>1.6941600000000001</v>
      </c>
      <c r="CR666" s="20">
        <v>1.6923999999999999</v>
      </c>
      <c r="CS666" s="20">
        <v>1.01678</v>
      </c>
      <c r="CT666" s="20">
        <v>1.73163</v>
      </c>
      <c r="CU666" s="20">
        <v>1.0067699999999999</v>
      </c>
      <c r="CV666" s="20">
        <v>1.07785</v>
      </c>
      <c r="CW666" s="20">
        <v>1.1098399999999999</v>
      </c>
      <c r="CX666" s="20">
        <v>1.0841799999999999</v>
      </c>
      <c r="CY666" s="6" t="s">
        <v>495</v>
      </c>
      <c r="CZ666" s="6" t="s">
        <v>496</v>
      </c>
      <c r="DA666" s="6" t="s">
        <v>117</v>
      </c>
      <c r="DB666" s="6" t="s">
        <v>345</v>
      </c>
      <c r="DC666" s="6"/>
      <c r="DD666" s="6"/>
      <c r="DE666" s="6"/>
      <c r="DF666" s="6"/>
      <c r="DG666" s="6"/>
      <c r="DH666" s="6" t="s">
        <v>333</v>
      </c>
      <c r="DI666" s="6"/>
      <c r="DJ666" s="6"/>
      <c r="DK666" s="6"/>
      <c r="DL666" s="6">
        <v>9</v>
      </c>
      <c r="DM666" s="6" t="s">
        <v>440</v>
      </c>
      <c r="DN666" s="6">
        <v>7</v>
      </c>
      <c r="DO666" s="6" t="s">
        <v>369</v>
      </c>
      <c r="DP666" s="6"/>
      <c r="DQ666" s="6"/>
    </row>
    <row r="667" spans="1:121" x14ac:dyDescent="0.2">
      <c r="A667" s="6" t="s">
        <v>313</v>
      </c>
      <c r="B667" s="6" t="s">
        <v>313</v>
      </c>
      <c r="C667" s="6" t="s">
        <v>178</v>
      </c>
      <c r="D667" s="6" t="s">
        <v>117</v>
      </c>
      <c r="E667" s="6" t="s">
        <v>258</v>
      </c>
      <c r="F667" s="11">
        <v>-203</v>
      </c>
      <c r="G667" s="13">
        <v>-0.37179487179499998</v>
      </c>
      <c r="H667" s="11">
        <v>-38.335574633000022</v>
      </c>
      <c r="I667" s="13">
        <v>-7.027443675453951E-2</v>
      </c>
      <c r="J667" s="11">
        <v>-129.66309853899998</v>
      </c>
      <c r="K667" s="13">
        <v>-0.25565660614025337</v>
      </c>
      <c r="L667" s="11">
        <v>-34.050359049000008</v>
      </c>
      <c r="M667" s="13">
        <v>-9.0196353725348885E-2</v>
      </c>
      <c r="N667" s="11">
        <v>-163.71345758799998</v>
      </c>
      <c r="O667" s="13">
        <v>-0.32279366618595379</v>
      </c>
      <c r="P667" s="7">
        <v>545.512371261</v>
      </c>
      <c r="Q667" s="7">
        <v>587.65561086100001</v>
      </c>
      <c r="R667" s="7">
        <v>556.33926399200004</v>
      </c>
      <c r="S667" s="7">
        <v>434.192321994</v>
      </c>
      <c r="T667" s="7">
        <v>461.61354127999999</v>
      </c>
      <c r="U667" s="7">
        <v>500.40653569599999</v>
      </c>
      <c r="V667" s="7">
        <v>507.17679662799998</v>
      </c>
      <c r="W667" s="7">
        <v>482.01464378999998</v>
      </c>
      <c r="X667" s="7">
        <v>429.51446786600002</v>
      </c>
      <c r="Y667" s="7">
        <v>377.513698089</v>
      </c>
      <c r="Z667" s="7">
        <v>360.22559925899998</v>
      </c>
      <c r="AA667" s="7">
        <v>361.41889882200002</v>
      </c>
      <c r="AB667" s="7">
        <v>372.407703153</v>
      </c>
      <c r="AC667" s="7">
        <v>351.691901261</v>
      </c>
      <c r="AD667" s="7">
        <v>346.801281485</v>
      </c>
      <c r="AE667" s="7">
        <v>346.21040993899999</v>
      </c>
      <c r="AF667" s="7">
        <v>343.46333903999999</v>
      </c>
      <c r="AG667" s="9">
        <v>23442.9592882</v>
      </c>
      <c r="AH667" s="13">
        <v>0.56153300273963491</v>
      </c>
      <c r="AI667" s="9">
        <v>14071.628149299999</v>
      </c>
      <c r="AJ667" s="13">
        <v>0.33705998935421555</v>
      </c>
      <c r="AK667" s="9">
        <v>-2342.9172868000023</v>
      </c>
      <c r="AL667" s="13">
        <v>-4.1972894174595939E-2</v>
      </c>
      <c r="AM667" s="9">
        <v>11714.248425700003</v>
      </c>
      <c r="AN667" s="13">
        <v>0.2190526909373221</v>
      </c>
      <c r="AO667" s="9">
        <v>9371.331138900001</v>
      </c>
      <c r="AP667" s="13">
        <v>0.16788552134735349</v>
      </c>
      <c r="AQ667" s="9">
        <v>41748.1415586</v>
      </c>
      <c r="AR667" s="9">
        <v>40126.6343433</v>
      </c>
      <c r="AS667" s="9">
        <v>42706.953806700003</v>
      </c>
      <c r="AT667" s="9">
        <v>47972.219970099999</v>
      </c>
      <c r="AU667" s="9">
        <v>56663.519691699999</v>
      </c>
      <c r="AV667" s="9">
        <v>55146.7730944</v>
      </c>
      <c r="AW667" s="9">
        <v>55819.769707899999</v>
      </c>
      <c r="AX667" s="9">
        <v>59037.864165200001</v>
      </c>
      <c r="AY667" s="9">
        <v>55060.197482299998</v>
      </c>
      <c r="AZ667" s="9">
        <v>53476.852421099997</v>
      </c>
      <c r="BA667" s="9">
        <v>56035.811057400002</v>
      </c>
      <c r="BB667" s="9">
        <v>57456.736146900002</v>
      </c>
      <c r="BC667" s="9">
        <v>58655.472449499997</v>
      </c>
      <c r="BD667" s="9">
        <v>59362.4915683</v>
      </c>
      <c r="BE667" s="9">
        <v>58808.890855199999</v>
      </c>
      <c r="BF667" s="9">
        <v>65191.1008468</v>
      </c>
      <c r="BG667" s="11">
        <v>0.25</v>
      </c>
      <c r="BH667" s="13">
        <v>2.5000000000000001E-2</v>
      </c>
      <c r="BI667" s="6">
        <v>3</v>
      </c>
      <c r="BJ667" s="13">
        <v>0.3</v>
      </c>
      <c r="BK667" s="6">
        <v>-2</v>
      </c>
      <c r="BL667" s="13">
        <v>-0.15384615384615385</v>
      </c>
      <c r="BM667" s="11">
        <v>-0.75</v>
      </c>
      <c r="BN667" s="13">
        <v>-6.8181818181818177E-2</v>
      </c>
      <c r="BO667" s="11">
        <v>-2.75</v>
      </c>
      <c r="BP667" s="13">
        <v>-0.21153846153846154</v>
      </c>
      <c r="BQ667" s="6">
        <v>10</v>
      </c>
      <c r="BR667" s="6">
        <v>12</v>
      </c>
      <c r="BS667" s="6">
        <v>13</v>
      </c>
      <c r="BT667" s="6">
        <v>13</v>
      </c>
      <c r="BU667" s="6">
        <v>12</v>
      </c>
      <c r="BV667" s="6">
        <v>11</v>
      </c>
      <c r="BW667" s="6">
        <v>11</v>
      </c>
      <c r="BX667" s="6">
        <v>10</v>
      </c>
      <c r="BY667" s="6">
        <v>9</v>
      </c>
      <c r="BZ667" s="6">
        <v>9</v>
      </c>
      <c r="CA667" s="6">
        <v>9</v>
      </c>
      <c r="CB667" s="6">
        <v>11</v>
      </c>
      <c r="CC667" s="11">
        <v>10.25</v>
      </c>
      <c r="CD667" s="11">
        <v>-217.07499999999999</v>
      </c>
      <c r="CE667" s="11">
        <v>-44.605200000000004</v>
      </c>
      <c r="CF667" s="11">
        <v>59.631100000000004</v>
      </c>
      <c r="CG667" s="11">
        <v>15</v>
      </c>
      <c r="CH667" s="20">
        <v>2.8647900000000002</v>
      </c>
      <c r="CI667" s="20">
        <v>3.1364100000000001</v>
      </c>
      <c r="CJ667" s="20">
        <v>3.0164200000000001</v>
      </c>
      <c r="CK667" s="20">
        <v>2.38869</v>
      </c>
      <c r="CL667" s="20">
        <v>2.4700299999999999</v>
      </c>
      <c r="CM667" s="20">
        <v>2.59863</v>
      </c>
      <c r="CN667" s="20">
        <v>2.6412800000000001</v>
      </c>
      <c r="CO667" s="20">
        <v>2.5063399999999998</v>
      </c>
      <c r="CP667" s="20">
        <v>2.3274699999999999</v>
      </c>
      <c r="CQ667" s="20">
        <v>1.99983</v>
      </c>
      <c r="CR667" s="20">
        <v>1.92513</v>
      </c>
      <c r="CS667" s="20">
        <v>2.04732</v>
      </c>
      <c r="CT667" s="20">
        <v>2.0289199999999998</v>
      </c>
      <c r="CU667" s="20">
        <v>2.0394399999999999</v>
      </c>
      <c r="CV667" s="20">
        <v>2.0041099999999998</v>
      </c>
      <c r="CW667" s="20">
        <v>2.0431900000000001</v>
      </c>
      <c r="CX667" s="20">
        <v>2.00379</v>
      </c>
      <c r="CY667" s="6" t="s">
        <v>495</v>
      </c>
      <c r="CZ667" s="6" t="s">
        <v>496</v>
      </c>
      <c r="DA667" s="6" t="s">
        <v>117</v>
      </c>
      <c r="DB667" s="6" t="s">
        <v>345</v>
      </c>
      <c r="DC667" s="6"/>
      <c r="DD667" s="6"/>
      <c r="DE667" s="6"/>
      <c r="DF667" s="6"/>
      <c r="DG667" s="6"/>
      <c r="DH667" s="6" t="s">
        <v>333</v>
      </c>
      <c r="DI667" s="6"/>
      <c r="DJ667" s="6"/>
      <c r="DK667" s="6"/>
      <c r="DL667" s="6">
        <v>9</v>
      </c>
      <c r="DM667" s="6" t="s">
        <v>440</v>
      </c>
      <c r="DN667" s="6">
        <v>7</v>
      </c>
      <c r="DO667" s="6" t="s">
        <v>369</v>
      </c>
      <c r="DP667" s="6"/>
      <c r="DQ667" s="6"/>
    </row>
    <row r="668" spans="1:121" x14ac:dyDescent="0.2">
      <c r="A668" s="6" t="s">
        <v>793</v>
      </c>
      <c r="B668" s="6" t="s">
        <v>179</v>
      </c>
      <c r="C668" s="6" t="s">
        <v>180</v>
      </c>
      <c r="D668" s="6" t="s">
        <v>117</v>
      </c>
      <c r="E668" s="6" t="s">
        <v>258</v>
      </c>
      <c r="F668" s="11">
        <v>-161</v>
      </c>
      <c r="G668" s="13">
        <v>-0.23</v>
      </c>
      <c r="H668" s="11">
        <v>-62</v>
      </c>
      <c r="I668" s="13">
        <v>-8.8068181818181823E-2</v>
      </c>
      <c r="J668" s="11">
        <v>-57</v>
      </c>
      <c r="K668" s="13">
        <v>-8.8785046728971959E-2</v>
      </c>
      <c r="L668" s="11">
        <v>-42</v>
      </c>
      <c r="M668" s="13">
        <v>-7.179487179487179E-2</v>
      </c>
      <c r="N668" s="11">
        <v>-99</v>
      </c>
      <c r="O668" s="13">
        <v>-0.1542056074766355</v>
      </c>
      <c r="P668" s="7">
        <v>704</v>
      </c>
      <c r="Q668" s="7">
        <v>671</v>
      </c>
      <c r="R668" s="7">
        <v>660</v>
      </c>
      <c r="S668" s="7">
        <v>660</v>
      </c>
      <c r="T668" s="7">
        <v>700</v>
      </c>
      <c r="U668" s="7">
        <v>718</v>
      </c>
      <c r="V668" s="7">
        <v>642</v>
      </c>
      <c r="W668" s="7">
        <v>611</v>
      </c>
      <c r="X668" s="7">
        <v>591</v>
      </c>
      <c r="Y668" s="7">
        <v>585</v>
      </c>
      <c r="Z668" s="7">
        <v>583</v>
      </c>
      <c r="AA668" s="7">
        <v>551</v>
      </c>
      <c r="AB668" s="7">
        <v>537</v>
      </c>
      <c r="AC668" s="7">
        <v>526</v>
      </c>
      <c r="AD668" s="7">
        <v>541</v>
      </c>
      <c r="AE668" s="7">
        <v>542</v>
      </c>
      <c r="AF668" s="7">
        <v>543</v>
      </c>
      <c r="AG668" s="9">
        <v>8514</v>
      </c>
      <c r="AH668" s="13">
        <v>0.45658819112994048</v>
      </c>
      <c r="AI668" s="9">
        <v>5205</v>
      </c>
      <c r="AJ668" s="13">
        <v>0.2791333726604816</v>
      </c>
      <c r="AK668" s="9">
        <v>1821</v>
      </c>
      <c r="AL668" s="13">
        <v>7.6345799094415565E-2</v>
      </c>
      <c r="AM668" s="9">
        <v>1488</v>
      </c>
      <c r="AN668" s="13">
        <v>5.7959724223892797E-2</v>
      </c>
      <c r="AO668" s="9">
        <v>3309</v>
      </c>
      <c r="AP668" s="13">
        <v>0.13873050477947341</v>
      </c>
      <c r="AQ668" s="9">
        <v>18647</v>
      </c>
      <c r="AR668" s="9">
        <v>19937</v>
      </c>
      <c r="AS668" s="9">
        <v>20214</v>
      </c>
      <c r="AT668" s="9">
        <v>21017</v>
      </c>
      <c r="AU668" s="9">
        <v>25180</v>
      </c>
      <c r="AV668" s="9">
        <v>25842</v>
      </c>
      <c r="AW668" s="9">
        <v>23852</v>
      </c>
      <c r="AX668" s="9">
        <v>25175</v>
      </c>
      <c r="AY668" s="9">
        <v>25722</v>
      </c>
      <c r="AZ668" s="9">
        <v>25673</v>
      </c>
      <c r="BA668" s="9">
        <v>24719</v>
      </c>
      <c r="BB668" s="9">
        <v>25270</v>
      </c>
      <c r="BC668" s="9">
        <v>26451</v>
      </c>
      <c r="BD668" s="9">
        <v>26900</v>
      </c>
      <c r="BE668" s="9">
        <v>26469</v>
      </c>
      <c r="BF668" s="9">
        <v>27161</v>
      </c>
      <c r="BG668" s="11">
        <v>-16</v>
      </c>
      <c r="BH668" s="13">
        <v>-0.25806451612903225</v>
      </c>
      <c r="BI668" s="6">
        <v>-5</v>
      </c>
      <c r="BJ668" s="13">
        <v>-8.0645161290322578E-2</v>
      </c>
      <c r="BK668" s="6">
        <v>2</v>
      </c>
      <c r="BL668" s="13">
        <v>3.5087719298245612E-2</v>
      </c>
      <c r="BM668" s="11">
        <v>-13</v>
      </c>
      <c r="BN668" s="13">
        <v>-0.22033898305084745</v>
      </c>
      <c r="BO668" s="11">
        <v>-11</v>
      </c>
      <c r="BP668" s="13">
        <v>-0.19298245614035087</v>
      </c>
      <c r="BQ668" s="6">
        <v>62</v>
      </c>
      <c r="BR668" s="6">
        <v>58</v>
      </c>
      <c r="BS668" s="6">
        <v>58</v>
      </c>
      <c r="BT668" s="6">
        <v>57</v>
      </c>
      <c r="BU668" s="6">
        <v>55</v>
      </c>
      <c r="BV668" s="6">
        <v>60</v>
      </c>
      <c r="BW668" s="6">
        <v>59</v>
      </c>
      <c r="BX668" s="6">
        <v>54</v>
      </c>
      <c r="BY668" s="6">
        <v>55</v>
      </c>
      <c r="BZ668" s="6">
        <v>50</v>
      </c>
      <c r="CA668" s="6">
        <v>50</v>
      </c>
      <c r="CB668" s="6">
        <v>50</v>
      </c>
      <c r="CC668" s="11">
        <v>46</v>
      </c>
      <c r="CD668" s="11">
        <v>-193</v>
      </c>
      <c r="CE668" s="11">
        <v>-45</v>
      </c>
      <c r="CF668" s="11">
        <v>77</v>
      </c>
      <c r="CG668" s="11">
        <v>32</v>
      </c>
      <c r="CH668" s="20">
        <v>1.38</v>
      </c>
      <c r="CI668" s="20">
        <v>1.31</v>
      </c>
      <c r="CJ668" s="20">
        <v>1.32</v>
      </c>
      <c r="CK668" s="20">
        <v>1.34</v>
      </c>
      <c r="CL668" s="20">
        <v>1.39</v>
      </c>
      <c r="CM668" s="20">
        <v>1.4</v>
      </c>
      <c r="CN668" s="20">
        <v>1.27</v>
      </c>
      <c r="CO668" s="20">
        <v>1.21</v>
      </c>
      <c r="CP668" s="20">
        <v>1.2</v>
      </c>
      <c r="CQ668" s="20">
        <v>1.1499999999999999</v>
      </c>
      <c r="CR668" s="20">
        <v>1.1599999999999999</v>
      </c>
      <c r="CS668" s="20">
        <v>1.17</v>
      </c>
      <c r="CT668" s="20">
        <v>1.1000000000000001</v>
      </c>
      <c r="CU668" s="20">
        <v>1.1399999999999999</v>
      </c>
      <c r="CV668" s="20">
        <v>1.1599999999999999</v>
      </c>
      <c r="CW668" s="20">
        <v>1.17</v>
      </c>
      <c r="CX668" s="20">
        <v>1.1599999999999999</v>
      </c>
      <c r="CY668" s="6" t="s">
        <v>495</v>
      </c>
      <c r="CZ668" s="6" t="s">
        <v>496</v>
      </c>
      <c r="DA668" s="6" t="s">
        <v>117</v>
      </c>
      <c r="DB668" s="6" t="s">
        <v>345</v>
      </c>
      <c r="DC668" s="6"/>
      <c r="DD668" s="6"/>
      <c r="DE668" s="6"/>
      <c r="DF668" s="6"/>
      <c r="DG668" s="6"/>
      <c r="DH668" s="6" t="s">
        <v>333</v>
      </c>
      <c r="DI668" s="6"/>
      <c r="DJ668" s="6"/>
      <c r="DK668" s="6"/>
      <c r="DL668" s="6">
        <v>9</v>
      </c>
      <c r="DM668" s="6" t="s">
        <v>440</v>
      </c>
      <c r="DN668" s="6">
        <v>7</v>
      </c>
      <c r="DO668" s="6" t="s">
        <v>369</v>
      </c>
      <c r="DP668" s="6"/>
      <c r="DQ668" s="6"/>
    </row>
    <row r="669" spans="1:121" x14ac:dyDescent="0.2">
      <c r="A669" s="6" t="s">
        <v>794</v>
      </c>
      <c r="B669" s="6" t="s">
        <v>181</v>
      </c>
      <c r="C669" s="6" t="s">
        <v>182</v>
      </c>
      <c r="D669" s="6" t="s">
        <v>117</v>
      </c>
      <c r="E669" s="6" t="s">
        <v>258</v>
      </c>
      <c r="F669" s="11">
        <v>-2</v>
      </c>
      <c r="G669" s="13">
        <v>-2.4096385542200002E-2</v>
      </c>
      <c r="H669" s="11">
        <v>-2.0065173286999993</v>
      </c>
      <c r="I669" s="13">
        <v>-2.4188975431904167E-2</v>
      </c>
      <c r="J669" s="11">
        <v>-2.2677986248999957</v>
      </c>
      <c r="K669" s="13">
        <v>-2.8016464286875545E-2</v>
      </c>
      <c r="L669" s="11">
        <v>1.8753381390000072</v>
      </c>
      <c r="M669" s="13">
        <v>2.3835788092317092E-2</v>
      </c>
      <c r="N669" s="11">
        <v>-0.3924604858999885</v>
      </c>
      <c r="O669" s="13">
        <v>-4.8484707003963899E-3</v>
      </c>
      <c r="P669" s="7">
        <v>82.951728747199994</v>
      </c>
      <c r="Q669" s="7">
        <v>79.862070921899999</v>
      </c>
      <c r="R669" s="7">
        <v>81.276352916500002</v>
      </c>
      <c r="S669" s="7">
        <v>83.3992034937</v>
      </c>
      <c r="T669" s="7">
        <v>81.323411096800001</v>
      </c>
      <c r="U669" s="7">
        <v>73.476350179899995</v>
      </c>
      <c r="V669" s="7">
        <v>80.945211418499994</v>
      </c>
      <c r="W669" s="7">
        <v>73.411018844799997</v>
      </c>
      <c r="X669" s="7">
        <v>81.066805091500001</v>
      </c>
      <c r="Y669" s="7">
        <v>78.677412793599999</v>
      </c>
      <c r="Z669" s="7">
        <v>76.281541098700004</v>
      </c>
      <c r="AA669" s="7">
        <v>78.821103694000001</v>
      </c>
      <c r="AB669" s="7">
        <v>77.493362549400004</v>
      </c>
      <c r="AC669" s="7">
        <v>82.873197962500001</v>
      </c>
      <c r="AD669" s="7">
        <v>78.515970620700003</v>
      </c>
      <c r="AE669" s="7">
        <v>78.3437560271</v>
      </c>
      <c r="AF669" s="7">
        <v>80.552750932600006</v>
      </c>
      <c r="AG669" s="9">
        <v>14187.985460500004</v>
      </c>
      <c r="AH669" s="13">
        <v>0.55781245678525981</v>
      </c>
      <c r="AI669" s="9">
        <v>9296.4545416000001</v>
      </c>
      <c r="AJ669" s="13">
        <v>0.36549784757529857</v>
      </c>
      <c r="AK669" s="9">
        <v>-2165.9291307999993</v>
      </c>
      <c r="AL669" s="13">
        <v>-6.2362094962332186E-2</v>
      </c>
      <c r="AM669" s="9">
        <v>7057.4600497000029</v>
      </c>
      <c r="AN669" s="13">
        <v>0.21671537634418392</v>
      </c>
      <c r="AO669" s="9">
        <v>4891.5309189000036</v>
      </c>
      <c r="AP669" s="13">
        <v>0.14083845650247817</v>
      </c>
      <c r="AQ669" s="9">
        <v>25435.0459333</v>
      </c>
      <c r="AR669" s="9">
        <v>32782.219707700002</v>
      </c>
      <c r="AS669" s="9">
        <v>26276.325555799998</v>
      </c>
      <c r="AT669" s="9">
        <v>26487.874668799999</v>
      </c>
      <c r="AU669" s="9">
        <v>29178.630463699999</v>
      </c>
      <c r="AV669" s="9">
        <v>34313.333297899997</v>
      </c>
      <c r="AW669" s="9">
        <v>34731.5004749</v>
      </c>
      <c r="AX669" s="9">
        <v>35943.742406799996</v>
      </c>
      <c r="AY669" s="9">
        <v>34107.102965099999</v>
      </c>
      <c r="AZ669" s="9">
        <v>32565.571344100001</v>
      </c>
      <c r="BA669" s="9">
        <v>30305.9293125</v>
      </c>
      <c r="BB669" s="9">
        <v>33775.741822199998</v>
      </c>
      <c r="BC669" s="9">
        <v>34513.421552</v>
      </c>
      <c r="BD669" s="9">
        <v>34350.224144</v>
      </c>
      <c r="BE669" s="9">
        <v>38413.419283800002</v>
      </c>
      <c r="BF669" s="9">
        <v>39623.031393800004</v>
      </c>
      <c r="BG669" s="11">
        <v>-1</v>
      </c>
      <c r="BH669" s="13">
        <v>-6.25E-2</v>
      </c>
      <c r="BI669" s="6">
        <v>1</v>
      </c>
      <c r="BJ669" s="13">
        <v>6.25E-2</v>
      </c>
      <c r="BK669" s="6">
        <v>1</v>
      </c>
      <c r="BL669" s="13">
        <v>5.8823529411764705E-2</v>
      </c>
      <c r="BM669" s="11">
        <v>-3</v>
      </c>
      <c r="BN669" s="13">
        <v>-0.16666666666666666</v>
      </c>
      <c r="BO669" s="11">
        <v>-2</v>
      </c>
      <c r="BP669" s="13">
        <v>-0.11764705882352941</v>
      </c>
      <c r="BQ669" s="6">
        <v>16</v>
      </c>
      <c r="BR669" s="6">
        <v>16</v>
      </c>
      <c r="BS669" s="6">
        <v>15</v>
      </c>
      <c r="BT669" s="6">
        <v>17</v>
      </c>
      <c r="BU669" s="6">
        <v>18</v>
      </c>
      <c r="BV669" s="6">
        <v>18</v>
      </c>
      <c r="BW669" s="6">
        <v>18</v>
      </c>
      <c r="BX669" s="6">
        <v>18</v>
      </c>
      <c r="BY669" s="6">
        <v>19</v>
      </c>
      <c r="BZ669" s="6">
        <v>15</v>
      </c>
      <c r="CA669" s="6">
        <v>14</v>
      </c>
      <c r="CB669" s="6">
        <v>15</v>
      </c>
      <c r="CC669" s="11">
        <v>15</v>
      </c>
      <c r="CD669" s="11">
        <v>-16.6951</v>
      </c>
      <c r="CE669" s="11">
        <v>5.2284800000000002</v>
      </c>
      <c r="CF669" s="11">
        <v>9.0676199999999998</v>
      </c>
      <c r="CG669" s="11">
        <v>14</v>
      </c>
      <c r="CH669" s="20">
        <v>0.55030699999999999</v>
      </c>
      <c r="CI669" s="20">
        <v>0.54301600000000005</v>
      </c>
      <c r="CJ669" s="20">
        <v>0.56258699999999995</v>
      </c>
      <c r="CK669" s="20">
        <v>0.58011000000000001</v>
      </c>
      <c r="CL669" s="20">
        <v>0.54689100000000002</v>
      </c>
      <c r="CM669" s="20">
        <v>0.47816700000000001</v>
      </c>
      <c r="CN669" s="20">
        <v>0.52713500000000002</v>
      </c>
      <c r="CO669" s="20">
        <v>0.477379</v>
      </c>
      <c r="CP669" s="20">
        <v>0.54777699999999996</v>
      </c>
      <c r="CQ669" s="20">
        <v>0.51657900000000001</v>
      </c>
      <c r="CR669" s="20">
        <v>0.49872899999999998</v>
      </c>
      <c r="CS669" s="20">
        <v>0.54410000000000003</v>
      </c>
      <c r="CT669" s="20">
        <v>0.51139800000000002</v>
      </c>
      <c r="CU669" s="20">
        <v>0.56914399999999998</v>
      </c>
      <c r="CV669" s="20">
        <v>0.51895500000000006</v>
      </c>
      <c r="CW669" s="20">
        <v>0.51529700000000001</v>
      </c>
      <c r="CX669" s="20">
        <v>0.520343</v>
      </c>
      <c r="CY669" s="6" t="s">
        <v>495</v>
      </c>
      <c r="CZ669" s="6" t="s">
        <v>496</v>
      </c>
      <c r="DA669" s="6" t="s">
        <v>117</v>
      </c>
      <c r="DB669" s="6" t="s">
        <v>345</v>
      </c>
      <c r="DC669" s="6"/>
      <c r="DD669" s="6"/>
      <c r="DE669" s="6"/>
      <c r="DF669" s="6"/>
      <c r="DG669" s="6"/>
      <c r="DH669" s="6" t="s">
        <v>333</v>
      </c>
      <c r="DI669" s="6"/>
      <c r="DJ669" s="6"/>
      <c r="DK669" s="6"/>
      <c r="DL669" s="6">
        <v>9</v>
      </c>
      <c r="DM669" s="6" t="s">
        <v>440</v>
      </c>
      <c r="DN669" s="6">
        <v>7</v>
      </c>
      <c r="DO669" s="6" t="s">
        <v>369</v>
      </c>
      <c r="DP669" s="6"/>
      <c r="DQ669" s="6"/>
    </row>
    <row r="670" spans="1:121" x14ac:dyDescent="0.2">
      <c r="A670" s="6" t="s">
        <v>314</v>
      </c>
      <c r="B670" s="6" t="s">
        <v>314</v>
      </c>
      <c r="C670" s="6" t="s">
        <v>183</v>
      </c>
      <c r="D670" s="6" t="s">
        <v>117</v>
      </c>
      <c r="E670" s="6" t="s">
        <v>258</v>
      </c>
      <c r="F670" s="11">
        <v>-5</v>
      </c>
      <c r="G670" s="13">
        <v>-0.108695652174</v>
      </c>
      <c r="H670" s="11">
        <v>5.2631034091999993</v>
      </c>
      <c r="I670" s="13">
        <v>0.11500565829171217</v>
      </c>
      <c r="J670" s="11">
        <v>-16.081207792699999</v>
      </c>
      <c r="K670" s="13">
        <v>-0.31515115093948426</v>
      </c>
      <c r="L670" s="11">
        <v>5.7058943669999991</v>
      </c>
      <c r="M670" s="13">
        <v>0.16327858607439455</v>
      </c>
      <c r="N670" s="11">
        <v>-10.3753134257</v>
      </c>
      <c r="O670" s="13">
        <v>-0.20332999919020683</v>
      </c>
      <c r="P670" s="7">
        <v>45.7638649035</v>
      </c>
      <c r="Q670" s="7">
        <v>41.2777864432</v>
      </c>
      <c r="R670" s="7">
        <v>35.538390136099999</v>
      </c>
      <c r="S670" s="7">
        <v>38.381429224599998</v>
      </c>
      <c r="T670" s="7">
        <v>48.5541176284</v>
      </c>
      <c r="U670" s="7">
        <v>50.638272364999999</v>
      </c>
      <c r="V670" s="7">
        <v>51.026968312699999</v>
      </c>
      <c r="W670" s="7">
        <v>47.165701244499999</v>
      </c>
      <c r="X670" s="7">
        <v>44.233316461599998</v>
      </c>
      <c r="Y670" s="7">
        <v>34.94576052</v>
      </c>
      <c r="Z670" s="7">
        <v>35.8678351613</v>
      </c>
      <c r="AA670" s="7">
        <v>36.875000334299997</v>
      </c>
      <c r="AB670" s="7">
        <v>39.605830218900003</v>
      </c>
      <c r="AC670" s="7">
        <v>42.568711548400003</v>
      </c>
      <c r="AD670" s="7">
        <v>44.341051051199997</v>
      </c>
      <c r="AE670" s="7">
        <v>39.346738929399997</v>
      </c>
      <c r="AF670" s="7">
        <v>40.651654886999999</v>
      </c>
      <c r="AG670" s="9">
        <v>8379.6596004999992</v>
      </c>
      <c r="AH670" s="13">
        <v>0.37284942125705761</v>
      </c>
      <c r="AI670" s="9">
        <v>4874.8366514000008</v>
      </c>
      <c r="AJ670" s="13">
        <v>0.216903801687688</v>
      </c>
      <c r="AK670" s="9">
        <v>4399.1911799000009</v>
      </c>
      <c r="AL670" s="13">
        <v>0.16085097004608007</v>
      </c>
      <c r="AM670" s="9">
        <v>-894.36823080000249</v>
      </c>
      <c r="AN670" s="13">
        <v>-2.8170252767098756E-2</v>
      </c>
      <c r="AO670" s="9">
        <v>3504.8229490999984</v>
      </c>
      <c r="AP670" s="13">
        <v>0.12814950479495024</v>
      </c>
      <c r="AQ670" s="9">
        <v>22474.648270199999</v>
      </c>
      <c r="AR670" s="9">
        <v>24535.6357355</v>
      </c>
      <c r="AS670" s="9">
        <v>27151.391760499999</v>
      </c>
      <c r="AT670" s="9">
        <v>26888.866025700001</v>
      </c>
      <c r="AU670" s="9">
        <v>25937.360517500001</v>
      </c>
      <c r="AV670" s="9">
        <v>26434.7076982</v>
      </c>
      <c r="AW670" s="9">
        <v>27349.4849216</v>
      </c>
      <c r="AX670" s="9">
        <v>30706.863298200002</v>
      </c>
      <c r="AY670" s="9">
        <v>38576.8015868</v>
      </c>
      <c r="AZ670" s="9">
        <v>31748.676101500001</v>
      </c>
      <c r="BA670" s="9">
        <v>28997.441309000002</v>
      </c>
      <c r="BB670" s="9">
        <v>29071.994597299999</v>
      </c>
      <c r="BC670" s="9">
        <v>27541.9991787</v>
      </c>
      <c r="BD670" s="9">
        <v>28655.327668999998</v>
      </c>
      <c r="BE670" s="9">
        <v>29436.658077600001</v>
      </c>
      <c r="BF670" s="9">
        <v>30854.307870699999</v>
      </c>
      <c r="BG670" s="11">
        <v>-1.25</v>
      </c>
      <c r="BH670" s="13">
        <v>-0.20833333333333334</v>
      </c>
      <c r="BI670" s="6">
        <v>1</v>
      </c>
      <c r="BJ670" s="13">
        <v>0.16666666666666666</v>
      </c>
      <c r="BK670" s="6">
        <v>-3</v>
      </c>
      <c r="BL670" s="13">
        <v>-0.42857142857142855</v>
      </c>
      <c r="BM670" s="11">
        <v>0.75</v>
      </c>
      <c r="BN670" s="13">
        <v>0.1875</v>
      </c>
      <c r="BO670" s="11">
        <v>-2.25</v>
      </c>
      <c r="BP670" s="13">
        <v>-0.32142857142857145</v>
      </c>
      <c r="BQ670" s="6">
        <v>6</v>
      </c>
      <c r="BR670" s="6">
        <v>7</v>
      </c>
      <c r="BS670" s="6">
        <v>8</v>
      </c>
      <c r="BT670" s="6">
        <v>7</v>
      </c>
      <c r="BU670" s="6">
        <v>7</v>
      </c>
      <c r="BV670" s="6">
        <v>6</v>
      </c>
      <c r="BW670" s="6">
        <v>4</v>
      </c>
      <c r="BX670" s="6">
        <v>4</v>
      </c>
      <c r="BY670" s="6">
        <v>4</v>
      </c>
      <c r="BZ670" s="6">
        <v>4</v>
      </c>
      <c r="CA670" s="6">
        <v>4</v>
      </c>
      <c r="CB670" s="6">
        <v>4</v>
      </c>
      <c r="CC670" s="11">
        <v>4.75</v>
      </c>
      <c r="CD670" s="11">
        <v>3.9022800000000002</v>
      </c>
      <c r="CE670" s="11">
        <v>-14.016999999999999</v>
      </c>
      <c r="CF670" s="11">
        <v>5.0025399999999998</v>
      </c>
      <c r="CG670" s="11">
        <v>-9</v>
      </c>
      <c r="CH670" s="20">
        <v>0.38553399999999999</v>
      </c>
      <c r="CI670" s="20">
        <v>0.36646299999999998</v>
      </c>
      <c r="CJ670" s="20">
        <v>0.33537800000000001</v>
      </c>
      <c r="CK670" s="20">
        <v>0.37938</v>
      </c>
      <c r="CL670" s="20">
        <v>0.48159000000000002</v>
      </c>
      <c r="CM670" s="20">
        <v>0.50053099999999995</v>
      </c>
      <c r="CN670" s="20">
        <v>0.51627699999999999</v>
      </c>
      <c r="CO670" s="20">
        <v>0.48066199999999998</v>
      </c>
      <c r="CP670" s="20">
        <v>0.46618700000000002</v>
      </c>
      <c r="CQ670" s="20">
        <v>0.36708299999999999</v>
      </c>
      <c r="CR670" s="20">
        <v>0.38913900000000001</v>
      </c>
      <c r="CS670" s="20">
        <v>0.43093100000000001</v>
      </c>
      <c r="CT670" s="20">
        <v>0.447071</v>
      </c>
      <c r="CU670" s="20">
        <v>0.51079399999999997</v>
      </c>
      <c r="CV670" s="20">
        <v>0.53076599999999996</v>
      </c>
      <c r="CW670" s="20">
        <v>0.47380100000000003</v>
      </c>
      <c r="CX670" s="20">
        <v>0.48682700000000001</v>
      </c>
      <c r="CY670" s="6" t="s">
        <v>495</v>
      </c>
      <c r="CZ670" s="6" t="s">
        <v>496</v>
      </c>
      <c r="DA670" s="6" t="s">
        <v>117</v>
      </c>
      <c r="DB670" s="6" t="s">
        <v>345</v>
      </c>
      <c r="DC670" s="6"/>
      <c r="DD670" s="6"/>
      <c r="DE670" s="6"/>
      <c r="DF670" s="6"/>
      <c r="DG670" s="6"/>
      <c r="DH670" s="6" t="s">
        <v>333</v>
      </c>
      <c r="DI670" s="6"/>
      <c r="DJ670" s="6"/>
      <c r="DK670" s="6"/>
      <c r="DL670" s="6">
        <v>9</v>
      </c>
      <c r="DM670" s="6" t="s">
        <v>440</v>
      </c>
      <c r="DN670" s="6">
        <v>7</v>
      </c>
      <c r="DO670" s="6" t="s">
        <v>369</v>
      </c>
      <c r="DP670" s="6"/>
      <c r="DQ670" s="6"/>
    </row>
    <row r="671" spans="1:121" x14ac:dyDescent="0.2">
      <c r="A671" s="6" t="s">
        <v>315</v>
      </c>
      <c r="B671" s="6" t="s">
        <v>315</v>
      </c>
      <c r="C671" s="6" t="s">
        <v>184</v>
      </c>
      <c r="D671" s="6" t="s">
        <v>117</v>
      </c>
      <c r="E671" s="6" t="s">
        <v>258</v>
      </c>
      <c r="F671" s="11">
        <v>60</v>
      </c>
      <c r="G671" s="13">
        <v>0.46</v>
      </c>
      <c r="H671" s="11">
        <v>22</v>
      </c>
      <c r="I671" s="13">
        <v>0.16923076923076924</v>
      </c>
      <c r="J671" s="11">
        <v>0</v>
      </c>
      <c r="K671" s="13">
        <v>0</v>
      </c>
      <c r="L671" s="11">
        <v>38</v>
      </c>
      <c r="M671" s="13">
        <v>0.25</v>
      </c>
      <c r="N671" s="11">
        <v>38</v>
      </c>
      <c r="O671" s="13">
        <v>0.25</v>
      </c>
      <c r="P671" s="7">
        <v>130</v>
      </c>
      <c r="Q671" s="7">
        <v>142</v>
      </c>
      <c r="R671" s="7">
        <v>149</v>
      </c>
      <c r="S671" s="7">
        <v>141</v>
      </c>
      <c r="T671" s="7">
        <v>136</v>
      </c>
      <c r="U671" s="7">
        <v>147</v>
      </c>
      <c r="V671" s="7">
        <v>152</v>
      </c>
      <c r="W671" s="7">
        <v>150</v>
      </c>
      <c r="X671" s="7">
        <v>154</v>
      </c>
      <c r="Y671" s="7">
        <v>152</v>
      </c>
      <c r="Z671" s="7">
        <v>154</v>
      </c>
      <c r="AA671" s="7">
        <v>169</v>
      </c>
      <c r="AB671" s="7">
        <v>182</v>
      </c>
      <c r="AC671" s="7">
        <v>198</v>
      </c>
      <c r="AD671" s="7">
        <v>191</v>
      </c>
      <c r="AE671" s="7">
        <v>183</v>
      </c>
      <c r="AF671" s="7">
        <v>190</v>
      </c>
      <c r="AG671" s="9">
        <v>16788</v>
      </c>
      <c r="AH671" s="13">
        <v>0.48249698223831694</v>
      </c>
      <c r="AI671" s="9">
        <v>11660</v>
      </c>
      <c r="AJ671" s="13">
        <v>0.335115249755705</v>
      </c>
      <c r="AK671" s="9">
        <v>2496</v>
      </c>
      <c r="AL671" s="13">
        <v>5.3730572178929695E-2</v>
      </c>
      <c r="AM671" s="9">
        <v>2632</v>
      </c>
      <c r="AN671" s="13">
        <v>5.376915219611849E-2</v>
      </c>
      <c r="AO671" s="9">
        <v>5128</v>
      </c>
      <c r="AP671" s="13">
        <v>0.11038877168812158</v>
      </c>
      <c r="AQ671" s="9">
        <v>34794</v>
      </c>
      <c r="AR671" s="9">
        <v>36863</v>
      </c>
      <c r="AS671" s="9">
        <v>34866</v>
      </c>
      <c r="AT671" s="9">
        <v>35036</v>
      </c>
      <c r="AU671" s="9">
        <v>37282</v>
      </c>
      <c r="AV671" s="9">
        <v>46539</v>
      </c>
      <c r="AW671" s="9">
        <v>46454</v>
      </c>
      <c r="AX671" s="9">
        <v>48798</v>
      </c>
      <c r="AY671" s="9">
        <v>47324</v>
      </c>
      <c r="AZ671" s="9">
        <v>48950</v>
      </c>
      <c r="BA671" s="9">
        <v>49777</v>
      </c>
      <c r="BB671" s="9">
        <v>48123</v>
      </c>
      <c r="BC671" s="9">
        <v>50284</v>
      </c>
      <c r="BD671" s="9">
        <v>50373</v>
      </c>
      <c r="BE671" s="9">
        <v>51737</v>
      </c>
      <c r="BF671" s="9">
        <v>51582</v>
      </c>
      <c r="BG671" s="11">
        <v>0</v>
      </c>
      <c r="BH671" s="13">
        <v>0</v>
      </c>
      <c r="BI671" s="6">
        <v>1</v>
      </c>
      <c r="BJ671" s="13">
        <v>5.2631578947368418E-2</v>
      </c>
      <c r="BK671" s="6">
        <v>1</v>
      </c>
      <c r="BL671" s="13">
        <v>0.05</v>
      </c>
      <c r="BM671" s="11">
        <v>-2</v>
      </c>
      <c r="BN671" s="13">
        <v>-9.5238095238095233E-2</v>
      </c>
      <c r="BO671" s="11">
        <v>-1</v>
      </c>
      <c r="BP671" s="13">
        <v>-0.05</v>
      </c>
      <c r="BQ671" s="6">
        <v>19</v>
      </c>
      <c r="BR671" s="6">
        <v>17</v>
      </c>
      <c r="BS671" s="6">
        <v>19</v>
      </c>
      <c r="BT671" s="6">
        <v>20</v>
      </c>
      <c r="BU671" s="6">
        <v>20</v>
      </c>
      <c r="BV671" s="6">
        <v>21</v>
      </c>
      <c r="BW671" s="6">
        <v>21</v>
      </c>
      <c r="BX671" s="6">
        <v>18</v>
      </c>
      <c r="BY671" s="6">
        <v>18</v>
      </c>
      <c r="BZ671" s="6">
        <v>19</v>
      </c>
      <c r="CA671" s="6">
        <v>20</v>
      </c>
      <c r="CB671" s="6">
        <v>18</v>
      </c>
      <c r="CC671" s="11">
        <v>19</v>
      </c>
      <c r="CD671" s="11">
        <v>56</v>
      </c>
      <c r="CE671" s="11">
        <v>-10</v>
      </c>
      <c r="CF671" s="11">
        <v>14</v>
      </c>
      <c r="CG671" s="11">
        <v>4</v>
      </c>
      <c r="CH671" s="20">
        <v>0.67</v>
      </c>
      <c r="CI671" s="20">
        <v>0.73</v>
      </c>
      <c r="CJ671" s="20">
        <v>0.76</v>
      </c>
      <c r="CK671" s="20">
        <v>0.73</v>
      </c>
      <c r="CL671" s="20">
        <v>0.69</v>
      </c>
      <c r="CM671" s="20">
        <v>0.73</v>
      </c>
      <c r="CN671" s="20">
        <v>0.77</v>
      </c>
      <c r="CO671" s="20">
        <v>0.77</v>
      </c>
      <c r="CP671" s="20">
        <v>0.8</v>
      </c>
      <c r="CQ671" s="20">
        <v>0.78</v>
      </c>
      <c r="CR671" s="20">
        <v>0.8</v>
      </c>
      <c r="CS671" s="20">
        <v>0.94</v>
      </c>
      <c r="CT671" s="20">
        <v>0.98</v>
      </c>
      <c r="CU671" s="20">
        <v>1.1499999999999999</v>
      </c>
      <c r="CV671" s="20">
        <v>1.1000000000000001</v>
      </c>
      <c r="CW671" s="20">
        <v>1.06</v>
      </c>
      <c r="CX671" s="20">
        <v>1.0900000000000001</v>
      </c>
      <c r="CY671" s="6" t="s">
        <v>495</v>
      </c>
      <c r="CZ671" s="6" t="s">
        <v>496</v>
      </c>
      <c r="DA671" s="6" t="s">
        <v>117</v>
      </c>
      <c r="DB671" s="6" t="s">
        <v>345</v>
      </c>
      <c r="DC671" s="6"/>
      <c r="DD671" s="6"/>
      <c r="DE671" s="6"/>
      <c r="DF671" s="6"/>
      <c r="DG671" s="6"/>
      <c r="DH671" s="6" t="s">
        <v>333</v>
      </c>
      <c r="DI671" s="6"/>
      <c r="DJ671" s="6"/>
      <c r="DK671" s="6"/>
      <c r="DL671" s="6">
        <v>9</v>
      </c>
      <c r="DM671" s="6" t="s">
        <v>440</v>
      </c>
      <c r="DN671" s="6">
        <v>7</v>
      </c>
      <c r="DO671" s="6" t="s">
        <v>369</v>
      </c>
      <c r="DP671" s="6"/>
      <c r="DQ671" s="6"/>
    </row>
    <row r="672" spans="1:121" x14ac:dyDescent="0.2">
      <c r="A672" s="6" t="s">
        <v>316</v>
      </c>
      <c r="B672" s="6" t="s">
        <v>316</v>
      </c>
      <c r="C672" s="6" t="s">
        <v>185</v>
      </c>
      <c r="D672" s="6" t="s">
        <v>117</v>
      </c>
      <c r="E672" s="6" t="s">
        <v>258</v>
      </c>
      <c r="F672" s="11">
        <v>0</v>
      </c>
      <c r="G672" s="13">
        <v>0</v>
      </c>
      <c r="H672" s="11">
        <v>21</v>
      </c>
      <c r="I672" s="13">
        <v>0.58333333333333337</v>
      </c>
      <c r="J672" s="11">
        <v>7</v>
      </c>
      <c r="K672" s="13">
        <v>0.12280701754385964</v>
      </c>
      <c r="L672" s="11">
        <v>-28</v>
      </c>
      <c r="M672" s="13">
        <v>-0.4375</v>
      </c>
      <c r="N672" s="11">
        <v>-21</v>
      </c>
      <c r="O672" s="13">
        <v>-0.36842105263157898</v>
      </c>
      <c r="P672" s="7">
        <v>36</v>
      </c>
      <c r="Q672" s="7">
        <v>38</v>
      </c>
      <c r="R672" s="7">
        <v>46</v>
      </c>
      <c r="S672" s="7">
        <v>42</v>
      </c>
      <c r="T672" s="7">
        <v>44</v>
      </c>
      <c r="U672" s="7">
        <v>48</v>
      </c>
      <c r="V672" s="7">
        <v>57</v>
      </c>
      <c r="W672" s="7">
        <v>46</v>
      </c>
      <c r="X672" s="7">
        <v>47</v>
      </c>
      <c r="Y672" s="7">
        <v>64</v>
      </c>
      <c r="Z672" s="7">
        <v>44</v>
      </c>
      <c r="AA672" s="7">
        <v>39</v>
      </c>
      <c r="AB672" s="7">
        <v>31</v>
      </c>
      <c r="AC672" s="7">
        <v>40</v>
      </c>
      <c r="AD672" s="7">
        <v>37</v>
      </c>
      <c r="AE672" s="7">
        <v>36</v>
      </c>
      <c r="AF672" s="7">
        <v>36</v>
      </c>
      <c r="AG672" s="9">
        <v>8693</v>
      </c>
      <c r="AH672" s="13">
        <v>0.45034450603533127</v>
      </c>
      <c r="AI672" s="9">
        <v>-2493</v>
      </c>
      <c r="AJ672" s="13">
        <v>-0.12915090918510075</v>
      </c>
      <c r="AK672" s="9">
        <v>2011</v>
      </c>
      <c r="AL672" s="13">
        <v>0.11963117192147532</v>
      </c>
      <c r="AM672" s="9">
        <v>9175</v>
      </c>
      <c r="AN672" s="13">
        <v>0.48748738111683759</v>
      </c>
      <c r="AO672" s="9">
        <v>11186</v>
      </c>
      <c r="AP672" s="13">
        <v>0.66543723973825109</v>
      </c>
      <c r="AQ672" s="9">
        <v>19303</v>
      </c>
      <c r="AR672" s="9">
        <v>19621</v>
      </c>
      <c r="AS672" s="9">
        <v>18664</v>
      </c>
      <c r="AT672" s="9">
        <v>19082</v>
      </c>
      <c r="AU672" s="9">
        <v>19164</v>
      </c>
      <c r="AV672" s="9">
        <v>17133</v>
      </c>
      <c r="AW672" s="9">
        <v>16810</v>
      </c>
      <c r="AX672" s="9">
        <v>20639</v>
      </c>
      <c r="AY672" s="9">
        <v>20318</v>
      </c>
      <c r="AZ672" s="9">
        <v>18821</v>
      </c>
      <c r="BA672" s="9">
        <v>21935</v>
      </c>
      <c r="BB672" s="9">
        <v>22878</v>
      </c>
      <c r="BC672" s="9">
        <v>25067</v>
      </c>
      <c r="BD672" s="9">
        <v>25038</v>
      </c>
      <c r="BE672" s="9">
        <v>27346</v>
      </c>
      <c r="BF672" s="9">
        <v>27996</v>
      </c>
      <c r="BG672" s="11">
        <v>-1</v>
      </c>
      <c r="BH672" s="13">
        <v>-0.1</v>
      </c>
      <c r="BI672" s="6">
        <v>3</v>
      </c>
      <c r="BJ672" s="13">
        <v>0.3</v>
      </c>
      <c r="BK672" s="6">
        <v>-1</v>
      </c>
      <c r="BL672" s="13">
        <v>-7.6923076923076927E-2</v>
      </c>
      <c r="BM672" s="11">
        <v>-3</v>
      </c>
      <c r="BN672" s="13">
        <v>-0.25</v>
      </c>
      <c r="BO672" s="11">
        <v>-4</v>
      </c>
      <c r="BP672" s="13">
        <v>-0.30769230769230771</v>
      </c>
      <c r="BQ672" s="6">
        <v>10</v>
      </c>
      <c r="BR672" s="6">
        <v>13</v>
      </c>
      <c r="BS672" s="6">
        <v>13</v>
      </c>
      <c r="BT672" s="6">
        <v>13</v>
      </c>
      <c r="BU672" s="6">
        <v>11</v>
      </c>
      <c r="BV672" s="6">
        <v>9</v>
      </c>
      <c r="BW672" s="6">
        <v>12</v>
      </c>
      <c r="BX672" s="6">
        <v>11</v>
      </c>
      <c r="BY672" s="6">
        <v>9</v>
      </c>
      <c r="BZ672" s="6">
        <v>8</v>
      </c>
      <c r="CA672" s="6">
        <v>9</v>
      </c>
      <c r="CB672" s="6">
        <v>8</v>
      </c>
      <c r="CC672" s="11">
        <v>9</v>
      </c>
      <c r="CD672" s="11">
        <v>-2</v>
      </c>
      <c r="CE672" s="11">
        <v>-2</v>
      </c>
      <c r="CF672" s="11">
        <v>4</v>
      </c>
      <c r="CG672" s="11">
        <v>2</v>
      </c>
      <c r="CH672" s="20">
        <v>0.45</v>
      </c>
      <c r="CI672" s="20">
        <v>0.47</v>
      </c>
      <c r="CJ672" s="20">
        <v>0.56999999999999995</v>
      </c>
      <c r="CK672" s="20">
        <v>0.52</v>
      </c>
      <c r="CL672" s="20">
        <v>0.51</v>
      </c>
      <c r="CM672" s="20">
        <v>0.55000000000000004</v>
      </c>
      <c r="CN672" s="20">
        <v>0.67</v>
      </c>
      <c r="CO672" s="20">
        <v>0.55000000000000004</v>
      </c>
      <c r="CP672" s="20">
        <v>0.59</v>
      </c>
      <c r="CQ672" s="20">
        <v>0.79</v>
      </c>
      <c r="CR672" s="20">
        <v>0.56000000000000005</v>
      </c>
      <c r="CS672" s="20">
        <v>0.54</v>
      </c>
      <c r="CT672" s="20">
        <v>0.41</v>
      </c>
      <c r="CU672" s="20">
        <v>0.55000000000000004</v>
      </c>
      <c r="CV672" s="20">
        <v>0.5</v>
      </c>
      <c r="CW672" s="20">
        <v>0.49</v>
      </c>
      <c r="CX672" s="20">
        <v>0.48</v>
      </c>
      <c r="CY672" s="6" t="s">
        <v>495</v>
      </c>
      <c r="CZ672" s="6" t="s">
        <v>496</v>
      </c>
      <c r="DA672" s="6" t="s">
        <v>117</v>
      </c>
      <c r="DB672" s="6" t="s">
        <v>345</v>
      </c>
      <c r="DC672" s="6"/>
      <c r="DD672" s="6"/>
      <c r="DE672" s="6"/>
      <c r="DF672" s="6"/>
      <c r="DG672" s="6"/>
      <c r="DH672" s="6" t="s">
        <v>333</v>
      </c>
      <c r="DI672" s="6"/>
      <c r="DJ672" s="6"/>
      <c r="DK672" s="6"/>
      <c r="DL672" s="6">
        <v>9</v>
      </c>
      <c r="DM672" s="6" t="s">
        <v>440</v>
      </c>
      <c r="DN672" s="6">
        <v>7</v>
      </c>
      <c r="DO672" s="6" t="s">
        <v>369</v>
      </c>
      <c r="DP672" s="6"/>
      <c r="DQ672" s="6"/>
    </row>
    <row r="673" spans="1:121" x14ac:dyDescent="0.2">
      <c r="A673" s="6" t="s">
        <v>317</v>
      </c>
      <c r="B673" s="6" t="s">
        <v>317</v>
      </c>
      <c r="C673" s="6" t="s">
        <v>186</v>
      </c>
      <c r="D673" s="6" t="s">
        <v>117</v>
      </c>
      <c r="E673" s="6" t="s">
        <v>258</v>
      </c>
      <c r="F673" s="11">
        <v>8</v>
      </c>
      <c r="G673" s="13">
        <v>0.14000000000000001</v>
      </c>
      <c r="H673" s="11">
        <v>10</v>
      </c>
      <c r="I673" s="13">
        <v>0.17857142857142858</v>
      </c>
      <c r="J673" s="11">
        <v>18</v>
      </c>
      <c r="K673" s="13">
        <v>0.27272727272727271</v>
      </c>
      <c r="L673" s="11">
        <v>-20</v>
      </c>
      <c r="M673" s="13">
        <v>-0.23809523809523808</v>
      </c>
      <c r="N673" s="11">
        <v>-2</v>
      </c>
      <c r="O673" s="13">
        <v>-3.0303030303030304E-2</v>
      </c>
      <c r="P673" s="7">
        <v>56</v>
      </c>
      <c r="Q673" s="7">
        <v>56</v>
      </c>
      <c r="R673" s="7">
        <v>60</v>
      </c>
      <c r="S673" s="7">
        <v>60</v>
      </c>
      <c r="T673" s="7">
        <v>65</v>
      </c>
      <c r="U673" s="7">
        <v>68</v>
      </c>
      <c r="V673" s="7">
        <v>66</v>
      </c>
      <c r="W673" s="7">
        <v>67</v>
      </c>
      <c r="X673" s="7">
        <v>83</v>
      </c>
      <c r="Y673" s="7">
        <v>84</v>
      </c>
      <c r="Z673" s="7">
        <v>80</v>
      </c>
      <c r="AA673" s="7">
        <v>72</v>
      </c>
      <c r="AB673" s="7">
        <v>71</v>
      </c>
      <c r="AC673" s="7">
        <v>62</v>
      </c>
      <c r="AD673" s="7">
        <v>67</v>
      </c>
      <c r="AE673" s="7">
        <v>64</v>
      </c>
      <c r="AF673" s="7">
        <v>64</v>
      </c>
      <c r="AG673" s="9">
        <v>4062</v>
      </c>
      <c r="AH673" s="13">
        <v>0.14426765165506464</v>
      </c>
      <c r="AI673" s="9">
        <v>7473</v>
      </c>
      <c r="AJ673" s="13">
        <v>0.26541412132405173</v>
      </c>
      <c r="AK673" s="9">
        <v>-3725</v>
      </c>
      <c r="AL673" s="13">
        <v>-0.10454966459906256</v>
      </c>
      <c r="AM673" s="9">
        <v>314</v>
      </c>
      <c r="AN673" s="13">
        <v>9.8420260782347037E-3</v>
      </c>
      <c r="AO673" s="9">
        <v>-3411</v>
      </c>
      <c r="AP673" s="13">
        <v>-9.5736619046282528E-2</v>
      </c>
      <c r="AQ673" s="9">
        <v>28156</v>
      </c>
      <c r="AR673" s="9">
        <v>26484</v>
      </c>
      <c r="AS673" s="9">
        <v>27994</v>
      </c>
      <c r="AT673" s="9">
        <v>26600</v>
      </c>
      <c r="AU673" s="9">
        <v>27731</v>
      </c>
      <c r="AV673" s="9">
        <v>29708</v>
      </c>
      <c r="AW673" s="9">
        <v>35629</v>
      </c>
      <c r="AX673" s="9">
        <v>34426</v>
      </c>
      <c r="AY673" s="9">
        <v>32951</v>
      </c>
      <c r="AZ673" s="9">
        <v>31904</v>
      </c>
      <c r="BA673" s="9">
        <v>34421</v>
      </c>
      <c r="BB673" s="9">
        <v>33762</v>
      </c>
      <c r="BC673" s="9">
        <v>33195</v>
      </c>
      <c r="BD673" s="9">
        <v>31805</v>
      </c>
      <c r="BE673" s="9">
        <v>31410</v>
      </c>
      <c r="BF673" s="9">
        <v>32218</v>
      </c>
      <c r="BG673" s="11">
        <v>0</v>
      </c>
      <c r="BH673" s="13">
        <v>0</v>
      </c>
      <c r="BI673" s="6">
        <v>-1</v>
      </c>
      <c r="BJ673" s="13">
        <v>-6.25E-2</v>
      </c>
      <c r="BK673" s="6">
        <v>2</v>
      </c>
      <c r="BL673" s="13">
        <v>0.13333333333333333</v>
      </c>
      <c r="BM673" s="11">
        <v>-1</v>
      </c>
      <c r="BN673" s="13">
        <v>-5.8823529411764705E-2</v>
      </c>
      <c r="BO673" s="11">
        <v>1</v>
      </c>
      <c r="BP673" s="13">
        <v>6.6666666666666666E-2</v>
      </c>
      <c r="BQ673" s="6">
        <v>16</v>
      </c>
      <c r="BR673" s="6">
        <v>16</v>
      </c>
      <c r="BS673" s="6">
        <v>14</v>
      </c>
      <c r="BT673" s="6">
        <v>15</v>
      </c>
      <c r="BU673" s="6">
        <v>13</v>
      </c>
      <c r="BV673" s="6">
        <v>16</v>
      </c>
      <c r="BW673" s="6">
        <v>17</v>
      </c>
      <c r="BX673" s="6">
        <v>19</v>
      </c>
      <c r="BY673" s="6">
        <v>17</v>
      </c>
      <c r="BZ673" s="6">
        <v>17</v>
      </c>
      <c r="CA673" s="6">
        <v>16</v>
      </c>
      <c r="CB673" s="6">
        <v>16</v>
      </c>
      <c r="CC673" s="11">
        <v>16</v>
      </c>
      <c r="CD673" s="11">
        <v>-9</v>
      </c>
      <c r="CE673" s="11">
        <v>11</v>
      </c>
      <c r="CF673" s="11">
        <v>6</v>
      </c>
      <c r="CG673" s="11">
        <v>17</v>
      </c>
      <c r="CH673" s="20">
        <v>0.22</v>
      </c>
      <c r="CI673" s="20">
        <v>0.22</v>
      </c>
      <c r="CJ673" s="20">
        <v>0.24</v>
      </c>
      <c r="CK673" s="20">
        <v>0.24</v>
      </c>
      <c r="CL673" s="20">
        <v>0.25</v>
      </c>
      <c r="CM673" s="20">
        <v>0.25</v>
      </c>
      <c r="CN673" s="20">
        <v>0.24</v>
      </c>
      <c r="CO673" s="20">
        <v>0.24</v>
      </c>
      <c r="CP673" s="20">
        <v>0.3</v>
      </c>
      <c r="CQ673" s="20">
        <v>0.28999999999999998</v>
      </c>
      <c r="CR673" s="20">
        <v>0.28000000000000003</v>
      </c>
      <c r="CS673" s="20">
        <v>0.26</v>
      </c>
      <c r="CT673" s="20">
        <v>0.25</v>
      </c>
      <c r="CU673" s="20">
        <v>0.22</v>
      </c>
      <c r="CV673" s="20">
        <v>0.23</v>
      </c>
      <c r="CW673" s="20">
        <v>0.22</v>
      </c>
      <c r="CX673" s="20">
        <v>0.22</v>
      </c>
      <c r="CY673" s="6" t="s">
        <v>495</v>
      </c>
      <c r="CZ673" s="6" t="s">
        <v>496</v>
      </c>
      <c r="DA673" s="6" t="s">
        <v>117</v>
      </c>
      <c r="DB673" s="6" t="s">
        <v>345</v>
      </c>
      <c r="DC673" s="6"/>
      <c r="DD673" s="6"/>
      <c r="DE673" s="6"/>
      <c r="DF673" s="6"/>
      <c r="DG673" s="6"/>
      <c r="DH673" s="6" t="s">
        <v>333</v>
      </c>
      <c r="DI673" s="6"/>
      <c r="DJ673" s="6"/>
      <c r="DK673" s="6"/>
      <c r="DL673" s="6">
        <v>9</v>
      </c>
      <c r="DM673" s="6" t="s">
        <v>440</v>
      </c>
      <c r="DN673" s="6">
        <v>7</v>
      </c>
      <c r="DO673" s="6" t="s">
        <v>369</v>
      </c>
      <c r="DP673" s="6"/>
      <c r="DQ673" s="6"/>
    </row>
    <row r="674" spans="1:121" x14ac:dyDescent="0.2">
      <c r="A674" s="6" t="s">
        <v>318</v>
      </c>
      <c r="B674" s="6" t="s">
        <v>318</v>
      </c>
      <c r="C674" s="6" t="s">
        <v>187</v>
      </c>
      <c r="D674" s="6" t="s">
        <v>117</v>
      </c>
      <c r="E674" s="6" t="s">
        <v>258</v>
      </c>
      <c r="F674" s="11">
        <v>-17</v>
      </c>
      <c r="G674" s="13">
        <v>-0.60714285714299998</v>
      </c>
      <c r="H674" s="11">
        <v>-2.0687439999999988</v>
      </c>
      <c r="I674" s="13">
        <v>-7.3170438399278309E-2</v>
      </c>
      <c r="J674" s="11">
        <v>-14.838106000000002</v>
      </c>
      <c r="K674" s="13">
        <v>-0.56624906446309153</v>
      </c>
      <c r="L674" s="11">
        <v>-4.356924049999833E-2</v>
      </c>
      <c r="M674" s="13">
        <v>-3.8332627872818209E-3</v>
      </c>
      <c r="N674" s="11">
        <v>-14.8816752405</v>
      </c>
      <c r="O674" s="13">
        <v>-0.56791174578323389</v>
      </c>
      <c r="P674" s="7">
        <v>28.272948</v>
      </c>
      <c r="Q674" s="7">
        <v>27.331741000000001</v>
      </c>
      <c r="R674" s="7">
        <v>21.736602999999999</v>
      </c>
      <c r="S674" s="7">
        <v>19.345040000000001</v>
      </c>
      <c r="T674" s="7">
        <v>21.852841000000002</v>
      </c>
      <c r="U674" s="7">
        <v>29.849544999999999</v>
      </c>
      <c r="V674" s="7">
        <v>26.204204000000001</v>
      </c>
      <c r="W674" s="7">
        <v>5</v>
      </c>
      <c r="X674" s="7">
        <v>5</v>
      </c>
      <c r="Y674" s="7">
        <v>11.366097999999999</v>
      </c>
      <c r="Z674" s="7">
        <v>14.529503999999999</v>
      </c>
      <c r="AA674" s="7">
        <v>26.486549</v>
      </c>
      <c r="AB674" s="7">
        <v>21.028365999999998</v>
      </c>
      <c r="AC674" s="7">
        <v>19.841529999999999</v>
      </c>
      <c r="AD674" s="7">
        <v>11.833802</v>
      </c>
      <c r="AE674" s="7">
        <v>12.965805</v>
      </c>
      <c r="AF674" s="7">
        <v>11.322528759500001</v>
      </c>
      <c r="AG674" s="9">
        <v>520.70263410000189</v>
      </c>
      <c r="AH674" s="13">
        <v>1.2371670382860488E-2</v>
      </c>
      <c r="AI674" s="9">
        <v>8535.8891363000002</v>
      </c>
      <c r="AJ674" s="13">
        <v>0.20280905050820619</v>
      </c>
      <c r="AK674" s="9">
        <v>27697.728180899998</v>
      </c>
      <c r="AL674" s="13">
        <v>0.54712432971307356</v>
      </c>
      <c r="AM674" s="9">
        <v>-35712.914683099996</v>
      </c>
      <c r="AN674" s="13">
        <v>-0.45597597342493063</v>
      </c>
      <c r="AO674" s="9">
        <v>-8015.1865021999984</v>
      </c>
      <c r="AP674" s="13">
        <v>-0.15832719253723845</v>
      </c>
      <c r="AQ674" s="9">
        <v>42088.304811399998</v>
      </c>
      <c r="AR674" s="9">
        <v>38986.1620922</v>
      </c>
      <c r="AS674" s="9">
        <v>47721.597561199997</v>
      </c>
      <c r="AT674" s="9">
        <v>49710.144829700002</v>
      </c>
      <c r="AU674" s="9">
        <v>45205.140252999998</v>
      </c>
      <c r="AV674" s="9">
        <v>42319.1775308</v>
      </c>
      <c r="AW674" s="9">
        <v>50624.193947699998</v>
      </c>
      <c r="AX674" s="9">
        <v>1</v>
      </c>
      <c r="AY674" s="9">
        <v>1</v>
      </c>
      <c r="AZ674" s="9">
        <v>78321.922128599996</v>
      </c>
      <c r="BA674" s="9">
        <v>66105.921464800005</v>
      </c>
      <c r="BB674" s="9">
        <v>47703.105240800003</v>
      </c>
      <c r="BC674" s="9">
        <v>59661.854126099999</v>
      </c>
      <c r="BD674" s="9">
        <v>57729.996500599998</v>
      </c>
      <c r="BE674" s="9">
        <v>67953.109991300007</v>
      </c>
      <c r="BF674" s="9">
        <v>42609.007445499999</v>
      </c>
      <c r="BG674" s="11">
        <v>1</v>
      </c>
      <c r="BH674" s="13">
        <v>1</v>
      </c>
      <c r="BI674" s="6">
        <v>1</v>
      </c>
      <c r="BJ674" s="13">
        <v>1</v>
      </c>
      <c r="BK674" s="6">
        <v>0</v>
      </c>
      <c r="BL674" s="13">
        <v>0</v>
      </c>
      <c r="BM674" s="11">
        <v>0</v>
      </c>
      <c r="BN674" s="13">
        <v>0</v>
      </c>
      <c r="BO674" s="11">
        <v>0</v>
      </c>
      <c r="BP674" s="13">
        <v>0</v>
      </c>
      <c r="BQ674" s="6">
        <v>1</v>
      </c>
      <c r="BR674" s="6">
        <v>1</v>
      </c>
      <c r="BS674" s="6">
        <v>2</v>
      </c>
      <c r="BT674" s="6">
        <v>2</v>
      </c>
      <c r="BU674" s="6">
        <v>2</v>
      </c>
      <c r="BV674" s="6">
        <v>2</v>
      </c>
      <c r="BW674" s="6">
        <v>2</v>
      </c>
      <c r="BX674" s="6">
        <v>3</v>
      </c>
      <c r="BY674" s="6">
        <v>3</v>
      </c>
      <c r="BZ674" s="6">
        <v>3</v>
      </c>
      <c r="CA674" s="6">
        <v>3</v>
      </c>
      <c r="CB674" s="6">
        <v>3</v>
      </c>
      <c r="CC674" s="11">
        <v>2</v>
      </c>
      <c r="CD674" s="11">
        <v>-26.0945</v>
      </c>
      <c r="CE674" s="11">
        <v>6.0534699999999999</v>
      </c>
      <c r="CF674" s="11">
        <v>3.09057</v>
      </c>
      <c r="CG674" s="11">
        <v>9</v>
      </c>
      <c r="CH674" s="20">
        <v>0.51318900000000001</v>
      </c>
      <c r="CI674" s="20">
        <v>0.49975399999999998</v>
      </c>
      <c r="CJ674" s="20">
        <v>0.41069600000000001</v>
      </c>
      <c r="CK674" s="20">
        <v>0.366537</v>
      </c>
      <c r="CL674" s="20">
        <v>0.399256</v>
      </c>
      <c r="CM674" s="20">
        <v>0.528173</v>
      </c>
      <c r="CN674" s="20">
        <v>0.458453</v>
      </c>
      <c r="CO674" s="20">
        <v>1.07642E-2</v>
      </c>
      <c r="CP674" s="20">
        <v>1.3840099999999999E-2</v>
      </c>
      <c r="CQ674" s="20">
        <v>0.182809</v>
      </c>
      <c r="CR674" s="20">
        <v>0.23144200000000001</v>
      </c>
      <c r="CS674" s="20">
        <v>0.43526100000000001</v>
      </c>
      <c r="CT674" s="20">
        <v>0.323129</v>
      </c>
      <c r="CU674" s="20">
        <v>0.31831199999999998</v>
      </c>
      <c r="CV674" s="20">
        <v>0.18729699999999999</v>
      </c>
      <c r="CW674" s="20">
        <v>0.20694799999999999</v>
      </c>
      <c r="CX674" s="20">
        <v>0.17727000000000001</v>
      </c>
      <c r="CY674" s="6" t="s">
        <v>495</v>
      </c>
      <c r="CZ674" s="6" t="s">
        <v>496</v>
      </c>
      <c r="DA674" s="6" t="s">
        <v>117</v>
      </c>
      <c r="DB674" s="6" t="s">
        <v>345</v>
      </c>
      <c r="DC674" s="6"/>
      <c r="DD674" s="6"/>
      <c r="DE674" s="6"/>
      <c r="DF674" s="6"/>
      <c r="DG674" s="6"/>
      <c r="DH674" s="6" t="s">
        <v>333</v>
      </c>
      <c r="DI674" s="6"/>
      <c r="DJ674" s="6"/>
      <c r="DK674" s="6"/>
      <c r="DL674" s="6">
        <v>9</v>
      </c>
      <c r="DM674" s="6" t="s">
        <v>440</v>
      </c>
      <c r="DN674" s="6">
        <v>7</v>
      </c>
      <c r="DO674" s="6" t="s">
        <v>369</v>
      </c>
      <c r="DP674" s="6"/>
      <c r="DQ674" s="6"/>
    </row>
    <row r="675" spans="1:121" x14ac:dyDescent="0.2">
      <c r="A675" s="6" t="s">
        <v>319</v>
      </c>
      <c r="B675" s="6" t="s">
        <v>319</v>
      </c>
      <c r="C675" s="6" t="s">
        <v>188</v>
      </c>
      <c r="D675" s="6" t="s">
        <v>117</v>
      </c>
      <c r="E675" s="6" t="s">
        <v>258</v>
      </c>
      <c r="F675" s="11">
        <v>36</v>
      </c>
      <c r="G675" s="13">
        <v>1.8</v>
      </c>
      <c r="H675" s="11">
        <v>34.9909071099</v>
      </c>
      <c r="I675" s="13">
        <v>1.7580857140411448</v>
      </c>
      <c r="J675" s="11">
        <v>25.269234701299993</v>
      </c>
      <c r="K675" s="13">
        <v>0.46032988860437241</v>
      </c>
      <c r="L675" s="11">
        <v>-23.93670162099999</v>
      </c>
      <c r="M675" s="13">
        <v>-0.29860042188041769</v>
      </c>
      <c r="N675" s="11">
        <v>1.3325330803000028</v>
      </c>
      <c r="O675" s="13">
        <v>2.427476778252349E-2</v>
      </c>
      <c r="P675" s="7">
        <v>19.902844799</v>
      </c>
      <c r="Q675" s="7">
        <v>30.69002437</v>
      </c>
      <c r="R675" s="7">
        <v>38.720227233999999</v>
      </c>
      <c r="S675" s="7">
        <v>45.870948751900002</v>
      </c>
      <c r="T675" s="7">
        <v>57.596271422500003</v>
      </c>
      <c r="U675" s="7">
        <v>53.8450335247</v>
      </c>
      <c r="V675" s="7">
        <v>54.893751908900001</v>
      </c>
      <c r="W675" s="7">
        <v>90.300521066800002</v>
      </c>
      <c r="X675" s="7">
        <v>91.897783108699997</v>
      </c>
      <c r="Y675" s="7">
        <v>80.162986610199994</v>
      </c>
      <c r="Z675" s="7">
        <v>85.874811121799993</v>
      </c>
      <c r="AA675" s="7">
        <v>82.799977426799998</v>
      </c>
      <c r="AB675" s="7">
        <v>92.521650567099996</v>
      </c>
      <c r="AC675" s="7">
        <v>71.366391640399996</v>
      </c>
      <c r="AD675" s="7">
        <v>61.145407280999997</v>
      </c>
      <c r="AE675" s="7">
        <v>54.070361562800002</v>
      </c>
      <c r="AF675" s="7">
        <v>56.226284989200003</v>
      </c>
      <c r="AG675" s="9">
        <v>7659.7371314000011</v>
      </c>
      <c r="AH675" s="13">
        <v>0.47076741876555533</v>
      </c>
      <c r="AI675" s="9">
        <v>3598.5783174999997</v>
      </c>
      <c r="AJ675" s="13">
        <v>0.22116861149326852</v>
      </c>
      <c r="AK675" s="9">
        <v>-1609.6880659999988</v>
      </c>
      <c r="AL675" s="13">
        <v>-8.1013729211597829E-2</v>
      </c>
      <c r="AM675" s="9">
        <v>5670.8468799000002</v>
      </c>
      <c r="AN675" s="13">
        <v>0.31056735075734365</v>
      </c>
      <c r="AO675" s="9">
        <v>4061.1588139000014</v>
      </c>
      <c r="AP675" s="13">
        <v>0.20439340228952707</v>
      </c>
      <c r="AQ675" s="9">
        <v>16270.7460756</v>
      </c>
      <c r="AR675" s="9">
        <v>14636.552839</v>
      </c>
      <c r="AS675" s="9">
        <v>14633.918645600001</v>
      </c>
      <c r="AT675" s="9">
        <v>16913.310748600001</v>
      </c>
      <c r="AU675" s="9">
        <v>16987.6739542</v>
      </c>
      <c r="AV675" s="9">
        <v>15172.8191038</v>
      </c>
      <c r="AW675" s="9">
        <v>19869.3243931</v>
      </c>
      <c r="AX675" s="9">
        <v>26396.254380499999</v>
      </c>
      <c r="AY675" s="9">
        <v>25578.990319600001</v>
      </c>
      <c r="AZ675" s="9">
        <v>18259.636327100001</v>
      </c>
      <c r="BA675" s="9">
        <v>18383.537987700001</v>
      </c>
      <c r="BB675" s="9">
        <v>19262.658737099999</v>
      </c>
      <c r="BC675" s="9">
        <v>20625.6235691</v>
      </c>
      <c r="BD675" s="9">
        <v>22644.429719100001</v>
      </c>
      <c r="BE675" s="9">
        <v>24152.190456699998</v>
      </c>
      <c r="BF675" s="9">
        <v>23930.483207000001</v>
      </c>
      <c r="BG675" s="11">
        <v>0.75</v>
      </c>
      <c r="BH675" s="13">
        <v>0.125</v>
      </c>
      <c r="BI675" s="6">
        <v>1</v>
      </c>
      <c r="BJ675" s="13">
        <v>0.16666666666666666</v>
      </c>
      <c r="BK675" s="6">
        <v>-2</v>
      </c>
      <c r="BL675" s="13">
        <v>-0.2857142857142857</v>
      </c>
      <c r="BM675" s="11">
        <v>1.75</v>
      </c>
      <c r="BN675" s="13">
        <v>0.35</v>
      </c>
      <c r="BO675" s="11">
        <v>-0.25</v>
      </c>
      <c r="BP675" s="13">
        <v>-3.5714285714285712E-2</v>
      </c>
      <c r="BQ675" s="6">
        <v>6</v>
      </c>
      <c r="BR675" s="6">
        <v>8</v>
      </c>
      <c r="BS675" s="6">
        <v>6</v>
      </c>
      <c r="BT675" s="6">
        <v>7</v>
      </c>
      <c r="BU675" s="6">
        <v>6</v>
      </c>
      <c r="BV675" s="6">
        <v>6</v>
      </c>
      <c r="BW675" s="6">
        <v>5</v>
      </c>
      <c r="BX675" s="6">
        <v>4</v>
      </c>
      <c r="BY675" s="6">
        <v>5</v>
      </c>
      <c r="BZ675" s="6">
        <v>6</v>
      </c>
      <c r="CA675" s="6">
        <v>7</v>
      </c>
      <c r="CB675" s="6">
        <v>7</v>
      </c>
      <c r="CC675" s="11">
        <v>6.75</v>
      </c>
      <c r="CD675" s="11">
        <v>32.357100000000003</v>
      </c>
      <c r="CE675" s="11">
        <v>1.79071</v>
      </c>
      <c r="CF675" s="11">
        <v>2.1756199999999999</v>
      </c>
      <c r="CG675" s="11">
        <v>4</v>
      </c>
      <c r="CH675" s="20">
        <v>7.3648099999999994E-2</v>
      </c>
      <c r="CI675" s="20">
        <v>0.113284</v>
      </c>
      <c r="CJ675" s="20">
        <v>0.145065</v>
      </c>
      <c r="CK675" s="20">
        <v>0.170324</v>
      </c>
      <c r="CL675" s="20">
        <v>0.204764</v>
      </c>
      <c r="CM675" s="20">
        <v>0.18455099999999999</v>
      </c>
      <c r="CN675" s="20">
        <v>0.18993399999999999</v>
      </c>
      <c r="CO675" s="20">
        <v>0.32377899999999998</v>
      </c>
      <c r="CP675" s="20">
        <v>0.3533</v>
      </c>
      <c r="CQ675" s="20">
        <v>0.28750900000000001</v>
      </c>
      <c r="CR675" s="20">
        <v>0.303367</v>
      </c>
      <c r="CS675" s="20">
        <v>0.30564200000000002</v>
      </c>
      <c r="CT675" s="20">
        <v>0.322994</v>
      </c>
      <c r="CU675" s="20">
        <v>0.25977699999999998</v>
      </c>
      <c r="CV675" s="20">
        <v>0.21898599999999999</v>
      </c>
      <c r="CW675" s="20">
        <v>0.19440499999999999</v>
      </c>
      <c r="CX675" s="20">
        <v>0.19803699999999999</v>
      </c>
      <c r="CY675" s="6" t="s">
        <v>495</v>
      </c>
      <c r="CZ675" s="6" t="s">
        <v>496</v>
      </c>
      <c r="DA675" s="6" t="s">
        <v>117</v>
      </c>
      <c r="DB675" s="6" t="s">
        <v>345</v>
      </c>
      <c r="DC675" s="6"/>
      <c r="DD675" s="6"/>
      <c r="DE675" s="6"/>
      <c r="DF675" s="6"/>
      <c r="DG675" s="6"/>
      <c r="DH675" s="6" t="s">
        <v>333</v>
      </c>
      <c r="DI675" s="6"/>
      <c r="DJ675" s="6"/>
      <c r="DK675" s="6"/>
      <c r="DL675" s="6">
        <v>9</v>
      </c>
      <c r="DM675" s="6" t="s">
        <v>440</v>
      </c>
      <c r="DN675" s="6">
        <v>7</v>
      </c>
      <c r="DO675" s="6" t="s">
        <v>369</v>
      </c>
      <c r="DP675" s="6"/>
      <c r="DQ675" s="6"/>
    </row>
    <row r="676" spans="1:121" x14ac:dyDescent="0.2">
      <c r="A676" s="6" t="s">
        <v>320</v>
      </c>
      <c r="B676" s="6" t="s">
        <v>320</v>
      </c>
      <c r="C676" s="6" t="s">
        <v>189</v>
      </c>
      <c r="D676" s="6" t="s">
        <v>117</v>
      </c>
      <c r="E676" s="6" t="s">
        <v>258</v>
      </c>
      <c r="F676" s="11">
        <v>31</v>
      </c>
      <c r="G676" s="13">
        <v>0.79487179487199999</v>
      </c>
      <c r="H676" s="11">
        <v>16.399482483600003</v>
      </c>
      <c r="I676" s="13">
        <v>0.42482812556756849</v>
      </c>
      <c r="J676" s="11">
        <v>26.808529271600001</v>
      </c>
      <c r="K676" s="13">
        <v>0.48740909376566766</v>
      </c>
      <c r="L676" s="11">
        <v>-12.102846366000009</v>
      </c>
      <c r="M676" s="13">
        <v>-0.14793731312908406</v>
      </c>
      <c r="N676" s="11">
        <v>14.705682905599993</v>
      </c>
      <c r="O676" s="13">
        <v>0.26736578891020896</v>
      </c>
      <c r="P676" s="7">
        <v>38.602628914199997</v>
      </c>
      <c r="Q676" s="7">
        <v>33.493318695600003</v>
      </c>
      <c r="R676" s="7">
        <v>38.974437566500001</v>
      </c>
      <c r="S676" s="7">
        <v>40.922002223699998</v>
      </c>
      <c r="T676" s="7">
        <v>46.071245520600002</v>
      </c>
      <c r="U676" s="7">
        <v>50.031128435500001</v>
      </c>
      <c r="V676" s="7">
        <v>55.0021113978</v>
      </c>
      <c r="W676" s="7">
        <v>105.667227285</v>
      </c>
      <c r="X676" s="7">
        <v>106.006154481</v>
      </c>
      <c r="Y676" s="7">
        <v>81.810640669400001</v>
      </c>
      <c r="Z676" s="7">
        <v>74.984356757100002</v>
      </c>
      <c r="AA676" s="7">
        <v>57.558325597299998</v>
      </c>
      <c r="AB676" s="7">
        <v>47.669154536400001</v>
      </c>
      <c r="AC676" s="7">
        <v>64.521767528699996</v>
      </c>
      <c r="AD676" s="7">
        <v>64.919816244399996</v>
      </c>
      <c r="AE676" s="7">
        <v>67.5875917356</v>
      </c>
      <c r="AF676" s="7">
        <v>69.707794303399993</v>
      </c>
      <c r="AG676" s="9">
        <v>11953.537907499998</v>
      </c>
      <c r="AH676" s="13">
        <v>0.77321038029699907</v>
      </c>
      <c r="AI676" s="9">
        <v>13401.136973799999</v>
      </c>
      <c r="AJ676" s="13">
        <v>0.86684781494043828</v>
      </c>
      <c r="AK676" s="9">
        <v>-6941.1604718000017</v>
      </c>
      <c r="AL676" s="13">
        <v>-0.24050515071356221</v>
      </c>
      <c r="AM676" s="9">
        <v>5493.5614055000005</v>
      </c>
      <c r="AN676" s="13">
        <v>0.25062330178978959</v>
      </c>
      <c r="AO676" s="9">
        <v>-1447.5990663000011</v>
      </c>
      <c r="AP676" s="13">
        <v>-5.0158043893056566E-2</v>
      </c>
      <c r="AQ676" s="9">
        <v>15459.619027500001</v>
      </c>
      <c r="AR676" s="9">
        <v>21800.960089699998</v>
      </c>
      <c r="AS676" s="9">
        <v>20185.0265402</v>
      </c>
      <c r="AT676" s="9">
        <v>20994.620751400002</v>
      </c>
      <c r="AU676" s="9">
        <v>19395.0508964</v>
      </c>
      <c r="AV676" s="9">
        <v>26206.729831500001</v>
      </c>
      <c r="AW676" s="9">
        <v>28860.7560013</v>
      </c>
      <c r="AX676" s="9">
        <v>19055.6728387</v>
      </c>
      <c r="AY676" s="9">
        <v>19252.918254600001</v>
      </c>
      <c r="AZ676" s="9">
        <v>21919.595529499999</v>
      </c>
      <c r="BA676" s="9">
        <v>23946.160353700001</v>
      </c>
      <c r="BB676" s="9">
        <v>13588.8813286</v>
      </c>
      <c r="BC676" s="9">
        <v>20457.186344199999</v>
      </c>
      <c r="BD676" s="9">
        <v>29875.985908800001</v>
      </c>
      <c r="BE676" s="9">
        <v>24062.159643999999</v>
      </c>
      <c r="BF676" s="9">
        <v>27413.156934999999</v>
      </c>
      <c r="BG676" s="11">
        <v>-0.75</v>
      </c>
      <c r="BH676" s="13">
        <v>-0.375</v>
      </c>
      <c r="BI676" s="6">
        <v>-1</v>
      </c>
      <c r="BJ676" s="13">
        <v>-0.5</v>
      </c>
      <c r="BK676" s="6">
        <v>0</v>
      </c>
      <c r="BL676" s="13">
        <v>0</v>
      </c>
      <c r="BM676" s="11">
        <v>0.25</v>
      </c>
      <c r="BN676" s="13">
        <v>0.25</v>
      </c>
      <c r="BO676" s="11">
        <v>0.25</v>
      </c>
      <c r="BP676" s="13">
        <v>0.25</v>
      </c>
      <c r="BQ676" s="6">
        <v>2</v>
      </c>
      <c r="BR676" s="6">
        <v>1</v>
      </c>
      <c r="BS676" s="6">
        <v>1</v>
      </c>
      <c r="BT676" s="6">
        <v>1</v>
      </c>
      <c r="BU676" s="6">
        <v>1</v>
      </c>
      <c r="BV676" s="6">
        <v>1</v>
      </c>
      <c r="BW676" s="6">
        <v>1</v>
      </c>
      <c r="BX676" s="6">
        <v>2</v>
      </c>
      <c r="BY676" s="6">
        <v>3</v>
      </c>
      <c r="BZ676" s="6">
        <v>3</v>
      </c>
      <c r="CA676" s="6">
        <v>2</v>
      </c>
      <c r="CB676" s="6">
        <v>2</v>
      </c>
      <c r="CC676" s="11">
        <v>1.25</v>
      </c>
      <c r="CD676" s="11">
        <v>12.9072</v>
      </c>
      <c r="CE676" s="11">
        <v>13.978199999999999</v>
      </c>
      <c r="CF676" s="11">
        <v>4.2197300000000002</v>
      </c>
      <c r="CG676" s="11">
        <v>18</v>
      </c>
      <c r="CH676" s="20">
        <v>0.42815500000000001</v>
      </c>
      <c r="CI676" s="20">
        <v>0.35412199999999999</v>
      </c>
      <c r="CJ676" s="20">
        <v>0.40617199999999998</v>
      </c>
      <c r="CK676" s="20">
        <v>0.42105399999999998</v>
      </c>
      <c r="CL676" s="20">
        <v>0.464034</v>
      </c>
      <c r="CM676" s="20">
        <v>0.48819800000000002</v>
      </c>
      <c r="CN676" s="20">
        <v>0.53335500000000002</v>
      </c>
      <c r="CO676" s="20">
        <v>0.98688900000000002</v>
      </c>
      <c r="CP676" s="20">
        <v>0.93979500000000005</v>
      </c>
      <c r="CQ676" s="20">
        <v>0.68170600000000003</v>
      </c>
      <c r="CR676" s="20">
        <v>0.61994300000000002</v>
      </c>
      <c r="CS676" s="20">
        <v>0.50204099999999996</v>
      </c>
      <c r="CT676" s="20">
        <v>0.39835799999999999</v>
      </c>
      <c r="CU676" s="20">
        <v>0.56894900000000004</v>
      </c>
      <c r="CV676" s="20">
        <v>0.56932400000000005</v>
      </c>
      <c r="CW676" s="20">
        <v>0.59581099999999998</v>
      </c>
      <c r="CX676" s="20">
        <v>0.59980900000000004</v>
      </c>
      <c r="CY676" s="6" t="s">
        <v>495</v>
      </c>
      <c r="CZ676" s="6" t="s">
        <v>496</v>
      </c>
      <c r="DA676" s="6" t="s">
        <v>117</v>
      </c>
      <c r="DB676" s="6" t="s">
        <v>345</v>
      </c>
      <c r="DC676" s="6"/>
      <c r="DD676" s="6"/>
      <c r="DE676" s="6"/>
      <c r="DF676" s="6"/>
      <c r="DG676" s="6"/>
      <c r="DH676" s="6" t="s">
        <v>333</v>
      </c>
      <c r="DI676" s="6"/>
      <c r="DJ676" s="6"/>
      <c r="DK676" s="6"/>
      <c r="DL676" s="6">
        <v>9</v>
      </c>
      <c r="DM676" s="6" t="s">
        <v>440</v>
      </c>
      <c r="DN676" s="6">
        <v>7</v>
      </c>
      <c r="DO676" s="6" t="s">
        <v>369</v>
      </c>
      <c r="DP676" s="6"/>
      <c r="DQ676" s="6"/>
    </row>
    <row r="677" spans="1:121" x14ac:dyDescent="0.2">
      <c r="A677" s="6" t="s">
        <v>321</v>
      </c>
      <c r="B677" s="6" t="s">
        <v>321</v>
      </c>
      <c r="C677" s="6" t="s">
        <v>190</v>
      </c>
      <c r="D677" s="6" t="s">
        <v>117</v>
      </c>
      <c r="E677" s="6" t="s">
        <v>258</v>
      </c>
      <c r="F677" s="11">
        <v>417</v>
      </c>
      <c r="G677" s="13">
        <v>1.12398921833</v>
      </c>
      <c r="H677" s="11">
        <v>0.44557002199996987</v>
      </c>
      <c r="I677" s="13">
        <v>1.2023460457726131E-3</v>
      </c>
      <c r="J677" s="11">
        <v>-18.86435156899995</v>
      </c>
      <c r="K677" s="13">
        <v>-5.084327751033884E-2</v>
      </c>
      <c r="L677" s="11">
        <v>435.66783238599993</v>
      </c>
      <c r="M677" s="13">
        <v>1.2371125822038704</v>
      </c>
      <c r="N677" s="11">
        <v>416.80348081699998</v>
      </c>
      <c r="O677" s="13">
        <v>1.1233704463650085</v>
      </c>
      <c r="P677" s="7">
        <v>370.583846112</v>
      </c>
      <c r="Q677" s="7">
        <v>319.52069659</v>
      </c>
      <c r="R677" s="7">
        <v>275.95999997899997</v>
      </c>
      <c r="S677" s="7">
        <v>286.520210857</v>
      </c>
      <c r="T677" s="7">
        <v>332.25601142199997</v>
      </c>
      <c r="U677" s="7">
        <v>345.71851894899999</v>
      </c>
      <c r="V677" s="7">
        <v>371.02941613399997</v>
      </c>
      <c r="W677" s="7">
        <v>317.84926960500002</v>
      </c>
      <c r="X677" s="7">
        <v>314.92029503800001</v>
      </c>
      <c r="Y677" s="7">
        <v>352.16506456500002</v>
      </c>
      <c r="Z677" s="7">
        <v>369.15909753</v>
      </c>
      <c r="AA677" s="7">
        <v>436.606661825</v>
      </c>
      <c r="AB677" s="7">
        <v>708.13702839500002</v>
      </c>
      <c r="AC677" s="7">
        <v>722.54410293299998</v>
      </c>
      <c r="AD677" s="7">
        <v>727.50096863700003</v>
      </c>
      <c r="AE677" s="7">
        <v>735.57150036899998</v>
      </c>
      <c r="AF677" s="7">
        <v>787.83289695099995</v>
      </c>
      <c r="AG677" s="9">
        <v>661.41697009999916</v>
      </c>
      <c r="AH677" s="13">
        <v>3.3019144913630338E-2</v>
      </c>
      <c r="AI677" s="9">
        <v>3244.4498617999998</v>
      </c>
      <c r="AJ677" s="13">
        <v>0.16196887136957699</v>
      </c>
      <c r="AK677" s="9">
        <v>5174.8359612999993</v>
      </c>
      <c r="AL677" s="13">
        <v>0.222327191888782</v>
      </c>
      <c r="AM677" s="9">
        <v>-7757.8688529999999</v>
      </c>
      <c r="AN677" s="13">
        <v>-0.27267853718949003</v>
      </c>
      <c r="AO677" s="9">
        <v>-2583.0328917000006</v>
      </c>
      <c r="AP677" s="13">
        <v>-0.11097519876238816</v>
      </c>
      <c r="AQ677" s="9">
        <v>20031.3173412</v>
      </c>
      <c r="AR677" s="9">
        <v>20322.7777723</v>
      </c>
      <c r="AS677" s="9">
        <v>21659.318638199999</v>
      </c>
      <c r="AT677" s="9">
        <v>22588.736194000001</v>
      </c>
      <c r="AU677" s="9">
        <v>24843.907684900001</v>
      </c>
      <c r="AV677" s="9">
        <v>23563.851395900001</v>
      </c>
      <c r="AW677" s="9">
        <v>23275.767202999999</v>
      </c>
      <c r="AX677" s="9">
        <v>26853.109826799999</v>
      </c>
      <c r="AY677" s="9">
        <v>29837.962488900001</v>
      </c>
      <c r="AZ677" s="9">
        <v>28450.603164299999</v>
      </c>
      <c r="BA677" s="9">
        <v>25740.1317457</v>
      </c>
      <c r="BB677" s="9">
        <v>26933.734998399999</v>
      </c>
      <c r="BC677" s="9">
        <v>21314.042890299999</v>
      </c>
      <c r="BD677" s="9">
        <v>20058.715926000001</v>
      </c>
      <c r="BE677" s="9">
        <v>21131.869586699999</v>
      </c>
      <c r="BF677" s="9">
        <v>20692.734311299999</v>
      </c>
      <c r="BG677" s="11">
        <v>251.25</v>
      </c>
      <c r="BH677" s="13">
        <v>10.923913043478262</v>
      </c>
      <c r="BI677" s="6">
        <v>1</v>
      </c>
      <c r="BJ677" s="13">
        <v>4.3478260869565216E-2</v>
      </c>
      <c r="BK677" s="6">
        <v>1</v>
      </c>
      <c r="BL677" s="13">
        <v>4.1666666666666664E-2</v>
      </c>
      <c r="BM677" s="11">
        <v>249.25</v>
      </c>
      <c r="BN677" s="13">
        <v>9.9700000000000006</v>
      </c>
      <c r="BO677" s="11">
        <v>250.25</v>
      </c>
      <c r="BP677" s="13">
        <v>10.427083333333334</v>
      </c>
      <c r="BQ677" s="6">
        <v>23</v>
      </c>
      <c r="BR677" s="6">
        <v>25</v>
      </c>
      <c r="BS677" s="6">
        <v>25</v>
      </c>
      <c r="BT677" s="6">
        <v>24</v>
      </c>
      <c r="BU677" s="6">
        <v>24</v>
      </c>
      <c r="BV677" s="6">
        <v>23</v>
      </c>
      <c r="BW677" s="6">
        <v>25</v>
      </c>
      <c r="BX677" s="6">
        <v>25</v>
      </c>
      <c r="BY677" s="6">
        <v>28</v>
      </c>
      <c r="BZ677" s="6">
        <v>271</v>
      </c>
      <c r="CA677" s="6">
        <v>273</v>
      </c>
      <c r="CB677" s="6">
        <v>279</v>
      </c>
      <c r="CC677" s="11">
        <v>274.25</v>
      </c>
      <c r="CD677" s="11">
        <v>241.786</v>
      </c>
      <c r="CE677" s="11">
        <v>134.95400000000001</v>
      </c>
      <c r="CF677" s="11">
        <v>40.509300000000003</v>
      </c>
      <c r="CG677" s="11">
        <v>176</v>
      </c>
      <c r="CH677" s="20">
        <v>0.83225400000000005</v>
      </c>
      <c r="CI677" s="20">
        <v>0.68901000000000001</v>
      </c>
      <c r="CJ677" s="20">
        <v>0.58553699999999997</v>
      </c>
      <c r="CK677" s="20">
        <v>0.60997199999999996</v>
      </c>
      <c r="CL677" s="20">
        <v>0.68492200000000003</v>
      </c>
      <c r="CM677" s="20">
        <v>0.68825400000000003</v>
      </c>
      <c r="CN677" s="20">
        <v>0.73241199999999995</v>
      </c>
      <c r="CO677" s="20">
        <v>0.60634500000000002</v>
      </c>
      <c r="CP677" s="20">
        <v>0.57464199999999999</v>
      </c>
      <c r="CQ677" s="20">
        <v>0.60778799999999999</v>
      </c>
      <c r="CR677" s="20">
        <v>0.64342100000000002</v>
      </c>
      <c r="CS677" s="20">
        <v>0.78961000000000003</v>
      </c>
      <c r="CT677" s="20">
        <v>1.22054</v>
      </c>
      <c r="CU677" s="20">
        <v>1.3168</v>
      </c>
      <c r="CV677" s="20">
        <v>1.3054300000000001</v>
      </c>
      <c r="CW677" s="20">
        <v>1.3188200000000001</v>
      </c>
      <c r="CX677" s="20">
        <v>1.3707</v>
      </c>
      <c r="CY677" s="6" t="s">
        <v>495</v>
      </c>
      <c r="CZ677" s="6" t="s">
        <v>496</v>
      </c>
      <c r="DA677" s="6" t="s">
        <v>117</v>
      </c>
      <c r="DB677" s="6" t="s">
        <v>345</v>
      </c>
      <c r="DC677" s="6"/>
      <c r="DD677" s="6"/>
      <c r="DE677" s="6"/>
      <c r="DF677" s="6"/>
      <c r="DG677" s="6"/>
      <c r="DH677" s="6" t="s">
        <v>333</v>
      </c>
      <c r="DI677" s="6"/>
      <c r="DJ677" s="6"/>
      <c r="DK677" s="6"/>
      <c r="DL677" s="6">
        <v>9</v>
      </c>
      <c r="DM677" s="6" t="s">
        <v>440</v>
      </c>
      <c r="DN677" s="6">
        <v>7</v>
      </c>
      <c r="DO677" s="6" t="s">
        <v>369</v>
      </c>
      <c r="DP677" s="6"/>
      <c r="DQ677" s="6"/>
    </row>
    <row r="678" spans="1:121" x14ac:dyDescent="0.2">
      <c r="A678" s="6" t="s">
        <v>322</v>
      </c>
      <c r="B678" s="6" t="s">
        <v>322</v>
      </c>
      <c r="C678" s="6" t="s">
        <v>191</v>
      </c>
      <c r="D678" s="6" t="s">
        <v>117</v>
      </c>
      <c r="E678" s="6" t="s">
        <v>258</v>
      </c>
      <c r="F678" s="11">
        <v>-13</v>
      </c>
      <c r="G678" s="13">
        <v>-0.35</v>
      </c>
      <c r="H678" s="11">
        <v>-5</v>
      </c>
      <c r="I678" s="13">
        <v>-0.13513513513513514</v>
      </c>
      <c r="J678" s="11">
        <v>-7</v>
      </c>
      <c r="K678" s="13">
        <v>-0.21875</v>
      </c>
      <c r="L678" s="11">
        <v>-1</v>
      </c>
      <c r="M678" s="13">
        <v>-0.04</v>
      </c>
      <c r="N678" s="11">
        <v>-8</v>
      </c>
      <c r="O678" s="13">
        <v>-0.25</v>
      </c>
      <c r="P678" s="7">
        <v>37</v>
      </c>
      <c r="Q678" s="7">
        <v>39</v>
      </c>
      <c r="R678" s="7">
        <v>22</v>
      </c>
      <c r="S678" s="7">
        <v>21</v>
      </c>
      <c r="T678" s="7">
        <v>31</v>
      </c>
      <c r="U678" s="7">
        <v>30</v>
      </c>
      <c r="V678" s="7">
        <v>32</v>
      </c>
      <c r="W678" s="7">
        <v>28</v>
      </c>
      <c r="X678" s="7">
        <v>26</v>
      </c>
      <c r="Y678" s="7">
        <v>25</v>
      </c>
      <c r="Z678" s="7">
        <v>23</v>
      </c>
      <c r="AA678" s="7">
        <v>23</v>
      </c>
      <c r="AB678" s="7">
        <v>19</v>
      </c>
      <c r="AC678" s="7">
        <v>20</v>
      </c>
      <c r="AD678" s="7">
        <v>20</v>
      </c>
      <c r="AE678" s="7">
        <v>24</v>
      </c>
      <c r="AF678" s="7">
        <v>24</v>
      </c>
      <c r="AG678" s="9">
        <v>10487</v>
      </c>
      <c r="AH678" s="13">
        <v>1.0125518972675485</v>
      </c>
      <c r="AI678" s="9">
        <v>869</v>
      </c>
      <c r="AJ678" s="13">
        <v>8.3904605580766636E-2</v>
      </c>
      <c r="AK678" s="9">
        <v>2874</v>
      </c>
      <c r="AL678" s="13">
        <v>0.25601282736504544</v>
      </c>
      <c r="AM678" s="9">
        <v>6744</v>
      </c>
      <c r="AN678" s="13">
        <v>0.47829787234042553</v>
      </c>
      <c r="AO678" s="9">
        <v>9618</v>
      </c>
      <c r="AP678" s="13">
        <v>0.85676109032602876</v>
      </c>
      <c r="AQ678" s="9">
        <v>10357</v>
      </c>
      <c r="AR678" s="9">
        <v>10516</v>
      </c>
      <c r="AS678" s="9">
        <v>12449</v>
      </c>
      <c r="AT678" s="9">
        <v>12842</v>
      </c>
      <c r="AU678" s="9">
        <v>11722</v>
      </c>
      <c r="AV678" s="9">
        <v>12756</v>
      </c>
      <c r="AW678" s="9">
        <v>11226</v>
      </c>
      <c r="AX678" s="9">
        <v>14121</v>
      </c>
      <c r="AY678" s="9">
        <v>12950</v>
      </c>
      <c r="AZ678" s="9">
        <v>14100</v>
      </c>
      <c r="BA678" s="9">
        <v>11901</v>
      </c>
      <c r="BB678" s="9">
        <v>17184</v>
      </c>
      <c r="BC678" s="9">
        <v>14326</v>
      </c>
      <c r="BD678" s="9">
        <v>17049</v>
      </c>
      <c r="BE678" s="9">
        <v>17287</v>
      </c>
      <c r="BF678" s="9">
        <v>20844</v>
      </c>
      <c r="BG678" s="11">
        <v>1</v>
      </c>
      <c r="BH678" s="13">
        <v>0.33333333333333331</v>
      </c>
      <c r="BI678" s="6">
        <v>2</v>
      </c>
      <c r="BJ678" s="13">
        <v>0.66666666666666663</v>
      </c>
      <c r="BK678" s="6">
        <v>0</v>
      </c>
      <c r="BL678" s="13">
        <v>0</v>
      </c>
      <c r="BM678" s="11">
        <v>-1</v>
      </c>
      <c r="BN678" s="13">
        <v>-0.2</v>
      </c>
      <c r="BO678" s="11">
        <v>-1</v>
      </c>
      <c r="BP678" s="13">
        <v>-0.2</v>
      </c>
      <c r="BQ678" s="6">
        <v>3</v>
      </c>
      <c r="BR678" s="6">
        <v>4</v>
      </c>
      <c r="BS678" s="6">
        <v>5</v>
      </c>
      <c r="BT678" s="6">
        <v>5</v>
      </c>
      <c r="BU678" s="6">
        <v>4</v>
      </c>
      <c r="BV678" s="6">
        <v>4</v>
      </c>
      <c r="BW678" s="6">
        <v>5</v>
      </c>
      <c r="BX678" s="6">
        <v>5</v>
      </c>
      <c r="BY678" s="6">
        <v>4</v>
      </c>
      <c r="BZ678" s="6">
        <v>4</v>
      </c>
      <c r="CA678" s="6">
        <v>3</v>
      </c>
      <c r="CB678" s="6">
        <v>3</v>
      </c>
      <c r="CC678" s="11">
        <v>4</v>
      </c>
      <c r="CD678" s="11">
        <v>-23</v>
      </c>
      <c r="CE678" s="11">
        <v>7</v>
      </c>
      <c r="CF678" s="11">
        <v>4</v>
      </c>
      <c r="CG678" s="11">
        <v>11</v>
      </c>
      <c r="CH678" s="20">
        <v>0.54</v>
      </c>
      <c r="CI678" s="20">
        <v>0.56999999999999995</v>
      </c>
      <c r="CJ678" s="20">
        <v>0.32</v>
      </c>
      <c r="CK678" s="20">
        <v>0.3</v>
      </c>
      <c r="CL678" s="20">
        <v>0.44</v>
      </c>
      <c r="CM678" s="20">
        <v>0.41</v>
      </c>
      <c r="CN678" s="20">
        <v>0.44</v>
      </c>
      <c r="CO678" s="20">
        <v>0.38</v>
      </c>
      <c r="CP678" s="20">
        <v>0.34</v>
      </c>
      <c r="CQ678" s="20">
        <v>0.32</v>
      </c>
      <c r="CR678" s="20">
        <v>0.28999999999999998</v>
      </c>
      <c r="CS678" s="20">
        <v>0.32</v>
      </c>
      <c r="CT678" s="20">
        <v>0.25</v>
      </c>
      <c r="CU678" s="20">
        <v>0.27</v>
      </c>
      <c r="CV678" s="20">
        <v>0.26</v>
      </c>
      <c r="CW678" s="20">
        <v>0.32</v>
      </c>
      <c r="CX678" s="20">
        <v>0.31</v>
      </c>
      <c r="CY678" s="6" t="s">
        <v>495</v>
      </c>
      <c r="CZ678" s="6" t="s">
        <v>496</v>
      </c>
      <c r="DA678" s="6" t="s">
        <v>117</v>
      </c>
      <c r="DB678" s="6" t="s">
        <v>345</v>
      </c>
      <c r="DC678" s="6"/>
      <c r="DD678" s="6"/>
      <c r="DE678" s="6"/>
      <c r="DF678" s="6"/>
      <c r="DG678" s="6"/>
      <c r="DH678" s="6" t="s">
        <v>333</v>
      </c>
      <c r="DI678" s="6"/>
      <c r="DJ678" s="6"/>
      <c r="DK678" s="6"/>
      <c r="DL678" s="6">
        <v>9</v>
      </c>
      <c r="DM678" s="6" t="s">
        <v>440</v>
      </c>
      <c r="DN678" s="6">
        <v>7</v>
      </c>
      <c r="DO678" s="6" t="s">
        <v>369</v>
      </c>
      <c r="DP678" s="6"/>
      <c r="DQ678" s="6"/>
    </row>
    <row r="679" spans="1:121" x14ac:dyDescent="0.2">
      <c r="A679" s="6" t="s">
        <v>323</v>
      </c>
      <c r="B679" s="6" t="s">
        <v>323</v>
      </c>
      <c r="C679" s="6" t="s">
        <v>192</v>
      </c>
      <c r="D679" s="6" t="s">
        <v>117</v>
      </c>
      <c r="E679" s="6" t="s">
        <v>258</v>
      </c>
      <c r="F679" s="11">
        <v>12</v>
      </c>
      <c r="G679" s="13">
        <v>4.0540540540499999E-2</v>
      </c>
      <c r="H679" s="11">
        <v>20.181912084000032</v>
      </c>
      <c r="I679" s="13">
        <v>6.822646581701447E-2</v>
      </c>
      <c r="J679" s="11">
        <v>-10.425937341000008</v>
      </c>
      <c r="K679" s="13">
        <v>-3.2994560062151915E-2</v>
      </c>
      <c r="L679" s="11">
        <v>2.7530427859999804</v>
      </c>
      <c r="M679" s="13">
        <v>9.0097196023572225E-3</v>
      </c>
      <c r="N679" s="11">
        <v>-7.6728945550000276</v>
      </c>
      <c r="O679" s="13">
        <v>-2.428211219435782E-2</v>
      </c>
      <c r="P679" s="7">
        <v>295.80767290699998</v>
      </c>
      <c r="Q679" s="7">
        <v>293.86139111699998</v>
      </c>
      <c r="R679" s="7">
        <v>270.15437218599999</v>
      </c>
      <c r="S679" s="7">
        <v>303.68466025800001</v>
      </c>
      <c r="T679" s="7">
        <v>280.44284447500002</v>
      </c>
      <c r="U679" s="7">
        <v>284.38700605999998</v>
      </c>
      <c r="V679" s="7">
        <v>315.98958499100002</v>
      </c>
      <c r="W679" s="7">
        <v>315.01161286400003</v>
      </c>
      <c r="X679" s="7">
        <v>325.43142462600002</v>
      </c>
      <c r="Y679" s="7">
        <v>305.56364765000001</v>
      </c>
      <c r="Z679" s="7">
        <v>307.63992588399998</v>
      </c>
      <c r="AA679" s="7">
        <v>315.41360497900001</v>
      </c>
      <c r="AB679" s="7">
        <v>314.53398103000001</v>
      </c>
      <c r="AC679" s="7">
        <v>313.36645140500002</v>
      </c>
      <c r="AD679" s="7">
        <v>326.44027047700001</v>
      </c>
      <c r="AE679" s="7">
        <v>304.42979157399998</v>
      </c>
      <c r="AF679" s="7">
        <v>308.31669043599999</v>
      </c>
      <c r="AG679" s="9">
        <v>4931.4357880199987</v>
      </c>
      <c r="AH679" s="13">
        <v>0.49339373712465112</v>
      </c>
      <c r="AI679" s="9">
        <v>2924.7138986199989</v>
      </c>
      <c r="AJ679" s="13">
        <v>0.29261975264204276</v>
      </c>
      <c r="AK679" s="9">
        <v>830.03213680000044</v>
      </c>
      <c r="AL679" s="13">
        <v>6.4245744955267747E-2</v>
      </c>
      <c r="AM679" s="9">
        <v>1176.6897525999993</v>
      </c>
      <c r="AN679" s="13">
        <v>8.5579453866467939E-2</v>
      </c>
      <c r="AO679" s="9">
        <v>2006.7218893999998</v>
      </c>
      <c r="AP679" s="13">
        <v>0.15532331458825188</v>
      </c>
      <c r="AQ679" s="9">
        <v>9994.9298439800004</v>
      </c>
      <c r="AR679" s="9">
        <v>10111.911306600001</v>
      </c>
      <c r="AS679" s="9">
        <v>10361.5276266</v>
      </c>
      <c r="AT679" s="9">
        <v>11171.4687538</v>
      </c>
      <c r="AU679" s="9">
        <v>11896.1643482</v>
      </c>
      <c r="AV679" s="9">
        <v>13011.003497399999</v>
      </c>
      <c r="AW679" s="9">
        <v>12919.643742599999</v>
      </c>
      <c r="AX679" s="9">
        <v>12943.471465500001</v>
      </c>
      <c r="AY679" s="9">
        <v>13109.0014166</v>
      </c>
      <c r="AZ679" s="9">
        <v>13749.6758794</v>
      </c>
      <c r="BA679" s="9">
        <v>13396.2889746</v>
      </c>
      <c r="BB679" s="9">
        <v>13640.2939042</v>
      </c>
      <c r="BC679" s="9">
        <v>13662.5641467</v>
      </c>
      <c r="BD679" s="9">
        <v>13410.873234299999</v>
      </c>
      <c r="BE679" s="9">
        <v>14346.7748897</v>
      </c>
      <c r="BF679" s="9">
        <v>14926.365631999999</v>
      </c>
      <c r="BG679" s="11">
        <v>1</v>
      </c>
      <c r="BH679" s="13">
        <v>4.5454545454545456E-2</v>
      </c>
      <c r="BI679" s="6">
        <v>0</v>
      </c>
      <c r="BJ679" s="13">
        <v>0</v>
      </c>
      <c r="BK679" s="6">
        <v>0</v>
      </c>
      <c r="BL679" s="13">
        <v>0</v>
      </c>
      <c r="BM679" s="11">
        <v>1</v>
      </c>
      <c r="BN679" s="13">
        <v>4.5454545454545456E-2</v>
      </c>
      <c r="BO679" s="11">
        <v>1</v>
      </c>
      <c r="BP679" s="13">
        <v>4.5454545454545456E-2</v>
      </c>
      <c r="BQ679" s="6">
        <v>22</v>
      </c>
      <c r="BR679" s="6">
        <v>20</v>
      </c>
      <c r="BS679" s="6">
        <v>21</v>
      </c>
      <c r="BT679" s="6">
        <v>22</v>
      </c>
      <c r="BU679" s="6">
        <v>23</v>
      </c>
      <c r="BV679" s="6">
        <v>21</v>
      </c>
      <c r="BW679" s="6">
        <v>22</v>
      </c>
      <c r="BX679" s="6">
        <v>22</v>
      </c>
      <c r="BY679" s="6">
        <v>22</v>
      </c>
      <c r="BZ679" s="6">
        <v>22</v>
      </c>
      <c r="CA679" s="6">
        <v>23</v>
      </c>
      <c r="CB679" s="6">
        <v>23</v>
      </c>
      <c r="CC679" s="11">
        <v>23</v>
      </c>
      <c r="CD679" s="11">
        <v>-87.0946</v>
      </c>
      <c r="CE679" s="11">
        <v>67.268299999999996</v>
      </c>
      <c r="CF679" s="11">
        <v>32.335299999999997</v>
      </c>
      <c r="CG679" s="11">
        <v>99</v>
      </c>
      <c r="CH679" s="20">
        <v>0.89516600000000002</v>
      </c>
      <c r="CI679" s="20">
        <v>0.875587</v>
      </c>
      <c r="CJ679" s="20">
        <v>0.80174299999999998</v>
      </c>
      <c r="CK679" s="20">
        <v>0.899536</v>
      </c>
      <c r="CL679" s="20">
        <v>0.80376000000000003</v>
      </c>
      <c r="CM679" s="20">
        <v>0.79025000000000001</v>
      </c>
      <c r="CN679" s="20">
        <v>0.87554200000000004</v>
      </c>
      <c r="CO679" s="20">
        <v>0.86280900000000005</v>
      </c>
      <c r="CP679" s="20">
        <v>0.89486399999999999</v>
      </c>
      <c r="CQ679" s="20">
        <v>0.80510800000000005</v>
      </c>
      <c r="CR679" s="20">
        <v>0.80963799999999997</v>
      </c>
      <c r="CS679" s="20">
        <v>0.86666699999999997</v>
      </c>
      <c r="CT679" s="20">
        <v>0.814882</v>
      </c>
      <c r="CU679" s="20">
        <v>0.84938100000000005</v>
      </c>
      <c r="CV679" s="20">
        <v>0.86285400000000001</v>
      </c>
      <c r="CW679" s="20">
        <v>0.80211900000000003</v>
      </c>
      <c r="CX679" s="20">
        <v>0.79677399999999998</v>
      </c>
      <c r="CY679" s="6" t="s">
        <v>495</v>
      </c>
      <c r="CZ679" s="6" t="s">
        <v>496</v>
      </c>
      <c r="DA679" s="6" t="s">
        <v>117</v>
      </c>
      <c r="DB679" s="6" t="s">
        <v>345</v>
      </c>
      <c r="DC679" s="6"/>
      <c r="DD679" s="6"/>
      <c r="DE679" s="6"/>
      <c r="DF679" s="6"/>
      <c r="DG679" s="6"/>
      <c r="DH679" s="6" t="s">
        <v>333</v>
      </c>
      <c r="DI679" s="6"/>
      <c r="DJ679" s="6"/>
      <c r="DK679" s="6"/>
      <c r="DL679" s="6">
        <v>9</v>
      </c>
      <c r="DM679" s="6" t="s">
        <v>440</v>
      </c>
      <c r="DN679" s="6">
        <v>7</v>
      </c>
      <c r="DO679" s="6" t="s">
        <v>369</v>
      </c>
      <c r="DP679" s="6"/>
      <c r="DQ679" s="6"/>
    </row>
    <row r="680" spans="1:121" x14ac:dyDescent="0.2">
      <c r="A680" s="6" t="s">
        <v>325</v>
      </c>
      <c r="B680" s="6" t="s">
        <v>325</v>
      </c>
      <c r="C680" s="6" t="s">
        <v>193</v>
      </c>
      <c r="D680" s="6" t="s">
        <v>117</v>
      </c>
      <c r="E680" s="6" t="s">
        <v>258</v>
      </c>
      <c r="F680" s="11">
        <v>-111</v>
      </c>
      <c r="G680" s="13">
        <v>-0.317142857143</v>
      </c>
      <c r="H680" s="11">
        <v>137.95675303500002</v>
      </c>
      <c r="I680" s="13">
        <v>0.39405039693780286</v>
      </c>
      <c r="J680" s="11">
        <v>128.84143533099996</v>
      </c>
      <c r="K680" s="13">
        <v>0.26398903290773479</v>
      </c>
      <c r="L680" s="11">
        <v>-377.46671238899995</v>
      </c>
      <c r="M680" s="13">
        <v>-0.61187919054809237</v>
      </c>
      <c r="N680" s="11">
        <v>-248.62527705799999</v>
      </c>
      <c r="O680" s="13">
        <v>-0.50941955340951606</v>
      </c>
      <c r="P680" s="7">
        <v>350.09926168599998</v>
      </c>
      <c r="Q680" s="7">
        <v>427.79733491299999</v>
      </c>
      <c r="R680" s="7">
        <v>461.28309256300003</v>
      </c>
      <c r="S680" s="7">
        <v>511.10107270200001</v>
      </c>
      <c r="T680" s="7">
        <v>539.73908948200005</v>
      </c>
      <c r="U680" s="7">
        <v>514.78084088799994</v>
      </c>
      <c r="V680" s="7">
        <v>488.056014721</v>
      </c>
      <c r="W680" s="7">
        <v>533.19866503699996</v>
      </c>
      <c r="X680" s="7">
        <v>572.69680175600001</v>
      </c>
      <c r="Y680" s="7">
        <v>616.89745005199995</v>
      </c>
      <c r="Z680" s="7">
        <v>609.16149851900002</v>
      </c>
      <c r="AA680" s="7">
        <v>604.43587843</v>
      </c>
      <c r="AB680" s="7">
        <v>233.729726755</v>
      </c>
      <c r="AC680" s="7">
        <v>252.43045895399999</v>
      </c>
      <c r="AD680" s="7">
        <v>248.21664360899999</v>
      </c>
      <c r="AE680" s="7">
        <v>246.700583978</v>
      </c>
      <c r="AF680" s="7">
        <v>239.430737663</v>
      </c>
      <c r="AG680" s="9">
        <v>2421.5867525000012</v>
      </c>
      <c r="AH680" s="13">
        <v>0.14966077479084317</v>
      </c>
      <c r="AI680" s="9">
        <v>-3349.9107709</v>
      </c>
      <c r="AJ680" s="13">
        <v>-0.20703377276717425</v>
      </c>
      <c r="AK680" s="9">
        <v>-2236.525521399999</v>
      </c>
      <c r="AL680" s="13">
        <v>-0.17431193524683491</v>
      </c>
      <c r="AM680" s="9">
        <v>8008.0230448000002</v>
      </c>
      <c r="AN680" s="13">
        <v>0.75589691604980802</v>
      </c>
      <c r="AO680" s="9">
        <v>5771.4975234000012</v>
      </c>
      <c r="AP680" s="13">
        <v>0.4498231265192168</v>
      </c>
      <c r="AQ680" s="9">
        <v>16180.503915499999</v>
      </c>
      <c r="AR680" s="9">
        <v>14273.276028800001</v>
      </c>
      <c r="AS680" s="9">
        <v>14433.2253167</v>
      </c>
      <c r="AT680" s="9">
        <v>11648.270247500001</v>
      </c>
      <c r="AU680" s="9">
        <v>11512.1024275</v>
      </c>
      <c r="AV680" s="9">
        <v>11949.163793199999</v>
      </c>
      <c r="AW680" s="9">
        <v>12830.5931446</v>
      </c>
      <c r="AX680" s="9">
        <v>11903.4098218</v>
      </c>
      <c r="AY680" s="9">
        <v>11361.333689499999</v>
      </c>
      <c r="AZ680" s="9">
        <v>10594.067623200001</v>
      </c>
      <c r="BA680" s="9">
        <v>11488.1925668</v>
      </c>
      <c r="BB680" s="9">
        <v>11624.597896400001</v>
      </c>
      <c r="BC680" s="9">
        <v>17447.021085199998</v>
      </c>
      <c r="BD680" s="9">
        <v>17443.4910685</v>
      </c>
      <c r="BE680" s="9">
        <v>17985.572489599999</v>
      </c>
      <c r="BF680" s="9">
        <v>18602.090668000001</v>
      </c>
      <c r="BG680" s="11">
        <v>-145.75</v>
      </c>
      <c r="BH680" s="13">
        <v>-0.85233918128654973</v>
      </c>
      <c r="BI680" s="6">
        <v>-21</v>
      </c>
      <c r="BJ680" s="13">
        <v>-0.12280701754385964</v>
      </c>
      <c r="BK680" s="6">
        <v>100</v>
      </c>
      <c r="BL680" s="13">
        <v>0.66666666666666663</v>
      </c>
      <c r="BM680" s="11">
        <v>-224.75</v>
      </c>
      <c r="BN680" s="13">
        <v>-0.89900000000000002</v>
      </c>
      <c r="BO680" s="11">
        <v>-124.75</v>
      </c>
      <c r="BP680" s="13">
        <v>-0.83166666666666667</v>
      </c>
      <c r="BQ680" s="6">
        <v>171</v>
      </c>
      <c r="BR680" s="6">
        <v>157</v>
      </c>
      <c r="BS680" s="6">
        <v>140</v>
      </c>
      <c r="BT680" s="6">
        <v>150</v>
      </c>
      <c r="BU680" s="6">
        <v>186</v>
      </c>
      <c r="BV680" s="6">
        <v>220</v>
      </c>
      <c r="BW680" s="6">
        <v>250</v>
      </c>
      <c r="BX680" s="6">
        <v>255</v>
      </c>
      <c r="BY680" s="6">
        <v>258</v>
      </c>
      <c r="BZ680" s="6">
        <v>23</v>
      </c>
      <c r="CA680" s="6">
        <v>26</v>
      </c>
      <c r="CB680" s="6">
        <v>27</v>
      </c>
      <c r="CC680" s="11">
        <v>25.25</v>
      </c>
      <c r="CD680" s="11">
        <v>-145.715</v>
      </c>
      <c r="CE680" s="11">
        <v>-3.2240799999999998</v>
      </c>
      <c r="CF680" s="11">
        <v>38.270099999999999</v>
      </c>
      <c r="CG680" s="11">
        <v>35</v>
      </c>
      <c r="CH680" s="20">
        <v>1.5597399999999999</v>
      </c>
      <c r="CI680" s="20">
        <v>1.86877</v>
      </c>
      <c r="CJ680" s="20">
        <v>2.0185499999999998</v>
      </c>
      <c r="CK680" s="20">
        <v>2.27271</v>
      </c>
      <c r="CL680" s="20">
        <v>2.3607399999999998</v>
      </c>
      <c r="CM680" s="20">
        <v>2.2034500000000001</v>
      </c>
      <c r="CN680" s="20">
        <v>2.0933600000000001</v>
      </c>
      <c r="CO680" s="20">
        <v>2.2585600000000001</v>
      </c>
      <c r="CP680" s="20">
        <v>2.3858000000000001</v>
      </c>
      <c r="CQ680" s="20">
        <v>2.48075</v>
      </c>
      <c r="CR680" s="20">
        <v>2.48251</v>
      </c>
      <c r="CS680" s="20">
        <v>2.5916600000000001</v>
      </c>
      <c r="CT680" s="20">
        <v>1.0307599999999999</v>
      </c>
      <c r="CU680" s="20">
        <v>1.17709</v>
      </c>
      <c r="CV680" s="20">
        <v>1.1510400000000001</v>
      </c>
      <c r="CW680" s="20">
        <v>1.15249</v>
      </c>
      <c r="CX680" s="20">
        <v>1.10686</v>
      </c>
      <c r="CY680" s="6" t="s">
        <v>495</v>
      </c>
      <c r="CZ680" s="6" t="s">
        <v>496</v>
      </c>
      <c r="DA680" s="6" t="s">
        <v>117</v>
      </c>
      <c r="DB680" s="6" t="s">
        <v>345</v>
      </c>
      <c r="DC680" s="6"/>
      <c r="DD680" s="6"/>
      <c r="DE680" s="6"/>
      <c r="DF680" s="6"/>
      <c r="DG680" s="6"/>
      <c r="DH680" s="6" t="s">
        <v>333</v>
      </c>
      <c r="DI680" s="6"/>
      <c r="DJ680" s="6"/>
      <c r="DK680" s="6"/>
      <c r="DL680" s="6">
        <v>9</v>
      </c>
      <c r="DM680" s="6" t="s">
        <v>440</v>
      </c>
      <c r="DN680" s="6">
        <v>7</v>
      </c>
      <c r="DO680" s="6" t="s">
        <v>369</v>
      </c>
      <c r="DP680" s="6"/>
      <c r="DQ680" s="6"/>
    </row>
    <row r="681" spans="1:121" x14ac:dyDescent="0.2">
      <c r="A681" s="6" t="s">
        <v>327</v>
      </c>
      <c r="B681" s="6" t="s">
        <v>327</v>
      </c>
      <c r="C681" s="6" t="s">
        <v>194</v>
      </c>
      <c r="D681" s="6" t="s">
        <v>117</v>
      </c>
      <c r="E681" s="6" t="s">
        <v>258</v>
      </c>
      <c r="F681" s="11">
        <v>-21</v>
      </c>
      <c r="G681" s="13">
        <v>-2.0608439646699998E-2</v>
      </c>
      <c r="H681" s="11">
        <v>-28.257076999999981</v>
      </c>
      <c r="I681" s="13">
        <v>-2.7735365565570241E-2</v>
      </c>
      <c r="J681" s="11">
        <v>-8.5609719999999925</v>
      </c>
      <c r="K681" s="13">
        <v>-8.6426165951067335E-3</v>
      </c>
      <c r="L681" s="11">
        <v>16.1340183719999</v>
      </c>
      <c r="M681" s="13">
        <v>1.642988305642306E-2</v>
      </c>
      <c r="N681" s="11">
        <v>7.5730463719999079</v>
      </c>
      <c r="O681" s="13">
        <v>7.6452692813572228E-3</v>
      </c>
      <c r="P681" s="7">
        <v>1018.810332</v>
      </c>
      <c r="Q681" s="7">
        <v>1022.900478</v>
      </c>
      <c r="R681" s="7">
        <v>1020.172567</v>
      </c>
      <c r="S681" s="7">
        <v>996.83995400000003</v>
      </c>
      <c r="T681" s="7">
        <v>979.952676</v>
      </c>
      <c r="U681" s="7">
        <v>987.87872300000004</v>
      </c>
      <c r="V681" s="7">
        <v>990.55325500000004</v>
      </c>
      <c r="W681" s="7">
        <v>1014.9220790000001</v>
      </c>
      <c r="X681" s="7">
        <v>982.44766000000004</v>
      </c>
      <c r="Y681" s="7">
        <v>981.99228300000004</v>
      </c>
      <c r="Z681" s="7">
        <v>966.307771</v>
      </c>
      <c r="AA681" s="7">
        <v>953.78441499999997</v>
      </c>
      <c r="AB681" s="7">
        <v>974.05418999999995</v>
      </c>
      <c r="AC681" s="7">
        <v>1004.533214</v>
      </c>
      <c r="AD681" s="7">
        <v>1016.2520490000001</v>
      </c>
      <c r="AE681" s="7">
        <v>994.45684574999996</v>
      </c>
      <c r="AF681" s="7">
        <v>998.12630137199994</v>
      </c>
      <c r="AG681" s="9">
        <v>16311.782049300004</v>
      </c>
      <c r="AH681" s="13">
        <v>0.54360926207640625</v>
      </c>
      <c r="AI681" s="9">
        <v>10748.737091300005</v>
      </c>
      <c r="AJ681" s="13">
        <v>0.35821426627666608</v>
      </c>
      <c r="AK681" s="9">
        <v>4143.4369111999986</v>
      </c>
      <c r="AL681" s="13">
        <v>0.10166650181983899</v>
      </c>
      <c r="AM681" s="9">
        <v>1419.6080468</v>
      </c>
      <c r="AN681" s="13">
        <v>3.1618077392328713E-2</v>
      </c>
      <c r="AO681" s="9">
        <v>5563.0449579999986</v>
      </c>
      <c r="AP681" s="13">
        <v>0.13649907853491472</v>
      </c>
      <c r="AQ681" s="9">
        <v>30006.446150299998</v>
      </c>
      <c r="AR681" s="9">
        <v>31352.4840702</v>
      </c>
      <c r="AS681" s="9">
        <v>33112.834487699998</v>
      </c>
      <c r="AT681" s="9">
        <v>35203.568544100002</v>
      </c>
      <c r="AU681" s="9">
        <v>36612.788949200003</v>
      </c>
      <c r="AV681" s="9">
        <v>38833.086606800003</v>
      </c>
      <c r="AW681" s="9">
        <v>40755.183241600003</v>
      </c>
      <c r="AX681" s="9">
        <v>41458.648915099999</v>
      </c>
      <c r="AY681" s="9">
        <v>43444.756634700003</v>
      </c>
      <c r="AZ681" s="9">
        <v>44898.620152800002</v>
      </c>
      <c r="BA681" s="9">
        <v>45354.161331399999</v>
      </c>
      <c r="BB681" s="9">
        <v>44965.826355099998</v>
      </c>
      <c r="BC681" s="9">
        <v>45537.876600800002</v>
      </c>
      <c r="BD681" s="9">
        <v>44558.416320999997</v>
      </c>
      <c r="BE681" s="9">
        <v>45617.864004299998</v>
      </c>
      <c r="BF681" s="9">
        <v>46318.228199600002</v>
      </c>
      <c r="BG681" s="11">
        <v>-1</v>
      </c>
      <c r="BH681" s="13">
        <v>-2.2727272727272728E-2</v>
      </c>
      <c r="BI681" s="6">
        <v>-1</v>
      </c>
      <c r="BJ681" s="13">
        <v>-2.2727272727272728E-2</v>
      </c>
      <c r="BK681" s="6">
        <v>-1</v>
      </c>
      <c r="BL681" s="13">
        <v>-2.3255813953488372E-2</v>
      </c>
      <c r="BM681" s="11">
        <v>1</v>
      </c>
      <c r="BN681" s="13">
        <v>2.3809523809523808E-2</v>
      </c>
      <c r="BO681" s="11">
        <v>0</v>
      </c>
      <c r="BP681" s="13">
        <v>0</v>
      </c>
      <c r="BQ681" s="6">
        <v>44</v>
      </c>
      <c r="BR681" s="6">
        <v>43</v>
      </c>
      <c r="BS681" s="6">
        <v>43</v>
      </c>
      <c r="BT681" s="6">
        <v>43</v>
      </c>
      <c r="BU681" s="6">
        <v>42</v>
      </c>
      <c r="BV681" s="6">
        <v>43</v>
      </c>
      <c r="BW681" s="6">
        <v>42</v>
      </c>
      <c r="BX681" s="6">
        <v>43</v>
      </c>
      <c r="BY681" s="6">
        <v>44</v>
      </c>
      <c r="BZ681" s="6">
        <v>44</v>
      </c>
      <c r="CA681" s="6">
        <v>44</v>
      </c>
      <c r="CB681" s="6">
        <v>43</v>
      </c>
      <c r="CC681" s="11">
        <v>43</v>
      </c>
      <c r="CD681" s="11">
        <v>-72.3249</v>
      </c>
      <c r="CE681" s="11">
        <v>-59.727400000000003</v>
      </c>
      <c r="CF681" s="11">
        <v>111.36799999999999</v>
      </c>
      <c r="CG681" s="11">
        <v>51</v>
      </c>
      <c r="CH681" s="20">
        <v>1.3664099999999999</v>
      </c>
      <c r="CI681" s="20">
        <v>1.3425199999999999</v>
      </c>
      <c r="CJ681" s="20">
        <v>1.3511599999999999</v>
      </c>
      <c r="CK681" s="20">
        <v>1.3513200000000001</v>
      </c>
      <c r="CL681" s="20">
        <v>1.30969</v>
      </c>
      <c r="CM681" s="20">
        <v>1.3005800000000001</v>
      </c>
      <c r="CN681" s="20">
        <v>1.31616</v>
      </c>
      <c r="CO681" s="20">
        <v>1.31846</v>
      </c>
      <c r="CP681" s="20">
        <v>1.24115</v>
      </c>
      <c r="CQ681" s="20">
        <v>1.1906699999999999</v>
      </c>
      <c r="CR681" s="20">
        <v>1.2152499999999999</v>
      </c>
      <c r="CS681" s="20">
        <v>1.3048299999999999</v>
      </c>
      <c r="CT681" s="20">
        <v>1.30182</v>
      </c>
      <c r="CU681" s="20">
        <v>1.4463999999999999</v>
      </c>
      <c r="CV681" s="20">
        <v>1.4677</v>
      </c>
      <c r="CW681" s="20">
        <v>1.45417</v>
      </c>
      <c r="CX681" s="20">
        <v>1.4543999999999999</v>
      </c>
      <c r="CY681" s="6" t="s">
        <v>495</v>
      </c>
      <c r="CZ681" s="6" t="s">
        <v>496</v>
      </c>
      <c r="DA681" s="6" t="s">
        <v>117</v>
      </c>
      <c r="DB681" s="6" t="s">
        <v>345</v>
      </c>
      <c r="DC681" s="6"/>
      <c r="DD681" s="6"/>
      <c r="DE681" s="6"/>
      <c r="DF681" s="6"/>
      <c r="DG681" s="6"/>
      <c r="DH681" s="6" t="s">
        <v>333</v>
      </c>
      <c r="DI681" s="6"/>
      <c r="DJ681" s="6"/>
      <c r="DK681" s="6"/>
      <c r="DL681" s="6">
        <v>9</v>
      </c>
      <c r="DM681" s="6" t="s">
        <v>440</v>
      </c>
      <c r="DN681" s="6">
        <v>7</v>
      </c>
      <c r="DO681" s="6" t="s">
        <v>369</v>
      </c>
      <c r="DP681" s="6"/>
      <c r="DQ681" s="6"/>
    </row>
    <row r="682" spans="1:121" x14ac:dyDescent="0.2">
      <c r="A682" s="6" t="s">
        <v>1</v>
      </c>
      <c r="B682" s="6" t="s">
        <v>1</v>
      </c>
      <c r="C682" s="6" t="s">
        <v>2</v>
      </c>
      <c r="D682" s="6" t="s">
        <v>120</v>
      </c>
      <c r="E682" s="6" t="s">
        <v>261</v>
      </c>
      <c r="F682" s="11">
        <v>-10</v>
      </c>
      <c r="G682" s="13">
        <v>-8.5470085470100002E-2</v>
      </c>
      <c r="H682" s="11">
        <v>42.078850182000011</v>
      </c>
      <c r="I682" s="13">
        <v>0.36111748607163263</v>
      </c>
      <c r="J682" s="11">
        <v>17.114297464000003</v>
      </c>
      <c r="K682" s="13">
        <v>0.10790662695780996</v>
      </c>
      <c r="L682" s="11">
        <v>-68.269325637000009</v>
      </c>
      <c r="M682" s="13">
        <v>-0.38851831253957875</v>
      </c>
      <c r="N682" s="11">
        <v>-51.155028173000005</v>
      </c>
      <c r="O682" s="13">
        <v>-0.32253538619925493</v>
      </c>
      <c r="P682" s="7">
        <v>116.523989574</v>
      </c>
      <c r="Q682" s="7">
        <v>140.36261509600001</v>
      </c>
      <c r="R682" s="7">
        <v>99.153398105600004</v>
      </c>
      <c r="S682" s="7">
        <v>101.711117652</v>
      </c>
      <c r="T682" s="7">
        <v>123.260149258</v>
      </c>
      <c r="U682" s="7">
        <v>136.73492435599999</v>
      </c>
      <c r="V682" s="7">
        <v>158.60283975600001</v>
      </c>
      <c r="W682" s="7">
        <v>143.17348239099999</v>
      </c>
      <c r="X682" s="7">
        <v>148.73125809999999</v>
      </c>
      <c r="Y682" s="7">
        <v>175.71713722000001</v>
      </c>
      <c r="Z682" s="7">
        <v>133.64197035000001</v>
      </c>
      <c r="AA682" s="7">
        <v>104.890257281</v>
      </c>
      <c r="AB682" s="7">
        <v>93.086889054400004</v>
      </c>
      <c r="AC682" s="7">
        <v>103.058801007</v>
      </c>
      <c r="AD682" s="7">
        <v>111.375885462</v>
      </c>
      <c r="AE682" s="7">
        <v>109.485213974</v>
      </c>
      <c r="AF682" s="7">
        <v>107.447811583</v>
      </c>
      <c r="AG682" s="9">
        <v>6188.8794211999993</v>
      </c>
      <c r="AH682" s="13">
        <v>0.37720454126654773</v>
      </c>
      <c r="AI682" s="9">
        <v>1931.5386962999983</v>
      </c>
      <c r="AJ682" s="13">
        <v>0.11772489303647748</v>
      </c>
      <c r="AK682" s="9">
        <v>3238.7236777000035</v>
      </c>
      <c r="AL682" s="13">
        <v>0.1766053535084369</v>
      </c>
      <c r="AM682" s="9">
        <v>1018.6170471999976</v>
      </c>
      <c r="AN682" s="13">
        <v>4.7207400676278058E-2</v>
      </c>
      <c r="AO682" s="9">
        <v>4257.3407249000011</v>
      </c>
      <c r="AP682" s="13">
        <v>0.23214983386936344</v>
      </c>
      <c r="AQ682" s="9">
        <v>16407.2240499</v>
      </c>
      <c r="AR682" s="9">
        <v>17752.702759200001</v>
      </c>
      <c r="AS682" s="9">
        <v>17143.431615400001</v>
      </c>
      <c r="AT682" s="9">
        <v>18610.498145699999</v>
      </c>
      <c r="AU682" s="9">
        <v>21156.471597399999</v>
      </c>
      <c r="AV682" s="9">
        <v>20837.924741999999</v>
      </c>
      <c r="AW682" s="9">
        <v>18338.762746199998</v>
      </c>
      <c r="AX682" s="9">
        <v>18933.8022795</v>
      </c>
      <c r="AY682" s="9">
        <v>19332.792575799998</v>
      </c>
      <c r="AZ682" s="9">
        <v>21577.486423900002</v>
      </c>
      <c r="BA682" s="9">
        <v>21230.0530449</v>
      </c>
      <c r="BB682" s="9">
        <v>19807.741732900002</v>
      </c>
      <c r="BC682" s="9">
        <v>19875.543560499998</v>
      </c>
      <c r="BD682" s="9">
        <v>21065.3140733</v>
      </c>
      <c r="BE682" s="9">
        <v>23269.879364</v>
      </c>
      <c r="BF682" s="9">
        <v>22596.103471099999</v>
      </c>
      <c r="BG682" s="11">
        <v>-1</v>
      </c>
      <c r="BH682" s="13">
        <v>-0.1111111111111111</v>
      </c>
      <c r="BI682" s="6">
        <v>2</v>
      </c>
      <c r="BJ682" s="13">
        <v>0.22222222222222221</v>
      </c>
      <c r="BK682" s="6">
        <v>-3</v>
      </c>
      <c r="BL682" s="13">
        <v>-0.27272727272727271</v>
      </c>
      <c r="BM682" s="11">
        <v>0</v>
      </c>
      <c r="BN682" s="13">
        <v>0</v>
      </c>
      <c r="BO682" s="11">
        <v>-3</v>
      </c>
      <c r="BP682" s="13">
        <v>-0.27272727272727271</v>
      </c>
      <c r="BQ682" s="6">
        <v>9</v>
      </c>
      <c r="BR682" s="6">
        <v>7</v>
      </c>
      <c r="BS682" s="6">
        <v>8</v>
      </c>
      <c r="BT682" s="6">
        <v>11</v>
      </c>
      <c r="BU682" s="6">
        <v>12</v>
      </c>
      <c r="BV682" s="6">
        <v>11</v>
      </c>
      <c r="BW682" s="6">
        <v>8</v>
      </c>
      <c r="BX682" s="6">
        <v>7</v>
      </c>
      <c r="BY682" s="6">
        <v>8</v>
      </c>
      <c r="BZ682" s="6">
        <v>7</v>
      </c>
      <c r="CA682" s="6">
        <v>8</v>
      </c>
      <c r="CB682" s="6">
        <v>8</v>
      </c>
      <c r="CC682" s="11">
        <v>8</v>
      </c>
      <c r="CD682" s="11">
        <v>-11.1897</v>
      </c>
      <c r="CE682" s="11">
        <v>-10.623900000000001</v>
      </c>
      <c r="CF682" s="11">
        <v>12.737500000000001</v>
      </c>
      <c r="CG682" s="11">
        <v>2</v>
      </c>
      <c r="CH682" s="20">
        <v>3.0527199999999999</v>
      </c>
      <c r="CI682" s="20">
        <v>3.7139000000000002</v>
      </c>
      <c r="CJ682" s="20">
        <v>2.6514899999999999</v>
      </c>
      <c r="CK682" s="20">
        <v>2.5144099999999998</v>
      </c>
      <c r="CL682" s="20">
        <v>3.2122000000000002</v>
      </c>
      <c r="CM682" s="20">
        <v>3.4896799999999999</v>
      </c>
      <c r="CN682" s="20">
        <v>4.1024799999999999</v>
      </c>
      <c r="CO682" s="20">
        <v>3.78661</v>
      </c>
      <c r="CP682" s="20">
        <v>3.3380800000000002</v>
      </c>
      <c r="CQ682" s="20">
        <v>4.4486100000000004</v>
      </c>
      <c r="CR682" s="20">
        <v>3.4796800000000001</v>
      </c>
      <c r="CS682" s="20">
        <v>2.7794500000000002</v>
      </c>
      <c r="CT682" s="20">
        <v>2.5616500000000002</v>
      </c>
      <c r="CU682" s="20">
        <v>2.7926799999999998</v>
      </c>
      <c r="CV682" s="20">
        <v>3.0070999999999999</v>
      </c>
      <c r="CW682" s="20">
        <v>2.9248400000000001</v>
      </c>
      <c r="CX682" s="20">
        <v>2.8150300000000001</v>
      </c>
      <c r="CY682" s="6" t="s">
        <v>497</v>
      </c>
      <c r="CZ682" s="6" t="s">
        <v>498</v>
      </c>
      <c r="DA682" s="6" t="s">
        <v>120</v>
      </c>
      <c r="DB682" s="6" t="s">
        <v>345</v>
      </c>
      <c r="DC682" s="6"/>
      <c r="DD682" s="6"/>
      <c r="DE682" s="6"/>
      <c r="DF682" s="6"/>
      <c r="DG682" s="6"/>
      <c r="DH682" s="6" t="s">
        <v>333</v>
      </c>
      <c r="DI682" s="6"/>
      <c r="DJ682" s="6"/>
      <c r="DK682" s="6"/>
      <c r="DL682" s="6">
        <v>6</v>
      </c>
      <c r="DM682" s="6" t="s">
        <v>396</v>
      </c>
      <c r="DN682" s="6">
        <v>6</v>
      </c>
      <c r="DO682" s="6" t="s">
        <v>393</v>
      </c>
      <c r="DP682" s="6"/>
      <c r="DQ682" s="6"/>
    </row>
    <row r="683" spans="1:121" x14ac:dyDescent="0.2">
      <c r="A683" s="6" t="s">
        <v>310</v>
      </c>
      <c r="B683" s="6" t="s">
        <v>310</v>
      </c>
      <c r="C683" s="6" t="s">
        <v>173</v>
      </c>
      <c r="D683" s="6" t="s">
        <v>120</v>
      </c>
      <c r="E683" s="6" t="s">
        <v>261</v>
      </c>
      <c r="F683" s="11">
        <v>-11</v>
      </c>
      <c r="G683" s="13">
        <v>-0.5</v>
      </c>
      <c r="H683" s="11">
        <v>-17.198179</v>
      </c>
      <c r="I683" s="13">
        <v>-0.77475629870360085</v>
      </c>
      <c r="J683" s="11">
        <v>0</v>
      </c>
      <c r="K683" s="13">
        <v>0</v>
      </c>
      <c r="L683" s="11">
        <v>5.7961949707000002</v>
      </c>
      <c r="M683" s="13">
        <v>1.1592389941400001</v>
      </c>
      <c r="N683" s="11">
        <v>5.7961949707000002</v>
      </c>
      <c r="O683" s="13">
        <v>1.1592389941400001</v>
      </c>
      <c r="P683" s="7">
        <v>22.198179</v>
      </c>
      <c r="Q683" s="7">
        <v>14.597023</v>
      </c>
      <c r="R683" s="7">
        <v>26.209828999999999</v>
      </c>
      <c r="S683" s="7">
        <v>19.237549000000001</v>
      </c>
      <c r="T683" s="7">
        <v>5</v>
      </c>
      <c r="U683" s="7">
        <v>5</v>
      </c>
      <c r="V683" s="7">
        <v>5</v>
      </c>
      <c r="W683" s="7">
        <v>5</v>
      </c>
      <c r="X683" s="7">
        <v>12.772402</v>
      </c>
      <c r="Y683" s="7">
        <v>5</v>
      </c>
      <c r="Z683" s="7">
        <v>5</v>
      </c>
      <c r="AA683" s="7">
        <v>5</v>
      </c>
      <c r="AB683" s="7">
        <v>11.430426000000001</v>
      </c>
      <c r="AC683" s="7">
        <v>11.746930000000001</v>
      </c>
      <c r="AD683" s="7">
        <v>11.379583999999999</v>
      </c>
      <c r="AE683" s="7">
        <v>10.70542975</v>
      </c>
      <c r="AF683" s="7">
        <v>10.7961949707</v>
      </c>
      <c r="AG683" s="9">
        <v>1657.574978100005</v>
      </c>
      <c r="AH683" s="13">
        <v>4.667532050648858E-2</v>
      </c>
      <c r="AI683" s="9">
        <v>-35511.878328699997</v>
      </c>
      <c r="AJ683" s="13">
        <v>-0.99997184120107796</v>
      </c>
      <c r="AK683" s="9">
        <v>0</v>
      </c>
      <c r="AL683" s="13">
        <v>0</v>
      </c>
      <c r="AM683" s="9">
        <v>37169.453306800002</v>
      </c>
      <c r="AN683" s="13">
        <v>37169.453306800002</v>
      </c>
      <c r="AO683" s="9">
        <v>37169.453306800002</v>
      </c>
      <c r="AP683" s="13">
        <v>37169.453306800002</v>
      </c>
      <c r="AQ683" s="9">
        <v>35512.878328699997</v>
      </c>
      <c r="AR683" s="9">
        <v>43924.164510800001</v>
      </c>
      <c r="AS683" s="9">
        <v>32272.510989900002</v>
      </c>
      <c r="AT683" s="9">
        <v>48783.191388400002</v>
      </c>
      <c r="AU683" s="9">
        <v>1</v>
      </c>
      <c r="AV683" s="9">
        <v>1</v>
      </c>
      <c r="AW683" s="9">
        <v>1</v>
      </c>
      <c r="AX683" s="9">
        <v>1</v>
      </c>
      <c r="AY683" s="9">
        <v>37995.090148000003</v>
      </c>
      <c r="AZ683" s="9">
        <v>1</v>
      </c>
      <c r="BA683" s="9">
        <v>1</v>
      </c>
      <c r="BB683" s="9">
        <v>1</v>
      </c>
      <c r="BC683" s="9">
        <v>41905.768096400003</v>
      </c>
      <c r="BD683" s="9">
        <v>26493.5139203</v>
      </c>
      <c r="BE683" s="9">
        <v>30797.748067600001</v>
      </c>
      <c r="BF683" s="9">
        <v>37170.453306800002</v>
      </c>
      <c r="BG683" s="11">
        <v>1</v>
      </c>
      <c r="BH683" s="13">
        <v>1</v>
      </c>
      <c r="BI683" s="6">
        <v>0</v>
      </c>
      <c r="BJ683" s="13">
        <v>0</v>
      </c>
      <c r="BK683" s="6">
        <v>1</v>
      </c>
      <c r="BL683" s="13">
        <v>1</v>
      </c>
      <c r="BM683" s="11">
        <v>0</v>
      </c>
      <c r="BN683" s="13">
        <v>0</v>
      </c>
      <c r="BO683" s="11">
        <v>1</v>
      </c>
      <c r="BP683" s="13">
        <v>1</v>
      </c>
      <c r="BQ683" s="6">
        <v>1</v>
      </c>
      <c r="BR683" s="6">
        <v>1</v>
      </c>
      <c r="BS683" s="6">
        <v>1</v>
      </c>
      <c r="BT683" s="6">
        <v>1</v>
      </c>
      <c r="BU683" s="6">
        <v>1</v>
      </c>
      <c r="BV683" s="6">
        <v>2</v>
      </c>
      <c r="BW683" s="6">
        <v>2</v>
      </c>
      <c r="BX683" s="6">
        <v>2</v>
      </c>
      <c r="BY683" s="6">
        <v>2</v>
      </c>
      <c r="BZ683" s="6">
        <v>2</v>
      </c>
      <c r="CA683" s="6">
        <v>2</v>
      </c>
      <c r="CB683" s="6">
        <v>2</v>
      </c>
      <c r="CC683" s="11">
        <v>2</v>
      </c>
      <c r="CD683" s="11">
        <v>-16.131499999999999</v>
      </c>
      <c r="CE683" s="11">
        <v>2.30301</v>
      </c>
      <c r="CF683" s="11">
        <v>2.4265300000000001</v>
      </c>
      <c r="CG683" s="11">
        <v>4</v>
      </c>
      <c r="CH683" s="20">
        <v>2.0497299999999998</v>
      </c>
      <c r="CI683" s="20">
        <v>1.42197</v>
      </c>
      <c r="CJ683" s="20">
        <v>2.6170100000000001</v>
      </c>
      <c r="CK683" s="20">
        <v>1.7182200000000001</v>
      </c>
      <c r="CL683" s="20">
        <v>0.75151900000000005</v>
      </c>
      <c r="CM683" s="20">
        <v>0.39522600000000002</v>
      </c>
      <c r="CN683" s="20">
        <v>0.35569600000000001</v>
      </c>
      <c r="CO683" s="20">
        <v>0.43898500000000001</v>
      </c>
      <c r="CP683" s="20">
        <v>0.80674299999999999</v>
      </c>
      <c r="CQ683" s="20">
        <v>4.3396200000000003E-2</v>
      </c>
      <c r="CR683" s="20">
        <v>0.349242</v>
      </c>
      <c r="CS683" s="20">
        <v>0.52277300000000004</v>
      </c>
      <c r="CT683" s="20">
        <v>0.71971099999999999</v>
      </c>
      <c r="CU683" s="20">
        <v>0.71475100000000003</v>
      </c>
      <c r="CV683" s="20">
        <v>0.77978400000000003</v>
      </c>
      <c r="CW683" s="20">
        <v>0.85438099999999995</v>
      </c>
      <c r="CX683" s="20">
        <v>0.83673600000000004</v>
      </c>
      <c r="CY683" s="6" t="s">
        <v>497</v>
      </c>
      <c r="CZ683" s="6" t="s">
        <v>498</v>
      </c>
      <c r="DA683" s="6" t="s">
        <v>120</v>
      </c>
      <c r="DB683" s="6" t="s">
        <v>345</v>
      </c>
      <c r="DC683" s="6"/>
      <c r="DD683" s="6"/>
      <c r="DE683" s="6"/>
      <c r="DF683" s="6"/>
      <c r="DG683" s="6"/>
      <c r="DH683" s="6" t="s">
        <v>333</v>
      </c>
      <c r="DI683" s="6"/>
      <c r="DJ683" s="6"/>
      <c r="DK683" s="6"/>
      <c r="DL683" s="6">
        <v>6</v>
      </c>
      <c r="DM683" s="6" t="s">
        <v>396</v>
      </c>
      <c r="DN683" s="6">
        <v>6</v>
      </c>
      <c r="DO683" s="6" t="s">
        <v>393</v>
      </c>
      <c r="DP683" s="6"/>
      <c r="DQ683" s="6"/>
    </row>
    <row r="684" spans="1:121" x14ac:dyDescent="0.2">
      <c r="A684" s="6" t="s">
        <v>311</v>
      </c>
      <c r="B684" s="6" t="s">
        <v>311</v>
      </c>
      <c r="C684" s="6" t="s">
        <v>174</v>
      </c>
      <c r="D684" s="6" t="s">
        <v>120</v>
      </c>
      <c r="E684" s="6" t="s">
        <v>261</v>
      </c>
      <c r="F684" s="11">
        <v>1</v>
      </c>
      <c r="G684" s="13">
        <v>1</v>
      </c>
      <c r="H684" s="11">
        <v>-0.53830800000000067</v>
      </c>
      <c r="I684" s="13">
        <v>-4.1388867659543957E-2</v>
      </c>
      <c r="J684" s="11">
        <v>-7.4677980000000002</v>
      </c>
      <c r="K684" s="13">
        <v>-0.59896687450342079</v>
      </c>
      <c r="L684" s="11">
        <v>0</v>
      </c>
      <c r="M684" s="13">
        <v>0</v>
      </c>
      <c r="N684" s="11">
        <v>-7.4677980000000002</v>
      </c>
      <c r="O684" s="13">
        <v>-0.59896687450342079</v>
      </c>
      <c r="P684" s="7">
        <v>13.006106000000001</v>
      </c>
      <c r="Q684" s="7">
        <v>5</v>
      </c>
      <c r="R684" s="7">
        <v>5</v>
      </c>
      <c r="S684" s="7">
        <v>5</v>
      </c>
      <c r="T684" s="7">
        <v>5</v>
      </c>
      <c r="U684" s="7">
        <v>12.144520999999999</v>
      </c>
      <c r="V684" s="7">
        <v>12.467798</v>
      </c>
      <c r="W684" s="7">
        <v>11.172140000000001</v>
      </c>
      <c r="X684" s="7">
        <v>5</v>
      </c>
      <c r="Y684" s="7">
        <v>5</v>
      </c>
      <c r="Z684" s="7">
        <v>5</v>
      </c>
      <c r="AA684" s="7">
        <v>5</v>
      </c>
      <c r="AB684" s="7">
        <v>5</v>
      </c>
      <c r="AC684" s="7">
        <v>5</v>
      </c>
      <c r="AD684" s="7">
        <v>5</v>
      </c>
      <c r="AE684" s="7">
        <v>5</v>
      </c>
      <c r="AF684" s="7">
        <v>5</v>
      </c>
      <c r="AG684" s="9">
        <v>-52616.029604700001</v>
      </c>
      <c r="AH684" s="13">
        <v>-0.99998099474623492</v>
      </c>
      <c r="AI684" s="9">
        <v>16261.525046399998</v>
      </c>
      <c r="AJ684" s="13">
        <v>0.30905441011340257</v>
      </c>
      <c r="AK684" s="9">
        <v>-68877.554651099999</v>
      </c>
      <c r="AL684" s="13">
        <v>-0.99998548169303103</v>
      </c>
      <c r="AM684" s="9">
        <v>0</v>
      </c>
      <c r="AN684" s="13">
        <v>0</v>
      </c>
      <c r="AO684" s="9">
        <v>-68877.554651099999</v>
      </c>
      <c r="AP684" s="13">
        <v>-0.99998548169303103</v>
      </c>
      <c r="AQ684" s="9">
        <v>52617.029604700001</v>
      </c>
      <c r="AR684" s="9">
        <v>1</v>
      </c>
      <c r="AS684" s="9">
        <v>1</v>
      </c>
      <c r="AT684" s="9">
        <v>1</v>
      </c>
      <c r="AU684" s="9">
        <v>1</v>
      </c>
      <c r="AV684" s="9">
        <v>59094.031282900003</v>
      </c>
      <c r="AW684" s="9">
        <v>68878.554651099999</v>
      </c>
      <c r="AX684" s="9">
        <v>76594.707946900002</v>
      </c>
      <c r="AY684" s="9">
        <v>1</v>
      </c>
      <c r="AZ684" s="9">
        <v>1</v>
      </c>
      <c r="BA684" s="9">
        <v>1</v>
      </c>
      <c r="BB684" s="9">
        <v>1</v>
      </c>
      <c r="BC684" s="9">
        <v>1</v>
      </c>
      <c r="BD684" s="9">
        <v>1</v>
      </c>
      <c r="BE684" s="9">
        <v>1</v>
      </c>
      <c r="BF684" s="9">
        <v>1</v>
      </c>
      <c r="BG684" s="11">
        <v>0</v>
      </c>
      <c r="BH684" s="13">
        <v>0</v>
      </c>
      <c r="BI684" s="6">
        <v>0</v>
      </c>
      <c r="BJ684" s="13">
        <v>0</v>
      </c>
      <c r="BK684" s="6">
        <v>0</v>
      </c>
      <c r="BL684" s="13">
        <v>0</v>
      </c>
      <c r="BM684" s="11">
        <v>0</v>
      </c>
      <c r="BN684" s="13">
        <v>0</v>
      </c>
      <c r="BO684" s="11">
        <v>0</v>
      </c>
      <c r="BP684" s="13">
        <v>0</v>
      </c>
      <c r="BQ684" s="6">
        <v>1</v>
      </c>
      <c r="BR684" s="6">
        <v>1</v>
      </c>
      <c r="BS684" s="6">
        <v>1</v>
      </c>
      <c r="BT684" s="6">
        <v>1</v>
      </c>
      <c r="BU684" s="6">
        <v>1</v>
      </c>
      <c r="BV684" s="6">
        <v>1</v>
      </c>
      <c r="BW684" s="6">
        <v>1</v>
      </c>
      <c r="BX684" s="6">
        <v>1</v>
      </c>
      <c r="BY684" s="6">
        <v>1</v>
      </c>
      <c r="BZ684" s="6">
        <v>1</v>
      </c>
      <c r="CA684" s="6">
        <v>1</v>
      </c>
      <c r="CB684" s="6">
        <v>1</v>
      </c>
      <c r="CC684" s="11">
        <v>1</v>
      </c>
      <c r="CD684" s="11">
        <v>-7.7239599999999999</v>
      </c>
      <c r="CE684" s="11">
        <v>-2.1179600000000001</v>
      </c>
      <c r="CF684" s="11">
        <v>1.4217200000000001</v>
      </c>
      <c r="CG684" s="11">
        <v>-1</v>
      </c>
      <c r="CH684" s="20">
        <v>1.0961099999999999</v>
      </c>
      <c r="CI684" s="20">
        <v>0.39499499999999999</v>
      </c>
      <c r="CJ684" s="20">
        <v>0.65690000000000004</v>
      </c>
      <c r="CK684" s="20">
        <v>0.13967399999999999</v>
      </c>
      <c r="CL684" s="20">
        <v>0.32164500000000001</v>
      </c>
      <c r="CM684" s="20">
        <v>1.09937</v>
      </c>
      <c r="CN684" s="20">
        <v>1.1284700000000001</v>
      </c>
      <c r="CO684" s="20">
        <v>0.99017100000000002</v>
      </c>
      <c r="CP684" s="20">
        <v>0.65356499999999995</v>
      </c>
      <c r="CQ684" s="20">
        <v>0.35879699999999998</v>
      </c>
      <c r="CR684" s="20">
        <v>0.29441000000000001</v>
      </c>
      <c r="CS684" s="20">
        <v>0.187469</v>
      </c>
      <c r="CT684" s="20">
        <v>0.49354399999999998</v>
      </c>
      <c r="CU684" s="20">
        <v>0.53126899999999999</v>
      </c>
      <c r="CV684" s="20">
        <v>0.47169299999999997</v>
      </c>
      <c r="CW684" s="20">
        <v>0.45103100000000002</v>
      </c>
      <c r="CX684" s="20">
        <v>0.415765</v>
      </c>
      <c r="CY684" s="6" t="s">
        <v>497</v>
      </c>
      <c r="CZ684" s="6" t="s">
        <v>498</v>
      </c>
      <c r="DA684" s="6" t="s">
        <v>120</v>
      </c>
      <c r="DB684" s="6" t="s">
        <v>345</v>
      </c>
      <c r="DC684" s="6"/>
      <c r="DD684" s="6"/>
      <c r="DE684" s="6"/>
      <c r="DF684" s="6"/>
      <c r="DG684" s="6"/>
      <c r="DH684" s="6" t="s">
        <v>333</v>
      </c>
      <c r="DI684" s="6"/>
      <c r="DJ684" s="6"/>
      <c r="DK684" s="6"/>
      <c r="DL684" s="6">
        <v>6</v>
      </c>
      <c r="DM684" s="6" t="s">
        <v>396</v>
      </c>
      <c r="DN684" s="6">
        <v>6</v>
      </c>
      <c r="DO684" s="6" t="s">
        <v>393</v>
      </c>
      <c r="DP684" s="6"/>
      <c r="DQ684" s="6"/>
    </row>
    <row r="685" spans="1:121" x14ac:dyDescent="0.2">
      <c r="A685" s="6" t="s">
        <v>312</v>
      </c>
      <c r="B685" s="6" t="s">
        <v>312</v>
      </c>
      <c r="C685" s="6" t="s">
        <v>175</v>
      </c>
      <c r="D685" s="6" t="s">
        <v>120</v>
      </c>
      <c r="E685" s="6" t="s">
        <v>261</v>
      </c>
      <c r="F685" s="11">
        <v>56</v>
      </c>
      <c r="G685" s="13">
        <v>0.309392265193</v>
      </c>
      <c r="H685" s="11">
        <v>168.246064042</v>
      </c>
      <c r="I685" s="13">
        <v>0.93123978166344035</v>
      </c>
      <c r="J685" s="11">
        <v>-118.11165801999999</v>
      </c>
      <c r="K685" s="13">
        <v>-0.3385113029350349</v>
      </c>
      <c r="L685" s="11">
        <v>5.9483610999999996</v>
      </c>
      <c r="M685" s="13">
        <v>2.5772426245067457E-2</v>
      </c>
      <c r="N685" s="11">
        <v>-112.16329691999999</v>
      </c>
      <c r="O685" s="13">
        <v>-0.32146313427798229</v>
      </c>
      <c r="P685" s="7">
        <v>180.668896835</v>
      </c>
      <c r="Q685" s="7">
        <v>197.90299172900001</v>
      </c>
      <c r="R685" s="7">
        <v>227.39301565100001</v>
      </c>
      <c r="S685" s="7">
        <v>238.06209242700001</v>
      </c>
      <c r="T685" s="7">
        <v>267.15493861599998</v>
      </c>
      <c r="U685" s="7">
        <v>296.11661422600002</v>
      </c>
      <c r="V685" s="7">
        <v>348.914960877</v>
      </c>
      <c r="W685" s="7">
        <v>339.769638746</v>
      </c>
      <c r="X685" s="7">
        <v>306.14001106299997</v>
      </c>
      <c r="Y685" s="7">
        <v>230.80330285700001</v>
      </c>
      <c r="Z685" s="7">
        <v>204.39189443500001</v>
      </c>
      <c r="AA685" s="7">
        <v>190.720286851</v>
      </c>
      <c r="AB685" s="7">
        <v>195.18293813700001</v>
      </c>
      <c r="AC685" s="7">
        <v>201.80197261000001</v>
      </c>
      <c r="AD685" s="7">
        <v>218.129074887</v>
      </c>
      <c r="AE685" s="7">
        <v>232.80154111600001</v>
      </c>
      <c r="AF685" s="7">
        <v>236.75166395700001</v>
      </c>
      <c r="AG685" s="9">
        <v>3802.3587981000019</v>
      </c>
      <c r="AH685" s="13">
        <v>0.15944266623525014</v>
      </c>
      <c r="AI685" s="9">
        <v>112.4247421</v>
      </c>
      <c r="AJ685" s="13">
        <v>4.7142580653334078E-3</v>
      </c>
      <c r="AK685" s="9">
        <v>-2631.9516808999979</v>
      </c>
      <c r="AL685" s="13">
        <v>-0.10984664557916345</v>
      </c>
      <c r="AM685" s="9">
        <v>6321.8857368999998</v>
      </c>
      <c r="AN685" s="13">
        <v>0.2964085293586779</v>
      </c>
      <c r="AO685" s="9">
        <v>3689.9340560000019</v>
      </c>
      <c r="AP685" s="13">
        <v>0.15400240110841071</v>
      </c>
      <c r="AQ685" s="9">
        <v>23847.812432399998</v>
      </c>
      <c r="AR685" s="9">
        <v>23507.610548299999</v>
      </c>
      <c r="AS685" s="9">
        <v>23349.9592839</v>
      </c>
      <c r="AT685" s="9">
        <v>23443.051357299999</v>
      </c>
      <c r="AU685" s="9">
        <v>23177.135568999998</v>
      </c>
      <c r="AV685" s="9">
        <v>22967.1345716</v>
      </c>
      <c r="AW685" s="9">
        <v>23960.237174499998</v>
      </c>
      <c r="AX685" s="9">
        <v>24725.818550700002</v>
      </c>
      <c r="AY685" s="9">
        <v>22871.3790978</v>
      </c>
      <c r="AZ685" s="9">
        <v>21328.2854936</v>
      </c>
      <c r="BA685" s="9">
        <v>20869.640463799999</v>
      </c>
      <c r="BB685" s="9">
        <v>21250.101930500001</v>
      </c>
      <c r="BC685" s="9">
        <v>24016.0759163</v>
      </c>
      <c r="BD685" s="9">
        <v>24653.529249700001</v>
      </c>
      <c r="BE685" s="9">
        <v>26072.219226199999</v>
      </c>
      <c r="BF685" s="9">
        <v>27650.1712305</v>
      </c>
      <c r="BG685" s="11">
        <v>-5.5</v>
      </c>
      <c r="BH685" s="13">
        <v>-0.25</v>
      </c>
      <c r="BI685" s="6">
        <v>1</v>
      </c>
      <c r="BJ685" s="13">
        <v>4.5454545454545456E-2</v>
      </c>
      <c r="BK685" s="6">
        <v>-10</v>
      </c>
      <c r="BL685" s="13">
        <v>-0.43478260869565216</v>
      </c>
      <c r="BM685" s="11">
        <v>3.5</v>
      </c>
      <c r="BN685" s="13">
        <v>0.26923076923076922</v>
      </c>
      <c r="BO685" s="11">
        <v>-6.5</v>
      </c>
      <c r="BP685" s="13">
        <v>-0.28260869565217389</v>
      </c>
      <c r="BQ685" s="6">
        <v>22</v>
      </c>
      <c r="BR685" s="6">
        <v>22</v>
      </c>
      <c r="BS685" s="6">
        <v>19</v>
      </c>
      <c r="BT685" s="6">
        <v>23</v>
      </c>
      <c r="BU685" s="6">
        <v>20</v>
      </c>
      <c r="BV685" s="6">
        <v>18</v>
      </c>
      <c r="BW685" s="6">
        <v>13</v>
      </c>
      <c r="BX685" s="6">
        <v>12</v>
      </c>
      <c r="BY685" s="6">
        <v>9</v>
      </c>
      <c r="BZ685" s="6">
        <v>11</v>
      </c>
      <c r="CA685" s="6">
        <v>10</v>
      </c>
      <c r="CB685" s="6">
        <v>12</v>
      </c>
      <c r="CC685" s="11">
        <v>16.5</v>
      </c>
      <c r="CD685" s="11">
        <v>58.217100000000002</v>
      </c>
      <c r="CE685" s="11">
        <v>-21.883600000000001</v>
      </c>
      <c r="CF685" s="11">
        <v>19.749300000000002</v>
      </c>
      <c r="CG685" s="11">
        <v>-2</v>
      </c>
      <c r="CH685" s="20">
        <v>1.0497700000000001</v>
      </c>
      <c r="CI685" s="20">
        <v>1.1571800000000001</v>
      </c>
      <c r="CJ685" s="20">
        <v>1.3260000000000001</v>
      </c>
      <c r="CK685" s="20">
        <v>1.2360100000000001</v>
      </c>
      <c r="CL685" s="20">
        <v>1.4050199999999999</v>
      </c>
      <c r="CM685" s="20">
        <v>1.46011</v>
      </c>
      <c r="CN685" s="20">
        <v>1.74336</v>
      </c>
      <c r="CO685" s="20">
        <v>1.78407</v>
      </c>
      <c r="CP685" s="20">
        <v>1.55189</v>
      </c>
      <c r="CQ685" s="20">
        <v>1.4267700000000001</v>
      </c>
      <c r="CR685" s="20">
        <v>1.3244</v>
      </c>
      <c r="CS685" s="20">
        <v>1.26223</v>
      </c>
      <c r="CT685" s="20">
        <v>1.3252299999999999</v>
      </c>
      <c r="CU685" s="20">
        <v>1.31806</v>
      </c>
      <c r="CV685" s="20">
        <v>1.38225</v>
      </c>
      <c r="CW685" s="20">
        <v>1.4277200000000001</v>
      </c>
      <c r="CX685" s="20">
        <v>1.4173800000000001</v>
      </c>
      <c r="CY685" s="6" t="s">
        <v>497</v>
      </c>
      <c r="CZ685" s="6" t="s">
        <v>498</v>
      </c>
      <c r="DA685" s="6" t="s">
        <v>120</v>
      </c>
      <c r="DB685" s="6" t="s">
        <v>345</v>
      </c>
      <c r="DC685" s="6"/>
      <c r="DD685" s="6"/>
      <c r="DE685" s="6"/>
      <c r="DF685" s="6"/>
      <c r="DG685" s="6"/>
      <c r="DH685" s="6" t="s">
        <v>333</v>
      </c>
      <c r="DI685" s="6"/>
      <c r="DJ685" s="6"/>
      <c r="DK685" s="6"/>
      <c r="DL685" s="6">
        <v>6</v>
      </c>
      <c r="DM685" s="6" t="s">
        <v>396</v>
      </c>
      <c r="DN685" s="6">
        <v>6</v>
      </c>
      <c r="DO685" s="6" t="s">
        <v>393</v>
      </c>
      <c r="DP685" s="6"/>
      <c r="DQ685" s="6"/>
    </row>
    <row r="686" spans="1:121" x14ac:dyDescent="0.2">
      <c r="A686" s="6" t="s">
        <v>792</v>
      </c>
      <c r="B686" s="6" t="s">
        <v>176</v>
      </c>
      <c r="C686" s="6" t="s">
        <v>177</v>
      </c>
      <c r="D686" s="6" t="s">
        <v>120</v>
      </c>
      <c r="E686" s="6" t="s">
        <v>261</v>
      </c>
      <c r="F686" s="11">
        <v>-14</v>
      </c>
      <c r="G686" s="13">
        <v>-2.2727272727300001E-2</v>
      </c>
      <c r="H686" s="11">
        <v>-255.07738660799998</v>
      </c>
      <c r="I686" s="13">
        <v>-0.41379608280589786</v>
      </c>
      <c r="J686" s="11">
        <v>302.71271459499997</v>
      </c>
      <c r="K686" s="13">
        <v>0.83771513668011477</v>
      </c>
      <c r="L686" s="11">
        <v>-61.899410452999973</v>
      </c>
      <c r="M686" s="13">
        <v>-9.3212470860778107E-2</v>
      </c>
      <c r="N686" s="11">
        <v>240.81330414199999</v>
      </c>
      <c r="O686" s="13">
        <v>0.66641716805190876</v>
      </c>
      <c r="P686" s="7">
        <v>616.43257925099999</v>
      </c>
      <c r="Q686" s="7">
        <v>500.73929238300002</v>
      </c>
      <c r="R686" s="7">
        <v>470.76693987200002</v>
      </c>
      <c r="S686" s="7">
        <v>450.11262882699998</v>
      </c>
      <c r="T686" s="7">
        <v>419.79475014500002</v>
      </c>
      <c r="U686" s="7">
        <v>391.596226414</v>
      </c>
      <c r="V686" s="7">
        <v>361.35519264300001</v>
      </c>
      <c r="W686" s="7">
        <v>437.88091951799998</v>
      </c>
      <c r="X686" s="7">
        <v>910.55680038599996</v>
      </c>
      <c r="Y686" s="7">
        <v>664.06790723799998</v>
      </c>
      <c r="Z686" s="7">
        <v>693.77454027900001</v>
      </c>
      <c r="AA686" s="7">
        <v>695.36906076800005</v>
      </c>
      <c r="AB686" s="7">
        <v>631.27794573400001</v>
      </c>
      <c r="AC686" s="7">
        <v>606.79919356100004</v>
      </c>
      <c r="AD686" s="7">
        <v>587.94656020900004</v>
      </c>
      <c r="AE686" s="7">
        <v>581.60370742400005</v>
      </c>
      <c r="AF686" s="7">
        <v>602.168496785</v>
      </c>
      <c r="AG686" s="9">
        <v>-5007.5369586000015</v>
      </c>
      <c r="AH686" s="13">
        <v>-0.11157666783516404</v>
      </c>
      <c r="AI686" s="9">
        <v>48317.442487400003</v>
      </c>
      <c r="AJ686" s="13">
        <v>1.0765969928195007</v>
      </c>
      <c r="AK686" s="9">
        <v>-54356.252515500004</v>
      </c>
      <c r="AL686" s="13">
        <v>-0.58323893836349339</v>
      </c>
      <c r="AM686" s="9">
        <v>1031.2730694999991</v>
      </c>
      <c r="AN686" s="13">
        <v>2.6551162724568849E-2</v>
      </c>
      <c r="AO686" s="9">
        <v>-53324.979446000005</v>
      </c>
      <c r="AP686" s="13">
        <v>-0.57217344759871847</v>
      </c>
      <c r="AQ686" s="9">
        <v>44879.785852699999</v>
      </c>
      <c r="AR686" s="9">
        <v>40904.713886199999</v>
      </c>
      <c r="AS686" s="9">
        <v>45132.785856299997</v>
      </c>
      <c r="AT686" s="9">
        <v>48519.520336100002</v>
      </c>
      <c r="AU686" s="9">
        <v>67659.727236000006</v>
      </c>
      <c r="AV686" s="9">
        <v>60032.438172200003</v>
      </c>
      <c r="AW686" s="9">
        <v>93197.228340100002</v>
      </c>
      <c r="AX686" s="9">
        <v>75124.462002100001</v>
      </c>
      <c r="AY686" s="9">
        <v>43636.7150043</v>
      </c>
      <c r="AZ686" s="9">
        <v>38840.975824599998</v>
      </c>
      <c r="BA686" s="9">
        <v>35459.676666200001</v>
      </c>
      <c r="BB686" s="9">
        <v>34062.582426300003</v>
      </c>
      <c r="BC686" s="9">
        <v>35512.526608799999</v>
      </c>
      <c r="BD686" s="9">
        <v>39394.3223726</v>
      </c>
      <c r="BE686" s="9">
        <v>38216.296704400003</v>
      </c>
      <c r="BF686" s="9">
        <v>39872.248894099997</v>
      </c>
      <c r="BG686" s="11">
        <v>-4.5</v>
      </c>
      <c r="BH686" s="13">
        <v>-0.28125</v>
      </c>
      <c r="BI686" s="6">
        <v>3</v>
      </c>
      <c r="BJ686" s="13">
        <v>0.1875</v>
      </c>
      <c r="BK686" s="6">
        <v>-5</v>
      </c>
      <c r="BL686" s="13">
        <v>-0.26315789473684209</v>
      </c>
      <c r="BM686" s="11">
        <v>-2.5</v>
      </c>
      <c r="BN686" s="13">
        <v>-0.17857142857142858</v>
      </c>
      <c r="BO686" s="11">
        <v>-7.5</v>
      </c>
      <c r="BP686" s="13">
        <v>-0.39473684210526316</v>
      </c>
      <c r="BQ686" s="6">
        <v>16</v>
      </c>
      <c r="BR686" s="6">
        <v>18</v>
      </c>
      <c r="BS686" s="6">
        <v>20</v>
      </c>
      <c r="BT686" s="6">
        <v>19</v>
      </c>
      <c r="BU686" s="6">
        <v>19</v>
      </c>
      <c r="BV686" s="6">
        <v>18</v>
      </c>
      <c r="BW686" s="6">
        <v>14</v>
      </c>
      <c r="BX686" s="6">
        <v>12</v>
      </c>
      <c r="BY686" s="6">
        <v>11</v>
      </c>
      <c r="BZ686" s="6">
        <v>12</v>
      </c>
      <c r="CA686" s="6">
        <v>12</v>
      </c>
      <c r="CB686" s="6">
        <v>12</v>
      </c>
      <c r="CC686" s="11">
        <v>11.5</v>
      </c>
      <c r="CD686" s="11">
        <v>135.93899999999999</v>
      </c>
      <c r="CE686" s="11">
        <v>-217.58699999999999</v>
      </c>
      <c r="CF686" s="11">
        <v>67.383499999999998</v>
      </c>
      <c r="CG686" s="11">
        <v>-151</v>
      </c>
      <c r="CH686" s="20">
        <v>1.8709</v>
      </c>
      <c r="CI686" s="20">
        <v>1.6343700000000001</v>
      </c>
      <c r="CJ686" s="20">
        <v>1.6380300000000001</v>
      </c>
      <c r="CK686" s="20">
        <v>1.47695</v>
      </c>
      <c r="CL686" s="20">
        <v>1.46929</v>
      </c>
      <c r="CM686" s="20">
        <v>1.3469</v>
      </c>
      <c r="CN686" s="20">
        <v>1.2750699999999999</v>
      </c>
      <c r="CO686" s="20">
        <v>1.58866</v>
      </c>
      <c r="CP686" s="20">
        <v>3.1422099999999999</v>
      </c>
      <c r="CQ686" s="20">
        <v>2.6436500000000001</v>
      </c>
      <c r="CR686" s="20">
        <v>2.8088099999999998</v>
      </c>
      <c r="CS686" s="20">
        <v>2.8548300000000002</v>
      </c>
      <c r="CT686" s="20">
        <v>2.70072</v>
      </c>
      <c r="CU686" s="20">
        <v>2.5584600000000002</v>
      </c>
      <c r="CV686" s="20">
        <v>2.47248</v>
      </c>
      <c r="CW686" s="20">
        <v>2.4186800000000002</v>
      </c>
      <c r="CX686" s="20">
        <v>2.4603100000000002</v>
      </c>
      <c r="CY686" s="6" t="s">
        <v>497</v>
      </c>
      <c r="CZ686" s="6" t="s">
        <v>498</v>
      </c>
      <c r="DA686" s="6" t="s">
        <v>120</v>
      </c>
      <c r="DB686" s="6" t="s">
        <v>345</v>
      </c>
      <c r="DC686" s="6"/>
      <c r="DD686" s="6"/>
      <c r="DE686" s="6"/>
      <c r="DF686" s="6"/>
      <c r="DG686" s="6"/>
      <c r="DH686" s="6" t="s">
        <v>333</v>
      </c>
      <c r="DI686" s="6"/>
      <c r="DJ686" s="6"/>
      <c r="DK686" s="6"/>
      <c r="DL686" s="6">
        <v>6</v>
      </c>
      <c r="DM686" s="6" t="s">
        <v>396</v>
      </c>
      <c r="DN686" s="6">
        <v>6</v>
      </c>
      <c r="DO686" s="6" t="s">
        <v>393</v>
      </c>
      <c r="DP686" s="6"/>
      <c r="DQ686" s="6"/>
    </row>
    <row r="687" spans="1:121" x14ac:dyDescent="0.2">
      <c r="A687" s="6" t="s">
        <v>313</v>
      </c>
      <c r="B687" s="6" t="s">
        <v>313</v>
      </c>
      <c r="C687" s="6" t="s">
        <v>178</v>
      </c>
      <c r="D687" s="6" t="s">
        <v>120</v>
      </c>
      <c r="E687" s="6" t="s">
        <v>261</v>
      </c>
      <c r="F687" s="11">
        <v>-16</v>
      </c>
      <c r="G687" s="13">
        <v>-0.24242424242400001</v>
      </c>
      <c r="H687" s="11">
        <v>-4.1186316728999941</v>
      </c>
      <c r="I687" s="13">
        <v>-6.2555555065383614E-2</v>
      </c>
      <c r="J687" s="11">
        <v>-9.4993440360999983</v>
      </c>
      <c r="K687" s="13">
        <v>-0.15390793239107312</v>
      </c>
      <c r="L687" s="11">
        <v>-2.2196804714000038</v>
      </c>
      <c r="M687" s="13">
        <v>-4.250502000361641E-2</v>
      </c>
      <c r="N687" s="11">
        <v>-11.719024507500002</v>
      </c>
      <c r="O687" s="13">
        <v>-0.18987109264969176</v>
      </c>
      <c r="P687" s="7">
        <v>65.839583208799993</v>
      </c>
      <c r="Q687" s="7">
        <v>60.888561213099997</v>
      </c>
      <c r="R687" s="7">
        <v>42.279345425999999</v>
      </c>
      <c r="S687" s="7">
        <v>44.053109604699998</v>
      </c>
      <c r="T687" s="7">
        <v>58.993744</v>
      </c>
      <c r="U687" s="7">
        <v>58.509030000000003</v>
      </c>
      <c r="V687" s="7">
        <v>61.720951535899999</v>
      </c>
      <c r="W687" s="7">
        <v>62.507985634100002</v>
      </c>
      <c r="X687" s="7">
        <v>53.746782138999997</v>
      </c>
      <c r="Y687" s="7">
        <v>52.221607499800001</v>
      </c>
      <c r="Z687" s="7">
        <v>52.708186871599999</v>
      </c>
      <c r="AA687" s="7">
        <v>58.581169850199998</v>
      </c>
      <c r="AB687" s="7">
        <v>50.906927218900002</v>
      </c>
      <c r="AC687" s="7">
        <v>47.688305720999999</v>
      </c>
      <c r="AD687" s="7">
        <v>45.234157000000003</v>
      </c>
      <c r="AE687" s="7">
        <v>47.942485249999997</v>
      </c>
      <c r="AF687" s="7">
        <v>50.001927028399997</v>
      </c>
      <c r="AG687" s="9">
        <v>8986.2353890999984</v>
      </c>
      <c r="AH687" s="13">
        <v>0.53221958969310701</v>
      </c>
      <c r="AI687" s="9">
        <v>5494.6344711999991</v>
      </c>
      <c r="AJ687" s="13">
        <v>0.32542571801789283</v>
      </c>
      <c r="AK687" s="9">
        <v>2771.4148128000015</v>
      </c>
      <c r="AL687" s="13">
        <v>0.12383950459371464</v>
      </c>
      <c r="AM687" s="9">
        <v>720.1861050999978</v>
      </c>
      <c r="AN687" s="13">
        <v>2.8635061228297697E-2</v>
      </c>
      <c r="AO687" s="9">
        <v>3491.6009178999993</v>
      </c>
      <c r="AP687" s="13">
        <v>0.15602071761853539</v>
      </c>
      <c r="AQ687" s="9">
        <v>16884.4506349</v>
      </c>
      <c r="AR687" s="9">
        <v>16943.0126055</v>
      </c>
      <c r="AS687" s="9">
        <v>20405.933781200001</v>
      </c>
      <c r="AT687" s="9">
        <v>28008.8951089</v>
      </c>
      <c r="AU687" s="9">
        <v>21488.897650700001</v>
      </c>
      <c r="AV687" s="9">
        <v>21823.4622457</v>
      </c>
      <c r="AW687" s="9">
        <v>22379.085106099999</v>
      </c>
      <c r="AX687" s="9">
        <v>22011.214080599999</v>
      </c>
      <c r="AY687" s="9">
        <v>21297.3417467</v>
      </c>
      <c r="AZ687" s="9">
        <v>25150.499918900001</v>
      </c>
      <c r="BA687" s="9">
        <v>24576.9007815</v>
      </c>
      <c r="BB687" s="9">
        <v>25243.892895500001</v>
      </c>
      <c r="BC687" s="9">
        <v>25873.2480067</v>
      </c>
      <c r="BD687" s="9">
        <v>24797.377463100001</v>
      </c>
      <c r="BE687" s="9">
        <v>25639.7849159</v>
      </c>
      <c r="BF687" s="9">
        <v>25870.686023999999</v>
      </c>
      <c r="BG687" s="11">
        <v>1</v>
      </c>
      <c r="BH687" s="13">
        <v>0.16666666666666666</v>
      </c>
      <c r="BI687" s="6">
        <v>2</v>
      </c>
      <c r="BJ687" s="13">
        <v>0.33333333333333331</v>
      </c>
      <c r="BK687" s="6">
        <v>-3</v>
      </c>
      <c r="BL687" s="13">
        <v>-0.375</v>
      </c>
      <c r="BM687" s="11">
        <v>2</v>
      </c>
      <c r="BN687" s="13">
        <v>0.4</v>
      </c>
      <c r="BO687" s="11">
        <v>-1</v>
      </c>
      <c r="BP687" s="13">
        <v>-0.125</v>
      </c>
      <c r="BQ687" s="6">
        <v>6</v>
      </c>
      <c r="BR687" s="6">
        <v>7</v>
      </c>
      <c r="BS687" s="6">
        <v>8</v>
      </c>
      <c r="BT687" s="6">
        <v>8</v>
      </c>
      <c r="BU687" s="6">
        <v>7</v>
      </c>
      <c r="BV687" s="6">
        <v>7</v>
      </c>
      <c r="BW687" s="6">
        <v>5</v>
      </c>
      <c r="BX687" s="6">
        <v>5</v>
      </c>
      <c r="BY687" s="6">
        <v>6</v>
      </c>
      <c r="BZ687" s="6">
        <v>7</v>
      </c>
      <c r="CA687" s="6">
        <v>7</v>
      </c>
      <c r="CB687" s="6">
        <v>7</v>
      </c>
      <c r="CC687" s="11">
        <v>7</v>
      </c>
      <c r="CD687" s="11">
        <v>-17.651199999999999</v>
      </c>
      <c r="CE687" s="11">
        <v>-5.38354</v>
      </c>
      <c r="CF687" s="11">
        <v>7.1970599999999996</v>
      </c>
      <c r="CG687" s="11">
        <v>2</v>
      </c>
      <c r="CH687" s="20">
        <v>0.56118500000000004</v>
      </c>
      <c r="CI687" s="20">
        <v>0.53007800000000005</v>
      </c>
      <c r="CJ687" s="20">
        <v>0.37508399999999997</v>
      </c>
      <c r="CK687" s="20">
        <v>0.35983500000000002</v>
      </c>
      <c r="CL687" s="20">
        <v>0.50180400000000003</v>
      </c>
      <c r="CM687" s="20">
        <v>0.47585699999999997</v>
      </c>
      <c r="CN687" s="20">
        <v>0.49674600000000002</v>
      </c>
      <c r="CO687" s="20">
        <v>0.50401099999999999</v>
      </c>
      <c r="CP687" s="20">
        <v>0.38965100000000003</v>
      </c>
      <c r="CQ687" s="20">
        <v>0.43240299999999998</v>
      </c>
      <c r="CR687" s="20">
        <v>0.44579000000000002</v>
      </c>
      <c r="CS687" s="20">
        <v>0.50183699999999998</v>
      </c>
      <c r="CT687" s="20">
        <v>0.45186100000000001</v>
      </c>
      <c r="CU687" s="20">
        <v>0.41769400000000001</v>
      </c>
      <c r="CV687" s="20">
        <v>0.39541799999999999</v>
      </c>
      <c r="CW687" s="20">
        <v>0.41551500000000002</v>
      </c>
      <c r="CX687" s="20">
        <v>0.42230400000000001</v>
      </c>
      <c r="CY687" s="6" t="s">
        <v>497</v>
      </c>
      <c r="CZ687" s="6" t="s">
        <v>498</v>
      </c>
      <c r="DA687" s="6" t="s">
        <v>120</v>
      </c>
      <c r="DB687" s="6" t="s">
        <v>345</v>
      </c>
      <c r="DC687" s="6"/>
      <c r="DD687" s="6"/>
      <c r="DE687" s="6"/>
      <c r="DF687" s="6"/>
      <c r="DG687" s="6"/>
      <c r="DH687" s="6" t="s">
        <v>333</v>
      </c>
      <c r="DI687" s="6"/>
      <c r="DJ687" s="6"/>
      <c r="DK687" s="6"/>
      <c r="DL687" s="6">
        <v>6</v>
      </c>
      <c r="DM687" s="6" t="s">
        <v>396</v>
      </c>
      <c r="DN687" s="6">
        <v>6</v>
      </c>
      <c r="DO687" s="6" t="s">
        <v>393</v>
      </c>
      <c r="DP687" s="6"/>
      <c r="DQ687" s="6"/>
    </row>
    <row r="688" spans="1:121" x14ac:dyDescent="0.2">
      <c r="A688" s="6" t="s">
        <v>793</v>
      </c>
      <c r="B688" s="6" t="s">
        <v>179</v>
      </c>
      <c r="C688" s="6" t="s">
        <v>180</v>
      </c>
      <c r="D688" s="6" t="s">
        <v>120</v>
      </c>
      <c r="E688" s="6" t="s">
        <v>261</v>
      </c>
      <c r="F688" s="11">
        <v>85</v>
      </c>
      <c r="G688" s="13">
        <v>0.21</v>
      </c>
      <c r="H688" s="11">
        <v>80</v>
      </c>
      <c r="I688" s="13">
        <v>0.19900497512437812</v>
      </c>
      <c r="J688" s="11">
        <v>-77</v>
      </c>
      <c r="K688" s="13">
        <v>-0.15975103734439833</v>
      </c>
      <c r="L688" s="11">
        <v>82</v>
      </c>
      <c r="M688" s="13">
        <v>0.20246913580246911</v>
      </c>
      <c r="N688" s="11">
        <v>5</v>
      </c>
      <c r="O688" s="13">
        <v>1.0373443983402487E-2</v>
      </c>
      <c r="P688" s="7">
        <v>402</v>
      </c>
      <c r="Q688" s="7">
        <v>390</v>
      </c>
      <c r="R688" s="7">
        <v>393</v>
      </c>
      <c r="S688" s="7">
        <v>504</v>
      </c>
      <c r="T688" s="7">
        <v>472</v>
      </c>
      <c r="U688" s="7">
        <v>492</v>
      </c>
      <c r="V688" s="7">
        <v>482</v>
      </c>
      <c r="W688" s="7">
        <v>436</v>
      </c>
      <c r="X688" s="7">
        <v>418</v>
      </c>
      <c r="Y688" s="7">
        <v>405</v>
      </c>
      <c r="Z688" s="7">
        <v>418</v>
      </c>
      <c r="AA688" s="7">
        <v>382</v>
      </c>
      <c r="AB688" s="7">
        <v>411</v>
      </c>
      <c r="AC688" s="7">
        <v>409</v>
      </c>
      <c r="AD688" s="7">
        <v>426</v>
      </c>
      <c r="AE688" s="7">
        <v>449</v>
      </c>
      <c r="AF688" s="7">
        <v>487</v>
      </c>
      <c r="AG688" s="9">
        <v>9893</v>
      </c>
      <c r="AH688" s="13">
        <v>0.59403146391257355</v>
      </c>
      <c r="AI688" s="9">
        <v>4166</v>
      </c>
      <c r="AJ688" s="13">
        <v>0.2501501140867059</v>
      </c>
      <c r="AK688" s="9">
        <v>1896</v>
      </c>
      <c r="AL688" s="13">
        <v>9.1066282420749281E-2</v>
      </c>
      <c r="AM688" s="9">
        <v>3831</v>
      </c>
      <c r="AN688" s="13">
        <v>0.16864764923402006</v>
      </c>
      <c r="AO688" s="9">
        <v>5727</v>
      </c>
      <c r="AP688" s="13">
        <v>0.27507204610951008</v>
      </c>
      <c r="AQ688" s="9">
        <v>16654</v>
      </c>
      <c r="AR688" s="9">
        <v>17439</v>
      </c>
      <c r="AS688" s="9">
        <v>17932</v>
      </c>
      <c r="AT688" s="9">
        <v>18077</v>
      </c>
      <c r="AU688" s="9">
        <v>18698</v>
      </c>
      <c r="AV688" s="9">
        <v>19608</v>
      </c>
      <c r="AW688" s="9">
        <v>20820</v>
      </c>
      <c r="AX688" s="9">
        <v>22134</v>
      </c>
      <c r="AY688" s="9">
        <v>22143</v>
      </c>
      <c r="AZ688" s="9">
        <v>22716</v>
      </c>
      <c r="BA688" s="9">
        <v>23219</v>
      </c>
      <c r="BB688" s="9">
        <v>24055</v>
      </c>
      <c r="BC688" s="9">
        <v>25458</v>
      </c>
      <c r="BD688" s="9">
        <v>26046</v>
      </c>
      <c r="BE688" s="9">
        <v>26106</v>
      </c>
      <c r="BF688" s="9">
        <v>26547</v>
      </c>
      <c r="BG688" s="11">
        <v>-6</v>
      </c>
      <c r="BH688" s="13">
        <v>-0.1875</v>
      </c>
      <c r="BI688" s="6">
        <v>3</v>
      </c>
      <c r="BJ688" s="13">
        <v>9.375E-2</v>
      </c>
      <c r="BK688" s="6">
        <v>-7</v>
      </c>
      <c r="BL688" s="13">
        <v>-0.2</v>
      </c>
      <c r="BM688" s="11">
        <v>-2</v>
      </c>
      <c r="BN688" s="13">
        <v>-7.1428571428571425E-2</v>
      </c>
      <c r="BO688" s="11">
        <v>-9</v>
      </c>
      <c r="BP688" s="13">
        <v>-0.25714285714285712</v>
      </c>
      <c r="BQ688" s="6">
        <v>32</v>
      </c>
      <c r="BR688" s="6">
        <v>34</v>
      </c>
      <c r="BS688" s="6">
        <v>34</v>
      </c>
      <c r="BT688" s="6">
        <v>35</v>
      </c>
      <c r="BU688" s="6">
        <v>33</v>
      </c>
      <c r="BV688" s="6">
        <v>29</v>
      </c>
      <c r="BW688" s="6">
        <v>28</v>
      </c>
      <c r="BX688" s="6">
        <v>29</v>
      </c>
      <c r="BY688" s="6">
        <v>27</v>
      </c>
      <c r="BZ688" s="6">
        <v>32</v>
      </c>
      <c r="CA688" s="6">
        <v>26</v>
      </c>
      <c r="CB688" s="6">
        <v>27</v>
      </c>
      <c r="CC688" s="11">
        <v>26</v>
      </c>
      <c r="CD688" s="11">
        <v>66</v>
      </c>
      <c r="CE688" s="11">
        <v>-26</v>
      </c>
      <c r="CF688" s="11">
        <v>44</v>
      </c>
      <c r="CG688" s="11">
        <v>18</v>
      </c>
      <c r="CH688" s="20">
        <v>1.28</v>
      </c>
      <c r="CI688" s="20">
        <v>1.24</v>
      </c>
      <c r="CJ688" s="20">
        <v>1.28</v>
      </c>
      <c r="CK688" s="20">
        <v>1.52</v>
      </c>
      <c r="CL688" s="20">
        <v>1.49</v>
      </c>
      <c r="CM688" s="20">
        <v>1.51</v>
      </c>
      <c r="CN688" s="20">
        <v>1.47</v>
      </c>
      <c r="CO688" s="20">
        <v>1.34</v>
      </c>
      <c r="CP688" s="20">
        <v>1.1399999999999999</v>
      </c>
      <c r="CQ688" s="20">
        <v>1.25</v>
      </c>
      <c r="CR688" s="20">
        <v>1.32</v>
      </c>
      <c r="CS688" s="20">
        <v>1.22</v>
      </c>
      <c r="CT688" s="20">
        <v>1.37</v>
      </c>
      <c r="CU688" s="20">
        <v>1.34</v>
      </c>
      <c r="CV688" s="20">
        <v>1.38</v>
      </c>
      <c r="CW688" s="20">
        <v>1.42</v>
      </c>
      <c r="CX688" s="20">
        <v>1.51</v>
      </c>
      <c r="CY688" s="6" t="s">
        <v>497</v>
      </c>
      <c r="CZ688" s="6" t="s">
        <v>498</v>
      </c>
      <c r="DA688" s="6" t="s">
        <v>120</v>
      </c>
      <c r="DB688" s="6" t="s">
        <v>345</v>
      </c>
      <c r="DC688" s="6"/>
      <c r="DD688" s="6"/>
      <c r="DE688" s="6"/>
      <c r="DF688" s="6"/>
      <c r="DG688" s="6"/>
      <c r="DH688" s="6" t="s">
        <v>333</v>
      </c>
      <c r="DI688" s="6"/>
      <c r="DJ688" s="6"/>
      <c r="DK688" s="6"/>
      <c r="DL688" s="6">
        <v>6</v>
      </c>
      <c r="DM688" s="6" t="s">
        <v>396</v>
      </c>
      <c r="DN688" s="6">
        <v>6</v>
      </c>
      <c r="DO688" s="6" t="s">
        <v>393</v>
      </c>
      <c r="DP688" s="6"/>
      <c r="DQ688" s="6"/>
    </row>
    <row r="689" spans="1:121" x14ac:dyDescent="0.2">
      <c r="A689" s="6" t="s">
        <v>794</v>
      </c>
      <c r="B689" s="6" t="s">
        <v>181</v>
      </c>
      <c r="C689" s="6" t="s">
        <v>182</v>
      </c>
      <c r="D689" s="6" t="s">
        <v>120</v>
      </c>
      <c r="E689" s="6" t="s">
        <v>261</v>
      </c>
      <c r="F689" s="11">
        <v>-14</v>
      </c>
      <c r="G689" s="13">
        <v>-0.13333333333299999</v>
      </c>
      <c r="H689" s="11">
        <v>-19.363338583800001</v>
      </c>
      <c r="I689" s="13">
        <v>-0.18463956379851459</v>
      </c>
      <c r="J689" s="11">
        <v>-7.1452942738000047</v>
      </c>
      <c r="K689" s="13">
        <v>-8.3563190106146115E-2</v>
      </c>
      <c r="L689" s="11">
        <v>12.352367073600007</v>
      </c>
      <c r="M689" s="13">
        <v>0.15763133577895952</v>
      </c>
      <c r="N689" s="11">
        <v>5.2070727998000024</v>
      </c>
      <c r="O689" s="13">
        <v>6.0895968394430469E-2</v>
      </c>
      <c r="P689" s="7">
        <v>104.871015645</v>
      </c>
      <c r="Q689" s="7">
        <v>107.68245972699999</v>
      </c>
      <c r="R689" s="7">
        <v>102.224002313</v>
      </c>
      <c r="S689" s="7">
        <v>106.973985059</v>
      </c>
      <c r="T689" s="7">
        <v>94.862893989</v>
      </c>
      <c r="U689" s="7">
        <v>76.835625059500003</v>
      </c>
      <c r="V689" s="7">
        <v>85.507677061199999</v>
      </c>
      <c r="W689" s="7">
        <v>86.952881280900002</v>
      </c>
      <c r="X689" s="7">
        <v>87.213726253399997</v>
      </c>
      <c r="Y689" s="7">
        <v>78.362382787399994</v>
      </c>
      <c r="Z689" s="7">
        <v>72.784573655000003</v>
      </c>
      <c r="AA689" s="7">
        <v>81.131084209500003</v>
      </c>
      <c r="AB689" s="7">
        <v>78.584926433500002</v>
      </c>
      <c r="AC689" s="7">
        <v>88.397743749</v>
      </c>
      <c r="AD689" s="7">
        <v>90.648839142599996</v>
      </c>
      <c r="AE689" s="7">
        <v>88.9943383345</v>
      </c>
      <c r="AF689" s="7">
        <v>90.714749861000001</v>
      </c>
      <c r="AG689" s="9">
        <v>12059.356995999999</v>
      </c>
      <c r="AH689" s="13">
        <v>0.5184922097672473</v>
      </c>
      <c r="AI689" s="9">
        <v>4350.334178699999</v>
      </c>
      <c r="AJ689" s="13">
        <v>0.18704267418970319</v>
      </c>
      <c r="AK689" s="9">
        <v>4502.0989571999999</v>
      </c>
      <c r="AL689" s="13">
        <v>0.16306726540661584</v>
      </c>
      <c r="AM689" s="9">
        <v>3206.9238600999997</v>
      </c>
      <c r="AN689" s="13">
        <v>9.9870119106298907E-2</v>
      </c>
      <c r="AO689" s="9">
        <v>7709.0228172999996</v>
      </c>
      <c r="AP689" s="13">
        <v>0.27922293173141194</v>
      </c>
      <c r="AQ689" s="9">
        <v>23258.5114469</v>
      </c>
      <c r="AR689" s="9">
        <v>22128.749003199999</v>
      </c>
      <c r="AS689" s="9">
        <v>24365.665078599999</v>
      </c>
      <c r="AT689" s="9">
        <v>25460.600127599999</v>
      </c>
      <c r="AU689" s="9">
        <v>28855.259910199999</v>
      </c>
      <c r="AV689" s="9">
        <v>29939.269754600002</v>
      </c>
      <c r="AW689" s="9">
        <v>27608.845625599999</v>
      </c>
      <c r="AX689" s="9">
        <v>29761.589695300001</v>
      </c>
      <c r="AY689" s="9">
        <v>31302.322100400001</v>
      </c>
      <c r="AZ689" s="9">
        <v>32110.944582799999</v>
      </c>
      <c r="BA689" s="9">
        <v>32260.375336599998</v>
      </c>
      <c r="BB689" s="9">
        <v>32960.853898200003</v>
      </c>
      <c r="BC689" s="9">
        <v>32490.877573000002</v>
      </c>
      <c r="BD689" s="9">
        <v>29220.5930438</v>
      </c>
      <c r="BE689" s="9">
        <v>34317.124219999998</v>
      </c>
      <c r="BF689" s="9">
        <v>35317.868442899999</v>
      </c>
      <c r="BG689" s="11">
        <v>-8</v>
      </c>
      <c r="BH689" s="13">
        <v>-0.47058823529411764</v>
      </c>
      <c r="BI689" s="6">
        <v>-3</v>
      </c>
      <c r="BJ689" s="13">
        <v>-0.17647058823529413</v>
      </c>
      <c r="BK689" s="6">
        <v>-4</v>
      </c>
      <c r="BL689" s="13">
        <v>-0.2857142857142857</v>
      </c>
      <c r="BM689" s="11">
        <v>-1</v>
      </c>
      <c r="BN689" s="13">
        <v>-0.1</v>
      </c>
      <c r="BO689" s="11">
        <v>-5</v>
      </c>
      <c r="BP689" s="13">
        <v>-0.35714285714285715</v>
      </c>
      <c r="BQ689" s="6">
        <v>17</v>
      </c>
      <c r="BR689" s="6">
        <v>15</v>
      </c>
      <c r="BS689" s="6">
        <v>15</v>
      </c>
      <c r="BT689" s="6">
        <v>14</v>
      </c>
      <c r="BU689" s="6">
        <v>13</v>
      </c>
      <c r="BV689" s="6">
        <v>11</v>
      </c>
      <c r="BW689" s="6">
        <v>10</v>
      </c>
      <c r="BX689" s="6">
        <v>10</v>
      </c>
      <c r="BY689" s="6">
        <v>10</v>
      </c>
      <c r="BZ689" s="6">
        <v>10</v>
      </c>
      <c r="CA689" s="6">
        <v>9</v>
      </c>
      <c r="CB689" s="6">
        <v>12</v>
      </c>
      <c r="CC689" s="11">
        <v>9</v>
      </c>
      <c r="CD689" s="11">
        <v>-32.229999999999997</v>
      </c>
      <c r="CE689" s="11">
        <v>6.6100599999999998</v>
      </c>
      <c r="CF689" s="11">
        <v>11.463699999999999</v>
      </c>
      <c r="CG689" s="11">
        <v>18</v>
      </c>
      <c r="CH689" s="20">
        <v>1.1291899999999999</v>
      </c>
      <c r="CI689" s="20">
        <v>1.1942900000000001</v>
      </c>
      <c r="CJ689" s="20">
        <v>1.15778</v>
      </c>
      <c r="CK689" s="20">
        <v>1.1047800000000001</v>
      </c>
      <c r="CL689" s="20">
        <v>1.0141100000000001</v>
      </c>
      <c r="CM689" s="20">
        <v>0.78311799999999998</v>
      </c>
      <c r="CN689" s="20">
        <v>0.86056200000000005</v>
      </c>
      <c r="CO689" s="20">
        <v>0.87682099999999996</v>
      </c>
      <c r="CP689" s="20">
        <v>0.78842800000000002</v>
      </c>
      <c r="CQ689" s="20">
        <v>0.80421299999999996</v>
      </c>
      <c r="CR689" s="20">
        <v>0.75309800000000005</v>
      </c>
      <c r="CS689" s="20">
        <v>0.84694199999999997</v>
      </c>
      <c r="CT689" s="20">
        <v>0.84492100000000003</v>
      </c>
      <c r="CU689" s="20">
        <v>0.91695400000000005</v>
      </c>
      <c r="CV689" s="20">
        <v>0.90632299999999999</v>
      </c>
      <c r="CW689" s="20">
        <v>0.85963299999999998</v>
      </c>
      <c r="CX689" s="20">
        <v>0.84831000000000001</v>
      </c>
      <c r="CY689" s="6" t="s">
        <v>497</v>
      </c>
      <c r="CZ689" s="6" t="s">
        <v>498</v>
      </c>
      <c r="DA689" s="6" t="s">
        <v>120</v>
      </c>
      <c r="DB689" s="6" t="s">
        <v>345</v>
      </c>
      <c r="DC689" s="6"/>
      <c r="DD689" s="6"/>
      <c r="DE689" s="6"/>
      <c r="DF689" s="6"/>
      <c r="DG689" s="6"/>
      <c r="DH689" s="6" t="s">
        <v>333</v>
      </c>
      <c r="DI689" s="6"/>
      <c r="DJ689" s="6"/>
      <c r="DK689" s="6"/>
      <c r="DL689" s="6">
        <v>6</v>
      </c>
      <c r="DM689" s="6" t="s">
        <v>396</v>
      </c>
      <c r="DN689" s="6">
        <v>6</v>
      </c>
      <c r="DO689" s="6" t="s">
        <v>393</v>
      </c>
      <c r="DP689" s="6"/>
      <c r="DQ689" s="6"/>
    </row>
    <row r="690" spans="1:121" x14ac:dyDescent="0.2">
      <c r="A690" s="6" t="s">
        <v>314</v>
      </c>
      <c r="B690" s="6" t="s">
        <v>314</v>
      </c>
      <c r="C690" s="6" t="s">
        <v>183</v>
      </c>
      <c r="D690" s="6" t="s">
        <v>120</v>
      </c>
      <c r="E690" s="6" t="s">
        <v>261</v>
      </c>
      <c r="F690" s="11">
        <v>5</v>
      </c>
      <c r="G690" s="13">
        <v>0.17241379310300001</v>
      </c>
      <c r="H690" s="11">
        <v>22.306438745799998</v>
      </c>
      <c r="I690" s="13">
        <v>0.76149657326395581</v>
      </c>
      <c r="J690" s="11">
        <v>-12.752614969900002</v>
      </c>
      <c r="K690" s="13">
        <v>-0.24714689473094387</v>
      </c>
      <c r="L690" s="11">
        <v>-4.9845828689999934</v>
      </c>
      <c r="M690" s="13">
        <v>-0.12831413041949544</v>
      </c>
      <c r="N690" s="11">
        <v>-17.737197838899995</v>
      </c>
      <c r="O690" s="13">
        <v>-0.34374858626715971</v>
      </c>
      <c r="P690" s="7">
        <v>29.2928944515</v>
      </c>
      <c r="Q690" s="7">
        <v>44.792996788000004</v>
      </c>
      <c r="R690" s="7">
        <v>40.8328363165</v>
      </c>
      <c r="S690" s="7">
        <v>48.571304322099998</v>
      </c>
      <c r="T690" s="7">
        <v>53.9635658093</v>
      </c>
      <c r="U690" s="7">
        <v>52.9387944789</v>
      </c>
      <c r="V690" s="7">
        <v>51.599333197299998</v>
      </c>
      <c r="W690" s="7">
        <v>46.484694423400001</v>
      </c>
      <c r="X690" s="7">
        <v>45.222293095399998</v>
      </c>
      <c r="Y690" s="7">
        <v>38.846718227399997</v>
      </c>
      <c r="Z690" s="7">
        <v>34.1890259778</v>
      </c>
      <c r="AA690" s="7">
        <v>32.212097397400001</v>
      </c>
      <c r="AB690" s="7">
        <v>28.282266480800001</v>
      </c>
      <c r="AC690" s="7">
        <v>30.061746783699999</v>
      </c>
      <c r="AD690" s="7">
        <v>32.8599930671</v>
      </c>
      <c r="AE690" s="7">
        <v>33.251711670600002</v>
      </c>
      <c r="AF690" s="7">
        <v>33.862135358400003</v>
      </c>
      <c r="AG690" s="9">
        <v>5410.1639630999998</v>
      </c>
      <c r="AH690" s="13">
        <v>0.19012688426472377</v>
      </c>
      <c r="AI690" s="9">
        <v>-196.40906820000237</v>
      </c>
      <c r="AJ690" s="13">
        <v>-6.9023128380025882E-3</v>
      </c>
      <c r="AK690" s="9">
        <v>7736.9710888000045</v>
      </c>
      <c r="AL690" s="13">
        <v>0.27378654889922716</v>
      </c>
      <c r="AM690" s="9">
        <v>-2130.3980575000023</v>
      </c>
      <c r="AN690" s="13">
        <v>-5.9184125169161987E-2</v>
      </c>
      <c r="AO690" s="9">
        <v>5606.5730313000022</v>
      </c>
      <c r="AP690" s="13">
        <v>0.1983986063503804</v>
      </c>
      <c r="AQ690" s="9">
        <v>28455.544222600001</v>
      </c>
      <c r="AR690" s="9">
        <v>30146.720513600001</v>
      </c>
      <c r="AS690" s="9">
        <v>37342.491253599997</v>
      </c>
      <c r="AT690" s="9">
        <v>35997.696593000001</v>
      </c>
      <c r="AU690" s="9">
        <v>27114.8326562</v>
      </c>
      <c r="AV690" s="9">
        <v>25181.137122299999</v>
      </c>
      <c r="AW690" s="9">
        <v>28259.135154399999</v>
      </c>
      <c r="AX690" s="9">
        <v>32444.4090426</v>
      </c>
      <c r="AY690" s="9">
        <v>35945.332491699999</v>
      </c>
      <c r="AZ690" s="9">
        <v>35996.106243200004</v>
      </c>
      <c r="BA690" s="9">
        <v>33283.061926000002</v>
      </c>
      <c r="BB690" s="9">
        <v>35975.3964891</v>
      </c>
      <c r="BC690" s="9">
        <v>37323.446876599999</v>
      </c>
      <c r="BD690" s="9">
        <v>34651.454939099996</v>
      </c>
      <c r="BE690" s="9">
        <v>32237.180449399999</v>
      </c>
      <c r="BF690" s="9">
        <v>33865.708185700001</v>
      </c>
      <c r="BG690" s="11">
        <v>-3</v>
      </c>
      <c r="BH690" s="13">
        <v>-0.42857142857142855</v>
      </c>
      <c r="BI690" s="6">
        <v>0</v>
      </c>
      <c r="BJ690" s="13">
        <v>0</v>
      </c>
      <c r="BK690" s="6">
        <v>0</v>
      </c>
      <c r="BL690" s="13">
        <v>0</v>
      </c>
      <c r="BM690" s="11">
        <v>-3</v>
      </c>
      <c r="BN690" s="13">
        <v>-0.42857142857142855</v>
      </c>
      <c r="BO690" s="11">
        <v>-3</v>
      </c>
      <c r="BP690" s="13">
        <v>-0.42857142857142855</v>
      </c>
      <c r="BQ690" s="6">
        <v>7</v>
      </c>
      <c r="BR690" s="6">
        <v>7</v>
      </c>
      <c r="BS690" s="6">
        <v>7</v>
      </c>
      <c r="BT690" s="6">
        <v>7</v>
      </c>
      <c r="BU690" s="6">
        <v>7</v>
      </c>
      <c r="BV690" s="6">
        <v>9</v>
      </c>
      <c r="BW690" s="6">
        <v>7</v>
      </c>
      <c r="BX690" s="6">
        <v>5</v>
      </c>
      <c r="BY690" s="6">
        <v>5</v>
      </c>
      <c r="BZ690" s="6">
        <v>5</v>
      </c>
      <c r="CA690" s="6">
        <v>5</v>
      </c>
      <c r="CB690" s="6">
        <v>4</v>
      </c>
      <c r="CC690" s="11">
        <v>4</v>
      </c>
      <c r="CD690" s="11">
        <v>10.3393</v>
      </c>
      <c r="CE690" s="11">
        <v>-8.9721299999999999</v>
      </c>
      <c r="CF690" s="11">
        <v>3.20207</v>
      </c>
      <c r="CG690" s="11">
        <v>-6</v>
      </c>
      <c r="CH690" s="20">
        <v>0.400528</v>
      </c>
      <c r="CI690" s="20">
        <v>0.64866100000000004</v>
      </c>
      <c r="CJ690" s="20">
        <v>0.63051599999999997</v>
      </c>
      <c r="CK690" s="20">
        <v>0.71282400000000001</v>
      </c>
      <c r="CL690" s="20">
        <v>0.85085699999999997</v>
      </c>
      <c r="CM690" s="20">
        <v>0.81951799999999997</v>
      </c>
      <c r="CN690" s="20">
        <v>0.80681400000000003</v>
      </c>
      <c r="CO690" s="20">
        <v>0.73459700000000006</v>
      </c>
      <c r="CP690" s="20">
        <v>0.63764600000000005</v>
      </c>
      <c r="CQ690" s="20">
        <v>0.637826</v>
      </c>
      <c r="CR690" s="20">
        <v>0.58701999999999999</v>
      </c>
      <c r="CS690" s="20">
        <v>0.56927899999999998</v>
      </c>
      <c r="CT690" s="20">
        <v>0.52013299999999996</v>
      </c>
      <c r="CU690" s="20">
        <v>0.54483899999999996</v>
      </c>
      <c r="CV690" s="20">
        <v>0.59499500000000005</v>
      </c>
      <c r="CW690" s="20">
        <v>0.588028</v>
      </c>
      <c r="CX690" s="20">
        <v>0.58705399999999996</v>
      </c>
      <c r="CY690" s="6" t="s">
        <v>497</v>
      </c>
      <c r="CZ690" s="6" t="s">
        <v>498</v>
      </c>
      <c r="DA690" s="6" t="s">
        <v>120</v>
      </c>
      <c r="DB690" s="6" t="s">
        <v>345</v>
      </c>
      <c r="DC690" s="6"/>
      <c r="DD690" s="6"/>
      <c r="DE690" s="6"/>
      <c r="DF690" s="6"/>
      <c r="DG690" s="6"/>
      <c r="DH690" s="6" t="s">
        <v>333</v>
      </c>
      <c r="DI690" s="6"/>
      <c r="DJ690" s="6"/>
      <c r="DK690" s="6"/>
      <c r="DL690" s="6">
        <v>6</v>
      </c>
      <c r="DM690" s="6" t="s">
        <v>396</v>
      </c>
      <c r="DN690" s="6">
        <v>6</v>
      </c>
      <c r="DO690" s="6" t="s">
        <v>393</v>
      </c>
      <c r="DP690" s="6"/>
      <c r="DQ690" s="6"/>
    </row>
    <row r="691" spans="1:121" x14ac:dyDescent="0.2">
      <c r="A691" s="6" t="s">
        <v>315</v>
      </c>
      <c r="B691" s="6" t="s">
        <v>315</v>
      </c>
      <c r="C691" s="6" t="s">
        <v>184</v>
      </c>
      <c r="D691" s="6" t="s">
        <v>120</v>
      </c>
      <c r="E691" s="6" t="s">
        <v>261</v>
      </c>
      <c r="F691" s="11">
        <v>6</v>
      </c>
      <c r="G691" s="13">
        <v>7.0000000000000007E-2</v>
      </c>
      <c r="H691" s="11">
        <v>1</v>
      </c>
      <c r="I691" s="13">
        <v>1.2345679012345678E-2</v>
      </c>
      <c r="J691" s="11">
        <v>-6</v>
      </c>
      <c r="K691" s="13">
        <v>-7.3170731707317069E-2</v>
      </c>
      <c r="L691" s="11">
        <v>11</v>
      </c>
      <c r="M691" s="13">
        <v>0.14473684210526316</v>
      </c>
      <c r="N691" s="11">
        <v>5</v>
      </c>
      <c r="O691" s="13">
        <v>6.097560975609756E-2</v>
      </c>
      <c r="P691" s="7">
        <v>81</v>
      </c>
      <c r="Q691" s="7">
        <v>79</v>
      </c>
      <c r="R691" s="7">
        <v>78</v>
      </c>
      <c r="S691" s="7">
        <v>84</v>
      </c>
      <c r="T691" s="7">
        <v>80</v>
      </c>
      <c r="U691" s="7">
        <v>80</v>
      </c>
      <c r="V691" s="7">
        <v>82</v>
      </c>
      <c r="W691" s="7">
        <v>81</v>
      </c>
      <c r="X691" s="7">
        <v>76</v>
      </c>
      <c r="Y691" s="7">
        <v>76</v>
      </c>
      <c r="Z691" s="7">
        <v>74</v>
      </c>
      <c r="AA691" s="7">
        <v>76</v>
      </c>
      <c r="AB691" s="7">
        <v>70</v>
      </c>
      <c r="AC691" s="7">
        <v>75</v>
      </c>
      <c r="AD691" s="7">
        <v>77</v>
      </c>
      <c r="AE691" s="7">
        <v>83</v>
      </c>
      <c r="AF691" s="7">
        <v>87</v>
      </c>
      <c r="AG691" s="9">
        <v>10680</v>
      </c>
      <c r="AH691" s="13">
        <v>0.55746946445349199</v>
      </c>
      <c r="AI691" s="9">
        <v>8234</v>
      </c>
      <c r="AJ691" s="13">
        <v>0.4297943417893309</v>
      </c>
      <c r="AK691" s="9">
        <v>896</v>
      </c>
      <c r="AL691" s="13">
        <v>3.2710280373831772E-2</v>
      </c>
      <c r="AM691" s="9">
        <v>1550</v>
      </c>
      <c r="AN691" s="13">
        <v>5.4793552036199095E-2</v>
      </c>
      <c r="AO691" s="9">
        <v>2446</v>
      </c>
      <c r="AP691" s="13">
        <v>8.929614485981309E-2</v>
      </c>
      <c r="AQ691" s="9">
        <v>19158</v>
      </c>
      <c r="AR691" s="9">
        <v>20064</v>
      </c>
      <c r="AS691" s="9">
        <v>21806</v>
      </c>
      <c r="AT691" s="9">
        <v>24525</v>
      </c>
      <c r="AU691" s="9">
        <v>27298</v>
      </c>
      <c r="AV691" s="9">
        <v>26909</v>
      </c>
      <c r="AW691" s="9">
        <v>27392</v>
      </c>
      <c r="AX691" s="9">
        <v>29766</v>
      </c>
      <c r="AY691" s="9">
        <v>27359</v>
      </c>
      <c r="AZ691" s="9">
        <v>28288</v>
      </c>
      <c r="BA691" s="9">
        <v>29626</v>
      </c>
      <c r="BB691" s="9">
        <v>31098</v>
      </c>
      <c r="BC691" s="9">
        <v>30473</v>
      </c>
      <c r="BD691" s="9">
        <v>32017</v>
      </c>
      <c r="BE691" s="9">
        <v>31713</v>
      </c>
      <c r="BF691" s="9">
        <v>29838</v>
      </c>
      <c r="BG691" s="11">
        <v>-3</v>
      </c>
      <c r="BH691" s="13">
        <v>-0.2</v>
      </c>
      <c r="BI691" s="6">
        <v>0</v>
      </c>
      <c r="BJ691" s="13">
        <v>0</v>
      </c>
      <c r="BK691" s="6">
        <v>-2</v>
      </c>
      <c r="BL691" s="13">
        <v>-0.13333333333333333</v>
      </c>
      <c r="BM691" s="11">
        <v>-1</v>
      </c>
      <c r="BN691" s="13">
        <v>-7.6923076923076927E-2</v>
      </c>
      <c r="BO691" s="11">
        <v>-3</v>
      </c>
      <c r="BP691" s="13">
        <v>-0.2</v>
      </c>
      <c r="BQ691" s="6">
        <v>15</v>
      </c>
      <c r="BR691" s="6">
        <v>14</v>
      </c>
      <c r="BS691" s="6">
        <v>14</v>
      </c>
      <c r="BT691" s="6">
        <v>15</v>
      </c>
      <c r="BU691" s="6">
        <v>16</v>
      </c>
      <c r="BV691" s="6">
        <v>14</v>
      </c>
      <c r="BW691" s="6">
        <v>13</v>
      </c>
      <c r="BX691" s="6">
        <v>14</v>
      </c>
      <c r="BY691" s="6">
        <v>14</v>
      </c>
      <c r="BZ691" s="6">
        <v>13</v>
      </c>
      <c r="CA691" s="6">
        <v>11</v>
      </c>
      <c r="CB691" s="6">
        <v>11</v>
      </c>
      <c r="CC691" s="11">
        <v>12</v>
      </c>
      <c r="CD691" s="11">
        <v>3</v>
      </c>
      <c r="CE691" s="11">
        <v>-6</v>
      </c>
      <c r="CF691" s="11">
        <v>9</v>
      </c>
      <c r="CG691" s="11">
        <v>3</v>
      </c>
      <c r="CH691" s="20">
        <v>0.68</v>
      </c>
      <c r="CI691" s="20">
        <v>0.66</v>
      </c>
      <c r="CJ691" s="20">
        <v>0.66</v>
      </c>
      <c r="CK691" s="20">
        <v>0.65</v>
      </c>
      <c r="CL691" s="20">
        <v>0.64</v>
      </c>
      <c r="CM691" s="20">
        <v>0.62</v>
      </c>
      <c r="CN691" s="20">
        <v>0.64</v>
      </c>
      <c r="CO691" s="20">
        <v>0.64</v>
      </c>
      <c r="CP691" s="20">
        <v>0.53</v>
      </c>
      <c r="CQ691" s="20">
        <v>0.61</v>
      </c>
      <c r="CR691" s="20">
        <v>0.61</v>
      </c>
      <c r="CS691" s="20">
        <v>0.64</v>
      </c>
      <c r="CT691" s="20">
        <v>0.62</v>
      </c>
      <c r="CU691" s="20">
        <v>0.65</v>
      </c>
      <c r="CV691" s="20">
        <v>0.67</v>
      </c>
      <c r="CW691" s="20">
        <v>0.7</v>
      </c>
      <c r="CX691" s="20">
        <v>0.72</v>
      </c>
      <c r="CY691" s="6" t="s">
        <v>497</v>
      </c>
      <c r="CZ691" s="6" t="s">
        <v>498</v>
      </c>
      <c r="DA691" s="6" t="s">
        <v>120</v>
      </c>
      <c r="DB691" s="6" t="s">
        <v>345</v>
      </c>
      <c r="DC691" s="6"/>
      <c r="DD691" s="6"/>
      <c r="DE691" s="6"/>
      <c r="DF691" s="6"/>
      <c r="DG691" s="6"/>
      <c r="DH691" s="6" t="s">
        <v>333</v>
      </c>
      <c r="DI691" s="6"/>
      <c r="DJ691" s="6"/>
      <c r="DK691" s="6"/>
      <c r="DL691" s="6">
        <v>6</v>
      </c>
      <c r="DM691" s="6" t="s">
        <v>396</v>
      </c>
      <c r="DN691" s="6">
        <v>6</v>
      </c>
      <c r="DO691" s="6" t="s">
        <v>393</v>
      </c>
      <c r="DP691" s="6"/>
      <c r="DQ691" s="6"/>
    </row>
    <row r="692" spans="1:121" x14ac:dyDescent="0.2">
      <c r="A692" s="6" t="s">
        <v>316</v>
      </c>
      <c r="B692" s="6" t="s">
        <v>316</v>
      </c>
      <c r="C692" s="6" t="s">
        <v>185</v>
      </c>
      <c r="D692" s="6" t="s">
        <v>120</v>
      </c>
      <c r="E692" s="6" t="s">
        <v>261</v>
      </c>
      <c r="F692" s="11">
        <v>3</v>
      </c>
      <c r="G692" s="13">
        <v>0.21</v>
      </c>
      <c r="H692" s="11">
        <v>17</v>
      </c>
      <c r="I692" s="13">
        <v>1.2142857142857142</v>
      </c>
      <c r="J692" s="11">
        <v>-14</v>
      </c>
      <c r="K692" s="13">
        <v>-0.45161290322580638</v>
      </c>
      <c r="L692" s="11">
        <v>0</v>
      </c>
      <c r="M692" s="13">
        <v>0</v>
      </c>
      <c r="N692" s="11">
        <v>-14</v>
      </c>
      <c r="O692" s="13">
        <v>-0.45161290322580638</v>
      </c>
      <c r="P692" s="7">
        <v>14</v>
      </c>
      <c r="Q692" s="7">
        <v>17</v>
      </c>
      <c r="R692" s="7">
        <v>20</v>
      </c>
      <c r="S692" s="7">
        <v>23</v>
      </c>
      <c r="T692" s="7">
        <v>26</v>
      </c>
      <c r="U692" s="7">
        <v>29</v>
      </c>
      <c r="V692" s="7">
        <v>31</v>
      </c>
      <c r="W692" s="7">
        <v>27</v>
      </c>
      <c r="X692" s="7">
        <v>19</v>
      </c>
      <c r="Y692" s="7">
        <v>17</v>
      </c>
      <c r="Z692" s="7">
        <v>14</v>
      </c>
      <c r="AA692" s="7">
        <v>13</v>
      </c>
      <c r="AB692" s="7">
        <v>12</v>
      </c>
      <c r="AC692" s="7">
        <v>16</v>
      </c>
      <c r="AD692" s="7">
        <v>15</v>
      </c>
      <c r="AE692" s="7">
        <v>16</v>
      </c>
      <c r="AF692" s="7">
        <v>17</v>
      </c>
      <c r="AG692" s="9">
        <v>7557</v>
      </c>
      <c r="AH692" s="13">
        <v>0.36185596628998279</v>
      </c>
      <c r="AI692" s="9">
        <v>5616</v>
      </c>
      <c r="AJ692" s="13">
        <v>0.26891400114920511</v>
      </c>
      <c r="AK692" s="9">
        <v>-3554</v>
      </c>
      <c r="AL692" s="13">
        <v>-0.13411320754716982</v>
      </c>
      <c r="AM692" s="9">
        <v>5495</v>
      </c>
      <c r="AN692" s="13">
        <v>0.23947528981086028</v>
      </c>
      <c r="AO692" s="9">
        <v>1941</v>
      </c>
      <c r="AP692" s="13">
        <v>7.3245283018867929E-2</v>
      </c>
      <c r="AQ692" s="9">
        <v>20884</v>
      </c>
      <c r="AR692" s="9">
        <v>20584</v>
      </c>
      <c r="AS692" s="9">
        <v>21356</v>
      </c>
      <c r="AT692" s="9">
        <v>19547</v>
      </c>
      <c r="AU692" s="9">
        <v>21941</v>
      </c>
      <c r="AV692" s="9">
        <v>25169</v>
      </c>
      <c r="AW692" s="9">
        <v>26500</v>
      </c>
      <c r="AX692" s="9">
        <v>27969</v>
      </c>
      <c r="AY692" s="9">
        <v>28104</v>
      </c>
      <c r="AZ692" s="9">
        <v>22946</v>
      </c>
      <c r="BA692" s="9">
        <v>21316</v>
      </c>
      <c r="BB692" s="9">
        <v>24724</v>
      </c>
      <c r="BC692" s="9">
        <v>26037</v>
      </c>
      <c r="BD692" s="9">
        <v>27517</v>
      </c>
      <c r="BE692" s="9">
        <v>28494</v>
      </c>
      <c r="BF692" s="9">
        <v>28441</v>
      </c>
      <c r="BG692" s="11">
        <v>-4</v>
      </c>
      <c r="BH692" s="13">
        <v>-0.44444444444444442</v>
      </c>
      <c r="BI692" s="6">
        <v>1</v>
      </c>
      <c r="BJ692" s="13">
        <v>0.1111111111111111</v>
      </c>
      <c r="BK692" s="6">
        <v>-2</v>
      </c>
      <c r="BL692" s="13">
        <v>-0.2</v>
      </c>
      <c r="BM692" s="11">
        <v>-3</v>
      </c>
      <c r="BN692" s="13">
        <v>-0.375</v>
      </c>
      <c r="BO692" s="11">
        <v>-5</v>
      </c>
      <c r="BP692" s="13">
        <v>-0.5</v>
      </c>
      <c r="BQ692" s="6">
        <v>9</v>
      </c>
      <c r="BR692" s="6">
        <v>11</v>
      </c>
      <c r="BS692" s="6">
        <v>11</v>
      </c>
      <c r="BT692" s="6">
        <v>10</v>
      </c>
      <c r="BU692" s="6">
        <v>10</v>
      </c>
      <c r="BV692" s="6">
        <v>9</v>
      </c>
      <c r="BW692" s="6">
        <v>8</v>
      </c>
      <c r="BX692" s="6">
        <v>6</v>
      </c>
      <c r="BY692" s="6">
        <v>6</v>
      </c>
      <c r="BZ692" s="6">
        <v>5</v>
      </c>
      <c r="CA692" s="6">
        <v>6</v>
      </c>
      <c r="CB692" s="6">
        <v>5</v>
      </c>
      <c r="CC692" s="11">
        <v>5</v>
      </c>
      <c r="CD692" s="11">
        <v>2</v>
      </c>
      <c r="CE692" s="11">
        <v>-1</v>
      </c>
      <c r="CF692" s="11">
        <v>2</v>
      </c>
      <c r="CG692" s="11">
        <v>1</v>
      </c>
      <c r="CH692" s="20">
        <v>0.28999999999999998</v>
      </c>
      <c r="CI692" s="20">
        <v>0.34</v>
      </c>
      <c r="CJ692" s="20">
        <v>0.39</v>
      </c>
      <c r="CK692" s="20">
        <v>0.41</v>
      </c>
      <c r="CL692" s="20">
        <v>0.48</v>
      </c>
      <c r="CM692" s="20">
        <v>0.52</v>
      </c>
      <c r="CN692" s="20">
        <v>0.56000000000000005</v>
      </c>
      <c r="CO692" s="20">
        <v>0.5</v>
      </c>
      <c r="CP692" s="20">
        <v>0.32</v>
      </c>
      <c r="CQ692" s="20">
        <v>0.34</v>
      </c>
      <c r="CR692" s="20">
        <v>0.28999999999999998</v>
      </c>
      <c r="CS692" s="20">
        <v>0.27</v>
      </c>
      <c r="CT692" s="20">
        <v>0.25</v>
      </c>
      <c r="CU692" s="20">
        <v>0.33</v>
      </c>
      <c r="CV692" s="20">
        <v>0.31</v>
      </c>
      <c r="CW692" s="20">
        <v>0.33</v>
      </c>
      <c r="CX692" s="20">
        <v>0.32</v>
      </c>
      <c r="CY692" s="6" t="s">
        <v>497</v>
      </c>
      <c r="CZ692" s="6" t="s">
        <v>498</v>
      </c>
      <c r="DA692" s="6" t="s">
        <v>120</v>
      </c>
      <c r="DB692" s="6" t="s">
        <v>345</v>
      </c>
      <c r="DC692" s="6"/>
      <c r="DD692" s="6"/>
      <c r="DE692" s="6"/>
      <c r="DF692" s="6"/>
      <c r="DG692" s="6"/>
      <c r="DH692" s="6" t="s">
        <v>333</v>
      </c>
      <c r="DI692" s="6"/>
      <c r="DJ692" s="6"/>
      <c r="DK692" s="6"/>
      <c r="DL692" s="6">
        <v>6</v>
      </c>
      <c r="DM692" s="6" t="s">
        <v>396</v>
      </c>
      <c r="DN692" s="6">
        <v>6</v>
      </c>
      <c r="DO692" s="6" t="s">
        <v>393</v>
      </c>
      <c r="DP692" s="6"/>
      <c r="DQ692" s="6"/>
    </row>
    <row r="693" spans="1:121" x14ac:dyDescent="0.2">
      <c r="A693" s="6" t="s">
        <v>317</v>
      </c>
      <c r="B693" s="6" t="s">
        <v>317</v>
      </c>
      <c r="C693" s="6" t="s">
        <v>186</v>
      </c>
      <c r="D693" s="6" t="s">
        <v>120</v>
      </c>
      <c r="E693" s="6" t="s">
        <v>261</v>
      </c>
      <c r="F693" s="11">
        <v>52</v>
      </c>
      <c r="G693" s="13">
        <v>1.79</v>
      </c>
      <c r="H693" s="11">
        <v>14</v>
      </c>
      <c r="I693" s="13">
        <v>0.48275862068965519</v>
      </c>
      <c r="J693" s="11">
        <v>-1</v>
      </c>
      <c r="K693" s="13">
        <v>-2.3255813953488372E-2</v>
      </c>
      <c r="L693" s="11">
        <v>39</v>
      </c>
      <c r="M693" s="13">
        <v>0.9285714285714286</v>
      </c>
      <c r="N693" s="11">
        <v>38</v>
      </c>
      <c r="O693" s="13">
        <v>0.88372093023255804</v>
      </c>
      <c r="P693" s="7">
        <v>29</v>
      </c>
      <c r="Q693" s="7">
        <v>39</v>
      </c>
      <c r="R693" s="7">
        <v>30</v>
      </c>
      <c r="S693" s="7">
        <v>29</v>
      </c>
      <c r="T693" s="7">
        <v>32</v>
      </c>
      <c r="U693" s="7">
        <v>37</v>
      </c>
      <c r="V693" s="7">
        <v>43</v>
      </c>
      <c r="W693" s="7">
        <v>36</v>
      </c>
      <c r="X693" s="7">
        <v>39</v>
      </c>
      <c r="Y693" s="7">
        <v>42</v>
      </c>
      <c r="Z693" s="7">
        <v>39</v>
      </c>
      <c r="AA693" s="7">
        <v>48</v>
      </c>
      <c r="AB693" s="7">
        <v>70</v>
      </c>
      <c r="AC693" s="7">
        <v>76</v>
      </c>
      <c r="AD693" s="7">
        <v>71</v>
      </c>
      <c r="AE693" s="7">
        <v>75</v>
      </c>
      <c r="AF693" s="7">
        <v>81</v>
      </c>
      <c r="AG693" s="9">
        <v>-1635</v>
      </c>
      <c r="AH693" s="13">
        <v>-5.8149873741864352E-2</v>
      </c>
      <c r="AI693" s="9">
        <v>7037</v>
      </c>
      <c r="AJ693" s="13">
        <v>0.25027563395810365</v>
      </c>
      <c r="AK693" s="9">
        <v>-4878</v>
      </c>
      <c r="AL693" s="13">
        <v>-0.13876088069636458</v>
      </c>
      <c r="AM693" s="9">
        <v>-3794</v>
      </c>
      <c r="AN693" s="13">
        <v>-0.12531377989166337</v>
      </c>
      <c r="AO693" s="9">
        <v>-8672</v>
      </c>
      <c r="AP693" s="13">
        <v>-0.24668601012687033</v>
      </c>
      <c r="AQ693" s="9">
        <v>28117</v>
      </c>
      <c r="AR693" s="9">
        <v>22088</v>
      </c>
      <c r="AS693" s="9">
        <v>23020</v>
      </c>
      <c r="AT693" s="9">
        <v>26501</v>
      </c>
      <c r="AU693" s="9">
        <v>35196</v>
      </c>
      <c r="AV693" s="9">
        <v>37270</v>
      </c>
      <c r="AW693" s="9">
        <v>35154</v>
      </c>
      <c r="AX693" s="9">
        <v>32940</v>
      </c>
      <c r="AY693" s="9">
        <v>34990</v>
      </c>
      <c r="AZ693" s="9">
        <v>30276</v>
      </c>
      <c r="BA693" s="9">
        <v>33508</v>
      </c>
      <c r="BB693" s="9">
        <v>41502</v>
      </c>
      <c r="BC693" s="9">
        <v>33764</v>
      </c>
      <c r="BD693" s="9">
        <v>30949</v>
      </c>
      <c r="BE693" s="9">
        <v>31830</v>
      </c>
      <c r="BF693" s="9">
        <v>26482</v>
      </c>
      <c r="BG693" s="11">
        <v>-3</v>
      </c>
      <c r="BH693" s="13">
        <v>-0.21428571428571427</v>
      </c>
      <c r="BI693" s="6">
        <v>-2</v>
      </c>
      <c r="BJ693" s="13">
        <v>-0.14285714285714285</v>
      </c>
      <c r="BK693" s="6">
        <v>3</v>
      </c>
      <c r="BL693" s="13">
        <v>0.25</v>
      </c>
      <c r="BM693" s="11">
        <v>-4</v>
      </c>
      <c r="BN693" s="13">
        <v>-0.26666666666666666</v>
      </c>
      <c r="BO693" s="11">
        <v>-1</v>
      </c>
      <c r="BP693" s="13">
        <v>-8.3333333333333329E-2</v>
      </c>
      <c r="BQ693" s="6">
        <v>14</v>
      </c>
      <c r="BR693" s="6">
        <v>13</v>
      </c>
      <c r="BS693" s="6">
        <v>14</v>
      </c>
      <c r="BT693" s="6">
        <v>12</v>
      </c>
      <c r="BU693" s="6">
        <v>13</v>
      </c>
      <c r="BV693" s="6">
        <v>13</v>
      </c>
      <c r="BW693" s="6">
        <v>15</v>
      </c>
      <c r="BX693" s="6">
        <v>15</v>
      </c>
      <c r="BY693" s="6">
        <v>11</v>
      </c>
      <c r="BZ693" s="6">
        <v>11</v>
      </c>
      <c r="CA693" s="6">
        <v>10</v>
      </c>
      <c r="CB693" s="6">
        <v>10</v>
      </c>
      <c r="CC693" s="11">
        <v>11</v>
      </c>
      <c r="CD693" s="11">
        <v>43</v>
      </c>
      <c r="CE693" s="11">
        <v>6</v>
      </c>
      <c r="CF693" s="11">
        <v>3</v>
      </c>
      <c r="CG693" s="11">
        <v>9</v>
      </c>
      <c r="CH693" s="20">
        <v>0.18</v>
      </c>
      <c r="CI693" s="20">
        <v>0.25</v>
      </c>
      <c r="CJ693" s="20">
        <v>0.2</v>
      </c>
      <c r="CK693" s="20">
        <v>0.17</v>
      </c>
      <c r="CL693" s="20">
        <v>0.19</v>
      </c>
      <c r="CM693" s="20">
        <v>0.21</v>
      </c>
      <c r="CN693" s="20">
        <v>0.24</v>
      </c>
      <c r="CO693" s="20">
        <v>0.2</v>
      </c>
      <c r="CP693" s="20">
        <v>0.19</v>
      </c>
      <c r="CQ693" s="20">
        <v>0.22</v>
      </c>
      <c r="CR693" s="20">
        <v>0.21</v>
      </c>
      <c r="CS693" s="20">
        <v>0.26</v>
      </c>
      <c r="CT693" s="20">
        <v>0.39</v>
      </c>
      <c r="CU693" s="20">
        <v>0.41</v>
      </c>
      <c r="CV693" s="20">
        <v>0.38</v>
      </c>
      <c r="CW693" s="20">
        <v>0.39</v>
      </c>
      <c r="CX693" s="20">
        <v>0.4</v>
      </c>
      <c r="CY693" s="6" t="s">
        <v>497</v>
      </c>
      <c r="CZ693" s="6" t="s">
        <v>498</v>
      </c>
      <c r="DA693" s="6" t="s">
        <v>120</v>
      </c>
      <c r="DB693" s="6" t="s">
        <v>345</v>
      </c>
      <c r="DC693" s="6"/>
      <c r="DD693" s="6"/>
      <c r="DE693" s="6"/>
      <c r="DF693" s="6"/>
      <c r="DG693" s="6"/>
      <c r="DH693" s="6" t="s">
        <v>333</v>
      </c>
      <c r="DI693" s="6"/>
      <c r="DJ693" s="6"/>
      <c r="DK693" s="6"/>
      <c r="DL693" s="6">
        <v>6</v>
      </c>
      <c r="DM693" s="6" t="s">
        <v>396</v>
      </c>
      <c r="DN693" s="6">
        <v>6</v>
      </c>
      <c r="DO693" s="6" t="s">
        <v>393</v>
      </c>
      <c r="DP693" s="6"/>
      <c r="DQ693" s="6"/>
    </row>
    <row r="694" spans="1:121" x14ac:dyDescent="0.2">
      <c r="A694" s="6" t="s">
        <v>318</v>
      </c>
      <c r="B694" s="6" t="s">
        <v>318</v>
      </c>
      <c r="C694" s="6" t="s">
        <v>187</v>
      </c>
      <c r="D694" s="6" t="s">
        <v>120</v>
      </c>
      <c r="E694" s="6" t="s">
        <v>261</v>
      </c>
      <c r="F694" s="11">
        <v>0</v>
      </c>
      <c r="G694" s="13">
        <v>0</v>
      </c>
      <c r="H694" s="11">
        <v>5</v>
      </c>
      <c r="I694" s="13"/>
      <c r="J694" s="11">
        <v>-5</v>
      </c>
      <c r="K694" s="13">
        <v>-1</v>
      </c>
      <c r="L694" s="11">
        <v>0</v>
      </c>
      <c r="M694" s="13"/>
      <c r="N694" s="11">
        <v>-5</v>
      </c>
      <c r="O694" s="13">
        <v>-1</v>
      </c>
      <c r="P694" s="7">
        <v>0</v>
      </c>
      <c r="Q694" s="7">
        <v>0</v>
      </c>
      <c r="R694" s="7">
        <v>0</v>
      </c>
      <c r="S694" s="7">
        <v>5</v>
      </c>
      <c r="T694" s="7">
        <v>5</v>
      </c>
      <c r="U694" s="7">
        <v>5</v>
      </c>
      <c r="V694" s="7">
        <v>5</v>
      </c>
      <c r="W694" s="7">
        <v>5</v>
      </c>
      <c r="X694" s="7">
        <v>5</v>
      </c>
      <c r="Y694" s="7">
        <v>0</v>
      </c>
      <c r="Z694" s="7">
        <v>0</v>
      </c>
      <c r="AA694" s="7">
        <v>0</v>
      </c>
      <c r="AB694" s="7">
        <v>0</v>
      </c>
      <c r="AC694" s="7">
        <v>0</v>
      </c>
      <c r="AD694" s="7">
        <v>0</v>
      </c>
      <c r="AE694" s="7">
        <v>0</v>
      </c>
      <c r="AF694" s="7">
        <v>0</v>
      </c>
      <c r="AG694" s="9">
        <v>0</v>
      </c>
      <c r="AH694" s="13"/>
      <c r="AI694" s="9">
        <v>1</v>
      </c>
      <c r="AJ694" s="13"/>
      <c r="AK694" s="9">
        <v>-1</v>
      </c>
      <c r="AL694" s="13">
        <v>-1</v>
      </c>
      <c r="AM694" s="9">
        <v>0</v>
      </c>
      <c r="AN694" s="13"/>
      <c r="AO694" s="9">
        <v>-1</v>
      </c>
      <c r="AP694" s="13">
        <v>-1</v>
      </c>
      <c r="AQ694" s="9">
        <v>0</v>
      </c>
      <c r="AR694" s="9">
        <v>0</v>
      </c>
      <c r="AS694" s="9">
        <v>0</v>
      </c>
      <c r="AT694" s="9">
        <v>1</v>
      </c>
      <c r="AU694" s="9">
        <v>1</v>
      </c>
      <c r="AV694" s="9">
        <v>1</v>
      </c>
      <c r="AW694" s="9">
        <v>1</v>
      </c>
      <c r="AX694" s="9">
        <v>1</v>
      </c>
      <c r="AY694" s="9">
        <v>1</v>
      </c>
      <c r="AZ694" s="9">
        <v>0</v>
      </c>
      <c r="BA694" s="9">
        <v>0</v>
      </c>
      <c r="BB694" s="9">
        <v>0</v>
      </c>
      <c r="BC694" s="9">
        <v>0</v>
      </c>
      <c r="BD694" s="9">
        <v>0</v>
      </c>
      <c r="BE694" s="9">
        <v>0</v>
      </c>
      <c r="BF694" s="9">
        <v>0</v>
      </c>
      <c r="BG694" s="11">
        <v>0</v>
      </c>
      <c r="BH694" s="13" t="e">
        <v>#DIV/0!</v>
      </c>
      <c r="BI694" s="6">
        <v>1</v>
      </c>
      <c r="BJ694" s="13" t="e">
        <v>#DIV/0!</v>
      </c>
      <c r="BK694" s="6">
        <v>-1</v>
      </c>
      <c r="BL694" s="13">
        <v>-1</v>
      </c>
      <c r="BM694" s="11">
        <v>0</v>
      </c>
      <c r="BN694" s="13" t="e">
        <v>#DIV/0!</v>
      </c>
      <c r="BO694" s="11">
        <v>-1</v>
      </c>
      <c r="BP694" s="13">
        <v>-1</v>
      </c>
      <c r="BQ694" s="6">
        <v>0</v>
      </c>
      <c r="BR694" s="6">
        <v>1</v>
      </c>
      <c r="BS694" s="6">
        <v>1</v>
      </c>
      <c r="BT694" s="6">
        <v>1</v>
      </c>
      <c r="BU694" s="6">
        <v>1</v>
      </c>
      <c r="BV694" s="6">
        <v>1</v>
      </c>
      <c r="BW694" s="6">
        <v>0</v>
      </c>
      <c r="BX694" s="6">
        <v>0</v>
      </c>
      <c r="BY694" s="6">
        <v>0</v>
      </c>
      <c r="BZ694" s="6">
        <v>0</v>
      </c>
      <c r="CA694" s="6">
        <v>0</v>
      </c>
      <c r="CB694" s="6">
        <v>0</v>
      </c>
      <c r="CC694" s="11">
        <v>0</v>
      </c>
      <c r="CD694" s="11">
        <v>0</v>
      </c>
      <c r="CE694" s="11">
        <v>0</v>
      </c>
      <c r="CF694" s="11">
        <v>0</v>
      </c>
      <c r="CG694" s="11">
        <v>0</v>
      </c>
      <c r="CH694" s="20">
        <v>0</v>
      </c>
      <c r="CI694" s="20">
        <v>0</v>
      </c>
      <c r="CJ694" s="20">
        <v>0</v>
      </c>
      <c r="CK694" s="20">
        <v>2.78528E-2</v>
      </c>
      <c r="CL694" s="20">
        <v>5.5231000000000002E-2</v>
      </c>
      <c r="CM694" s="20">
        <v>0.13606499999999999</v>
      </c>
      <c r="CN694" s="20">
        <v>6.7054199999999994E-2</v>
      </c>
      <c r="CO694" s="20">
        <v>9.5092599999999999E-2</v>
      </c>
      <c r="CP694" s="20">
        <v>6.5726000000000007E-2</v>
      </c>
      <c r="CQ694" s="20">
        <v>0</v>
      </c>
      <c r="CR694" s="20">
        <v>0</v>
      </c>
      <c r="CS694" s="20">
        <v>0</v>
      </c>
      <c r="CT694" s="20">
        <v>0</v>
      </c>
      <c r="CU694" s="20">
        <v>0</v>
      </c>
      <c r="CV694" s="20">
        <v>0</v>
      </c>
      <c r="CW694" s="20">
        <v>0</v>
      </c>
      <c r="CX694" s="20">
        <v>0</v>
      </c>
      <c r="CY694" s="6" t="s">
        <v>497</v>
      </c>
      <c r="CZ694" s="6" t="s">
        <v>498</v>
      </c>
      <c r="DA694" s="6" t="s">
        <v>120</v>
      </c>
      <c r="DB694" s="6" t="s">
        <v>345</v>
      </c>
      <c r="DC694" s="6"/>
      <c r="DD694" s="6"/>
      <c r="DE694" s="6"/>
      <c r="DF694" s="6"/>
      <c r="DG694" s="6"/>
      <c r="DH694" s="6" t="s">
        <v>333</v>
      </c>
      <c r="DI694" s="6"/>
      <c r="DJ694" s="6"/>
      <c r="DK694" s="6"/>
      <c r="DL694" s="6">
        <v>6</v>
      </c>
      <c r="DM694" s="6" t="s">
        <v>396</v>
      </c>
      <c r="DN694" s="6">
        <v>6</v>
      </c>
      <c r="DO694" s="6" t="s">
        <v>393</v>
      </c>
      <c r="DP694" s="6"/>
      <c r="DQ694" s="6"/>
    </row>
    <row r="695" spans="1:121" x14ac:dyDescent="0.2">
      <c r="A695" s="6" t="s">
        <v>319</v>
      </c>
      <c r="B695" s="6" t="s">
        <v>319</v>
      </c>
      <c r="C695" s="6" t="s">
        <v>188</v>
      </c>
      <c r="D695" s="6" t="s">
        <v>120</v>
      </c>
      <c r="E695" s="6" t="s">
        <v>261</v>
      </c>
      <c r="F695" s="11">
        <v>35</v>
      </c>
      <c r="G695" s="13">
        <v>0.47945205479500003</v>
      </c>
      <c r="H695" s="11">
        <v>59.307395331999999</v>
      </c>
      <c r="I695" s="13">
        <v>0.81545594669392085</v>
      </c>
      <c r="J695" s="11">
        <v>-12.807417630000003</v>
      </c>
      <c r="K695" s="13">
        <v>-9.6999056421623597E-2</v>
      </c>
      <c r="L695" s="11">
        <v>-11.202286925999999</v>
      </c>
      <c r="M695" s="13">
        <v>-9.3955979869990103E-2</v>
      </c>
      <c r="N695" s="11">
        <v>-24.009704556000003</v>
      </c>
      <c r="O695" s="13">
        <v>-0.1818413948990556</v>
      </c>
      <c r="P695" s="7">
        <v>72.729122367000002</v>
      </c>
      <c r="Q695" s="7">
        <v>72.020105022600006</v>
      </c>
      <c r="R695" s="7">
        <v>77.496739911700004</v>
      </c>
      <c r="S695" s="7">
        <v>211.99857616099999</v>
      </c>
      <c r="T695" s="7">
        <v>114.14758894800001</v>
      </c>
      <c r="U695" s="7">
        <v>153.18489688400001</v>
      </c>
      <c r="V695" s="7">
        <v>132.036517699</v>
      </c>
      <c r="W695" s="7">
        <v>122.12437703400001</v>
      </c>
      <c r="X695" s="7">
        <v>100.156305894</v>
      </c>
      <c r="Y695" s="7">
        <v>119.229100069</v>
      </c>
      <c r="Z695" s="7">
        <v>118.547242891</v>
      </c>
      <c r="AA695" s="7">
        <v>117.51734081799999</v>
      </c>
      <c r="AB695" s="7">
        <v>109.868687331</v>
      </c>
      <c r="AC695" s="7">
        <v>117.05863091800001</v>
      </c>
      <c r="AD695" s="7">
        <v>111.811696033</v>
      </c>
      <c r="AE695" s="7">
        <v>107.186846006</v>
      </c>
      <c r="AF695" s="7">
        <v>108.026813143</v>
      </c>
      <c r="AG695" s="9">
        <v>-483.34885729999951</v>
      </c>
      <c r="AH695" s="13">
        <v>-3.7295715039626975E-2</v>
      </c>
      <c r="AI695" s="9">
        <v>1037.2512368999996</v>
      </c>
      <c r="AJ695" s="13">
        <v>8.0035415356143932E-2</v>
      </c>
      <c r="AK695" s="9">
        <v>5603.8569453</v>
      </c>
      <c r="AL695" s="13">
        <v>0.40035686996215314</v>
      </c>
      <c r="AM695" s="9">
        <v>-7124.4570394999992</v>
      </c>
      <c r="AN695" s="13">
        <v>-0.3634739501252911</v>
      </c>
      <c r="AO695" s="9">
        <v>-1520.6000941999991</v>
      </c>
      <c r="AP695" s="13">
        <v>-0.10863637314807932</v>
      </c>
      <c r="AQ695" s="9">
        <v>12959.9032164</v>
      </c>
      <c r="AR695" s="9">
        <v>13210.738122000001</v>
      </c>
      <c r="AS695" s="9">
        <v>16663.400393299999</v>
      </c>
      <c r="AT695" s="9">
        <v>16250.7638585</v>
      </c>
      <c r="AU695" s="9">
        <v>14917.9904302</v>
      </c>
      <c r="AV695" s="9">
        <v>12674.310149299999</v>
      </c>
      <c r="AW695" s="9">
        <v>13997.1544533</v>
      </c>
      <c r="AX695" s="9">
        <v>17386.968693999999</v>
      </c>
      <c r="AY695" s="9">
        <v>14490.9971422</v>
      </c>
      <c r="AZ695" s="9">
        <v>19601.0113986</v>
      </c>
      <c r="BA695" s="9">
        <v>19065.2008867</v>
      </c>
      <c r="BB695" s="9">
        <v>15301.375233700001</v>
      </c>
      <c r="BC695" s="9">
        <v>9411.7494727199992</v>
      </c>
      <c r="BD695" s="9">
        <v>10364.9805832</v>
      </c>
      <c r="BE695" s="9">
        <v>9981.4377724400001</v>
      </c>
      <c r="BF695" s="9">
        <v>12476.554359100001</v>
      </c>
      <c r="BG695" s="11">
        <v>-4.75</v>
      </c>
      <c r="BH695" s="13">
        <v>-0.59375</v>
      </c>
      <c r="BI695" s="6">
        <v>-1</v>
      </c>
      <c r="BJ695" s="13">
        <v>-0.125</v>
      </c>
      <c r="BK695" s="6">
        <v>-2</v>
      </c>
      <c r="BL695" s="13">
        <v>-0.2857142857142857</v>
      </c>
      <c r="BM695" s="11">
        <v>-1.75</v>
      </c>
      <c r="BN695" s="13">
        <v>-0.35</v>
      </c>
      <c r="BO695" s="11">
        <v>-3.75</v>
      </c>
      <c r="BP695" s="13">
        <v>-0.5357142857142857</v>
      </c>
      <c r="BQ695" s="6">
        <v>8</v>
      </c>
      <c r="BR695" s="6">
        <v>6</v>
      </c>
      <c r="BS695" s="6">
        <v>8</v>
      </c>
      <c r="BT695" s="6">
        <v>7</v>
      </c>
      <c r="BU695" s="6">
        <v>7</v>
      </c>
      <c r="BV695" s="6">
        <v>9</v>
      </c>
      <c r="BW695" s="6">
        <v>5</v>
      </c>
      <c r="BX695" s="6">
        <v>3</v>
      </c>
      <c r="BY695" s="6">
        <v>5</v>
      </c>
      <c r="BZ695" s="6">
        <v>5</v>
      </c>
      <c r="CA695" s="6">
        <v>4</v>
      </c>
      <c r="CB695" s="6">
        <v>4</v>
      </c>
      <c r="CC695" s="11">
        <v>3.25</v>
      </c>
      <c r="CD695" s="11">
        <v>20.803899999999999</v>
      </c>
      <c r="CE695" s="11">
        <v>6.5436199999999998</v>
      </c>
      <c r="CF695" s="11">
        <v>7.95017</v>
      </c>
      <c r="CG695" s="11">
        <v>15</v>
      </c>
      <c r="CH695" s="20">
        <v>0.436803</v>
      </c>
      <c r="CI695" s="20">
        <v>0.43362899999999999</v>
      </c>
      <c r="CJ695" s="20">
        <v>0.47507100000000002</v>
      </c>
      <c r="CK695" s="20">
        <v>1.16875</v>
      </c>
      <c r="CL695" s="20">
        <v>0.64510500000000004</v>
      </c>
      <c r="CM695" s="20">
        <v>0.82227700000000004</v>
      </c>
      <c r="CN695" s="20">
        <v>0.70602600000000004</v>
      </c>
      <c r="CO695" s="20">
        <v>0.67902499999999999</v>
      </c>
      <c r="CP695" s="20">
        <v>0.51514899999999997</v>
      </c>
      <c r="CQ695" s="20">
        <v>0.66840200000000005</v>
      </c>
      <c r="CR695" s="20">
        <v>0.662767</v>
      </c>
      <c r="CS695" s="20">
        <v>0.65601699999999996</v>
      </c>
      <c r="CT695" s="20">
        <v>0.62489499999999998</v>
      </c>
      <c r="CU695" s="20">
        <v>0.64359100000000002</v>
      </c>
      <c r="CV695" s="20">
        <v>0.60574399999999995</v>
      </c>
      <c r="CW695" s="20">
        <v>0.56596000000000002</v>
      </c>
      <c r="CX695" s="20">
        <v>0.550817</v>
      </c>
      <c r="CY695" s="6" t="s">
        <v>497</v>
      </c>
      <c r="CZ695" s="6" t="s">
        <v>498</v>
      </c>
      <c r="DA695" s="6" t="s">
        <v>120</v>
      </c>
      <c r="DB695" s="6" t="s">
        <v>345</v>
      </c>
      <c r="DC695" s="6"/>
      <c r="DD695" s="6"/>
      <c r="DE695" s="6"/>
      <c r="DF695" s="6"/>
      <c r="DG695" s="6"/>
      <c r="DH695" s="6" t="s">
        <v>333</v>
      </c>
      <c r="DI695" s="6"/>
      <c r="DJ695" s="6"/>
      <c r="DK695" s="6"/>
      <c r="DL695" s="6">
        <v>6</v>
      </c>
      <c r="DM695" s="6" t="s">
        <v>396</v>
      </c>
      <c r="DN695" s="6">
        <v>6</v>
      </c>
      <c r="DO695" s="6" t="s">
        <v>393</v>
      </c>
      <c r="DP695" s="6"/>
      <c r="DQ695" s="6"/>
    </row>
    <row r="696" spans="1:121" x14ac:dyDescent="0.2">
      <c r="A696" s="6" t="s">
        <v>320</v>
      </c>
      <c r="B696" s="6" t="s">
        <v>320</v>
      </c>
      <c r="C696" s="6" t="s">
        <v>189</v>
      </c>
      <c r="D696" s="6" t="s">
        <v>120</v>
      </c>
      <c r="E696" s="6" t="s">
        <v>261</v>
      </c>
      <c r="F696" s="11">
        <v>104</v>
      </c>
      <c r="G696" s="13">
        <v>1</v>
      </c>
      <c r="H696" s="11">
        <v>57.923986311100002</v>
      </c>
      <c r="I696" s="13"/>
      <c r="J696" s="11">
        <v>36.830251068000003</v>
      </c>
      <c r="K696" s="13">
        <v>0.63583764539600074</v>
      </c>
      <c r="L696" s="11">
        <v>9.1562187188999928</v>
      </c>
      <c r="M696" s="13">
        <v>9.6631232250512372E-2</v>
      </c>
      <c r="N696" s="11">
        <v>45.986469786899995</v>
      </c>
      <c r="O696" s="13">
        <v>0.79391065283239293</v>
      </c>
      <c r="P696" s="7">
        <v>0</v>
      </c>
      <c r="Q696" s="7">
        <v>18.506033478799999</v>
      </c>
      <c r="R696" s="7">
        <v>19.017721999999999</v>
      </c>
      <c r="S696" s="7">
        <v>26.223447</v>
      </c>
      <c r="T696" s="7">
        <v>25.445913000000001</v>
      </c>
      <c r="U696" s="7">
        <v>22.429196999999998</v>
      </c>
      <c r="V696" s="7">
        <v>57.923986311100002</v>
      </c>
      <c r="W696" s="7">
        <v>38.088804249699997</v>
      </c>
      <c r="X696" s="7">
        <v>68.760225264599995</v>
      </c>
      <c r="Y696" s="7">
        <v>94.754237379100005</v>
      </c>
      <c r="Z696" s="7">
        <v>110.800945274</v>
      </c>
      <c r="AA696" s="7">
        <v>77.687771132999998</v>
      </c>
      <c r="AB696" s="7">
        <v>77.624302483199997</v>
      </c>
      <c r="AC696" s="7">
        <v>93.715620592099995</v>
      </c>
      <c r="AD696" s="7">
        <v>91.898662393999999</v>
      </c>
      <c r="AE696" s="7">
        <v>96.3939291298</v>
      </c>
      <c r="AF696" s="7">
        <v>103.910456098</v>
      </c>
      <c r="AG696" s="9">
        <v>22547.664270400001</v>
      </c>
      <c r="AH696" s="13"/>
      <c r="AI696" s="9">
        <v>14658.385293400001</v>
      </c>
      <c r="AJ696" s="13"/>
      <c r="AK696" s="9">
        <v>6798.7683793999986</v>
      </c>
      <c r="AL696" s="13">
        <v>0.46381427717425144</v>
      </c>
      <c r="AM696" s="9">
        <v>1090.5105976000013</v>
      </c>
      <c r="AN696" s="13">
        <v>5.0822705295827705E-2</v>
      </c>
      <c r="AO696" s="9">
        <v>7889.2789769999999</v>
      </c>
      <c r="AP696" s="13">
        <v>0.53820927879090341</v>
      </c>
      <c r="AQ696" s="9">
        <v>0</v>
      </c>
      <c r="AR696" s="9">
        <v>16070.2262909</v>
      </c>
      <c r="AS696" s="9">
        <v>22506.883333500002</v>
      </c>
      <c r="AT696" s="9">
        <v>18885.173331099999</v>
      </c>
      <c r="AU696" s="9">
        <v>18261.2946772</v>
      </c>
      <c r="AV696" s="9">
        <v>21342.719168799998</v>
      </c>
      <c r="AW696" s="9">
        <v>14658.385293400001</v>
      </c>
      <c r="AX696" s="9">
        <v>23100.112999500001</v>
      </c>
      <c r="AY696" s="9">
        <v>10549.4110991</v>
      </c>
      <c r="AZ696" s="9">
        <v>21457.153672799999</v>
      </c>
      <c r="BA696" s="9">
        <v>19729.081124200002</v>
      </c>
      <c r="BB696" s="9">
        <v>27748.820063899999</v>
      </c>
      <c r="BC696" s="9">
        <v>33818.440975999998</v>
      </c>
      <c r="BD696" s="9">
        <v>22909.5988497</v>
      </c>
      <c r="BE696" s="9">
        <v>24231.195912300002</v>
      </c>
      <c r="BF696" s="9">
        <v>22547.664270400001</v>
      </c>
      <c r="BG696" s="11">
        <v>0</v>
      </c>
      <c r="BH696" s="13">
        <v>0</v>
      </c>
      <c r="BI696" s="6">
        <v>0</v>
      </c>
      <c r="BJ696" s="13">
        <v>0</v>
      </c>
      <c r="BK696" s="6">
        <v>0</v>
      </c>
      <c r="BL696" s="13">
        <v>0</v>
      </c>
      <c r="BM696" s="11">
        <v>0</v>
      </c>
      <c r="BN696" s="13">
        <v>0</v>
      </c>
      <c r="BO696" s="11">
        <v>0</v>
      </c>
      <c r="BP696" s="13">
        <v>0</v>
      </c>
      <c r="BQ696" s="6">
        <v>1</v>
      </c>
      <c r="BR696" s="6">
        <v>1</v>
      </c>
      <c r="BS696" s="6">
        <v>1</v>
      </c>
      <c r="BT696" s="6">
        <v>1</v>
      </c>
      <c r="BU696" s="6">
        <v>1</v>
      </c>
      <c r="BV696" s="6">
        <v>2</v>
      </c>
      <c r="BW696" s="6">
        <v>1</v>
      </c>
      <c r="BX696" s="6">
        <v>1</v>
      </c>
      <c r="BY696" s="6">
        <v>1</v>
      </c>
      <c r="BZ696" s="6">
        <v>1</v>
      </c>
      <c r="CA696" s="6">
        <v>1</v>
      </c>
      <c r="CB696" s="6">
        <v>1</v>
      </c>
      <c r="CC696" s="11">
        <v>1</v>
      </c>
      <c r="CD696" s="11">
        <v>103.43899999999999</v>
      </c>
      <c r="CE696" s="11">
        <v>0.36210500000000001</v>
      </c>
      <c r="CF696" s="11">
        <v>0.10931200000000001</v>
      </c>
      <c r="CG696" s="11">
        <v>0</v>
      </c>
      <c r="CH696" s="20">
        <v>0</v>
      </c>
      <c r="CI696" s="20">
        <v>0.31915500000000002</v>
      </c>
      <c r="CJ696" s="20">
        <v>0.324293</v>
      </c>
      <c r="CK696" s="20">
        <v>0.40060899999999999</v>
      </c>
      <c r="CL696" s="20">
        <v>0.40742</v>
      </c>
      <c r="CM696" s="20">
        <v>0.34276899999999999</v>
      </c>
      <c r="CN696" s="20">
        <v>0.86804400000000004</v>
      </c>
      <c r="CO696" s="20">
        <v>0.55163399999999996</v>
      </c>
      <c r="CP696" s="20">
        <v>0.81555900000000003</v>
      </c>
      <c r="CQ696" s="20">
        <v>1.23414</v>
      </c>
      <c r="CR696" s="20">
        <v>1.44974</v>
      </c>
      <c r="CS696" s="20">
        <v>1.02474</v>
      </c>
      <c r="CT696" s="20">
        <v>1.0568599999999999</v>
      </c>
      <c r="CU696" s="20">
        <v>1.2481800000000001</v>
      </c>
      <c r="CV696" s="20">
        <v>1.2191000000000001</v>
      </c>
      <c r="CW696" s="20">
        <v>1.24793</v>
      </c>
      <c r="CX696" s="20">
        <v>1.29437</v>
      </c>
      <c r="CY696" s="6" t="s">
        <v>497</v>
      </c>
      <c r="CZ696" s="6" t="s">
        <v>498</v>
      </c>
      <c r="DA696" s="6" t="s">
        <v>120</v>
      </c>
      <c r="DB696" s="6" t="s">
        <v>345</v>
      </c>
      <c r="DC696" s="6"/>
      <c r="DD696" s="6"/>
      <c r="DE696" s="6"/>
      <c r="DF696" s="6"/>
      <c r="DG696" s="6"/>
      <c r="DH696" s="6" t="s">
        <v>333</v>
      </c>
      <c r="DI696" s="6"/>
      <c r="DJ696" s="6"/>
      <c r="DK696" s="6"/>
      <c r="DL696" s="6">
        <v>6</v>
      </c>
      <c r="DM696" s="6" t="s">
        <v>396</v>
      </c>
      <c r="DN696" s="6">
        <v>6</v>
      </c>
      <c r="DO696" s="6" t="s">
        <v>393</v>
      </c>
      <c r="DP696" s="6"/>
      <c r="DQ696" s="6"/>
    </row>
    <row r="697" spans="1:121" x14ac:dyDescent="0.2">
      <c r="A697" s="6" t="s">
        <v>321</v>
      </c>
      <c r="B697" s="6" t="s">
        <v>321</v>
      </c>
      <c r="C697" s="6" t="s">
        <v>190</v>
      </c>
      <c r="D697" s="6" t="s">
        <v>120</v>
      </c>
      <c r="E697" s="6" t="s">
        <v>261</v>
      </c>
      <c r="F697" s="11">
        <v>12</v>
      </c>
      <c r="G697" s="13">
        <v>4.8780487804899998E-2</v>
      </c>
      <c r="H697" s="11">
        <v>-37.46397666499999</v>
      </c>
      <c r="I697" s="13">
        <v>-0.15238776566280018</v>
      </c>
      <c r="J697" s="11">
        <v>11.87295808899998</v>
      </c>
      <c r="K697" s="13">
        <v>5.6976785705018317E-2</v>
      </c>
      <c r="L697" s="11">
        <v>37.770302864999991</v>
      </c>
      <c r="M697" s="13">
        <v>0.17148416722503582</v>
      </c>
      <c r="N697" s="11">
        <v>49.64326095399997</v>
      </c>
      <c r="O697" s="13">
        <v>0.23823156957783853</v>
      </c>
      <c r="P697" s="7">
        <v>245.846354542</v>
      </c>
      <c r="Q697" s="7">
        <v>246.11329405000001</v>
      </c>
      <c r="R697" s="7">
        <v>258.02644438099998</v>
      </c>
      <c r="S697" s="7">
        <v>269.266678517</v>
      </c>
      <c r="T697" s="7">
        <v>252.117479105</v>
      </c>
      <c r="U697" s="7">
        <v>250.64578838200001</v>
      </c>
      <c r="V697" s="7">
        <v>208.38237787700001</v>
      </c>
      <c r="W697" s="7">
        <v>235.32798190299999</v>
      </c>
      <c r="X697" s="7">
        <v>241.34878662700001</v>
      </c>
      <c r="Y697" s="7">
        <v>220.25533596599999</v>
      </c>
      <c r="Z697" s="7">
        <v>199.684536584</v>
      </c>
      <c r="AA697" s="7">
        <v>241.38449133399999</v>
      </c>
      <c r="AB697" s="7">
        <v>230.05404164199999</v>
      </c>
      <c r="AC697" s="7">
        <v>230.87012149</v>
      </c>
      <c r="AD697" s="7">
        <v>236.84732897399999</v>
      </c>
      <c r="AE697" s="7">
        <v>248.46375998600001</v>
      </c>
      <c r="AF697" s="7">
        <v>258.02563883099998</v>
      </c>
      <c r="AG697" s="9">
        <v>12587.687730400001</v>
      </c>
      <c r="AH697" s="13">
        <v>0.69488244234146157</v>
      </c>
      <c r="AI697" s="9">
        <v>7940.8173677000013</v>
      </c>
      <c r="AJ697" s="13">
        <v>0.4383596642081245</v>
      </c>
      <c r="AK697" s="9">
        <v>5948.8935488999996</v>
      </c>
      <c r="AL697" s="13">
        <v>0.22831480800090548</v>
      </c>
      <c r="AM697" s="9">
        <v>-1302.0231862000001</v>
      </c>
      <c r="AN697" s="13">
        <v>-4.0682432524127107E-2</v>
      </c>
      <c r="AO697" s="9">
        <v>4646.8703626999995</v>
      </c>
      <c r="AP697" s="13">
        <v>0.17834397370602251</v>
      </c>
      <c r="AQ697" s="9">
        <v>18114.844991599999</v>
      </c>
      <c r="AR697" s="9">
        <v>20827.293637999999</v>
      </c>
      <c r="AS697" s="9">
        <v>20424.7182665</v>
      </c>
      <c r="AT697" s="9">
        <v>22458.679042799999</v>
      </c>
      <c r="AU697" s="9">
        <v>23363.271443099999</v>
      </c>
      <c r="AV697" s="9">
        <v>24126.260182099999</v>
      </c>
      <c r="AW697" s="9">
        <v>26055.6623593</v>
      </c>
      <c r="AX697" s="9">
        <v>27821.594799400002</v>
      </c>
      <c r="AY697" s="9">
        <v>32928.856867800001</v>
      </c>
      <c r="AZ697" s="9">
        <v>32004.5559082</v>
      </c>
      <c r="BA697" s="9">
        <v>31127.7219711</v>
      </c>
      <c r="BB697" s="9">
        <v>27027.654441499999</v>
      </c>
      <c r="BC697" s="9">
        <v>24845.749670099998</v>
      </c>
      <c r="BD697" s="9">
        <v>25122.197470200001</v>
      </c>
      <c r="BE697" s="9">
        <v>27089.181208499998</v>
      </c>
      <c r="BF697" s="9">
        <v>30702.532722</v>
      </c>
      <c r="BG697" s="11">
        <v>21.75</v>
      </c>
      <c r="BH697" s="13">
        <v>1.2083333333333333</v>
      </c>
      <c r="BI697" s="6">
        <v>-3</v>
      </c>
      <c r="BJ697" s="13">
        <v>-0.16666666666666666</v>
      </c>
      <c r="BK697" s="6">
        <v>0</v>
      </c>
      <c r="BL697" s="13">
        <v>0</v>
      </c>
      <c r="BM697" s="11">
        <v>24.75</v>
      </c>
      <c r="BN697" s="13">
        <v>1.65</v>
      </c>
      <c r="BO697" s="11">
        <v>24.75</v>
      </c>
      <c r="BP697" s="13">
        <v>1.65</v>
      </c>
      <c r="BQ697" s="6">
        <v>18</v>
      </c>
      <c r="BR697" s="6">
        <v>18</v>
      </c>
      <c r="BS697" s="6">
        <v>17</v>
      </c>
      <c r="BT697" s="6">
        <v>15</v>
      </c>
      <c r="BU697" s="6">
        <v>16</v>
      </c>
      <c r="BV697" s="6">
        <v>15</v>
      </c>
      <c r="BW697" s="6">
        <v>15</v>
      </c>
      <c r="BX697" s="6">
        <v>16</v>
      </c>
      <c r="BY697" s="6">
        <v>16</v>
      </c>
      <c r="BZ697" s="6">
        <v>23</v>
      </c>
      <c r="CA697" s="6">
        <v>27</v>
      </c>
      <c r="CB697" s="6">
        <v>35</v>
      </c>
      <c r="CC697" s="11">
        <v>39.75</v>
      </c>
      <c r="CD697" s="11">
        <v>-104.224</v>
      </c>
      <c r="CE697" s="11">
        <v>89.528999999999996</v>
      </c>
      <c r="CF697" s="11">
        <v>26.873999999999999</v>
      </c>
      <c r="CG697" s="11">
        <v>117</v>
      </c>
      <c r="CH697" s="20">
        <v>0.89611700000000005</v>
      </c>
      <c r="CI697" s="20">
        <v>0.86567499999999997</v>
      </c>
      <c r="CJ697" s="20">
        <v>0.89582200000000001</v>
      </c>
      <c r="CK697" s="20">
        <v>0.85111400000000004</v>
      </c>
      <c r="CL697" s="20">
        <v>0.82618100000000005</v>
      </c>
      <c r="CM697" s="20">
        <v>0.78148099999999998</v>
      </c>
      <c r="CN697" s="20">
        <v>0.63570300000000002</v>
      </c>
      <c r="CO697" s="20">
        <v>0.69614100000000001</v>
      </c>
      <c r="CP697" s="20">
        <v>0.58919299999999997</v>
      </c>
      <c r="CQ697" s="20">
        <v>0.59416800000000003</v>
      </c>
      <c r="CR697" s="20">
        <v>0.55079900000000004</v>
      </c>
      <c r="CS697" s="20">
        <v>0.66017899999999996</v>
      </c>
      <c r="CT697" s="20">
        <v>0.64602400000000004</v>
      </c>
      <c r="CU697" s="20">
        <v>0.63551100000000005</v>
      </c>
      <c r="CV697" s="20">
        <v>0.64289200000000002</v>
      </c>
      <c r="CW697" s="20">
        <v>0.65421600000000002</v>
      </c>
      <c r="CX697" s="20">
        <v>0.64988999999999997</v>
      </c>
      <c r="CY697" s="6" t="s">
        <v>497</v>
      </c>
      <c r="CZ697" s="6" t="s">
        <v>498</v>
      </c>
      <c r="DA697" s="6" t="s">
        <v>120</v>
      </c>
      <c r="DB697" s="6" t="s">
        <v>345</v>
      </c>
      <c r="DC697" s="6"/>
      <c r="DD697" s="6"/>
      <c r="DE697" s="6"/>
      <c r="DF697" s="6"/>
      <c r="DG697" s="6"/>
      <c r="DH697" s="6" t="s">
        <v>333</v>
      </c>
      <c r="DI697" s="6"/>
      <c r="DJ697" s="6"/>
      <c r="DK697" s="6"/>
      <c r="DL697" s="6">
        <v>6</v>
      </c>
      <c r="DM697" s="6" t="s">
        <v>396</v>
      </c>
      <c r="DN697" s="6">
        <v>6</v>
      </c>
      <c r="DO697" s="6" t="s">
        <v>393</v>
      </c>
      <c r="DP697" s="6"/>
      <c r="DQ697" s="6"/>
    </row>
    <row r="698" spans="1:121" x14ac:dyDescent="0.2">
      <c r="A698" s="6" t="s">
        <v>322</v>
      </c>
      <c r="B698" s="6" t="s">
        <v>322</v>
      </c>
      <c r="C698" s="6" t="s">
        <v>191</v>
      </c>
      <c r="D698" s="6" t="s">
        <v>120</v>
      </c>
      <c r="E698" s="6" t="s">
        <v>261</v>
      </c>
      <c r="F698" s="11">
        <v>1</v>
      </c>
      <c r="G698" s="13">
        <v>1</v>
      </c>
      <c r="H698" s="11">
        <v>4</v>
      </c>
      <c r="I698" s="13">
        <v>0.33333333333333331</v>
      </c>
      <c r="J698" s="11">
        <v>1</v>
      </c>
      <c r="K698" s="13">
        <v>6.25E-2</v>
      </c>
      <c r="L698" s="11">
        <v>-12</v>
      </c>
      <c r="M698" s="13">
        <v>-0.70588235294117652</v>
      </c>
      <c r="N698" s="11">
        <v>-11</v>
      </c>
      <c r="O698" s="13">
        <v>-0.6875</v>
      </c>
      <c r="P698" s="7">
        <v>12</v>
      </c>
      <c r="Q698" s="7">
        <v>23</v>
      </c>
      <c r="R698" s="7">
        <v>19</v>
      </c>
      <c r="S698" s="7">
        <v>12</v>
      </c>
      <c r="T698" s="7">
        <v>13</v>
      </c>
      <c r="U698" s="7">
        <v>14</v>
      </c>
      <c r="V698" s="7">
        <v>16</v>
      </c>
      <c r="W698" s="7">
        <v>12</v>
      </c>
      <c r="X698" s="7">
        <v>14</v>
      </c>
      <c r="Y698" s="7">
        <v>17</v>
      </c>
      <c r="Z698" s="7">
        <v>12</v>
      </c>
      <c r="AA698" s="7">
        <v>12</v>
      </c>
      <c r="AB698" s="7">
        <v>5</v>
      </c>
      <c r="AC698" s="7">
        <v>5</v>
      </c>
      <c r="AD698" s="7">
        <v>5</v>
      </c>
      <c r="AE698" s="7">
        <v>5</v>
      </c>
      <c r="AF698" s="7">
        <v>5</v>
      </c>
      <c r="AG698" s="9">
        <v>-11144</v>
      </c>
      <c r="AH698" s="13">
        <v>-0.99991027366532081</v>
      </c>
      <c r="AI698" s="9">
        <v>9751</v>
      </c>
      <c r="AJ698" s="13">
        <v>0.87492148945715564</v>
      </c>
      <c r="AK698" s="9">
        <v>-1578</v>
      </c>
      <c r="AL698" s="13">
        <v>-7.5516845329249613E-2</v>
      </c>
      <c r="AM698" s="9">
        <v>-19317</v>
      </c>
      <c r="AN698" s="13">
        <v>-0.99994823480691586</v>
      </c>
      <c r="AO698" s="9">
        <v>-20895</v>
      </c>
      <c r="AP698" s="13">
        <v>-0.99995214395099541</v>
      </c>
      <c r="AQ698" s="9">
        <v>11145</v>
      </c>
      <c r="AR698" s="9">
        <v>17382</v>
      </c>
      <c r="AS698" s="9">
        <v>10244</v>
      </c>
      <c r="AT698" s="9">
        <v>14193</v>
      </c>
      <c r="AU698" s="9">
        <v>14806</v>
      </c>
      <c r="AV698" s="9">
        <v>14831</v>
      </c>
      <c r="AW698" s="9">
        <v>20896</v>
      </c>
      <c r="AX698" s="9">
        <v>15587</v>
      </c>
      <c r="AY698" s="9">
        <v>15682</v>
      </c>
      <c r="AZ698" s="9">
        <v>19318</v>
      </c>
      <c r="BA698" s="9">
        <v>16591</v>
      </c>
      <c r="BB698" s="9">
        <v>20156</v>
      </c>
      <c r="BC698" s="9">
        <v>1</v>
      </c>
      <c r="BD698" s="9">
        <v>1</v>
      </c>
      <c r="BE698" s="9">
        <v>1</v>
      </c>
      <c r="BF698" s="9">
        <v>1</v>
      </c>
      <c r="BG698" s="11">
        <v>-2</v>
      </c>
      <c r="BH698" s="13">
        <v>-0.66666666666666663</v>
      </c>
      <c r="BI698" s="6">
        <v>1</v>
      </c>
      <c r="BJ698" s="13">
        <v>0.33333333333333331</v>
      </c>
      <c r="BK698" s="6">
        <v>-3</v>
      </c>
      <c r="BL698" s="13">
        <v>-0.75</v>
      </c>
      <c r="BM698" s="11">
        <v>0</v>
      </c>
      <c r="BN698" s="13">
        <v>0</v>
      </c>
      <c r="BO698" s="11">
        <v>-3</v>
      </c>
      <c r="BP698" s="13">
        <v>-0.75</v>
      </c>
      <c r="BQ698" s="6">
        <v>3</v>
      </c>
      <c r="BR698" s="6">
        <v>3</v>
      </c>
      <c r="BS698" s="6">
        <v>4</v>
      </c>
      <c r="BT698" s="6">
        <v>4</v>
      </c>
      <c r="BU698" s="6">
        <v>3</v>
      </c>
      <c r="BV698" s="6">
        <v>2</v>
      </c>
      <c r="BW698" s="6">
        <v>1</v>
      </c>
      <c r="BX698" s="6">
        <v>1</v>
      </c>
      <c r="BY698" s="6">
        <v>1</v>
      </c>
      <c r="BZ698" s="6">
        <v>1</v>
      </c>
      <c r="CA698" s="6">
        <v>1</v>
      </c>
      <c r="CB698" s="6">
        <v>1</v>
      </c>
      <c r="CC698" s="11">
        <v>1</v>
      </c>
      <c r="CD698" s="11">
        <v>-7</v>
      </c>
      <c r="CE698" s="11">
        <v>2</v>
      </c>
      <c r="CF698" s="11">
        <v>1</v>
      </c>
      <c r="CG698" s="11">
        <v>3</v>
      </c>
      <c r="CH698" s="20">
        <v>0.28000000000000003</v>
      </c>
      <c r="CI698" s="20">
        <v>0.53</v>
      </c>
      <c r="CJ698" s="20">
        <v>0.45</v>
      </c>
      <c r="CK698" s="20">
        <v>0.26</v>
      </c>
      <c r="CL698" s="20">
        <v>0.28999999999999998</v>
      </c>
      <c r="CM698" s="20">
        <v>0.28999999999999998</v>
      </c>
      <c r="CN698" s="20">
        <v>0.34</v>
      </c>
      <c r="CO698" s="20">
        <v>0.24</v>
      </c>
      <c r="CP698" s="20">
        <v>0.26</v>
      </c>
      <c r="CQ698" s="20">
        <v>0.33</v>
      </c>
      <c r="CR698" s="20">
        <v>0.25</v>
      </c>
      <c r="CS698" s="20">
        <v>0.25</v>
      </c>
      <c r="CT698" s="20">
        <v>0.2</v>
      </c>
      <c r="CU698" s="20">
        <v>0.17</v>
      </c>
      <c r="CV698" s="20">
        <v>0.13</v>
      </c>
      <c r="CW698" s="20">
        <v>0.16</v>
      </c>
      <c r="CX698" s="20">
        <v>0.15</v>
      </c>
      <c r="CY698" s="6" t="s">
        <v>497</v>
      </c>
      <c r="CZ698" s="6" t="s">
        <v>498</v>
      </c>
      <c r="DA698" s="6" t="s">
        <v>120</v>
      </c>
      <c r="DB698" s="6" t="s">
        <v>345</v>
      </c>
      <c r="DC698" s="6"/>
      <c r="DD698" s="6"/>
      <c r="DE698" s="6"/>
      <c r="DF698" s="6"/>
      <c r="DG698" s="6"/>
      <c r="DH698" s="6" t="s">
        <v>333</v>
      </c>
      <c r="DI698" s="6"/>
      <c r="DJ698" s="6"/>
      <c r="DK698" s="6"/>
      <c r="DL698" s="6">
        <v>6</v>
      </c>
      <c r="DM698" s="6" t="s">
        <v>396</v>
      </c>
      <c r="DN698" s="6">
        <v>6</v>
      </c>
      <c r="DO698" s="6" t="s">
        <v>393</v>
      </c>
      <c r="DP698" s="6"/>
      <c r="DQ698" s="6"/>
    </row>
    <row r="699" spans="1:121" x14ac:dyDescent="0.2">
      <c r="A699" s="6" t="s">
        <v>323</v>
      </c>
      <c r="B699" s="6" t="s">
        <v>323</v>
      </c>
      <c r="C699" s="6" t="s">
        <v>192</v>
      </c>
      <c r="D699" s="6" t="s">
        <v>120</v>
      </c>
      <c r="E699" s="6" t="s">
        <v>261</v>
      </c>
      <c r="F699" s="11">
        <v>69</v>
      </c>
      <c r="G699" s="13">
        <v>0.51879699248099997</v>
      </c>
      <c r="H699" s="11">
        <v>58.835187499</v>
      </c>
      <c r="I699" s="13">
        <v>0.44365618787210553</v>
      </c>
      <c r="J699" s="11">
        <v>8.6553922539999917</v>
      </c>
      <c r="K699" s="13">
        <v>4.5209778487662909E-2</v>
      </c>
      <c r="L699" s="11">
        <v>2.0121367170000042</v>
      </c>
      <c r="M699" s="13">
        <v>1.0055406835952378E-2</v>
      </c>
      <c r="N699" s="11">
        <v>10.667528970999996</v>
      </c>
      <c r="O699" s="13">
        <v>5.5719788039272029E-2</v>
      </c>
      <c r="P699" s="7">
        <v>132.61437371400001</v>
      </c>
      <c r="Q699" s="7">
        <v>132.656335789</v>
      </c>
      <c r="R699" s="7">
        <v>126.16673587299999</v>
      </c>
      <c r="S699" s="7">
        <v>147.08908236900001</v>
      </c>
      <c r="T699" s="7">
        <v>150.83550894499999</v>
      </c>
      <c r="U699" s="7">
        <v>203.960895306</v>
      </c>
      <c r="V699" s="7">
        <v>191.44956121300001</v>
      </c>
      <c r="W699" s="7">
        <v>225.86227330400001</v>
      </c>
      <c r="X699" s="7">
        <v>221.65475309600001</v>
      </c>
      <c r="Y699" s="7">
        <v>200.104953467</v>
      </c>
      <c r="Z699" s="7">
        <v>187.691180145</v>
      </c>
      <c r="AA699" s="7">
        <v>188.28542870800001</v>
      </c>
      <c r="AB699" s="7">
        <v>173.736654921</v>
      </c>
      <c r="AC699" s="7">
        <v>175.01909207400001</v>
      </c>
      <c r="AD699" s="7">
        <v>191.29873485799999</v>
      </c>
      <c r="AE699" s="7">
        <v>200.39394425399999</v>
      </c>
      <c r="AF699" s="7">
        <v>202.11709018400001</v>
      </c>
      <c r="AG699" s="9">
        <v>3795.8777832100004</v>
      </c>
      <c r="AH699" s="13">
        <v>0.40924352244150675</v>
      </c>
      <c r="AI699" s="9">
        <v>1696.5883236099999</v>
      </c>
      <c r="AJ699" s="13">
        <v>0.18291362929502289</v>
      </c>
      <c r="AK699" s="9">
        <v>271.13887140000043</v>
      </c>
      <c r="AL699" s="13">
        <v>2.4712025389274798E-2</v>
      </c>
      <c r="AM699" s="9">
        <v>1828.1505882000001</v>
      </c>
      <c r="AN699" s="13">
        <v>0.16260230254633451</v>
      </c>
      <c r="AO699" s="9">
        <v>2099.2894596000006</v>
      </c>
      <c r="AP699" s="13">
        <v>0.19133256016448888</v>
      </c>
      <c r="AQ699" s="9">
        <v>9275.3521437899999</v>
      </c>
      <c r="AR699" s="9">
        <v>8189.26621574</v>
      </c>
      <c r="AS699" s="9">
        <v>10208.533927500001</v>
      </c>
      <c r="AT699" s="9">
        <v>9492.1622286399997</v>
      </c>
      <c r="AU699" s="9">
        <v>9553.9874493900006</v>
      </c>
      <c r="AV699" s="9">
        <v>10410.173011299999</v>
      </c>
      <c r="AW699" s="9">
        <v>10971.9404674</v>
      </c>
      <c r="AX699" s="9">
        <v>12235.0119662</v>
      </c>
      <c r="AY699" s="9">
        <v>11462.823259999999</v>
      </c>
      <c r="AZ699" s="9">
        <v>11243.0793388</v>
      </c>
      <c r="BA699" s="9">
        <v>11581.601696</v>
      </c>
      <c r="BB699" s="9">
        <v>11759.1356201</v>
      </c>
      <c r="BC699" s="9">
        <v>11912.7149813</v>
      </c>
      <c r="BD699" s="9">
        <v>11900.848178</v>
      </c>
      <c r="BE699" s="9">
        <v>12387.4425398</v>
      </c>
      <c r="BF699" s="9">
        <v>13071.229927</v>
      </c>
      <c r="BG699" s="11">
        <v>1.5</v>
      </c>
      <c r="BH699" s="13">
        <v>0.13636363636363635</v>
      </c>
      <c r="BI699" s="6">
        <v>0</v>
      </c>
      <c r="BJ699" s="13">
        <v>0</v>
      </c>
      <c r="BK699" s="6">
        <v>4</v>
      </c>
      <c r="BL699" s="13">
        <v>0.36363636363636365</v>
      </c>
      <c r="BM699" s="11">
        <v>-2.5</v>
      </c>
      <c r="BN699" s="13">
        <v>-0.16666666666666666</v>
      </c>
      <c r="BO699" s="11">
        <v>1.5</v>
      </c>
      <c r="BP699" s="13">
        <v>0.13636363636363635</v>
      </c>
      <c r="BQ699" s="6">
        <v>11</v>
      </c>
      <c r="BR699" s="6">
        <v>9</v>
      </c>
      <c r="BS699" s="6">
        <v>11</v>
      </c>
      <c r="BT699" s="6">
        <v>11</v>
      </c>
      <c r="BU699" s="6">
        <v>14</v>
      </c>
      <c r="BV699" s="6">
        <v>15</v>
      </c>
      <c r="BW699" s="6">
        <v>15</v>
      </c>
      <c r="BX699" s="6">
        <v>13</v>
      </c>
      <c r="BY699" s="6">
        <v>12</v>
      </c>
      <c r="BZ699" s="6">
        <v>12</v>
      </c>
      <c r="CA699" s="6">
        <v>11</v>
      </c>
      <c r="CB699" s="6">
        <v>12</v>
      </c>
      <c r="CC699" s="11">
        <v>12.5</v>
      </c>
      <c r="CD699" s="11">
        <v>24.8491</v>
      </c>
      <c r="CE699" s="11">
        <v>30.1572</v>
      </c>
      <c r="CF699" s="11">
        <v>14.4963</v>
      </c>
      <c r="CG699" s="11">
        <v>44</v>
      </c>
      <c r="CH699" s="20">
        <v>0.65135200000000004</v>
      </c>
      <c r="CI699" s="20">
        <v>0.64473100000000005</v>
      </c>
      <c r="CJ699" s="20">
        <v>0.61265599999999998</v>
      </c>
      <c r="CK699" s="20">
        <v>0.64688299999999999</v>
      </c>
      <c r="CL699" s="20">
        <v>0.68721100000000002</v>
      </c>
      <c r="CM699" s="20">
        <v>0.88763400000000003</v>
      </c>
      <c r="CN699" s="20">
        <v>0.81979400000000002</v>
      </c>
      <c r="CO699" s="20">
        <v>0.95930499999999996</v>
      </c>
      <c r="CP699" s="20">
        <v>0.815438</v>
      </c>
      <c r="CQ699" s="20">
        <v>0.82411400000000001</v>
      </c>
      <c r="CR699" s="20">
        <v>0.78173300000000001</v>
      </c>
      <c r="CS699" s="20">
        <v>0.78238200000000002</v>
      </c>
      <c r="CT699" s="20">
        <v>0.73333300000000001</v>
      </c>
      <c r="CU699" s="20">
        <v>0.71652899999999997</v>
      </c>
      <c r="CV699" s="20">
        <v>0.76488299999999998</v>
      </c>
      <c r="CW699" s="20">
        <v>0.77541300000000002</v>
      </c>
      <c r="CX699" s="20">
        <v>0.75615200000000005</v>
      </c>
      <c r="CY699" s="6" t="s">
        <v>497</v>
      </c>
      <c r="CZ699" s="6" t="s">
        <v>498</v>
      </c>
      <c r="DA699" s="6" t="s">
        <v>120</v>
      </c>
      <c r="DB699" s="6" t="s">
        <v>345</v>
      </c>
      <c r="DC699" s="6"/>
      <c r="DD699" s="6"/>
      <c r="DE699" s="6"/>
      <c r="DF699" s="6"/>
      <c r="DG699" s="6"/>
      <c r="DH699" s="6" t="s">
        <v>333</v>
      </c>
      <c r="DI699" s="6"/>
      <c r="DJ699" s="6"/>
      <c r="DK699" s="6"/>
      <c r="DL699" s="6">
        <v>6</v>
      </c>
      <c r="DM699" s="6" t="s">
        <v>396</v>
      </c>
      <c r="DN699" s="6">
        <v>6</v>
      </c>
      <c r="DO699" s="6" t="s">
        <v>393</v>
      </c>
      <c r="DP699" s="6"/>
      <c r="DQ699" s="6"/>
    </row>
    <row r="700" spans="1:121" x14ac:dyDescent="0.2">
      <c r="A700" s="6" t="s">
        <v>325</v>
      </c>
      <c r="B700" s="6" t="s">
        <v>325</v>
      </c>
      <c r="C700" s="6" t="s">
        <v>193</v>
      </c>
      <c r="D700" s="6" t="s">
        <v>120</v>
      </c>
      <c r="E700" s="6" t="s">
        <v>261</v>
      </c>
      <c r="F700" s="11">
        <v>10</v>
      </c>
      <c r="G700" s="13">
        <v>6.9930069930099995E-2</v>
      </c>
      <c r="H700" s="11">
        <v>28.465155869</v>
      </c>
      <c r="I700" s="13">
        <v>0.19878257108027561</v>
      </c>
      <c r="J700" s="11">
        <v>-40.629792608999992</v>
      </c>
      <c r="K700" s="13">
        <v>-0.2366840121475009</v>
      </c>
      <c r="L700" s="11">
        <v>21.469945916</v>
      </c>
      <c r="M700" s="13">
        <v>0.16385168376900708</v>
      </c>
      <c r="N700" s="11">
        <v>-19.159846692999992</v>
      </c>
      <c r="O700" s="13">
        <v>-0.11161340229006596</v>
      </c>
      <c r="P700" s="7">
        <v>143.197442886</v>
      </c>
      <c r="Q700" s="7">
        <v>179.80944186599999</v>
      </c>
      <c r="R700" s="7">
        <v>186.24262800400001</v>
      </c>
      <c r="S700" s="7">
        <v>179.619714426</v>
      </c>
      <c r="T700" s="7">
        <v>174.95952072099999</v>
      </c>
      <c r="U700" s="7">
        <v>166.721596207</v>
      </c>
      <c r="V700" s="7">
        <v>171.662598755</v>
      </c>
      <c r="W700" s="7">
        <v>151.833468651</v>
      </c>
      <c r="X700" s="7">
        <v>149.83753723699999</v>
      </c>
      <c r="Y700" s="7">
        <v>131.03280614600001</v>
      </c>
      <c r="Z700" s="7">
        <v>130.345747574</v>
      </c>
      <c r="AA700" s="7">
        <v>151.941662834</v>
      </c>
      <c r="AB700" s="7">
        <v>127.64116085800001</v>
      </c>
      <c r="AC700" s="7">
        <v>145.23570192599999</v>
      </c>
      <c r="AD700" s="7">
        <v>147.73308790300001</v>
      </c>
      <c r="AE700" s="7">
        <v>149.98151629500001</v>
      </c>
      <c r="AF700" s="7">
        <v>152.50275206200001</v>
      </c>
      <c r="AG700" s="9">
        <v>2189.8815743000014</v>
      </c>
      <c r="AH700" s="13">
        <v>0.12885714714979576</v>
      </c>
      <c r="AI700" s="9">
        <v>-379.02090589999716</v>
      </c>
      <c r="AJ700" s="13">
        <v>-2.2302371606563457E-2</v>
      </c>
      <c r="AK700" s="9">
        <v>933.75031549999767</v>
      </c>
      <c r="AL700" s="13">
        <v>5.6197122984308207E-2</v>
      </c>
      <c r="AM700" s="9">
        <v>1635.1521647000009</v>
      </c>
      <c r="AN700" s="13">
        <v>9.3174380591574874E-2</v>
      </c>
      <c r="AO700" s="9">
        <v>2568.9024801999985</v>
      </c>
      <c r="AP700" s="13">
        <v>0.15460763570097455</v>
      </c>
      <c r="AQ700" s="9">
        <v>16994.645797599998</v>
      </c>
      <c r="AR700" s="9">
        <v>15401.7412475</v>
      </c>
      <c r="AS700" s="9">
        <v>15314.1674919</v>
      </c>
      <c r="AT700" s="9">
        <v>15024.7007591</v>
      </c>
      <c r="AU700" s="9">
        <v>17243.3461714</v>
      </c>
      <c r="AV700" s="9">
        <v>17169.0812907</v>
      </c>
      <c r="AW700" s="9">
        <v>16615.624891700001</v>
      </c>
      <c r="AX700" s="9">
        <v>17101.839905100001</v>
      </c>
      <c r="AY700" s="9">
        <v>17303.3378214</v>
      </c>
      <c r="AZ700" s="9">
        <v>17549.375207199999</v>
      </c>
      <c r="BA700" s="9">
        <v>16861.139913300001</v>
      </c>
      <c r="BB700" s="9">
        <v>17067.495557599999</v>
      </c>
      <c r="BC700" s="9">
        <v>17995.609004400001</v>
      </c>
      <c r="BD700" s="9">
        <v>18299.822391000002</v>
      </c>
      <c r="BE700" s="9">
        <v>18660.0791594</v>
      </c>
      <c r="BF700" s="9">
        <v>19184.5273719</v>
      </c>
      <c r="BG700" s="11">
        <v>-10.75</v>
      </c>
      <c r="BH700" s="13">
        <v>-0.46739130434782611</v>
      </c>
      <c r="BI700" s="6">
        <v>2</v>
      </c>
      <c r="BJ700" s="13">
        <v>8.6956521739130432E-2</v>
      </c>
      <c r="BK700" s="6">
        <v>-6</v>
      </c>
      <c r="BL700" s="13">
        <v>-0.24</v>
      </c>
      <c r="BM700" s="11">
        <v>-6.75</v>
      </c>
      <c r="BN700" s="13">
        <v>-0.35526315789473684</v>
      </c>
      <c r="BO700" s="11">
        <v>-12.75</v>
      </c>
      <c r="BP700" s="13">
        <v>-0.51</v>
      </c>
      <c r="BQ700" s="6">
        <v>23</v>
      </c>
      <c r="BR700" s="6">
        <v>24</v>
      </c>
      <c r="BS700" s="6">
        <v>23</v>
      </c>
      <c r="BT700" s="6">
        <v>25</v>
      </c>
      <c r="BU700" s="6">
        <v>20</v>
      </c>
      <c r="BV700" s="6">
        <v>20</v>
      </c>
      <c r="BW700" s="6">
        <v>19</v>
      </c>
      <c r="BX700" s="6">
        <v>18</v>
      </c>
      <c r="BY700" s="6">
        <v>19</v>
      </c>
      <c r="BZ700" s="6">
        <v>11</v>
      </c>
      <c r="CA700" s="6">
        <v>10</v>
      </c>
      <c r="CB700" s="6">
        <v>12</v>
      </c>
      <c r="CC700" s="11">
        <v>12.25</v>
      </c>
      <c r="CD700" s="11">
        <v>-5.0291800000000002</v>
      </c>
      <c r="CE700" s="11">
        <v>-1.31871</v>
      </c>
      <c r="CF700" s="11">
        <v>15.6532</v>
      </c>
      <c r="CG700" s="11">
        <v>15</v>
      </c>
      <c r="CH700" s="20">
        <v>1.03545</v>
      </c>
      <c r="CI700" s="20">
        <v>1.28122</v>
      </c>
      <c r="CJ700" s="20">
        <v>1.33352</v>
      </c>
      <c r="CK700" s="20">
        <v>1.18588</v>
      </c>
      <c r="CL700" s="20">
        <v>1.21648</v>
      </c>
      <c r="CM700" s="20">
        <v>1.11765</v>
      </c>
      <c r="CN700" s="20">
        <v>1.13788</v>
      </c>
      <c r="CO700" s="20">
        <v>0.99732299999999996</v>
      </c>
      <c r="CP700" s="20">
        <v>0.83511500000000005</v>
      </c>
      <c r="CQ700" s="20">
        <v>0.82362199999999997</v>
      </c>
      <c r="CR700" s="20">
        <v>0.840665</v>
      </c>
      <c r="CS700" s="20">
        <v>0.98522399999999999</v>
      </c>
      <c r="CT700" s="20">
        <v>0.91710400000000003</v>
      </c>
      <c r="CU700" s="20">
        <v>1.02291</v>
      </c>
      <c r="CV700" s="20">
        <v>1.0363100000000001</v>
      </c>
      <c r="CW700" s="20">
        <v>1.0289699999999999</v>
      </c>
      <c r="CX700" s="20">
        <v>1.0206</v>
      </c>
      <c r="CY700" s="6" t="s">
        <v>497</v>
      </c>
      <c r="CZ700" s="6" t="s">
        <v>498</v>
      </c>
      <c r="DA700" s="6" t="s">
        <v>120</v>
      </c>
      <c r="DB700" s="6" t="s">
        <v>345</v>
      </c>
      <c r="DC700" s="6"/>
      <c r="DD700" s="6"/>
      <c r="DE700" s="6"/>
      <c r="DF700" s="6"/>
      <c r="DG700" s="6"/>
      <c r="DH700" s="6" t="s">
        <v>333</v>
      </c>
      <c r="DI700" s="6"/>
      <c r="DJ700" s="6"/>
      <c r="DK700" s="6"/>
      <c r="DL700" s="6">
        <v>6</v>
      </c>
      <c r="DM700" s="6" t="s">
        <v>396</v>
      </c>
      <c r="DN700" s="6">
        <v>6</v>
      </c>
      <c r="DO700" s="6" t="s">
        <v>393</v>
      </c>
      <c r="DP700" s="6"/>
      <c r="DQ700" s="6"/>
    </row>
    <row r="701" spans="1:121" x14ac:dyDescent="0.2">
      <c r="A701" s="6" t="s">
        <v>327</v>
      </c>
      <c r="B701" s="6" t="s">
        <v>327</v>
      </c>
      <c r="C701" s="6" t="s">
        <v>194</v>
      </c>
      <c r="D701" s="6" t="s">
        <v>120</v>
      </c>
      <c r="E701" s="6" t="s">
        <v>261</v>
      </c>
      <c r="F701" s="11">
        <v>-102</v>
      </c>
      <c r="G701" s="13">
        <v>-0.17495711835300001</v>
      </c>
      <c r="H701" s="11">
        <v>-20.735253000000057</v>
      </c>
      <c r="I701" s="13">
        <v>-3.5573973718306735E-2</v>
      </c>
      <c r="J701" s="11">
        <v>-36.146322999999938</v>
      </c>
      <c r="K701" s="13">
        <v>-6.430107658903654E-2</v>
      </c>
      <c r="L701" s="11">
        <v>-45.197116711000035</v>
      </c>
      <c r="M701" s="13">
        <v>-8.5926816106582635E-2</v>
      </c>
      <c r="N701" s="11">
        <v>-81.343439710999974</v>
      </c>
      <c r="O701" s="13">
        <v>-0.14470270591209777</v>
      </c>
      <c r="P701" s="7">
        <v>582.87705400000004</v>
      </c>
      <c r="Q701" s="7">
        <v>581.00948400000004</v>
      </c>
      <c r="R701" s="7">
        <v>582.57570199999998</v>
      </c>
      <c r="S701" s="7">
        <v>559.61275999999998</v>
      </c>
      <c r="T701" s="7">
        <v>559.64835600000004</v>
      </c>
      <c r="U701" s="7">
        <v>567.69441500000005</v>
      </c>
      <c r="V701" s="7">
        <v>562.14180099999999</v>
      </c>
      <c r="W701" s="7">
        <v>562.33081500000003</v>
      </c>
      <c r="X701" s="7">
        <v>572.31895299999996</v>
      </c>
      <c r="Y701" s="7">
        <v>525.99547800000005</v>
      </c>
      <c r="Z701" s="7">
        <v>514.27123200000005</v>
      </c>
      <c r="AA701" s="7">
        <v>500.27946300000002</v>
      </c>
      <c r="AB701" s="7">
        <v>488.55112800000001</v>
      </c>
      <c r="AC701" s="7">
        <v>491.98482300000001</v>
      </c>
      <c r="AD701" s="7">
        <v>486.028412</v>
      </c>
      <c r="AE701" s="7">
        <v>488.80764850000003</v>
      </c>
      <c r="AF701" s="7">
        <v>480.79836128900001</v>
      </c>
      <c r="AG701" s="9">
        <v>15109.3577229</v>
      </c>
      <c r="AH701" s="13">
        <v>0.49913983925285454</v>
      </c>
      <c r="AI701" s="9">
        <v>10901.758711800001</v>
      </c>
      <c r="AJ701" s="13">
        <v>0.36014119135812278</v>
      </c>
      <c r="AK701" s="9">
        <v>3948.9496206999975</v>
      </c>
      <c r="AL701" s="13">
        <v>9.5912195243647941E-2</v>
      </c>
      <c r="AM701" s="9">
        <v>258.64939040000172</v>
      </c>
      <c r="AN701" s="13">
        <v>5.7322871487236011E-3</v>
      </c>
      <c r="AO701" s="9">
        <v>4207.5990110999992</v>
      </c>
      <c r="AP701" s="13">
        <v>0.10219427863657256</v>
      </c>
      <c r="AQ701" s="9">
        <v>30270.790938099999</v>
      </c>
      <c r="AR701" s="9">
        <v>32416.1982384</v>
      </c>
      <c r="AS701" s="9">
        <v>33933.581759399996</v>
      </c>
      <c r="AT701" s="9">
        <v>35671.764109700001</v>
      </c>
      <c r="AU701" s="9">
        <v>37834.602627699998</v>
      </c>
      <c r="AV701" s="9">
        <v>39718.529069900003</v>
      </c>
      <c r="AW701" s="9">
        <v>41172.5496499</v>
      </c>
      <c r="AX701" s="9">
        <v>42137.560672300002</v>
      </c>
      <c r="AY701" s="9">
        <v>42597.082676700004</v>
      </c>
      <c r="AZ701" s="9">
        <v>45121.499270599998</v>
      </c>
      <c r="BA701" s="9">
        <v>44841.728318200003</v>
      </c>
      <c r="BB701" s="9">
        <v>44745.390837300001</v>
      </c>
      <c r="BC701" s="9">
        <v>44596.6421501</v>
      </c>
      <c r="BD701" s="9">
        <v>44628.367554999997</v>
      </c>
      <c r="BE701" s="9">
        <v>45080.361439599998</v>
      </c>
      <c r="BF701" s="9">
        <v>45380.148660999999</v>
      </c>
      <c r="BG701" s="11">
        <v>-4</v>
      </c>
      <c r="BH701" s="13">
        <v>-0.14814814814814814</v>
      </c>
      <c r="BI701" s="6">
        <v>1</v>
      </c>
      <c r="BJ701" s="13">
        <v>3.7037037037037035E-2</v>
      </c>
      <c r="BK701" s="6">
        <v>0</v>
      </c>
      <c r="BL701" s="13">
        <v>0</v>
      </c>
      <c r="BM701" s="11">
        <v>-5</v>
      </c>
      <c r="BN701" s="13">
        <v>-0.17857142857142858</v>
      </c>
      <c r="BO701" s="11">
        <v>-5</v>
      </c>
      <c r="BP701" s="13">
        <v>-0.17857142857142858</v>
      </c>
      <c r="BQ701" s="6">
        <v>27</v>
      </c>
      <c r="BR701" s="6">
        <v>28</v>
      </c>
      <c r="BS701" s="6">
        <v>30</v>
      </c>
      <c r="BT701" s="6">
        <v>28</v>
      </c>
      <c r="BU701" s="6">
        <v>28</v>
      </c>
      <c r="BV701" s="6">
        <v>29</v>
      </c>
      <c r="BW701" s="6">
        <v>28</v>
      </c>
      <c r="BX701" s="6">
        <v>27</v>
      </c>
      <c r="BY701" s="6">
        <v>27</v>
      </c>
      <c r="BZ701" s="6">
        <v>25</v>
      </c>
      <c r="CA701" s="6">
        <v>24</v>
      </c>
      <c r="CB701" s="6">
        <v>24</v>
      </c>
      <c r="CC701" s="11">
        <v>23</v>
      </c>
      <c r="CD701" s="11">
        <v>-131.62299999999999</v>
      </c>
      <c r="CE701" s="11">
        <v>-34.170999999999999</v>
      </c>
      <c r="CF701" s="11">
        <v>63.715499999999999</v>
      </c>
      <c r="CG701" s="11">
        <v>30</v>
      </c>
      <c r="CH701" s="20">
        <v>1.26881</v>
      </c>
      <c r="CI701" s="20">
        <v>1.2438400000000001</v>
      </c>
      <c r="CJ701" s="20">
        <v>1.26251</v>
      </c>
      <c r="CK701" s="20">
        <v>1.1263399999999999</v>
      </c>
      <c r="CL701" s="20">
        <v>1.1890000000000001</v>
      </c>
      <c r="CM701" s="20">
        <v>1.1705300000000001</v>
      </c>
      <c r="CN701" s="20">
        <v>1.1543099999999999</v>
      </c>
      <c r="CO701" s="20">
        <v>1.1328</v>
      </c>
      <c r="CP701" s="20">
        <v>0.96732099999999999</v>
      </c>
      <c r="CQ701" s="20">
        <v>0.99687800000000004</v>
      </c>
      <c r="CR701" s="20">
        <v>1.02355</v>
      </c>
      <c r="CS701" s="20">
        <v>1.03501</v>
      </c>
      <c r="CT701" s="20">
        <v>1.0638000000000001</v>
      </c>
      <c r="CU701" s="20">
        <v>1.0699799999999999</v>
      </c>
      <c r="CV701" s="20">
        <v>1.0618099999999999</v>
      </c>
      <c r="CW701" s="20">
        <v>1.0497000000000001</v>
      </c>
      <c r="CX701" s="20">
        <v>1.0142100000000001</v>
      </c>
      <c r="CY701" s="6" t="s">
        <v>497</v>
      </c>
      <c r="CZ701" s="6" t="s">
        <v>498</v>
      </c>
      <c r="DA701" s="6" t="s">
        <v>120</v>
      </c>
      <c r="DB701" s="6" t="s">
        <v>345</v>
      </c>
      <c r="DC701" s="6"/>
      <c r="DD701" s="6"/>
      <c r="DE701" s="6"/>
      <c r="DF701" s="6"/>
      <c r="DG701" s="6"/>
      <c r="DH701" s="6" t="s">
        <v>333</v>
      </c>
      <c r="DI701" s="6"/>
      <c r="DJ701" s="6"/>
      <c r="DK701" s="6"/>
      <c r="DL701" s="6">
        <v>6</v>
      </c>
      <c r="DM701" s="6" t="s">
        <v>396</v>
      </c>
      <c r="DN701" s="6">
        <v>6</v>
      </c>
      <c r="DO701" s="6" t="s">
        <v>393</v>
      </c>
      <c r="DP701" s="6"/>
      <c r="DQ701" s="6"/>
    </row>
    <row r="702" spans="1:121" x14ac:dyDescent="0.2">
      <c r="A702" s="6" t="s">
        <v>1</v>
      </c>
      <c r="B702" s="6" t="s">
        <v>1</v>
      </c>
      <c r="C702" s="6" t="s">
        <v>2</v>
      </c>
      <c r="D702" s="6" t="s">
        <v>70</v>
      </c>
      <c r="E702" s="6" t="s">
        <v>211</v>
      </c>
      <c r="F702" s="11">
        <v>107</v>
      </c>
      <c r="G702" s="13">
        <v>0.12662721893500001</v>
      </c>
      <c r="H702" s="11">
        <v>298.380785737</v>
      </c>
      <c r="I702" s="13">
        <v>0.35324923453124923</v>
      </c>
      <c r="J702" s="11">
        <v>-176.66401982399998</v>
      </c>
      <c r="K702" s="13">
        <v>-0.15455415827814484</v>
      </c>
      <c r="L702" s="11">
        <v>-14.288641021000103</v>
      </c>
      <c r="M702" s="13">
        <v>-1.4785557994030252E-2</v>
      </c>
      <c r="N702" s="11">
        <v>-190.95266084500008</v>
      </c>
      <c r="O702" s="13">
        <v>-0.16705454680173504</v>
      </c>
      <c r="P702" s="7">
        <v>844.67496761300004</v>
      </c>
      <c r="Q702" s="7">
        <v>982.82444631800001</v>
      </c>
      <c r="R702" s="7">
        <v>1027.8705500799999</v>
      </c>
      <c r="S702" s="7">
        <v>1147.5967790899999</v>
      </c>
      <c r="T702" s="7">
        <v>1179.65666839</v>
      </c>
      <c r="U702" s="7">
        <v>1229.2114773400001</v>
      </c>
      <c r="V702" s="7">
        <v>1143.05575335</v>
      </c>
      <c r="W702" s="7">
        <v>933.85318967900002</v>
      </c>
      <c r="X702" s="7">
        <v>986.35257186399997</v>
      </c>
      <c r="Y702" s="7">
        <v>966.39173352600005</v>
      </c>
      <c r="Z702" s="7">
        <v>991.86591335499998</v>
      </c>
      <c r="AA702" s="7">
        <v>1117.4705834700001</v>
      </c>
      <c r="AB702" s="7">
        <v>1009.19671935</v>
      </c>
      <c r="AC702" s="7">
        <v>1080.9650333</v>
      </c>
      <c r="AD702" s="7">
        <v>987.95202032300006</v>
      </c>
      <c r="AE702" s="7">
        <v>964.01961146300005</v>
      </c>
      <c r="AF702" s="7">
        <v>952.10309250499995</v>
      </c>
      <c r="AG702" s="9">
        <v>11185.410348499998</v>
      </c>
      <c r="AH702" s="13">
        <v>0.5550295787459083</v>
      </c>
      <c r="AI702" s="9">
        <v>2529.7907257000006</v>
      </c>
      <c r="AJ702" s="13">
        <v>0.12553036831490702</v>
      </c>
      <c r="AK702" s="9">
        <v>3608.7584203999977</v>
      </c>
      <c r="AL702" s="13">
        <v>0.15909802917877139</v>
      </c>
      <c r="AM702" s="9">
        <v>5046.8612023999995</v>
      </c>
      <c r="AN702" s="13">
        <v>0.19195886936008799</v>
      </c>
      <c r="AO702" s="9">
        <v>8655.6196227999972</v>
      </c>
      <c r="AP702" s="13">
        <v>0.38159717633743462</v>
      </c>
      <c r="AQ702" s="9">
        <v>20152.818474600001</v>
      </c>
      <c r="AR702" s="9">
        <v>19910.499447499998</v>
      </c>
      <c r="AS702" s="9">
        <v>19724.355708999999</v>
      </c>
      <c r="AT702" s="9">
        <v>20800.925092599999</v>
      </c>
      <c r="AU702" s="9">
        <v>21285.3074825</v>
      </c>
      <c r="AV702" s="9">
        <v>21762.991425200002</v>
      </c>
      <c r="AW702" s="9">
        <v>22682.609200300001</v>
      </c>
      <c r="AX702" s="9">
        <v>24729.597702300001</v>
      </c>
      <c r="AY702" s="9">
        <v>24996.547693699998</v>
      </c>
      <c r="AZ702" s="9">
        <v>26291.367620699999</v>
      </c>
      <c r="BA702" s="9">
        <v>27527.720569500001</v>
      </c>
      <c r="BB702" s="9">
        <v>28823.401405500001</v>
      </c>
      <c r="BC702" s="9">
        <v>30102.748568300001</v>
      </c>
      <c r="BD702" s="9">
        <v>30110.022789400002</v>
      </c>
      <c r="BE702" s="9">
        <v>30728.826906999999</v>
      </c>
      <c r="BF702" s="9">
        <v>31338.228823099998</v>
      </c>
      <c r="BG702" s="11">
        <v>-3</v>
      </c>
      <c r="BH702" s="13">
        <v>-4.7619047619047616E-2</v>
      </c>
      <c r="BI702" s="6">
        <v>5</v>
      </c>
      <c r="BJ702" s="13">
        <v>7.9365079365079361E-2</v>
      </c>
      <c r="BK702" s="6">
        <v>-13</v>
      </c>
      <c r="BL702" s="13">
        <v>-0.19117647058823528</v>
      </c>
      <c r="BM702" s="11">
        <v>5</v>
      </c>
      <c r="BN702" s="13">
        <v>9.0909090909090912E-2</v>
      </c>
      <c r="BO702" s="11">
        <v>-8</v>
      </c>
      <c r="BP702" s="13">
        <v>-0.11764705882352941</v>
      </c>
      <c r="BQ702" s="6">
        <v>63</v>
      </c>
      <c r="BR702" s="6">
        <v>66</v>
      </c>
      <c r="BS702" s="6">
        <v>67</v>
      </c>
      <c r="BT702" s="6">
        <v>68</v>
      </c>
      <c r="BU702" s="6">
        <v>62</v>
      </c>
      <c r="BV702" s="6">
        <v>61</v>
      </c>
      <c r="BW702" s="6">
        <v>55</v>
      </c>
      <c r="BX702" s="6">
        <v>56</v>
      </c>
      <c r="BY702" s="6">
        <v>61</v>
      </c>
      <c r="BZ702" s="6">
        <v>62</v>
      </c>
      <c r="CA702" s="6">
        <v>66</v>
      </c>
      <c r="CB702" s="6">
        <v>64</v>
      </c>
      <c r="CC702" s="11">
        <v>60</v>
      </c>
      <c r="CD702" s="11">
        <v>92.107100000000003</v>
      </c>
      <c r="CE702" s="11">
        <v>-77.012100000000004</v>
      </c>
      <c r="CF702" s="11">
        <v>92.333100000000002</v>
      </c>
      <c r="CG702" s="11">
        <v>15</v>
      </c>
      <c r="CH702" s="20">
        <v>5.3523800000000001</v>
      </c>
      <c r="CI702" s="20">
        <v>6.17197</v>
      </c>
      <c r="CJ702" s="20">
        <v>6.3893399999999998</v>
      </c>
      <c r="CK702" s="20">
        <v>7.03613</v>
      </c>
      <c r="CL702" s="20">
        <v>7.43398</v>
      </c>
      <c r="CM702" s="20">
        <v>7.9145500000000002</v>
      </c>
      <c r="CN702" s="20">
        <v>7.7728400000000004</v>
      </c>
      <c r="CO702" s="20">
        <v>6.6339899999999998</v>
      </c>
      <c r="CP702" s="20">
        <v>6.5111400000000001</v>
      </c>
      <c r="CQ702" s="20">
        <v>6.4539799999999996</v>
      </c>
      <c r="CR702" s="20">
        <v>6.5761000000000003</v>
      </c>
      <c r="CS702" s="20">
        <v>7.2309099999999997</v>
      </c>
      <c r="CT702" s="20">
        <v>6.8900499999999996</v>
      </c>
      <c r="CU702" s="20">
        <v>7.2776699999999996</v>
      </c>
      <c r="CV702" s="20">
        <v>6.7569299999999997</v>
      </c>
      <c r="CW702" s="20">
        <v>6.8101700000000003</v>
      </c>
      <c r="CX702" s="20">
        <v>6.7226900000000001</v>
      </c>
      <c r="CY702" s="6" t="s">
        <v>499</v>
      </c>
      <c r="CZ702" s="6" t="s">
        <v>500</v>
      </c>
      <c r="DA702" s="6" t="s">
        <v>70</v>
      </c>
      <c r="DB702" s="6" t="s">
        <v>345</v>
      </c>
      <c r="DC702" s="6">
        <v>28380</v>
      </c>
      <c r="DD702" s="6"/>
      <c r="DE702" s="6" t="s">
        <v>502</v>
      </c>
      <c r="DF702" s="6" t="s">
        <v>363</v>
      </c>
      <c r="DG702" s="6" t="s">
        <v>364</v>
      </c>
      <c r="DH702" s="6" t="s">
        <v>365</v>
      </c>
      <c r="DI702" s="6"/>
      <c r="DJ702" s="6">
        <v>29</v>
      </c>
      <c r="DK702" s="6">
        <v>69</v>
      </c>
      <c r="DL702" s="6">
        <v>8</v>
      </c>
      <c r="DM702" s="6" t="s">
        <v>368</v>
      </c>
      <c r="DN702" s="6">
        <v>7</v>
      </c>
      <c r="DO702" s="6" t="s">
        <v>369</v>
      </c>
      <c r="DP702" s="6"/>
      <c r="DQ702" s="6"/>
    </row>
    <row r="703" spans="1:121" x14ac:dyDescent="0.2">
      <c r="A703" s="6" t="s">
        <v>310</v>
      </c>
      <c r="B703" s="6" t="s">
        <v>310</v>
      </c>
      <c r="C703" s="6" t="s">
        <v>173</v>
      </c>
      <c r="D703" s="6" t="s">
        <v>70</v>
      </c>
      <c r="E703" s="6" t="s">
        <v>211</v>
      </c>
      <c r="F703" s="11">
        <v>-16</v>
      </c>
      <c r="G703" s="13">
        <v>-1</v>
      </c>
      <c r="H703" s="11">
        <v>-16.377314999999999</v>
      </c>
      <c r="I703" s="13">
        <v>-1</v>
      </c>
      <c r="J703" s="11">
        <v>0</v>
      </c>
      <c r="K703" s="13"/>
      <c r="L703" s="11">
        <v>0</v>
      </c>
      <c r="M703" s="13"/>
      <c r="N703" s="11">
        <v>0</v>
      </c>
      <c r="O703" s="13"/>
      <c r="P703" s="7">
        <v>16.377314999999999</v>
      </c>
      <c r="Q703" s="7">
        <v>0</v>
      </c>
      <c r="R703" s="7">
        <v>0</v>
      </c>
      <c r="S703" s="7">
        <v>0</v>
      </c>
      <c r="T703" s="7">
        <v>0</v>
      </c>
      <c r="U703" s="7">
        <v>0</v>
      </c>
      <c r="V703" s="7">
        <v>0</v>
      </c>
      <c r="W703" s="7">
        <v>0</v>
      </c>
      <c r="X703" s="7">
        <v>0</v>
      </c>
      <c r="Y703" s="7">
        <v>0</v>
      </c>
      <c r="Z703" s="7">
        <v>0</v>
      </c>
      <c r="AA703" s="7">
        <v>0</v>
      </c>
      <c r="AB703" s="7">
        <v>0</v>
      </c>
      <c r="AC703" s="7">
        <v>0</v>
      </c>
      <c r="AD703" s="7">
        <v>0</v>
      </c>
      <c r="AE703" s="7">
        <v>0</v>
      </c>
      <c r="AF703" s="7">
        <v>0</v>
      </c>
      <c r="AG703" s="9">
        <v>-30032.258722899998</v>
      </c>
      <c r="AH703" s="13">
        <v>-1</v>
      </c>
      <c r="AI703" s="9">
        <v>-30032.258722899998</v>
      </c>
      <c r="AJ703" s="13">
        <v>-1</v>
      </c>
      <c r="AK703" s="9">
        <v>0</v>
      </c>
      <c r="AL703" s="13"/>
      <c r="AM703" s="9">
        <v>0</v>
      </c>
      <c r="AN703" s="13"/>
      <c r="AO703" s="9">
        <v>0</v>
      </c>
      <c r="AP703" s="13"/>
      <c r="AQ703" s="9">
        <v>30032.258722899998</v>
      </c>
      <c r="AR703" s="9">
        <v>0</v>
      </c>
      <c r="AS703" s="9">
        <v>0</v>
      </c>
      <c r="AT703" s="9">
        <v>0</v>
      </c>
      <c r="AU703" s="9">
        <v>0</v>
      </c>
      <c r="AV703" s="9">
        <v>0</v>
      </c>
      <c r="AW703" s="9">
        <v>0</v>
      </c>
      <c r="AX703" s="9">
        <v>0</v>
      </c>
      <c r="AY703" s="9">
        <v>0</v>
      </c>
      <c r="AZ703" s="9">
        <v>0</v>
      </c>
      <c r="BA703" s="9">
        <v>0</v>
      </c>
      <c r="BB703" s="9">
        <v>0</v>
      </c>
      <c r="BC703" s="9">
        <v>0</v>
      </c>
      <c r="BD703" s="9">
        <v>0</v>
      </c>
      <c r="BE703" s="9">
        <v>0</v>
      </c>
      <c r="BF703" s="9">
        <v>0</v>
      </c>
      <c r="BG703" s="11">
        <v>0</v>
      </c>
      <c r="BH703" s="13" t="e">
        <v>#DIV/0!</v>
      </c>
      <c r="BI703" s="6">
        <v>0</v>
      </c>
      <c r="BJ703" s="13" t="e">
        <v>#DIV/0!</v>
      </c>
      <c r="BK703" s="6">
        <v>0</v>
      </c>
      <c r="BL703" s="13" t="e">
        <v>#DIV/0!</v>
      </c>
      <c r="BM703" s="11">
        <v>0</v>
      </c>
      <c r="BN703" s="13" t="e">
        <v>#DIV/0!</v>
      </c>
      <c r="BO703" s="11">
        <v>0</v>
      </c>
      <c r="BP703" s="13" t="e">
        <v>#DIV/0!</v>
      </c>
      <c r="BQ703" s="6">
        <v>0</v>
      </c>
      <c r="BR703" s="6">
        <v>0</v>
      </c>
      <c r="BS703" s="6">
        <v>0</v>
      </c>
      <c r="BT703" s="6">
        <v>0</v>
      </c>
      <c r="BU703" s="6">
        <v>0</v>
      </c>
      <c r="BV703" s="6">
        <v>0</v>
      </c>
      <c r="BW703" s="6">
        <v>0</v>
      </c>
      <c r="BX703" s="6">
        <v>0</v>
      </c>
      <c r="BY703" s="6">
        <v>0</v>
      </c>
      <c r="BZ703" s="6">
        <v>0</v>
      </c>
      <c r="CA703" s="6">
        <v>0</v>
      </c>
      <c r="CB703" s="6">
        <v>0</v>
      </c>
      <c r="CC703" s="11">
        <v>0</v>
      </c>
      <c r="CD703" s="11">
        <v>-19.866700000000002</v>
      </c>
      <c r="CE703" s="11">
        <v>1.6991099999999999</v>
      </c>
      <c r="CF703" s="11">
        <v>1.7902400000000001</v>
      </c>
      <c r="CG703" s="11">
        <v>4</v>
      </c>
      <c r="CH703" s="20">
        <v>0.36576999999999998</v>
      </c>
      <c r="CI703" s="20">
        <v>0</v>
      </c>
      <c r="CJ703" s="20">
        <v>0</v>
      </c>
      <c r="CK703" s="20">
        <v>0</v>
      </c>
      <c r="CL703" s="20">
        <v>0</v>
      </c>
      <c r="CM703" s="20">
        <v>0</v>
      </c>
      <c r="CN703" s="20">
        <v>0</v>
      </c>
      <c r="CO703" s="20">
        <v>0</v>
      </c>
      <c r="CP703" s="20">
        <v>0</v>
      </c>
      <c r="CQ703" s="20">
        <v>0</v>
      </c>
      <c r="CR703" s="20">
        <v>0</v>
      </c>
      <c r="CS703" s="20">
        <v>0</v>
      </c>
      <c r="CT703" s="20">
        <v>0</v>
      </c>
      <c r="CU703" s="20">
        <v>0</v>
      </c>
      <c r="CV703" s="20">
        <v>0</v>
      </c>
      <c r="CW703" s="20">
        <v>0</v>
      </c>
      <c r="CX703" s="20">
        <v>0</v>
      </c>
      <c r="CY703" s="6" t="s">
        <v>499</v>
      </c>
      <c r="CZ703" s="6" t="s">
        <v>500</v>
      </c>
      <c r="DA703" s="6" t="s">
        <v>70</v>
      </c>
      <c r="DB703" s="6" t="s">
        <v>345</v>
      </c>
      <c r="DC703" s="6">
        <v>28380</v>
      </c>
      <c r="DD703" s="6"/>
      <c r="DE703" s="6" t="s">
        <v>502</v>
      </c>
      <c r="DF703" s="6" t="s">
        <v>363</v>
      </c>
      <c r="DG703" s="6" t="s">
        <v>364</v>
      </c>
      <c r="DH703" s="6" t="s">
        <v>365</v>
      </c>
      <c r="DI703" s="6"/>
      <c r="DJ703" s="6">
        <v>29</v>
      </c>
      <c r="DK703" s="6">
        <v>69</v>
      </c>
      <c r="DL703" s="6">
        <v>8</v>
      </c>
      <c r="DM703" s="6" t="s">
        <v>368</v>
      </c>
      <c r="DN703" s="6">
        <v>7</v>
      </c>
      <c r="DO703" s="6" t="s">
        <v>369</v>
      </c>
      <c r="DP703" s="6"/>
      <c r="DQ703" s="6"/>
    </row>
    <row r="704" spans="1:121" x14ac:dyDescent="0.2">
      <c r="A704" s="6" t="s">
        <v>311</v>
      </c>
      <c r="B704" s="6" t="s">
        <v>311</v>
      </c>
      <c r="C704" s="6" t="s">
        <v>174</v>
      </c>
      <c r="D704" s="6" t="s">
        <v>70</v>
      </c>
      <c r="E704" s="6" t="s">
        <v>211</v>
      </c>
      <c r="F704" s="11">
        <v>1</v>
      </c>
      <c r="G704" s="13">
        <v>1</v>
      </c>
      <c r="H704" s="11">
        <v>1.224537999999999</v>
      </c>
      <c r="I704" s="13">
        <v>0.1066533141499776</v>
      </c>
      <c r="J704" s="11">
        <v>2.7797940000000008</v>
      </c>
      <c r="K704" s="13">
        <v>0.21877773045987109</v>
      </c>
      <c r="L704" s="11">
        <v>-10.485813</v>
      </c>
      <c r="M704" s="13">
        <v>-0.67712382940437166</v>
      </c>
      <c r="N704" s="11">
        <v>-7.7060189999999995</v>
      </c>
      <c r="O704" s="13">
        <v>-0.60648571358188585</v>
      </c>
      <c r="P704" s="7">
        <v>11.481481</v>
      </c>
      <c r="Q704" s="7">
        <v>11.472569999999999</v>
      </c>
      <c r="R704" s="7">
        <v>11.139792999999999</v>
      </c>
      <c r="S704" s="7">
        <v>10.107392000000001</v>
      </c>
      <c r="T704" s="7">
        <v>10.104322</v>
      </c>
      <c r="U704" s="7">
        <v>5</v>
      </c>
      <c r="V704" s="7">
        <v>12.706019</v>
      </c>
      <c r="W704" s="7">
        <v>13.669252999999999</v>
      </c>
      <c r="X704" s="7">
        <v>10.756503</v>
      </c>
      <c r="Y704" s="7">
        <v>15.485813</v>
      </c>
      <c r="Z704" s="7">
        <v>15.647314</v>
      </c>
      <c r="AA704" s="7">
        <v>13.751645999999999</v>
      </c>
      <c r="AB704" s="7">
        <v>5</v>
      </c>
      <c r="AC704" s="7">
        <v>5</v>
      </c>
      <c r="AD704" s="7">
        <v>5</v>
      </c>
      <c r="AE704" s="7">
        <v>5</v>
      </c>
      <c r="AF704" s="7">
        <v>5</v>
      </c>
      <c r="AG704" s="9">
        <v>-59212.029070700002</v>
      </c>
      <c r="AH704" s="13">
        <v>-0.99998311182495314</v>
      </c>
      <c r="AI704" s="9">
        <v>5569.4161112000002</v>
      </c>
      <c r="AJ704" s="13">
        <v>9.4057274194673454E-2</v>
      </c>
      <c r="AK704" s="9">
        <v>10703.939565300003</v>
      </c>
      <c r="AL704" s="13">
        <v>0.16522901436098691</v>
      </c>
      <c r="AM704" s="9">
        <v>-75485.384747200005</v>
      </c>
      <c r="AN704" s="13">
        <v>-0.99998675257792047</v>
      </c>
      <c r="AO704" s="9">
        <v>-64781.445181900002</v>
      </c>
      <c r="AP704" s="13">
        <v>-0.99998456371942757</v>
      </c>
      <c r="AQ704" s="9">
        <v>59213.029070700002</v>
      </c>
      <c r="AR704" s="9">
        <v>69608.370911599995</v>
      </c>
      <c r="AS704" s="9">
        <v>64362.504216100002</v>
      </c>
      <c r="AT704" s="9">
        <v>65013.202853299998</v>
      </c>
      <c r="AU704" s="9">
        <v>71312.827884600003</v>
      </c>
      <c r="AV704" s="9">
        <v>1</v>
      </c>
      <c r="AW704" s="9">
        <v>64782.445181900002</v>
      </c>
      <c r="AX704" s="9">
        <v>66001.897587300002</v>
      </c>
      <c r="AY704" s="9">
        <v>52218.137515199996</v>
      </c>
      <c r="AZ704" s="9">
        <v>75486.384747200005</v>
      </c>
      <c r="BA704" s="9">
        <v>75023.108420699995</v>
      </c>
      <c r="BB704" s="9">
        <v>83589.785288800005</v>
      </c>
      <c r="BC704" s="9">
        <v>1</v>
      </c>
      <c r="BD704" s="9">
        <v>1</v>
      </c>
      <c r="BE704" s="9">
        <v>1</v>
      </c>
      <c r="BF704" s="9">
        <v>1</v>
      </c>
      <c r="BG704" s="11">
        <v>-1</v>
      </c>
      <c r="BH704" s="13">
        <v>-0.33333333333333331</v>
      </c>
      <c r="BI704" s="6">
        <v>0</v>
      </c>
      <c r="BJ704" s="13">
        <v>0</v>
      </c>
      <c r="BK704" s="6">
        <v>-1</v>
      </c>
      <c r="BL704" s="13">
        <v>-0.33333333333333331</v>
      </c>
      <c r="BM704" s="11">
        <v>0</v>
      </c>
      <c r="BN704" s="13">
        <v>0</v>
      </c>
      <c r="BO704" s="11">
        <v>-1</v>
      </c>
      <c r="BP704" s="13">
        <v>-0.33333333333333331</v>
      </c>
      <c r="BQ704" s="6">
        <v>3</v>
      </c>
      <c r="BR704" s="6">
        <v>3</v>
      </c>
      <c r="BS704" s="6">
        <v>3</v>
      </c>
      <c r="BT704" s="6">
        <v>3</v>
      </c>
      <c r="BU704" s="6">
        <v>3</v>
      </c>
      <c r="BV704" s="6">
        <v>2</v>
      </c>
      <c r="BW704" s="6">
        <v>2</v>
      </c>
      <c r="BX704" s="6">
        <v>2</v>
      </c>
      <c r="BY704" s="6">
        <v>2</v>
      </c>
      <c r="BZ704" s="6">
        <v>2</v>
      </c>
      <c r="CA704" s="6">
        <v>2</v>
      </c>
      <c r="CB704" s="6">
        <v>2</v>
      </c>
      <c r="CC704" s="11">
        <v>2</v>
      </c>
      <c r="CD704" s="11">
        <v>-2.2671999999999999</v>
      </c>
      <c r="CE704" s="11">
        <v>-1.8696900000000001</v>
      </c>
      <c r="CF704" s="11">
        <v>1.2550600000000001</v>
      </c>
      <c r="CG704" s="11">
        <v>-1</v>
      </c>
      <c r="CH704" s="20">
        <v>0.234041</v>
      </c>
      <c r="CI704" s="20">
        <v>0.23253699999999999</v>
      </c>
      <c r="CJ704" s="20">
        <v>0.23078299999999999</v>
      </c>
      <c r="CK704" s="20">
        <v>0.21215400000000001</v>
      </c>
      <c r="CL704" s="20">
        <v>0.22467799999999999</v>
      </c>
      <c r="CM704" s="20">
        <v>0.218613</v>
      </c>
      <c r="CN704" s="20">
        <v>0.30233199999999999</v>
      </c>
      <c r="CO704" s="20">
        <v>0.325407</v>
      </c>
      <c r="CP704" s="20">
        <v>0.23468</v>
      </c>
      <c r="CQ704" s="20">
        <v>0.34540100000000001</v>
      </c>
      <c r="CR704" s="20">
        <v>0.34944700000000001</v>
      </c>
      <c r="CS704" s="20">
        <v>0.303674</v>
      </c>
      <c r="CT704" s="20">
        <v>0.21265100000000001</v>
      </c>
      <c r="CU704" s="20">
        <v>0.22647600000000001</v>
      </c>
      <c r="CV704" s="20">
        <v>0.214139</v>
      </c>
      <c r="CW704" s="20">
        <v>0.219475</v>
      </c>
      <c r="CX704" s="20">
        <v>0.21012500000000001</v>
      </c>
      <c r="CY704" s="6" t="s">
        <v>499</v>
      </c>
      <c r="CZ704" s="6" t="s">
        <v>500</v>
      </c>
      <c r="DA704" s="6" t="s">
        <v>70</v>
      </c>
      <c r="DB704" s="6" t="s">
        <v>345</v>
      </c>
      <c r="DC704" s="6">
        <v>28380</v>
      </c>
      <c r="DD704" s="6"/>
      <c r="DE704" s="6" t="s">
        <v>502</v>
      </c>
      <c r="DF704" s="6" t="s">
        <v>363</v>
      </c>
      <c r="DG704" s="6" t="s">
        <v>364</v>
      </c>
      <c r="DH704" s="6" t="s">
        <v>365</v>
      </c>
      <c r="DI704" s="6"/>
      <c r="DJ704" s="6">
        <v>29</v>
      </c>
      <c r="DK704" s="6">
        <v>69</v>
      </c>
      <c r="DL704" s="6">
        <v>8</v>
      </c>
      <c r="DM704" s="6" t="s">
        <v>368</v>
      </c>
      <c r="DN704" s="6">
        <v>7</v>
      </c>
      <c r="DO704" s="6" t="s">
        <v>369</v>
      </c>
      <c r="DP704" s="6"/>
      <c r="DQ704" s="6"/>
    </row>
    <row r="705" spans="1:121" x14ac:dyDescent="0.2">
      <c r="A705" s="6" t="s">
        <v>312</v>
      </c>
      <c r="B705" s="6" t="s">
        <v>312</v>
      </c>
      <c r="C705" s="6" t="s">
        <v>175</v>
      </c>
      <c r="D705" s="6" t="s">
        <v>70</v>
      </c>
      <c r="E705" s="6" t="s">
        <v>211</v>
      </c>
      <c r="F705" s="11">
        <v>-238</v>
      </c>
      <c r="G705" s="13">
        <v>-0.42805755395700001</v>
      </c>
      <c r="H705" s="11">
        <v>-186.89092196499996</v>
      </c>
      <c r="I705" s="13">
        <v>-0.33605096315471661</v>
      </c>
      <c r="J705" s="11">
        <v>-39.499055880000014</v>
      </c>
      <c r="K705" s="13">
        <v>-0.10697170250236528</v>
      </c>
      <c r="L705" s="11">
        <v>-11.831052758999988</v>
      </c>
      <c r="M705" s="13">
        <v>-3.5879002728517205E-2</v>
      </c>
      <c r="N705" s="11">
        <v>-51.330108639000002</v>
      </c>
      <c r="O705" s="13">
        <v>-0.139012667224926</v>
      </c>
      <c r="P705" s="7">
        <v>556.13862912499997</v>
      </c>
      <c r="Q705" s="7">
        <v>499.43780136399999</v>
      </c>
      <c r="R705" s="7">
        <v>544.86419202000002</v>
      </c>
      <c r="S705" s="7">
        <v>601.92527846500002</v>
      </c>
      <c r="T705" s="7">
        <v>475.12614454300001</v>
      </c>
      <c r="U705" s="7">
        <v>367.359531721</v>
      </c>
      <c r="V705" s="7">
        <v>369.24770716</v>
      </c>
      <c r="W705" s="7">
        <v>394.00550365999999</v>
      </c>
      <c r="X705" s="7">
        <v>353.826152122</v>
      </c>
      <c r="Y705" s="7">
        <v>329.74865127999999</v>
      </c>
      <c r="Z705" s="7">
        <v>309.90813321799999</v>
      </c>
      <c r="AA705" s="7">
        <v>311.16212857900001</v>
      </c>
      <c r="AB705" s="7">
        <v>337.380661272</v>
      </c>
      <c r="AC705" s="7">
        <v>308.72983494499999</v>
      </c>
      <c r="AD705" s="7">
        <v>328.32345100800001</v>
      </c>
      <c r="AE705" s="7">
        <v>320.770317084</v>
      </c>
      <c r="AF705" s="7">
        <v>317.917598521</v>
      </c>
      <c r="AG705" s="9">
        <v>18705.772349299998</v>
      </c>
      <c r="AH705" s="13">
        <v>0.64714640051979511</v>
      </c>
      <c r="AI705" s="9">
        <v>1712.5856337000005</v>
      </c>
      <c r="AJ705" s="13">
        <v>5.9248749943882531E-2</v>
      </c>
      <c r="AK705" s="9">
        <v>2996.2742633999987</v>
      </c>
      <c r="AL705" s="13">
        <v>9.7861191474212988E-2</v>
      </c>
      <c r="AM705" s="9">
        <v>13996.912452199998</v>
      </c>
      <c r="AN705" s="13">
        <v>0.41640290239073624</v>
      </c>
      <c r="AO705" s="9">
        <v>16993.186715599997</v>
      </c>
      <c r="AP705" s="13">
        <v>0.55501377802622709</v>
      </c>
      <c r="AQ705" s="9">
        <v>28905.008718699999</v>
      </c>
      <c r="AR705" s="9">
        <v>31052.546382600001</v>
      </c>
      <c r="AS705" s="9">
        <v>34734.253485100002</v>
      </c>
      <c r="AT705" s="9">
        <v>33011.762567700003</v>
      </c>
      <c r="AU705" s="9">
        <v>31233.5803289</v>
      </c>
      <c r="AV705" s="9">
        <v>28683.496242599998</v>
      </c>
      <c r="AW705" s="9">
        <v>30617.594352399999</v>
      </c>
      <c r="AX705" s="9">
        <v>31073.723162099999</v>
      </c>
      <c r="AY705" s="9">
        <v>30080.383339799999</v>
      </c>
      <c r="AZ705" s="9">
        <v>33613.868615799998</v>
      </c>
      <c r="BA705" s="9">
        <v>27960.454731900001</v>
      </c>
      <c r="BB705" s="9">
        <v>41179.877309700001</v>
      </c>
      <c r="BC705" s="9">
        <v>35515.140453599997</v>
      </c>
      <c r="BD705" s="9">
        <v>41642.955476900002</v>
      </c>
      <c r="BE705" s="9">
        <v>39022.426245000002</v>
      </c>
      <c r="BF705" s="9">
        <v>47610.781067999997</v>
      </c>
      <c r="BG705" s="11">
        <v>-14.25</v>
      </c>
      <c r="BH705" s="13">
        <v>-0.33139534883720928</v>
      </c>
      <c r="BI705" s="6">
        <v>-10</v>
      </c>
      <c r="BJ705" s="13">
        <v>-0.23255813953488372</v>
      </c>
      <c r="BK705" s="6">
        <v>-3</v>
      </c>
      <c r="BL705" s="13">
        <v>-9.0909090909090912E-2</v>
      </c>
      <c r="BM705" s="11">
        <v>-1.25</v>
      </c>
      <c r="BN705" s="13">
        <v>-4.1666666666666664E-2</v>
      </c>
      <c r="BO705" s="11">
        <v>-4.25</v>
      </c>
      <c r="BP705" s="13">
        <v>-0.12878787878787878</v>
      </c>
      <c r="BQ705" s="6">
        <v>43</v>
      </c>
      <c r="BR705" s="6">
        <v>37</v>
      </c>
      <c r="BS705" s="6">
        <v>29</v>
      </c>
      <c r="BT705" s="6">
        <v>33</v>
      </c>
      <c r="BU705" s="6">
        <v>33</v>
      </c>
      <c r="BV705" s="6">
        <v>33</v>
      </c>
      <c r="BW705" s="6">
        <v>30</v>
      </c>
      <c r="BX705" s="6">
        <v>29</v>
      </c>
      <c r="BY705" s="6">
        <v>28</v>
      </c>
      <c r="BZ705" s="6">
        <v>30</v>
      </c>
      <c r="CA705" s="6">
        <v>31</v>
      </c>
      <c r="CB705" s="6">
        <v>29</v>
      </c>
      <c r="CC705" s="11">
        <v>28.75</v>
      </c>
      <c r="CD705" s="11">
        <v>-231.65100000000001</v>
      </c>
      <c r="CE705" s="11">
        <v>-67.362499999999997</v>
      </c>
      <c r="CF705" s="11">
        <v>60.7926</v>
      </c>
      <c r="CG705" s="11">
        <v>-6</v>
      </c>
      <c r="CH705" s="20">
        <v>0.78159000000000001</v>
      </c>
      <c r="CI705" s="20">
        <v>0.69310799999999995</v>
      </c>
      <c r="CJ705" s="20">
        <v>0.738568</v>
      </c>
      <c r="CK705" s="20">
        <v>0.77508500000000002</v>
      </c>
      <c r="CL705" s="20">
        <v>0.60424699999999998</v>
      </c>
      <c r="CM705" s="20">
        <v>0.45699099999999998</v>
      </c>
      <c r="CN705" s="20">
        <v>0.48502099999999998</v>
      </c>
      <c r="CO705" s="20">
        <v>0.555697</v>
      </c>
      <c r="CP705" s="20">
        <v>0.52754500000000004</v>
      </c>
      <c r="CQ705" s="20">
        <v>0.53772399999999998</v>
      </c>
      <c r="CR705" s="20">
        <v>0.51133600000000001</v>
      </c>
      <c r="CS705" s="20">
        <v>0.50287899999999996</v>
      </c>
      <c r="CT705" s="20">
        <v>0.56831200000000004</v>
      </c>
      <c r="CU705" s="20">
        <v>0.50099300000000002</v>
      </c>
      <c r="CV705" s="20">
        <v>0.52702499999999997</v>
      </c>
      <c r="CW705" s="20">
        <v>0.52020699999999997</v>
      </c>
      <c r="CX705" s="20">
        <v>0.51295500000000005</v>
      </c>
      <c r="CY705" s="6" t="s">
        <v>499</v>
      </c>
      <c r="CZ705" s="6" t="s">
        <v>500</v>
      </c>
      <c r="DA705" s="6" t="s">
        <v>70</v>
      </c>
      <c r="DB705" s="6" t="s">
        <v>345</v>
      </c>
      <c r="DC705" s="6">
        <v>28380</v>
      </c>
      <c r="DD705" s="6"/>
      <c r="DE705" s="6" t="s">
        <v>502</v>
      </c>
      <c r="DF705" s="6" t="s">
        <v>363</v>
      </c>
      <c r="DG705" s="6" t="s">
        <v>364</v>
      </c>
      <c r="DH705" s="6" t="s">
        <v>365</v>
      </c>
      <c r="DI705" s="6"/>
      <c r="DJ705" s="6">
        <v>29</v>
      </c>
      <c r="DK705" s="6">
        <v>69</v>
      </c>
      <c r="DL705" s="6">
        <v>8</v>
      </c>
      <c r="DM705" s="6" t="s">
        <v>368</v>
      </c>
      <c r="DN705" s="6">
        <v>7</v>
      </c>
      <c r="DO705" s="6" t="s">
        <v>369</v>
      </c>
      <c r="DP705" s="6"/>
      <c r="DQ705" s="6"/>
    </row>
    <row r="706" spans="1:121" x14ac:dyDescent="0.2">
      <c r="A706" s="6" t="s">
        <v>792</v>
      </c>
      <c r="B706" s="6" t="s">
        <v>176</v>
      </c>
      <c r="C706" s="6" t="s">
        <v>177</v>
      </c>
      <c r="D706" s="6" t="s">
        <v>70</v>
      </c>
      <c r="E706" s="6" t="s">
        <v>211</v>
      </c>
      <c r="F706" s="11">
        <v>-912</v>
      </c>
      <c r="G706" s="13">
        <v>-0.645892351275</v>
      </c>
      <c r="H706" s="11">
        <v>-651.12297003699996</v>
      </c>
      <c r="I706" s="13">
        <v>-0.4610866428155746</v>
      </c>
      <c r="J706" s="11">
        <v>-458.60553828600001</v>
      </c>
      <c r="K706" s="13">
        <v>-0.60261490896960201</v>
      </c>
      <c r="L706" s="11">
        <v>197.25819414600005</v>
      </c>
      <c r="M706" s="13">
        <v>0.65226497793855742</v>
      </c>
      <c r="N706" s="11">
        <v>-261.34734413999996</v>
      </c>
      <c r="O706" s="13">
        <v>-0.34341453133554783</v>
      </c>
      <c r="P706" s="7">
        <v>1412.1488448699999</v>
      </c>
      <c r="Q706" s="7">
        <v>1316.6401056899999</v>
      </c>
      <c r="R706" s="7">
        <v>1257.8203385500001</v>
      </c>
      <c r="S706" s="7">
        <v>1179.0463131199999</v>
      </c>
      <c r="T706" s="7">
        <v>1225.0111555399999</v>
      </c>
      <c r="U706" s="7">
        <v>1106.0969135800001</v>
      </c>
      <c r="V706" s="7">
        <v>761.02587483299999</v>
      </c>
      <c r="W706" s="7">
        <v>452.92169483200001</v>
      </c>
      <c r="X706" s="7">
        <v>372.26382163</v>
      </c>
      <c r="Y706" s="7">
        <v>302.42033654699998</v>
      </c>
      <c r="Z706" s="7">
        <v>414.02204247399999</v>
      </c>
      <c r="AA706" s="7">
        <v>576.15781141900004</v>
      </c>
      <c r="AB706" s="7">
        <v>519.27264759299999</v>
      </c>
      <c r="AC706" s="7">
        <v>511.68963541199997</v>
      </c>
      <c r="AD706" s="7">
        <v>553.72353673999999</v>
      </c>
      <c r="AE706" s="7">
        <v>474.66223605499999</v>
      </c>
      <c r="AF706" s="7">
        <v>499.67853069300003</v>
      </c>
      <c r="AG706" s="9">
        <v>1395.3172504999966</v>
      </c>
      <c r="AH706" s="13">
        <v>2.9866672060758759E-2</v>
      </c>
      <c r="AI706" s="9">
        <v>39584.882976300003</v>
      </c>
      <c r="AJ706" s="13">
        <v>0.8473117622483427</v>
      </c>
      <c r="AK706" s="9">
        <v>-37047.036832000005</v>
      </c>
      <c r="AL706" s="13">
        <v>-0.42926665229685301</v>
      </c>
      <c r="AM706" s="9">
        <v>-1142.5288938000012</v>
      </c>
      <c r="AN706" s="13">
        <v>-2.3195707165228403E-2</v>
      </c>
      <c r="AO706" s="9">
        <v>-38189.565725800006</v>
      </c>
      <c r="AP706" s="13">
        <v>-0.44250521589960568</v>
      </c>
      <c r="AQ706" s="9">
        <v>46718.203074700003</v>
      </c>
      <c r="AR706" s="9">
        <v>43909.588122599998</v>
      </c>
      <c r="AS706" s="9">
        <v>45647.872227599997</v>
      </c>
      <c r="AT706" s="9">
        <v>51083.203585099996</v>
      </c>
      <c r="AU706" s="9">
        <v>60145.136724800002</v>
      </c>
      <c r="AV706" s="9">
        <v>56440.478760899998</v>
      </c>
      <c r="AW706" s="9">
        <v>86303.086051000006</v>
      </c>
      <c r="AX706" s="9">
        <v>42514.681114899999</v>
      </c>
      <c r="AY706" s="9">
        <v>42129.714067499997</v>
      </c>
      <c r="AZ706" s="9">
        <v>49256.049219</v>
      </c>
      <c r="BA706" s="9">
        <v>48903.046670900003</v>
      </c>
      <c r="BB706" s="9">
        <v>45566.464504700001</v>
      </c>
      <c r="BC706" s="9">
        <v>45768.074530899998</v>
      </c>
      <c r="BD706" s="9">
        <v>47130.763862100001</v>
      </c>
      <c r="BE706" s="9">
        <v>46728.097116700003</v>
      </c>
      <c r="BF706" s="9">
        <v>48113.520325199999</v>
      </c>
      <c r="BG706" s="11">
        <v>-15</v>
      </c>
      <c r="BH706" s="13">
        <v>-0.51724137931034486</v>
      </c>
      <c r="BI706" s="6">
        <v>-8</v>
      </c>
      <c r="BJ706" s="13">
        <v>-0.27586206896551724</v>
      </c>
      <c r="BK706" s="6">
        <v>-3</v>
      </c>
      <c r="BL706" s="13">
        <v>-0.14285714285714285</v>
      </c>
      <c r="BM706" s="11">
        <v>-4</v>
      </c>
      <c r="BN706" s="13">
        <v>-0.22222222222222221</v>
      </c>
      <c r="BO706" s="11">
        <v>-7</v>
      </c>
      <c r="BP706" s="13">
        <v>-0.33333333333333331</v>
      </c>
      <c r="BQ706" s="6">
        <v>29</v>
      </c>
      <c r="BR706" s="6">
        <v>26</v>
      </c>
      <c r="BS706" s="6">
        <v>23</v>
      </c>
      <c r="BT706" s="6">
        <v>21</v>
      </c>
      <c r="BU706" s="6">
        <v>18</v>
      </c>
      <c r="BV706" s="6">
        <v>16</v>
      </c>
      <c r="BW706" s="6">
        <v>18</v>
      </c>
      <c r="BX706" s="6">
        <v>19</v>
      </c>
      <c r="BY706" s="6">
        <v>18</v>
      </c>
      <c r="BZ706" s="6">
        <v>19</v>
      </c>
      <c r="CA706" s="6">
        <v>15</v>
      </c>
      <c r="CB706" s="6">
        <v>16</v>
      </c>
      <c r="CC706" s="11">
        <v>14</v>
      </c>
      <c r="CD706" s="11">
        <v>-568.37800000000004</v>
      </c>
      <c r="CE706" s="11">
        <v>-498.45699999999999</v>
      </c>
      <c r="CF706" s="11">
        <v>154.36500000000001</v>
      </c>
      <c r="CG706" s="11">
        <v>-344</v>
      </c>
      <c r="CH706" s="20">
        <v>1.0366500000000001</v>
      </c>
      <c r="CI706" s="20">
        <v>1.0199400000000001</v>
      </c>
      <c r="CJ706" s="20">
        <v>1.01735</v>
      </c>
      <c r="CK706" s="20">
        <v>0.95951399999999998</v>
      </c>
      <c r="CL706" s="20">
        <v>1.0367999999999999</v>
      </c>
      <c r="CM706" s="20">
        <v>0.95980900000000002</v>
      </c>
      <c r="CN706" s="20">
        <v>0.70595200000000002</v>
      </c>
      <c r="CO706" s="20">
        <v>0.44137399999999999</v>
      </c>
      <c r="CP706" s="20">
        <v>0.37784200000000001</v>
      </c>
      <c r="CQ706" s="20">
        <v>0.31758999999999998</v>
      </c>
      <c r="CR706" s="20">
        <v>0.42682199999999998</v>
      </c>
      <c r="CS706" s="20">
        <v>0.57761799999999996</v>
      </c>
      <c r="CT706" s="20">
        <v>0.55115099999999995</v>
      </c>
      <c r="CU706" s="20">
        <v>0.53602300000000003</v>
      </c>
      <c r="CV706" s="20">
        <v>0.58985500000000002</v>
      </c>
      <c r="CW706" s="20">
        <v>0.52198900000000004</v>
      </c>
      <c r="CX706" s="20">
        <v>0.55022000000000004</v>
      </c>
      <c r="CY706" s="6" t="s">
        <v>499</v>
      </c>
      <c r="CZ706" s="6" t="s">
        <v>500</v>
      </c>
      <c r="DA706" s="6" t="s">
        <v>70</v>
      </c>
      <c r="DB706" s="6" t="s">
        <v>345</v>
      </c>
      <c r="DC706" s="6">
        <v>28380</v>
      </c>
      <c r="DD706" s="6"/>
      <c r="DE706" s="6" t="s">
        <v>502</v>
      </c>
      <c r="DF706" s="6" t="s">
        <v>363</v>
      </c>
      <c r="DG706" s="6" t="s">
        <v>364</v>
      </c>
      <c r="DH706" s="6" t="s">
        <v>365</v>
      </c>
      <c r="DI706" s="6"/>
      <c r="DJ706" s="6">
        <v>29</v>
      </c>
      <c r="DK706" s="6">
        <v>69</v>
      </c>
      <c r="DL706" s="6">
        <v>8</v>
      </c>
      <c r="DM706" s="6" t="s">
        <v>368</v>
      </c>
      <c r="DN706" s="6">
        <v>7</v>
      </c>
      <c r="DO706" s="6" t="s">
        <v>369</v>
      </c>
      <c r="DP706" s="6"/>
      <c r="DQ706" s="6"/>
    </row>
    <row r="707" spans="1:121" x14ac:dyDescent="0.2">
      <c r="A707" s="6" t="s">
        <v>313</v>
      </c>
      <c r="B707" s="6" t="s">
        <v>313</v>
      </c>
      <c r="C707" s="6" t="s">
        <v>178</v>
      </c>
      <c r="D707" s="6" t="s">
        <v>70</v>
      </c>
      <c r="E707" s="6" t="s">
        <v>211</v>
      </c>
      <c r="F707" s="11">
        <v>-107</v>
      </c>
      <c r="G707" s="13">
        <v>-0.23160173160200001</v>
      </c>
      <c r="H707" s="11">
        <v>-57.940532199000017</v>
      </c>
      <c r="I707" s="13">
        <v>-0.12543036142785582</v>
      </c>
      <c r="J707" s="11">
        <v>-38.093560347999983</v>
      </c>
      <c r="K707" s="13">
        <v>-9.4292546032131566E-2</v>
      </c>
      <c r="L707" s="11">
        <v>-10.494875852999996</v>
      </c>
      <c r="M707" s="13">
        <v>-2.8682378388583778E-2</v>
      </c>
      <c r="N707" s="11">
        <v>-48.588436200999979</v>
      </c>
      <c r="O707" s="13">
        <v>-0.1202703899361988</v>
      </c>
      <c r="P707" s="7">
        <v>461.93386943500002</v>
      </c>
      <c r="Q707" s="7">
        <v>530.93875836799998</v>
      </c>
      <c r="R707" s="7">
        <v>406.85776504400002</v>
      </c>
      <c r="S707" s="7">
        <v>365.18273345699998</v>
      </c>
      <c r="T707" s="7">
        <v>334.45557288999998</v>
      </c>
      <c r="U707" s="7">
        <v>377.61315469900001</v>
      </c>
      <c r="V707" s="7">
        <v>403.993337236</v>
      </c>
      <c r="W707" s="7">
        <v>400.77019570700003</v>
      </c>
      <c r="X707" s="7">
        <v>370.31640399100002</v>
      </c>
      <c r="Y707" s="7">
        <v>365.89977688800002</v>
      </c>
      <c r="Z707" s="7">
        <v>364.71488385200001</v>
      </c>
      <c r="AA707" s="7">
        <v>373.99509208299997</v>
      </c>
      <c r="AB707" s="7">
        <v>364.93124263999999</v>
      </c>
      <c r="AC707" s="7">
        <v>386.29916476300002</v>
      </c>
      <c r="AD707" s="7">
        <v>364.17209516200001</v>
      </c>
      <c r="AE707" s="7">
        <v>348.929119571</v>
      </c>
      <c r="AF707" s="7">
        <v>355.40490103500002</v>
      </c>
      <c r="AG707" s="9">
        <v>23319.0780295</v>
      </c>
      <c r="AH707" s="13">
        <v>0.73782651618719408</v>
      </c>
      <c r="AI707" s="9">
        <v>3813.6398378000013</v>
      </c>
      <c r="AJ707" s="13">
        <v>0.12066534500022012</v>
      </c>
      <c r="AK707" s="9">
        <v>6113.7977987999984</v>
      </c>
      <c r="AL707" s="13">
        <v>0.17261479322006715</v>
      </c>
      <c r="AM707" s="9">
        <v>13391.640392900001</v>
      </c>
      <c r="AN707" s="13">
        <v>0.32243735580277416</v>
      </c>
      <c r="AO707" s="9">
        <v>19505.438191699999</v>
      </c>
      <c r="AP707" s="13">
        <v>0.55070960652116241</v>
      </c>
      <c r="AQ707" s="9">
        <v>31605.096208800001</v>
      </c>
      <c r="AR707" s="9">
        <v>30293.2564399</v>
      </c>
      <c r="AS707" s="9">
        <v>29925.9090474</v>
      </c>
      <c r="AT707" s="9">
        <v>32477.047464300002</v>
      </c>
      <c r="AU707" s="9">
        <v>33167.235785800003</v>
      </c>
      <c r="AV707" s="9">
        <v>36995.158264500002</v>
      </c>
      <c r="AW707" s="9">
        <v>35418.736046600003</v>
      </c>
      <c r="AX707" s="9">
        <v>37460.934707599998</v>
      </c>
      <c r="AY707" s="9">
        <v>43113.390877600003</v>
      </c>
      <c r="AZ707" s="9">
        <v>41532.533845400001</v>
      </c>
      <c r="BA707" s="9">
        <v>46218.931263799997</v>
      </c>
      <c r="BB707" s="9">
        <v>50240.348474500002</v>
      </c>
      <c r="BC707" s="9">
        <v>53226.511206800002</v>
      </c>
      <c r="BD707" s="9">
        <v>55380.2933701</v>
      </c>
      <c r="BE707" s="9">
        <v>55353.992109999999</v>
      </c>
      <c r="BF707" s="9">
        <v>54924.174238300002</v>
      </c>
      <c r="BG707" s="11">
        <v>-3.25</v>
      </c>
      <c r="BH707" s="13">
        <v>-7.926829268292683E-2</v>
      </c>
      <c r="BI707" s="6">
        <v>0</v>
      </c>
      <c r="BJ707" s="13">
        <v>0</v>
      </c>
      <c r="BK707" s="6">
        <v>-5</v>
      </c>
      <c r="BL707" s="13">
        <v>-0.12195121951219512</v>
      </c>
      <c r="BM707" s="11">
        <v>1.75</v>
      </c>
      <c r="BN707" s="13">
        <v>4.8611111111111112E-2</v>
      </c>
      <c r="BO707" s="11">
        <v>-3.25</v>
      </c>
      <c r="BP707" s="13">
        <v>-7.926829268292683E-2</v>
      </c>
      <c r="BQ707" s="6">
        <v>41</v>
      </c>
      <c r="BR707" s="6">
        <v>36</v>
      </c>
      <c r="BS707" s="6">
        <v>38</v>
      </c>
      <c r="BT707" s="6">
        <v>41</v>
      </c>
      <c r="BU707" s="6">
        <v>39</v>
      </c>
      <c r="BV707" s="6">
        <v>41</v>
      </c>
      <c r="BW707" s="6">
        <v>36</v>
      </c>
      <c r="BX707" s="6">
        <v>35</v>
      </c>
      <c r="BY707" s="6">
        <v>38</v>
      </c>
      <c r="BZ707" s="6">
        <v>39</v>
      </c>
      <c r="CA707" s="6">
        <v>40</v>
      </c>
      <c r="CB707" s="6">
        <v>41</v>
      </c>
      <c r="CC707" s="11">
        <v>37.75</v>
      </c>
      <c r="CD707" s="11">
        <v>-119.253</v>
      </c>
      <c r="CE707" s="11">
        <v>-37.7712</v>
      </c>
      <c r="CF707" s="11">
        <v>50.494900000000001</v>
      </c>
      <c r="CG707" s="11">
        <v>12</v>
      </c>
      <c r="CH707" s="20">
        <v>0.95232300000000003</v>
      </c>
      <c r="CI707" s="20">
        <v>1.0970299999999999</v>
      </c>
      <c r="CJ707" s="20">
        <v>0.839032</v>
      </c>
      <c r="CK707" s="20">
        <v>0.73979899999999998</v>
      </c>
      <c r="CL707" s="20">
        <v>0.687944</v>
      </c>
      <c r="CM707" s="20">
        <v>0.77481</v>
      </c>
      <c r="CN707" s="20">
        <v>0.85477599999999998</v>
      </c>
      <c r="CO707" s="20">
        <v>0.867977</v>
      </c>
      <c r="CP707" s="20">
        <v>0.78963399999999995</v>
      </c>
      <c r="CQ707" s="20">
        <v>0.79921699999999996</v>
      </c>
      <c r="CR707" s="20">
        <v>0.78546099999999996</v>
      </c>
      <c r="CS707" s="20">
        <v>0.78235600000000005</v>
      </c>
      <c r="CT707" s="20">
        <v>0.80362900000000004</v>
      </c>
      <c r="CU707" s="20">
        <v>0.84064799999999995</v>
      </c>
      <c r="CV707" s="20">
        <v>0.80640699999999998</v>
      </c>
      <c r="CW707" s="20">
        <v>0.79970399999999997</v>
      </c>
      <c r="CX707" s="20">
        <v>0.80897600000000003</v>
      </c>
      <c r="CY707" s="6" t="s">
        <v>499</v>
      </c>
      <c r="CZ707" s="6" t="s">
        <v>500</v>
      </c>
      <c r="DA707" s="6" t="s">
        <v>70</v>
      </c>
      <c r="DB707" s="6" t="s">
        <v>345</v>
      </c>
      <c r="DC707" s="6">
        <v>28380</v>
      </c>
      <c r="DD707" s="6"/>
      <c r="DE707" s="6" t="s">
        <v>502</v>
      </c>
      <c r="DF707" s="6" t="s">
        <v>363</v>
      </c>
      <c r="DG707" s="6" t="s">
        <v>364</v>
      </c>
      <c r="DH707" s="6" t="s">
        <v>365</v>
      </c>
      <c r="DI707" s="6"/>
      <c r="DJ707" s="6">
        <v>29</v>
      </c>
      <c r="DK707" s="6">
        <v>69</v>
      </c>
      <c r="DL707" s="6">
        <v>8</v>
      </c>
      <c r="DM707" s="6" t="s">
        <v>368</v>
      </c>
      <c r="DN707" s="6">
        <v>7</v>
      </c>
      <c r="DO707" s="6" t="s">
        <v>369</v>
      </c>
      <c r="DP707" s="6"/>
      <c r="DQ707" s="6"/>
    </row>
    <row r="708" spans="1:121" x14ac:dyDescent="0.2">
      <c r="A708" s="6" t="s">
        <v>793</v>
      </c>
      <c r="B708" s="6" t="s">
        <v>179</v>
      </c>
      <c r="C708" s="6" t="s">
        <v>180</v>
      </c>
      <c r="D708" s="6" t="s">
        <v>70</v>
      </c>
      <c r="E708" s="6" t="s">
        <v>211</v>
      </c>
      <c r="F708" s="11">
        <v>-189</v>
      </c>
      <c r="G708" s="13">
        <v>-0.11</v>
      </c>
      <c r="H708" s="11">
        <v>-133</v>
      </c>
      <c r="I708" s="13">
        <v>-7.7280650784427654E-2</v>
      </c>
      <c r="J708" s="11">
        <v>-66</v>
      </c>
      <c r="K708" s="13">
        <v>-4.1561712846347597E-2</v>
      </c>
      <c r="L708" s="11">
        <v>10</v>
      </c>
      <c r="M708" s="13">
        <v>6.5703022339027592E-3</v>
      </c>
      <c r="N708" s="11">
        <v>-56</v>
      </c>
      <c r="O708" s="13">
        <v>-3.5264483627204031E-2</v>
      </c>
      <c r="P708" s="7">
        <v>1721</v>
      </c>
      <c r="Q708" s="7">
        <v>1711</v>
      </c>
      <c r="R708" s="7">
        <v>1664</v>
      </c>
      <c r="S708" s="7">
        <v>1701</v>
      </c>
      <c r="T708" s="7">
        <v>1712</v>
      </c>
      <c r="U708" s="7">
        <v>1655</v>
      </c>
      <c r="V708" s="7">
        <v>1588</v>
      </c>
      <c r="W708" s="7">
        <v>1559</v>
      </c>
      <c r="X708" s="7">
        <v>1550</v>
      </c>
      <c r="Y708" s="7">
        <v>1522</v>
      </c>
      <c r="Z708" s="7">
        <v>1486</v>
      </c>
      <c r="AA708" s="7">
        <v>1519</v>
      </c>
      <c r="AB708" s="7">
        <v>1491</v>
      </c>
      <c r="AC708" s="7">
        <v>1494</v>
      </c>
      <c r="AD708" s="7">
        <v>1521</v>
      </c>
      <c r="AE708" s="7">
        <v>1525</v>
      </c>
      <c r="AF708" s="7">
        <v>1532</v>
      </c>
      <c r="AG708" s="9">
        <v>8131</v>
      </c>
      <c r="AH708" s="13">
        <v>0.42094636570718574</v>
      </c>
      <c r="AI708" s="9">
        <v>4000</v>
      </c>
      <c r="AJ708" s="13">
        <v>0.20708221163802029</v>
      </c>
      <c r="AK708" s="9">
        <v>1583</v>
      </c>
      <c r="AL708" s="13">
        <v>6.7893292159890206E-2</v>
      </c>
      <c r="AM708" s="9">
        <v>2548</v>
      </c>
      <c r="AN708" s="13">
        <v>0.10233342704526288</v>
      </c>
      <c r="AO708" s="9">
        <v>4131</v>
      </c>
      <c r="AP708" s="13">
        <v>0.17717447246525991</v>
      </c>
      <c r="AQ708" s="9">
        <v>19316</v>
      </c>
      <c r="AR708" s="9">
        <v>19997</v>
      </c>
      <c r="AS708" s="9">
        <v>20742</v>
      </c>
      <c r="AT708" s="9">
        <v>20636</v>
      </c>
      <c r="AU708" s="9">
        <v>21488</v>
      </c>
      <c r="AV708" s="9">
        <v>22177</v>
      </c>
      <c r="AW708" s="9">
        <v>23316</v>
      </c>
      <c r="AX708" s="9">
        <v>24452</v>
      </c>
      <c r="AY708" s="9">
        <v>24825</v>
      </c>
      <c r="AZ708" s="9">
        <v>24899</v>
      </c>
      <c r="BA708" s="9">
        <v>24811</v>
      </c>
      <c r="BB708" s="9">
        <v>25094</v>
      </c>
      <c r="BC708" s="9">
        <v>27675</v>
      </c>
      <c r="BD708" s="9">
        <v>27388</v>
      </c>
      <c r="BE708" s="9">
        <v>27529</v>
      </c>
      <c r="BF708" s="9">
        <v>27447</v>
      </c>
      <c r="BG708" s="11">
        <v>-29</v>
      </c>
      <c r="BH708" s="13">
        <v>-0.18709677419354839</v>
      </c>
      <c r="BI708" s="6">
        <v>-1</v>
      </c>
      <c r="BJ708" s="13">
        <v>-6.4516129032258064E-3</v>
      </c>
      <c r="BK708" s="6">
        <v>-20</v>
      </c>
      <c r="BL708" s="13">
        <v>-0.12987012987012986</v>
      </c>
      <c r="BM708" s="11">
        <v>-8</v>
      </c>
      <c r="BN708" s="13">
        <v>-5.9701492537313432E-2</v>
      </c>
      <c r="BO708" s="11">
        <v>-28</v>
      </c>
      <c r="BP708" s="13">
        <v>-0.18181818181818182</v>
      </c>
      <c r="BQ708" s="6">
        <v>155</v>
      </c>
      <c r="BR708" s="6">
        <v>156</v>
      </c>
      <c r="BS708" s="6">
        <v>153</v>
      </c>
      <c r="BT708" s="6">
        <v>154</v>
      </c>
      <c r="BU708" s="6">
        <v>142</v>
      </c>
      <c r="BV708" s="6">
        <v>140</v>
      </c>
      <c r="BW708" s="6">
        <v>134</v>
      </c>
      <c r="BX708" s="6">
        <v>127</v>
      </c>
      <c r="BY708" s="6">
        <v>126</v>
      </c>
      <c r="BZ708" s="6">
        <v>129</v>
      </c>
      <c r="CA708" s="6">
        <v>128</v>
      </c>
      <c r="CB708" s="6">
        <v>127</v>
      </c>
      <c r="CC708" s="11">
        <v>126</v>
      </c>
      <c r="CD708" s="11">
        <v>-266</v>
      </c>
      <c r="CE708" s="11">
        <v>-110</v>
      </c>
      <c r="CF708" s="11">
        <v>188</v>
      </c>
      <c r="CG708" s="11">
        <v>78</v>
      </c>
      <c r="CH708" s="20">
        <v>1.32</v>
      </c>
      <c r="CI708" s="20">
        <v>1.29</v>
      </c>
      <c r="CJ708" s="20">
        <v>1.26</v>
      </c>
      <c r="CK708" s="20">
        <v>1.27</v>
      </c>
      <c r="CL708" s="20">
        <v>1.31</v>
      </c>
      <c r="CM708" s="20">
        <v>1.28</v>
      </c>
      <c r="CN708" s="20">
        <v>1.28</v>
      </c>
      <c r="CO708" s="20">
        <v>1.29</v>
      </c>
      <c r="CP708" s="20">
        <v>1.24</v>
      </c>
      <c r="CQ708" s="20">
        <v>1.24</v>
      </c>
      <c r="CR708" s="20">
        <v>1.19</v>
      </c>
      <c r="CS708" s="20">
        <v>1.19</v>
      </c>
      <c r="CT708" s="20">
        <v>1.23</v>
      </c>
      <c r="CU708" s="20">
        <v>1.21</v>
      </c>
      <c r="CV708" s="20">
        <v>1.25</v>
      </c>
      <c r="CW708" s="20">
        <v>1.28</v>
      </c>
      <c r="CX708" s="20">
        <v>1.28</v>
      </c>
      <c r="CY708" s="6" t="s">
        <v>499</v>
      </c>
      <c r="CZ708" s="6" t="s">
        <v>500</v>
      </c>
      <c r="DA708" s="6" t="s">
        <v>70</v>
      </c>
      <c r="DB708" s="6" t="s">
        <v>345</v>
      </c>
      <c r="DC708" s="6">
        <v>28380</v>
      </c>
      <c r="DD708" s="6"/>
      <c r="DE708" s="6" t="s">
        <v>502</v>
      </c>
      <c r="DF708" s="6" t="s">
        <v>363</v>
      </c>
      <c r="DG708" s="6" t="s">
        <v>364</v>
      </c>
      <c r="DH708" s="6" t="s">
        <v>365</v>
      </c>
      <c r="DI708" s="6"/>
      <c r="DJ708" s="6">
        <v>29</v>
      </c>
      <c r="DK708" s="6">
        <v>69</v>
      </c>
      <c r="DL708" s="6">
        <v>8</v>
      </c>
      <c r="DM708" s="6" t="s">
        <v>368</v>
      </c>
      <c r="DN708" s="6">
        <v>7</v>
      </c>
      <c r="DO708" s="6" t="s">
        <v>369</v>
      </c>
      <c r="DP708" s="6"/>
      <c r="DQ708" s="6"/>
    </row>
    <row r="709" spans="1:121" x14ac:dyDescent="0.2">
      <c r="A709" s="6" t="s">
        <v>794</v>
      </c>
      <c r="B709" s="6" t="s">
        <v>181</v>
      </c>
      <c r="C709" s="6" t="s">
        <v>182</v>
      </c>
      <c r="D709" s="6" t="s">
        <v>70</v>
      </c>
      <c r="E709" s="6" t="s">
        <v>211</v>
      </c>
      <c r="F709" s="11">
        <v>-52</v>
      </c>
      <c r="G709" s="13">
        <v>-0.13941018766800001</v>
      </c>
      <c r="H709" s="11">
        <v>-17.440549884000006</v>
      </c>
      <c r="I709" s="13">
        <v>-4.6805045862284872E-2</v>
      </c>
      <c r="J709" s="11">
        <v>-63.635281674999987</v>
      </c>
      <c r="K709" s="13">
        <v>-0.17916316982316821</v>
      </c>
      <c r="L709" s="11">
        <v>29.081366732999982</v>
      </c>
      <c r="M709" s="13">
        <v>9.9749044737560258E-2</v>
      </c>
      <c r="N709" s="11">
        <v>-34.553914942000006</v>
      </c>
      <c r="O709" s="13">
        <v>-9.7285480127622254E-2</v>
      </c>
      <c r="P709" s="7">
        <v>372.62114720099999</v>
      </c>
      <c r="Q709" s="7">
        <v>383.448080807</v>
      </c>
      <c r="R709" s="7">
        <v>407.54313441599999</v>
      </c>
      <c r="S709" s="7">
        <v>398.30004457500002</v>
      </c>
      <c r="T709" s="7">
        <v>375.19861158800001</v>
      </c>
      <c r="U709" s="7">
        <v>381.585841582</v>
      </c>
      <c r="V709" s="7">
        <v>355.18059731699998</v>
      </c>
      <c r="W709" s="7">
        <v>329.86474522600003</v>
      </c>
      <c r="X709" s="7">
        <v>297.535280564</v>
      </c>
      <c r="Y709" s="7">
        <v>291.54531564199999</v>
      </c>
      <c r="Z709" s="7">
        <v>304.20387144799997</v>
      </c>
      <c r="AA709" s="7">
        <v>313.67405648599998</v>
      </c>
      <c r="AB709" s="7">
        <v>327.59507351000002</v>
      </c>
      <c r="AC709" s="7">
        <v>323.80237599100002</v>
      </c>
      <c r="AD709" s="7">
        <v>323.28244723500001</v>
      </c>
      <c r="AE709" s="7">
        <v>321.188611444</v>
      </c>
      <c r="AF709" s="7">
        <v>320.62668237499997</v>
      </c>
      <c r="AG709" s="9">
        <v>14756.692055899995</v>
      </c>
      <c r="AH709" s="13">
        <v>0.51691770323768405</v>
      </c>
      <c r="AI709" s="9">
        <v>9029.2800826999992</v>
      </c>
      <c r="AJ709" s="13">
        <v>0.31629004010915435</v>
      </c>
      <c r="AK709" s="9">
        <v>1660.0302006999991</v>
      </c>
      <c r="AL709" s="13">
        <v>4.417705750865919E-2</v>
      </c>
      <c r="AM709" s="9">
        <v>4067.3817724999972</v>
      </c>
      <c r="AN709" s="13">
        <v>0.10366247835267917</v>
      </c>
      <c r="AO709" s="9">
        <v>5727.4119731999963</v>
      </c>
      <c r="AP709" s="13">
        <v>0.15241903912901481</v>
      </c>
      <c r="AQ709" s="9">
        <v>28547.468897800001</v>
      </c>
      <c r="AR709" s="9">
        <v>29542.435171500001</v>
      </c>
      <c r="AS709" s="9">
        <v>29013.285664300001</v>
      </c>
      <c r="AT709" s="9">
        <v>30841.077648300001</v>
      </c>
      <c r="AU709" s="9">
        <v>32566.6128541</v>
      </c>
      <c r="AV709" s="9">
        <v>33032.551872399999</v>
      </c>
      <c r="AW709" s="9">
        <v>37576.7489805</v>
      </c>
      <c r="AX709" s="9">
        <v>37453.067253200003</v>
      </c>
      <c r="AY709" s="9">
        <v>37491.385885999996</v>
      </c>
      <c r="AZ709" s="9">
        <v>39236.7791812</v>
      </c>
      <c r="BA709" s="9">
        <v>39830.523535200002</v>
      </c>
      <c r="BB709" s="9">
        <v>40096.325721399997</v>
      </c>
      <c r="BC709" s="9">
        <v>41423.720234100001</v>
      </c>
      <c r="BD709" s="9">
        <v>39821.464598999999</v>
      </c>
      <c r="BE709" s="9">
        <v>42251.411433000001</v>
      </c>
      <c r="BF709" s="9">
        <v>43304.160953699997</v>
      </c>
      <c r="BG709" s="11">
        <v>0</v>
      </c>
      <c r="BH709" s="13">
        <v>0</v>
      </c>
      <c r="BI709" s="6">
        <v>2</v>
      </c>
      <c r="BJ709" s="13">
        <v>4.878048780487805E-2</v>
      </c>
      <c r="BK709" s="6">
        <v>-6</v>
      </c>
      <c r="BL709" s="13">
        <v>-0.13953488372093023</v>
      </c>
      <c r="BM709" s="11">
        <v>4</v>
      </c>
      <c r="BN709" s="13">
        <v>0.10810810810810811</v>
      </c>
      <c r="BO709" s="11">
        <v>-2</v>
      </c>
      <c r="BP709" s="13">
        <v>-4.6511627906976744E-2</v>
      </c>
      <c r="BQ709" s="6">
        <v>41</v>
      </c>
      <c r="BR709" s="6">
        <v>44</v>
      </c>
      <c r="BS709" s="6">
        <v>45</v>
      </c>
      <c r="BT709" s="6">
        <v>43</v>
      </c>
      <c r="BU709" s="6">
        <v>45</v>
      </c>
      <c r="BV709" s="6">
        <v>42</v>
      </c>
      <c r="BW709" s="6">
        <v>37</v>
      </c>
      <c r="BX709" s="6">
        <v>33</v>
      </c>
      <c r="BY709" s="6">
        <v>38</v>
      </c>
      <c r="BZ709" s="6">
        <v>41</v>
      </c>
      <c r="CA709" s="6">
        <v>42</v>
      </c>
      <c r="CB709" s="6">
        <v>42</v>
      </c>
      <c r="CC709" s="11">
        <v>41</v>
      </c>
      <c r="CD709" s="11">
        <v>-116.21299999999999</v>
      </c>
      <c r="CE709" s="11">
        <v>23.486499999999999</v>
      </c>
      <c r="CF709" s="11">
        <v>40.731999999999999</v>
      </c>
      <c r="CG709" s="11">
        <v>64</v>
      </c>
      <c r="CH709" s="20">
        <v>0.97042899999999999</v>
      </c>
      <c r="CI709" s="20">
        <v>1.00935</v>
      </c>
      <c r="CJ709" s="20">
        <v>1.0729599999999999</v>
      </c>
      <c r="CK709" s="20">
        <v>1.0202</v>
      </c>
      <c r="CL709" s="20">
        <v>0.96992400000000001</v>
      </c>
      <c r="CM709" s="20">
        <v>0.98118499999999997</v>
      </c>
      <c r="CN709" s="20">
        <v>0.93972999999999995</v>
      </c>
      <c r="CO709" s="20">
        <v>0.89345200000000002</v>
      </c>
      <c r="CP709" s="20">
        <v>0.791126</v>
      </c>
      <c r="CQ709" s="20">
        <v>0.78928500000000001</v>
      </c>
      <c r="CR709" s="20">
        <v>0.80148600000000003</v>
      </c>
      <c r="CS709" s="20">
        <v>0.79961099999999996</v>
      </c>
      <c r="CT709" s="20">
        <v>0.87383699999999997</v>
      </c>
      <c r="CU709" s="20">
        <v>0.83450899999999995</v>
      </c>
      <c r="CV709" s="20">
        <v>0.81876700000000002</v>
      </c>
      <c r="CW709" s="20">
        <v>0.82042000000000004</v>
      </c>
      <c r="CX709" s="20">
        <v>0.80807099999999998</v>
      </c>
      <c r="CY709" s="6" t="s">
        <v>499</v>
      </c>
      <c r="CZ709" s="6" t="s">
        <v>500</v>
      </c>
      <c r="DA709" s="6" t="s">
        <v>70</v>
      </c>
      <c r="DB709" s="6" t="s">
        <v>345</v>
      </c>
      <c r="DC709" s="6">
        <v>28380</v>
      </c>
      <c r="DD709" s="6"/>
      <c r="DE709" s="6" t="s">
        <v>502</v>
      </c>
      <c r="DF709" s="6" t="s">
        <v>363</v>
      </c>
      <c r="DG709" s="6" t="s">
        <v>364</v>
      </c>
      <c r="DH709" s="6" t="s">
        <v>365</v>
      </c>
      <c r="DI709" s="6"/>
      <c r="DJ709" s="6">
        <v>29</v>
      </c>
      <c r="DK709" s="6">
        <v>69</v>
      </c>
      <c r="DL709" s="6">
        <v>8</v>
      </c>
      <c r="DM709" s="6" t="s">
        <v>368</v>
      </c>
      <c r="DN709" s="6">
        <v>7</v>
      </c>
      <c r="DO709" s="6" t="s">
        <v>369</v>
      </c>
      <c r="DP709" s="6"/>
      <c r="DQ709" s="6"/>
    </row>
    <row r="710" spans="1:121" x14ac:dyDescent="0.2">
      <c r="A710" s="6" t="s">
        <v>314</v>
      </c>
      <c r="B710" s="6" t="s">
        <v>314</v>
      </c>
      <c r="C710" s="6" t="s">
        <v>183</v>
      </c>
      <c r="D710" s="6" t="s">
        <v>70</v>
      </c>
      <c r="E710" s="6" t="s">
        <v>211</v>
      </c>
      <c r="F710" s="11">
        <v>-81</v>
      </c>
      <c r="G710" s="13">
        <v>-0.61363636363600005</v>
      </c>
      <c r="H710" s="11">
        <v>-41.963194824600009</v>
      </c>
      <c r="I710" s="13">
        <v>-0.31685973480184587</v>
      </c>
      <c r="J710" s="11">
        <v>45.197763983599998</v>
      </c>
      <c r="K710" s="13">
        <v>0.49958061127050746</v>
      </c>
      <c r="L710" s="11">
        <v>-85.154690081300004</v>
      </c>
      <c r="M710" s="13">
        <v>-0.62766423262291782</v>
      </c>
      <c r="N710" s="11">
        <v>-39.956926097699998</v>
      </c>
      <c r="O710" s="13">
        <v>-0.4416525023588016</v>
      </c>
      <c r="P710" s="7">
        <v>132.434608174</v>
      </c>
      <c r="Q710" s="7">
        <v>128.82737785699999</v>
      </c>
      <c r="R710" s="7">
        <v>110.466303</v>
      </c>
      <c r="S710" s="7">
        <v>107.12298892</v>
      </c>
      <c r="T710" s="7">
        <v>104.230738716</v>
      </c>
      <c r="U710" s="7">
        <v>99.1352550079</v>
      </c>
      <c r="V710" s="7">
        <v>90.471413349399995</v>
      </c>
      <c r="W710" s="7">
        <v>90.637109629400001</v>
      </c>
      <c r="X710" s="7">
        <v>153.13745802299999</v>
      </c>
      <c r="Y710" s="7">
        <v>135.66917733299999</v>
      </c>
      <c r="Z710" s="7">
        <v>100.04649447</v>
      </c>
      <c r="AA710" s="7">
        <v>64.749143593599996</v>
      </c>
      <c r="AB710" s="7">
        <v>62.435924124700001</v>
      </c>
      <c r="AC710" s="7">
        <v>59.922034807199999</v>
      </c>
      <c r="AD710" s="7">
        <v>50.557826495999997</v>
      </c>
      <c r="AE710" s="7">
        <v>49.406949511400001</v>
      </c>
      <c r="AF710" s="7">
        <v>50.514487251699997</v>
      </c>
      <c r="AG710" s="9">
        <v>20066.142880799998</v>
      </c>
      <c r="AH710" s="13">
        <v>0.61745850201163721</v>
      </c>
      <c r="AI710" s="9">
        <v>6668.3162155999962</v>
      </c>
      <c r="AJ710" s="13">
        <v>0.20519182813972517</v>
      </c>
      <c r="AK710" s="9">
        <v>-6457.4204288999972</v>
      </c>
      <c r="AL710" s="13">
        <v>-0.16487194437553843</v>
      </c>
      <c r="AM710" s="9">
        <v>19855.247094099999</v>
      </c>
      <c r="AN710" s="13">
        <v>0.60702966996939878</v>
      </c>
      <c r="AO710" s="9">
        <v>13397.826665200002</v>
      </c>
      <c r="AP710" s="13">
        <v>0.34207556361236413</v>
      </c>
      <c r="AQ710" s="9">
        <v>32497.961912300001</v>
      </c>
      <c r="AR710" s="9">
        <v>34813.248615999997</v>
      </c>
      <c r="AS710" s="9">
        <v>36132.613583400002</v>
      </c>
      <c r="AT710" s="9">
        <v>38244.170113599997</v>
      </c>
      <c r="AU710" s="9">
        <v>34276.7922387</v>
      </c>
      <c r="AV710" s="9">
        <v>41336.0636581</v>
      </c>
      <c r="AW710" s="9">
        <v>39166.278127899997</v>
      </c>
      <c r="AX710" s="9">
        <v>38292.802390700002</v>
      </c>
      <c r="AY710" s="9">
        <v>32906.065223999998</v>
      </c>
      <c r="AZ710" s="9">
        <v>32708.857699</v>
      </c>
      <c r="BA710" s="9">
        <v>36590.8437605</v>
      </c>
      <c r="BB710" s="9">
        <v>39701.261694499997</v>
      </c>
      <c r="BC710" s="9">
        <v>39463.992888599998</v>
      </c>
      <c r="BD710" s="9">
        <v>45049.192328600002</v>
      </c>
      <c r="BE710" s="9">
        <v>50933.168980399998</v>
      </c>
      <c r="BF710" s="9">
        <v>52564.104793099999</v>
      </c>
      <c r="BG710" s="11">
        <v>-5</v>
      </c>
      <c r="BH710" s="13">
        <v>-0.45454545454545453</v>
      </c>
      <c r="BI710" s="6">
        <v>1</v>
      </c>
      <c r="BJ710" s="13">
        <v>9.0909090909090912E-2</v>
      </c>
      <c r="BK710" s="6">
        <v>-2</v>
      </c>
      <c r="BL710" s="13">
        <v>-0.16666666666666666</v>
      </c>
      <c r="BM710" s="11">
        <v>-4</v>
      </c>
      <c r="BN710" s="13">
        <v>-0.4</v>
      </c>
      <c r="BO710" s="11">
        <v>-6</v>
      </c>
      <c r="BP710" s="13">
        <v>-0.5</v>
      </c>
      <c r="BQ710" s="6">
        <v>11</v>
      </c>
      <c r="BR710" s="6">
        <v>13</v>
      </c>
      <c r="BS710" s="6">
        <v>14</v>
      </c>
      <c r="BT710" s="6">
        <v>12</v>
      </c>
      <c r="BU710" s="6">
        <v>11</v>
      </c>
      <c r="BV710" s="6">
        <v>11</v>
      </c>
      <c r="BW710" s="6">
        <v>10</v>
      </c>
      <c r="BX710" s="6">
        <v>9</v>
      </c>
      <c r="BY710" s="6">
        <v>9</v>
      </c>
      <c r="BZ710" s="6">
        <v>8</v>
      </c>
      <c r="CA710" s="6">
        <v>9</v>
      </c>
      <c r="CB710" s="6">
        <v>5</v>
      </c>
      <c r="CC710" s="11">
        <v>6</v>
      </c>
      <c r="CD710" s="11">
        <v>-55.833399999999997</v>
      </c>
      <c r="CE710" s="11">
        <v>-40.563499999999998</v>
      </c>
      <c r="CF710" s="11">
        <v>14.476699999999999</v>
      </c>
      <c r="CG710" s="11">
        <v>-27</v>
      </c>
      <c r="CH710" s="20">
        <v>0.43798300000000001</v>
      </c>
      <c r="CI710" s="20">
        <v>0.44277699999999998</v>
      </c>
      <c r="CJ710" s="20">
        <v>0.39650800000000003</v>
      </c>
      <c r="CK710" s="20">
        <v>0.38990799999999998</v>
      </c>
      <c r="CL710" s="20">
        <v>0.39740999999999999</v>
      </c>
      <c r="CM710" s="20">
        <v>0.38717499999999999</v>
      </c>
      <c r="CN710" s="20">
        <v>0.371892</v>
      </c>
      <c r="CO710" s="20">
        <v>0.38472800000000001</v>
      </c>
      <c r="CP710" s="20">
        <v>0.63509499999999997</v>
      </c>
      <c r="CQ710" s="20">
        <v>0.587615</v>
      </c>
      <c r="CR710" s="20">
        <v>0.43740899999999999</v>
      </c>
      <c r="CS710" s="20">
        <v>0.27943000000000001</v>
      </c>
      <c r="CT710" s="20">
        <v>0.28487299999999999</v>
      </c>
      <c r="CU710" s="20">
        <v>0.26982699999999998</v>
      </c>
      <c r="CV710" s="20">
        <v>0.23189499999999999</v>
      </c>
      <c r="CW710" s="20">
        <v>0.231046</v>
      </c>
      <c r="CX710" s="20">
        <v>0.23602200000000001</v>
      </c>
      <c r="CY710" s="6" t="s">
        <v>499</v>
      </c>
      <c r="CZ710" s="6" t="s">
        <v>500</v>
      </c>
      <c r="DA710" s="6" t="s">
        <v>70</v>
      </c>
      <c r="DB710" s="6" t="s">
        <v>345</v>
      </c>
      <c r="DC710" s="6">
        <v>28380</v>
      </c>
      <c r="DD710" s="6"/>
      <c r="DE710" s="6" t="s">
        <v>502</v>
      </c>
      <c r="DF710" s="6" t="s">
        <v>363</v>
      </c>
      <c r="DG710" s="6" t="s">
        <v>364</v>
      </c>
      <c r="DH710" s="6" t="s">
        <v>365</v>
      </c>
      <c r="DI710" s="6"/>
      <c r="DJ710" s="6">
        <v>29</v>
      </c>
      <c r="DK710" s="6">
        <v>69</v>
      </c>
      <c r="DL710" s="6">
        <v>8</v>
      </c>
      <c r="DM710" s="6" t="s">
        <v>368</v>
      </c>
      <c r="DN710" s="6">
        <v>7</v>
      </c>
      <c r="DO710" s="6" t="s">
        <v>369</v>
      </c>
      <c r="DP710" s="6"/>
      <c r="DQ710" s="6"/>
    </row>
    <row r="711" spans="1:121" x14ac:dyDescent="0.2">
      <c r="A711" s="6" t="s">
        <v>315</v>
      </c>
      <c r="B711" s="6" t="s">
        <v>315</v>
      </c>
      <c r="C711" s="6" t="s">
        <v>184</v>
      </c>
      <c r="D711" s="6" t="s">
        <v>70</v>
      </c>
      <c r="E711" s="6" t="s">
        <v>211</v>
      </c>
      <c r="F711" s="11">
        <v>-67</v>
      </c>
      <c r="G711" s="13">
        <v>-0.19</v>
      </c>
      <c r="H711" s="11">
        <v>34</v>
      </c>
      <c r="I711" s="13">
        <v>9.7982708933717577E-2</v>
      </c>
      <c r="J711" s="11">
        <v>-93</v>
      </c>
      <c r="K711" s="13">
        <v>-0.24409448818897639</v>
      </c>
      <c r="L711" s="11">
        <v>-8</v>
      </c>
      <c r="M711" s="13">
        <v>-2.7777777777777776E-2</v>
      </c>
      <c r="N711" s="11">
        <v>-101</v>
      </c>
      <c r="O711" s="13">
        <v>-0.26509186351706038</v>
      </c>
      <c r="P711" s="7">
        <v>347</v>
      </c>
      <c r="Q711" s="7">
        <v>339</v>
      </c>
      <c r="R711" s="7">
        <v>341</v>
      </c>
      <c r="S711" s="7">
        <v>426</v>
      </c>
      <c r="T711" s="7">
        <v>405</v>
      </c>
      <c r="U711" s="7">
        <v>391</v>
      </c>
      <c r="V711" s="7">
        <v>381</v>
      </c>
      <c r="W711" s="7">
        <v>293</v>
      </c>
      <c r="X711" s="7">
        <v>294</v>
      </c>
      <c r="Y711" s="7">
        <v>288</v>
      </c>
      <c r="Z711" s="7">
        <v>279</v>
      </c>
      <c r="AA711" s="7">
        <v>273</v>
      </c>
      <c r="AB711" s="7">
        <v>288</v>
      </c>
      <c r="AC711" s="7">
        <v>300</v>
      </c>
      <c r="AD711" s="7">
        <v>290</v>
      </c>
      <c r="AE711" s="7">
        <v>280</v>
      </c>
      <c r="AF711" s="7">
        <v>280</v>
      </c>
      <c r="AG711" s="9">
        <v>13373</v>
      </c>
      <c r="AH711" s="13">
        <v>0.46798012318029114</v>
      </c>
      <c r="AI711" s="9">
        <v>12377</v>
      </c>
      <c r="AJ711" s="13">
        <v>0.43312569988801791</v>
      </c>
      <c r="AK711" s="9">
        <v>-3140</v>
      </c>
      <c r="AL711" s="13">
        <v>-7.6673259590262013E-2</v>
      </c>
      <c r="AM711" s="9">
        <v>4136</v>
      </c>
      <c r="AN711" s="13">
        <v>0.109380371829794</v>
      </c>
      <c r="AO711" s="9">
        <v>996</v>
      </c>
      <c r="AP711" s="13">
        <v>2.4320562596146799E-2</v>
      </c>
      <c r="AQ711" s="9">
        <v>28576</v>
      </c>
      <c r="AR711" s="9">
        <v>30406</v>
      </c>
      <c r="AS711" s="9">
        <v>30867</v>
      </c>
      <c r="AT711" s="9">
        <v>39116</v>
      </c>
      <c r="AU711" s="9">
        <v>40697</v>
      </c>
      <c r="AV711" s="9">
        <v>39982</v>
      </c>
      <c r="AW711" s="9">
        <v>40953</v>
      </c>
      <c r="AX711" s="9">
        <v>35546</v>
      </c>
      <c r="AY711" s="9">
        <v>35588</v>
      </c>
      <c r="AZ711" s="9">
        <v>37813</v>
      </c>
      <c r="BA711" s="9">
        <v>38529</v>
      </c>
      <c r="BB711" s="9">
        <v>39090</v>
      </c>
      <c r="BC711" s="9">
        <v>39651</v>
      </c>
      <c r="BD711" s="9">
        <v>40286</v>
      </c>
      <c r="BE711" s="9">
        <v>41160</v>
      </c>
      <c r="BF711" s="9">
        <v>41949</v>
      </c>
      <c r="BG711" s="11">
        <v>1</v>
      </c>
      <c r="BH711" s="13">
        <v>1.9230769230769232E-2</v>
      </c>
      <c r="BI711" s="6">
        <v>-2</v>
      </c>
      <c r="BJ711" s="13">
        <v>-3.8461538461538464E-2</v>
      </c>
      <c r="BK711" s="6">
        <v>-3</v>
      </c>
      <c r="BL711" s="13">
        <v>-0.06</v>
      </c>
      <c r="BM711" s="11">
        <v>6</v>
      </c>
      <c r="BN711" s="13">
        <v>0.1276595744680851</v>
      </c>
      <c r="BO711" s="11">
        <v>3</v>
      </c>
      <c r="BP711" s="13">
        <v>0.06</v>
      </c>
      <c r="BQ711" s="6">
        <v>52</v>
      </c>
      <c r="BR711" s="6">
        <v>48</v>
      </c>
      <c r="BS711" s="6">
        <v>48</v>
      </c>
      <c r="BT711" s="6">
        <v>50</v>
      </c>
      <c r="BU711" s="6">
        <v>48</v>
      </c>
      <c r="BV711" s="6">
        <v>47</v>
      </c>
      <c r="BW711" s="6">
        <v>47</v>
      </c>
      <c r="BX711" s="6">
        <v>48</v>
      </c>
      <c r="BY711" s="6">
        <v>49</v>
      </c>
      <c r="BZ711" s="6">
        <v>52</v>
      </c>
      <c r="CA711" s="6">
        <v>54</v>
      </c>
      <c r="CB711" s="6">
        <v>53</v>
      </c>
      <c r="CC711" s="11">
        <v>53</v>
      </c>
      <c r="CD711" s="11">
        <v>-77</v>
      </c>
      <c r="CE711" s="11">
        <v>-28</v>
      </c>
      <c r="CF711" s="11">
        <v>38</v>
      </c>
      <c r="CG711" s="11">
        <v>10</v>
      </c>
      <c r="CH711" s="20">
        <v>0.7</v>
      </c>
      <c r="CI711" s="20">
        <v>0.68</v>
      </c>
      <c r="CJ711" s="20">
        <v>0.66</v>
      </c>
      <c r="CK711" s="20">
        <v>0.82</v>
      </c>
      <c r="CL711" s="20">
        <v>0.79</v>
      </c>
      <c r="CM711" s="20">
        <v>0.76</v>
      </c>
      <c r="CN711" s="20">
        <v>0.78</v>
      </c>
      <c r="CO711" s="20">
        <v>0.63</v>
      </c>
      <c r="CP711" s="20">
        <v>0.6</v>
      </c>
      <c r="CQ711" s="20">
        <v>0.61</v>
      </c>
      <c r="CR711" s="20">
        <v>0.59</v>
      </c>
      <c r="CS711" s="20">
        <v>0.56000000000000005</v>
      </c>
      <c r="CT711" s="20">
        <v>0.63</v>
      </c>
      <c r="CU711" s="20">
        <v>0.65</v>
      </c>
      <c r="CV711" s="20">
        <v>0.64</v>
      </c>
      <c r="CW711" s="20">
        <v>0.63</v>
      </c>
      <c r="CX711" s="20">
        <v>0.63</v>
      </c>
      <c r="CY711" s="6" t="s">
        <v>499</v>
      </c>
      <c r="CZ711" s="6" t="s">
        <v>500</v>
      </c>
      <c r="DA711" s="6" t="s">
        <v>70</v>
      </c>
      <c r="DB711" s="6" t="s">
        <v>345</v>
      </c>
      <c r="DC711" s="6">
        <v>28380</v>
      </c>
      <c r="DD711" s="6"/>
      <c r="DE711" s="6" t="s">
        <v>502</v>
      </c>
      <c r="DF711" s="6" t="s">
        <v>363</v>
      </c>
      <c r="DG711" s="6" t="s">
        <v>364</v>
      </c>
      <c r="DH711" s="6" t="s">
        <v>365</v>
      </c>
      <c r="DI711" s="6"/>
      <c r="DJ711" s="6">
        <v>29</v>
      </c>
      <c r="DK711" s="6">
        <v>69</v>
      </c>
      <c r="DL711" s="6">
        <v>8</v>
      </c>
      <c r="DM711" s="6" t="s">
        <v>368</v>
      </c>
      <c r="DN711" s="6">
        <v>7</v>
      </c>
      <c r="DO711" s="6" t="s">
        <v>369</v>
      </c>
      <c r="DP711" s="6"/>
      <c r="DQ711" s="6"/>
    </row>
    <row r="712" spans="1:121" x14ac:dyDescent="0.2">
      <c r="A712" s="6" t="s">
        <v>316</v>
      </c>
      <c r="B712" s="6" t="s">
        <v>316</v>
      </c>
      <c r="C712" s="6" t="s">
        <v>185</v>
      </c>
      <c r="D712" s="6" t="s">
        <v>70</v>
      </c>
      <c r="E712" s="6" t="s">
        <v>211</v>
      </c>
      <c r="F712" s="11">
        <v>224</v>
      </c>
      <c r="G712" s="13">
        <v>0.88</v>
      </c>
      <c r="H712" s="11">
        <v>-154</v>
      </c>
      <c r="I712" s="13">
        <v>-0.6015625</v>
      </c>
      <c r="J712" s="11">
        <v>72</v>
      </c>
      <c r="K712" s="13">
        <v>0.70588235294117652</v>
      </c>
      <c r="L712" s="11">
        <v>306</v>
      </c>
      <c r="M712" s="13">
        <v>1.7586206896551724</v>
      </c>
      <c r="N712" s="11">
        <v>378</v>
      </c>
      <c r="O712" s="13">
        <v>3.7058823529411766</v>
      </c>
      <c r="P712" s="7">
        <v>256</v>
      </c>
      <c r="Q712" s="7">
        <v>177</v>
      </c>
      <c r="R712" s="7">
        <v>180</v>
      </c>
      <c r="S712" s="7">
        <v>189</v>
      </c>
      <c r="T712" s="7">
        <v>156</v>
      </c>
      <c r="U712" s="7">
        <v>99</v>
      </c>
      <c r="V712" s="7">
        <v>102</v>
      </c>
      <c r="W712" s="7">
        <v>98</v>
      </c>
      <c r="X712" s="7">
        <v>166</v>
      </c>
      <c r="Y712" s="7">
        <v>174</v>
      </c>
      <c r="Z712" s="7">
        <v>423</v>
      </c>
      <c r="AA712" s="7">
        <v>450</v>
      </c>
      <c r="AB712" s="7">
        <v>451</v>
      </c>
      <c r="AC712" s="7">
        <v>467</v>
      </c>
      <c r="AD712" s="7">
        <v>452</v>
      </c>
      <c r="AE712" s="7">
        <v>447</v>
      </c>
      <c r="AF712" s="7">
        <v>480</v>
      </c>
      <c r="AG712" s="9">
        <v>10710</v>
      </c>
      <c r="AH712" s="13">
        <v>0.60141509433962259</v>
      </c>
      <c r="AI712" s="9">
        <v>7725</v>
      </c>
      <c r="AJ712" s="13">
        <v>0.43379380053908351</v>
      </c>
      <c r="AK712" s="9">
        <v>1112</v>
      </c>
      <c r="AL712" s="13">
        <v>4.3551482395331534E-2</v>
      </c>
      <c r="AM712" s="9">
        <v>1873</v>
      </c>
      <c r="AN712" s="13">
        <v>7.0294614374179026E-2</v>
      </c>
      <c r="AO712" s="9">
        <v>2985</v>
      </c>
      <c r="AP712" s="13">
        <v>0.11690753142991422</v>
      </c>
      <c r="AQ712" s="9">
        <v>17808</v>
      </c>
      <c r="AR712" s="9">
        <v>24526</v>
      </c>
      <c r="AS712" s="9">
        <v>25949</v>
      </c>
      <c r="AT712" s="9">
        <v>27716</v>
      </c>
      <c r="AU712" s="9">
        <v>27121</v>
      </c>
      <c r="AV712" s="9">
        <v>23250</v>
      </c>
      <c r="AW712" s="9">
        <v>25533</v>
      </c>
      <c r="AX712" s="9">
        <v>27689</v>
      </c>
      <c r="AY712" s="9">
        <v>27483</v>
      </c>
      <c r="AZ712" s="9">
        <v>26645</v>
      </c>
      <c r="BA712" s="9">
        <v>23557</v>
      </c>
      <c r="BB712" s="9">
        <v>24896</v>
      </c>
      <c r="BC712" s="9">
        <v>25935</v>
      </c>
      <c r="BD712" s="9">
        <v>26037</v>
      </c>
      <c r="BE712" s="9">
        <v>27392</v>
      </c>
      <c r="BF712" s="9">
        <v>28518</v>
      </c>
      <c r="BG712" s="11">
        <v>2</v>
      </c>
      <c r="BH712" s="13">
        <v>7.407407407407407E-2</v>
      </c>
      <c r="BI712" s="6">
        <v>1</v>
      </c>
      <c r="BJ712" s="13">
        <v>3.7037037037037035E-2</v>
      </c>
      <c r="BK712" s="6">
        <v>0</v>
      </c>
      <c r="BL712" s="13">
        <v>0</v>
      </c>
      <c r="BM712" s="11">
        <v>1</v>
      </c>
      <c r="BN712" s="13">
        <v>3.5714285714285712E-2</v>
      </c>
      <c r="BO712" s="11">
        <v>1</v>
      </c>
      <c r="BP712" s="13">
        <v>3.5714285714285712E-2</v>
      </c>
      <c r="BQ712" s="6">
        <v>27</v>
      </c>
      <c r="BR712" s="6">
        <v>25</v>
      </c>
      <c r="BS712" s="6">
        <v>26</v>
      </c>
      <c r="BT712" s="6">
        <v>28</v>
      </c>
      <c r="BU712" s="6">
        <v>27</v>
      </c>
      <c r="BV712" s="6">
        <v>26</v>
      </c>
      <c r="BW712" s="6">
        <v>28</v>
      </c>
      <c r="BX712" s="6">
        <v>26</v>
      </c>
      <c r="BY712" s="6">
        <v>28</v>
      </c>
      <c r="BZ712" s="6">
        <v>26</v>
      </c>
      <c r="CA712" s="6">
        <v>28</v>
      </c>
      <c r="CB712" s="6">
        <v>29</v>
      </c>
      <c r="CC712" s="11">
        <v>29</v>
      </c>
      <c r="CD712" s="11">
        <v>209</v>
      </c>
      <c r="CE712" s="11">
        <v>-13</v>
      </c>
      <c r="CF712" s="11">
        <v>28</v>
      </c>
      <c r="CG712" s="11">
        <v>15</v>
      </c>
      <c r="CH712" s="20">
        <v>1.26</v>
      </c>
      <c r="CI712" s="20">
        <v>0.85</v>
      </c>
      <c r="CJ712" s="20">
        <v>0.84</v>
      </c>
      <c r="CK712" s="20">
        <v>0.85</v>
      </c>
      <c r="CL712" s="20">
        <v>0.7</v>
      </c>
      <c r="CM712" s="20">
        <v>0.45</v>
      </c>
      <c r="CN712" s="20">
        <v>0.49</v>
      </c>
      <c r="CO712" s="20">
        <v>0.49</v>
      </c>
      <c r="CP712" s="20">
        <v>0.81</v>
      </c>
      <c r="CQ712" s="20">
        <v>0.89</v>
      </c>
      <c r="CR712" s="20">
        <v>2.1800000000000002</v>
      </c>
      <c r="CS712" s="20">
        <v>2.27</v>
      </c>
      <c r="CT712" s="20">
        <v>2.39</v>
      </c>
      <c r="CU712" s="20">
        <v>2.41</v>
      </c>
      <c r="CV712" s="20">
        <v>2.34</v>
      </c>
      <c r="CW712" s="20">
        <v>2.37</v>
      </c>
      <c r="CX712" s="20">
        <v>2.5299999999999998</v>
      </c>
      <c r="CY712" s="6" t="s">
        <v>499</v>
      </c>
      <c r="CZ712" s="6" t="s">
        <v>500</v>
      </c>
      <c r="DA712" s="6" t="s">
        <v>70</v>
      </c>
      <c r="DB712" s="6" t="s">
        <v>345</v>
      </c>
      <c r="DC712" s="6">
        <v>28380</v>
      </c>
      <c r="DD712" s="6"/>
      <c r="DE712" s="6" t="s">
        <v>502</v>
      </c>
      <c r="DF712" s="6" t="s">
        <v>363</v>
      </c>
      <c r="DG712" s="6" t="s">
        <v>364</v>
      </c>
      <c r="DH712" s="6" t="s">
        <v>365</v>
      </c>
      <c r="DI712" s="6"/>
      <c r="DJ712" s="6">
        <v>29</v>
      </c>
      <c r="DK712" s="6">
        <v>69</v>
      </c>
      <c r="DL712" s="6">
        <v>8</v>
      </c>
      <c r="DM712" s="6" t="s">
        <v>368</v>
      </c>
      <c r="DN712" s="6">
        <v>7</v>
      </c>
      <c r="DO712" s="6" t="s">
        <v>369</v>
      </c>
      <c r="DP712" s="6"/>
      <c r="DQ712" s="6"/>
    </row>
    <row r="713" spans="1:121" x14ac:dyDescent="0.2">
      <c r="A713" s="6" t="s">
        <v>317</v>
      </c>
      <c r="B713" s="6" t="s">
        <v>317</v>
      </c>
      <c r="C713" s="6" t="s">
        <v>186</v>
      </c>
      <c r="D713" s="6" t="s">
        <v>70</v>
      </c>
      <c r="E713" s="6" t="s">
        <v>211</v>
      </c>
      <c r="F713" s="11">
        <v>33</v>
      </c>
      <c r="G713" s="13">
        <v>0.25</v>
      </c>
      <c r="H713" s="11">
        <v>20</v>
      </c>
      <c r="I713" s="13">
        <v>0.15037593984962405</v>
      </c>
      <c r="J713" s="11">
        <v>18</v>
      </c>
      <c r="K713" s="13">
        <v>0.1176470588235294</v>
      </c>
      <c r="L713" s="11">
        <v>-5</v>
      </c>
      <c r="M713" s="13">
        <v>-2.9239766081871343E-2</v>
      </c>
      <c r="N713" s="11">
        <v>13</v>
      </c>
      <c r="O713" s="13">
        <v>8.4967320261437926E-2</v>
      </c>
      <c r="P713" s="7">
        <v>133</v>
      </c>
      <c r="Q713" s="7">
        <v>145</v>
      </c>
      <c r="R713" s="7">
        <v>152</v>
      </c>
      <c r="S713" s="7">
        <v>162</v>
      </c>
      <c r="T713" s="7">
        <v>167</v>
      </c>
      <c r="U713" s="7">
        <v>148</v>
      </c>
      <c r="V713" s="7">
        <v>153</v>
      </c>
      <c r="W713" s="7">
        <v>137</v>
      </c>
      <c r="X713" s="7">
        <v>171</v>
      </c>
      <c r="Y713" s="7">
        <v>171</v>
      </c>
      <c r="Z713" s="7">
        <v>158</v>
      </c>
      <c r="AA713" s="7">
        <v>156</v>
      </c>
      <c r="AB713" s="7">
        <v>154</v>
      </c>
      <c r="AC713" s="7">
        <v>167</v>
      </c>
      <c r="AD713" s="7">
        <v>168</v>
      </c>
      <c r="AE713" s="7">
        <v>162</v>
      </c>
      <c r="AF713" s="7">
        <v>166</v>
      </c>
      <c r="AG713" s="9">
        <v>9768</v>
      </c>
      <c r="AH713" s="13">
        <v>0.40928517556356325</v>
      </c>
      <c r="AI713" s="9">
        <v>2124</v>
      </c>
      <c r="AJ713" s="13">
        <v>8.8996899354730583E-2</v>
      </c>
      <c r="AK713" s="9">
        <v>636</v>
      </c>
      <c r="AL713" s="13">
        <v>2.4470950365525199E-2</v>
      </c>
      <c r="AM713" s="9">
        <v>7008</v>
      </c>
      <c r="AN713" s="13">
        <v>0.26320138210771427</v>
      </c>
      <c r="AO713" s="9">
        <v>7644</v>
      </c>
      <c r="AP713" s="13">
        <v>0.29411312043093496</v>
      </c>
      <c r="AQ713" s="9">
        <v>23866</v>
      </c>
      <c r="AR713" s="9">
        <v>25784</v>
      </c>
      <c r="AS713" s="9">
        <v>23159</v>
      </c>
      <c r="AT713" s="9">
        <v>25891</v>
      </c>
      <c r="AU713" s="9">
        <v>26315</v>
      </c>
      <c r="AV713" s="9">
        <v>23293</v>
      </c>
      <c r="AW713" s="9">
        <v>25990</v>
      </c>
      <c r="AX713" s="9">
        <v>25385</v>
      </c>
      <c r="AY713" s="9">
        <v>25354</v>
      </c>
      <c r="AZ713" s="9">
        <v>26626</v>
      </c>
      <c r="BA713" s="9">
        <v>28276</v>
      </c>
      <c r="BB713" s="9">
        <v>29560</v>
      </c>
      <c r="BC713" s="9">
        <v>31127</v>
      </c>
      <c r="BD713" s="9">
        <v>31300</v>
      </c>
      <c r="BE713" s="9">
        <v>31575</v>
      </c>
      <c r="BF713" s="9">
        <v>33634</v>
      </c>
      <c r="BG713" s="11">
        <v>-4</v>
      </c>
      <c r="BH713" s="13">
        <v>-0.1111111111111111</v>
      </c>
      <c r="BI713" s="6">
        <v>5</v>
      </c>
      <c r="BJ713" s="13">
        <v>0.1388888888888889</v>
      </c>
      <c r="BK713" s="6">
        <v>-2</v>
      </c>
      <c r="BL713" s="13">
        <v>-4.878048780487805E-2</v>
      </c>
      <c r="BM713" s="11">
        <v>-7</v>
      </c>
      <c r="BN713" s="13">
        <v>-0.17948717948717949</v>
      </c>
      <c r="BO713" s="11">
        <v>-9</v>
      </c>
      <c r="BP713" s="13">
        <v>-0.21951219512195122</v>
      </c>
      <c r="BQ713" s="6">
        <v>36</v>
      </c>
      <c r="BR713" s="6">
        <v>37</v>
      </c>
      <c r="BS713" s="6">
        <v>38</v>
      </c>
      <c r="BT713" s="6">
        <v>41</v>
      </c>
      <c r="BU713" s="6">
        <v>40</v>
      </c>
      <c r="BV713" s="6">
        <v>39</v>
      </c>
      <c r="BW713" s="6">
        <v>39</v>
      </c>
      <c r="BX713" s="6">
        <v>34</v>
      </c>
      <c r="BY713" s="6">
        <v>32</v>
      </c>
      <c r="BZ713" s="6">
        <v>31</v>
      </c>
      <c r="CA713" s="6">
        <v>31</v>
      </c>
      <c r="CB713" s="6">
        <v>34</v>
      </c>
      <c r="CC713" s="11">
        <v>32</v>
      </c>
      <c r="CD713" s="11">
        <v>-8</v>
      </c>
      <c r="CE713" s="11">
        <v>27</v>
      </c>
      <c r="CF713" s="11">
        <v>15</v>
      </c>
      <c r="CG713" s="11">
        <v>42</v>
      </c>
      <c r="CH713" s="20">
        <v>0.21</v>
      </c>
      <c r="CI713" s="20">
        <v>0.23</v>
      </c>
      <c r="CJ713" s="20">
        <v>0.23</v>
      </c>
      <c r="CK713" s="20">
        <v>0.24</v>
      </c>
      <c r="CL713" s="20">
        <v>0.25</v>
      </c>
      <c r="CM713" s="20">
        <v>0.22</v>
      </c>
      <c r="CN713" s="20">
        <v>0.23</v>
      </c>
      <c r="CO713" s="20">
        <v>0.2</v>
      </c>
      <c r="CP713" s="20">
        <v>0.24</v>
      </c>
      <c r="CQ713" s="20">
        <v>0.24</v>
      </c>
      <c r="CR713" s="20">
        <v>0.22</v>
      </c>
      <c r="CS713" s="20">
        <v>0.21</v>
      </c>
      <c r="CT713" s="20">
        <v>0.21</v>
      </c>
      <c r="CU713" s="20">
        <v>0.23</v>
      </c>
      <c r="CV713" s="20">
        <v>0.23</v>
      </c>
      <c r="CW713" s="20">
        <v>0.22</v>
      </c>
      <c r="CX713" s="20">
        <v>0.22</v>
      </c>
      <c r="CY713" s="6" t="s">
        <v>499</v>
      </c>
      <c r="CZ713" s="6" t="s">
        <v>500</v>
      </c>
      <c r="DA713" s="6" t="s">
        <v>70</v>
      </c>
      <c r="DB713" s="6" t="s">
        <v>345</v>
      </c>
      <c r="DC713" s="6">
        <v>28380</v>
      </c>
      <c r="DD713" s="6"/>
      <c r="DE713" s="6" t="s">
        <v>502</v>
      </c>
      <c r="DF713" s="6" t="s">
        <v>363</v>
      </c>
      <c r="DG713" s="6" t="s">
        <v>364</v>
      </c>
      <c r="DH713" s="6" t="s">
        <v>365</v>
      </c>
      <c r="DI713" s="6"/>
      <c r="DJ713" s="6">
        <v>29</v>
      </c>
      <c r="DK713" s="6">
        <v>69</v>
      </c>
      <c r="DL713" s="6">
        <v>8</v>
      </c>
      <c r="DM713" s="6" t="s">
        <v>368</v>
      </c>
      <c r="DN713" s="6">
        <v>7</v>
      </c>
      <c r="DO713" s="6" t="s">
        <v>369</v>
      </c>
      <c r="DP713" s="6"/>
      <c r="DQ713" s="6"/>
    </row>
    <row r="714" spans="1:121" x14ac:dyDescent="0.2">
      <c r="A714" s="6" t="s">
        <v>318</v>
      </c>
      <c r="B714" s="6" t="s">
        <v>318</v>
      </c>
      <c r="C714" s="6" t="s">
        <v>187</v>
      </c>
      <c r="D714" s="6" t="s">
        <v>70</v>
      </c>
      <c r="E714" s="6" t="s">
        <v>211</v>
      </c>
      <c r="F714" s="11">
        <v>-440</v>
      </c>
      <c r="G714" s="13">
        <v>-0.88888888888899997</v>
      </c>
      <c r="H714" s="11">
        <v>-453.16380200000003</v>
      </c>
      <c r="I714" s="13">
        <v>-0.91603170865387396</v>
      </c>
      <c r="J714" s="11">
        <v>6.5010699999999986</v>
      </c>
      <c r="K714" s="13">
        <v>0.15650377650066569</v>
      </c>
      <c r="L714" s="11">
        <v>6.8721487271000044</v>
      </c>
      <c r="M714" s="13">
        <v>0.1430492134035129</v>
      </c>
      <c r="N714" s="11">
        <v>13.373218727100003</v>
      </c>
      <c r="O714" s="13">
        <v>0.32194073202727802</v>
      </c>
      <c r="P714" s="7">
        <v>494.70318300000002</v>
      </c>
      <c r="Q714" s="7">
        <v>474.61354499999999</v>
      </c>
      <c r="R714" s="7">
        <v>519.95061099999998</v>
      </c>
      <c r="S714" s="7">
        <v>32.177374999999998</v>
      </c>
      <c r="T714" s="7">
        <v>20.395658000000001</v>
      </c>
      <c r="U714" s="7">
        <v>46.131926</v>
      </c>
      <c r="V714" s="7">
        <v>41.539380999999999</v>
      </c>
      <c r="W714" s="7">
        <v>63.763348000000001</v>
      </c>
      <c r="X714" s="7">
        <v>39.326422000000001</v>
      </c>
      <c r="Y714" s="7">
        <v>48.040450999999997</v>
      </c>
      <c r="Z714" s="7">
        <v>45.085301000000001</v>
      </c>
      <c r="AA714" s="7">
        <v>59.17962</v>
      </c>
      <c r="AB714" s="7">
        <v>51.998278999999997</v>
      </c>
      <c r="AC714" s="7">
        <v>63.239663999999998</v>
      </c>
      <c r="AD714" s="7">
        <v>66.593753000000007</v>
      </c>
      <c r="AE714" s="7">
        <v>63.17031325</v>
      </c>
      <c r="AF714" s="7">
        <v>54.912599727100002</v>
      </c>
      <c r="AG714" s="9">
        <v>46620.220023400005</v>
      </c>
      <c r="AH714" s="13">
        <v>2.3281681590429408</v>
      </c>
      <c r="AI714" s="9">
        <v>19285.874715200003</v>
      </c>
      <c r="AJ714" s="13">
        <v>0.96311770748149694</v>
      </c>
      <c r="AK714" s="9">
        <v>12582.316657399999</v>
      </c>
      <c r="AL714" s="13">
        <v>0.32007687399455087</v>
      </c>
      <c r="AM714" s="9">
        <v>14752.028650799999</v>
      </c>
      <c r="AN714" s="13">
        <v>0.28427993691591757</v>
      </c>
      <c r="AO714" s="9">
        <v>27334.345308199998</v>
      </c>
      <c r="AP714" s="13">
        <v>0.69534824445788346</v>
      </c>
      <c r="AQ714" s="9">
        <v>20024.4212783</v>
      </c>
      <c r="AR714" s="9">
        <v>15707.486139000001</v>
      </c>
      <c r="AS714" s="9">
        <v>18749.100197</v>
      </c>
      <c r="AT714" s="9">
        <v>52909.744022799998</v>
      </c>
      <c r="AU714" s="9">
        <v>46909.0327444</v>
      </c>
      <c r="AV714" s="9">
        <v>35266.688876</v>
      </c>
      <c r="AW714" s="9">
        <v>39310.295993500004</v>
      </c>
      <c r="AX714" s="9">
        <v>30669.6090143</v>
      </c>
      <c r="AY714" s="9">
        <v>37588.617878099998</v>
      </c>
      <c r="AZ714" s="9">
        <v>51892.612650900002</v>
      </c>
      <c r="BA714" s="9">
        <v>84906.241963099994</v>
      </c>
      <c r="BB714" s="9">
        <v>71173.853879200004</v>
      </c>
      <c r="BC714" s="9">
        <v>111196.23166</v>
      </c>
      <c r="BD714" s="9">
        <v>75299.210031800001</v>
      </c>
      <c r="BE714" s="9">
        <v>37490.304894300003</v>
      </c>
      <c r="BF714" s="9">
        <v>66644.641301700001</v>
      </c>
      <c r="BG714" s="11">
        <v>3</v>
      </c>
      <c r="BH714" s="13">
        <v>1.5</v>
      </c>
      <c r="BI714" s="6">
        <v>1</v>
      </c>
      <c r="BJ714" s="13">
        <v>0.5</v>
      </c>
      <c r="BK714" s="6">
        <v>1</v>
      </c>
      <c r="BL714" s="13">
        <v>0.33333333333333331</v>
      </c>
      <c r="BM714" s="11">
        <v>1</v>
      </c>
      <c r="BN714" s="13">
        <v>0.25</v>
      </c>
      <c r="BO714" s="11">
        <v>2</v>
      </c>
      <c r="BP714" s="13">
        <v>0.66666666666666663</v>
      </c>
      <c r="BQ714" s="6">
        <v>2</v>
      </c>
      <c r="BR714" s="6">
        <v>3</v>
      </c>
      <c r="BS714" s="6">
        <v>3</v>
      </c>
      <c r="BT714" s="6">
        <v>3</v>
      </c>
      <c r="BU714" s="6">
        <v>3</v>
      </c>
      <c r="BV714" s="6">
        <v>3</v>
      </c>
      <c r="BW714" s="6">
        <v>4</v>
      </c>
      <c r="BX714" s="6">
        <v>4</v>
      </c>
      <c r="BY714" s="6">
        <v>4</v>
      </c>
      <c r="BZ714" s="6">
        <v>4</v>
      </c>
      <c r="CA714" s="6">
        <v>4</v>
      </c>
      <c r="CB714" s="6">
        <v>5</v>
      </c>
      <c r="CC714" s="11">
        <v>5</v>
      </c>
      <c r="CD714" s="11">
        <v>-599.78800000000001</v>
      </c>
      <c r="CE714" s="11">
        <v>105.92</v>
      </c>
      <c r="CF714" s="11">
        <v>54.076999999999998</v>
      </c>
      <c r="CG714" s="11">
        <v>160</v>
      </c>
      <c r="CH714" s="20">
        <v>3.5250699999999999</v>
      </c>
      <c r="CI714" s="20">
        <v>3.3596300000000001</v>
      </c>
      <c r="CJ714" s="20">
        <v>3.7365900000000001</v>
      </c>
      <c r="CK714" s="20">
        <v>0.22450500000000001</v>
      </c>
      <c r="CL714" s="20">
        <v>0.14324200000000001</v>
      </c>
      <c r="CM714" s="20">
        <v>0.32252700000000001</v>
      </c>
      <c r="CN714" s="20">
        <v>0.295261</v>
      </c>
      <c r="CO714" s="20">
        <v>0.44685900000000001</v>
      </c>
      <c r="CP714" s="20">
        <v>0.25933</v>
      </c>
      <c r="CQ714" s="20">
        <v>0.31859199999999999</v>
      </c>
      <c r="CR714" s="20">
        <v>0.28940900000000003</v>
      </c>
      <c r="CS714" s="20">
        <v>0.35913800000000001</v>
      </c>
      <c r="CT714" s="20">
        <v>0.32296599999999998</v>
      </c>
      <c r="CU714" s="20">
        <v>0.38072400000000001</v>
      </c>
      <c r="CV714" s="20">
        <v>0.40387600000000001</v>
      </c>
      <c r="CW714" s="20">
        <v>0.39156000000000002</v>
      </c>
      <c r="CX714" s="20">
        <v>0.33543299999999998</v>
      </c>
      <c r="CY714" s="6" t="s">
        <v>499</v>
      </c>
      <c r="CZ714" s="6" t="s">
        <v>500</v>
      </c>
      <c r="DA714" s="6" t="s">
        <v>70</v>
      </c>
      <c r="DB714" s="6" t="s">
        <v>345</v>
      </c>
      <c r="DC714" s="6">
        <v>28380</v>
      </c>
      <c r="DD714" s="6"/>
      <c r="DE714" s="6" t="s">
        <v>502</v>
      </c>
      <c r="DF714" s="6" t="s">
        <v>363</v>
      </c>
      <c r="DG714" s="6" t="s">
        <v>364</v>
      </c>
      <c r="DH714" s="6" t="s">
        <v>365</v>
      </c>
      <c r="DI714" s="6"/>
      <c r="DJ714" s="6">
        <v>29</v>
      </c>
      <c r="DK714" s="6">
        <v>69</v>
      </c>
      <c r="DL714" s="6">
        <v>8</v>
      </c>
      <c r="DM714" s="6" t="s">
        <v>368</v>
      </c>
      <c r="DN714" s="6">
        <v>7</v>
      </c>
      <c r="DO714" s="6" t="s">
        <v>369</v>
      </c>
      <c r="DP714" s="6"/>
      <c r="DQ714" s="6"/>
    </row>
    <row r="715" spans="1:121" x14ac:dyDescent="0.2">
      <c r="A715" s="6" t="s">
        <v>319</v>
      </c>
      <c r="B715" s="6" t="s">
        <v>319</v>
      </c>
      <c r="C715" s="6" t="s">
        <v>188</v>
      </c>
      <c r="D715" s="6" t="s">
        <v>70</v>
      </c>
      <c r="E715" s="6" t="s">
        <v>211</v>
      </c>
      <c r="F715" s="11">
        <v>76</v>
      </c>
      <c r="G715" s="13">
        <v>0.57575757575800002</v>
      </c>
      <c r="H715" s="11">
        <v>90.814868923999995</v>
      </c>
      <c r="I715" s="13">
        <v>0.6891366105099711</v>
      </c>
      <c r="J715" s="11">
        <v>-37.315735727000003</v>
      </c>
      <c r="K715" s="13">
        <v>-0.1676392062333395</v>
      </c>
      <c r="L715" s="11">
        <v>23.145011601000022</v>
      </c>
      <c r="M715" s="13">
        <v>0.12491925175106432</v>
      </c>
      <c r="N715" s="11">
        <v>-14.170724125999982</v>
      </c>
      <c r="O715" s="13">
        <v>-6.3661318689086296E-2</v>
      </c>
      <c r="P715" s="7">
        <v>131.780647754</v>
      </c>
      <c r="Q715" s="7">
        <v>166.21503911799999</v>
      </c>
      <c r="R715" s="7">
        <v>217.81752954800001</v>
      </c>
      <c r="S715" s="7">
        <v>224.871078872</v>
      </c>
      <c r="T715" s="7">
        <v>206.61287048200001</v>
      </c>
      <c r="U715" s="7">
        <v>196.00865877000001</v>
      </c>
      <c r="V715" s="7">
        <v>222.595516678</v>
      </c>
      <c r="W715" s="7">
        <v>262.75781034200003</v>
      </c>
      <c r="X715" s="7">
        <v>199.23071659199999</v>
      </c>
      <c r="Y715" s="7">
        <v>185.27978095099999</v>
      </c>
      <c r="Z715" s="7">
        <v>195.0849274</v>
      </c>
      <c r="AA715" s="7">
        <v>170.12198260900001</v>
      </c>
      <c r="AB715" s="7">
        <v>167.05899757700001</v>
      </c>
      <c r="AC715" s="7">
        <v>207.72243586299999</v>
      </c>
      <c r="AD715" s="7">
        <v>215.09924605</v>
      </c>
      <c r="AE715" s="7">
        <v>200.39767785500001</v>
      </c>
      <c r="AF715" s="7">
        <v>208.42479255200001</v>
      </c>
      <c r="AG715" s="9">
        <v>7141.7259881999998</v>
      </c>
      <c r="AH715" s="13">
        <v>0.56256283455216083</v>
      </c>
      <c r="AI715" s="9">
        <v>5841.8112537000015</v>
      </c>
      <c r="AJ715" s="13">
        <v>0.46016689848226527</v>
      </c>
      <c r="AK715" s="9">
        <v>772.24356639999678</v>
      </c>
      <c r="AL715" s="13">
        <v>4.1660037255822381E-2</v>
      </c>
      <c r="AM715" s="9">
        <v>527.67116810000152</v>
      </c>
      <c r="AN715" s="13">
        <v>2.7327677079625023E-2</v>
      </c>
      <c r="AO715" s="9">
        <v>1299.9147344999983</v>
      </c>
      <c r="AP715" s="13">
        <v>7.0126186380699673E-2</v>
      </c>
      <c r="AQ715" s="9">
        <v>12694.9836526</v>
      </c>
      <c r="AR715" s="9">
        <v>24844.516200599999</v>
      </c>
      <c r="AS715" s="9">
        <v>15215.8492549</v>
      </c>
      <c r="AT715" s="9">
        <v>17575.259138199999</v>
      </c>
      <c r="AU715" s="9">
        <v>18016.427712699999</v>
      </c>
      <c r="AV715" s="9">
        <v>18770.807407200002</v>
      </c>
      <c r="AW715" s="9">
        <v>18536.794906300001</v>
      </c>
      <c r="AX715" s="9">
        <v>19981.923701899999</v>
      </c>
      <c r="AY715" s="9">
        <v>20494.929642700001</v>
      </c>
      <c r="AZ715" s="9">
        <v>19309.038472699998</v>
      </c>
      <c r="BA715" s="9">
        <v>16968.515688399999</v>
      </c>
      <c r="BB715" s="9">
        <v>16819.622773700001</v>
      </c>
      <c r="BC715" s="9">
        <v>18927.490130099999</v>
      </c>
      <c r="BD715" s="9">
        <v>18285.101505899998</v>
      </c>
      <c r="BE715" s="9">
        <v>28313.8087925</v>
      </c>
      <c r="BF715" s="9">
        <v>19836.7096408</v>
      </c>
      <c r="BG715" s="11">
        <v>-0.25</v>
      </c>
      <c r="BH715" s="13">
        <v>-1.4705882352941176E-2</v>
      </c>
      <c r="BI715" s="6">
        <v>1</v>
      </c>
      <c r="BJ715" s="13">
        <v>5.8823529411764705E-2</v>
      </c>
      <c r="BK715" s="6">
        <v>-1</v>
      </c>
      <c r="BL715" s="13">
        <v>-5.5555555555555552E-2</v>
      </c>
      <c r="BM715" s="11">
        <v>-0.25</v>
      </c>
      <c r="BN715" s="13">
        <v>-1.4705882352941176E-2</v>
      </c>
      <c r="BO715" s="11">
        <v>-1.25</v>
      </c>
      <c r="BP715" s="13">
        <v>-6.9444444444444448E-2</v>
      </c>
      <c r="BQ715" s="6">
        <v>17</v>
      </c>
      <c r="BR715" s="6">
        <v>17</v>
      </c>
      <c r="BS715" s="6">
        <v>16</v>
      </c>
      <c r="BT715" s="6">
        <v>18</v>
      </c>
      <c r="BU715" s="6">
        <v>19</v>
      </c>
      <c r="BV715" s="6">
        <v>18</v>
      </c>
      <c r="BW715" s="6">
        <v>17</v>
      </c>
      <c r="BX715" s="6">
        <v>15</v>
      </c>
      <c r="BY715" s="6">
        <v>17</v>
      </c>
      <c r="BZ715" s="6">
        <v>16</v>
      </c>
      <c r="CA715" s="6">
        <v>17</v>
      </c>
      <c r="CB715" s="6">
        <v>17</v>
      </c>
      <c r="CC715" s="11">
        <v>16.75</v>
      </c>
      <c r="CD715" s="11">
        <v>50.382300000000001</v>
      </c>
      <c r="CE715" s="11">
        <v>11.8566</v>
      </c>
      <c r="CF715" s="11">
        <v>14.405200000000001</v>
      </c>
      <c r="CG715" s="11">
        <v>26</v>
      </c>
      <c r="CH715" s="20">
        <v>0.19143199999999999</v>
      </c>
      <c r="CI715" s="20">
        <v>0.23752300000000001</v>
      </c>
      <c r="CJ715" s="20">
        <v>0.31038700000000002</v>
      </c>
      <c r="CK715" s="20">
        <v>0.30746699999999999</v>
      </c>
      <c r="CL715" s="20">
        <v>0.28236299999999998</v>
      </c>
      <c r="CM715" s="20">
        <v>0.26544299999999998</v>
      </c>
      <c r="CN715" s="20">
        <v>0.31291000000000002</v>
      </c>
      <c r="CO715" s="20">
        <v>0.39241700000000002</v>
      </c>
      <c r="CP715" s="20">
        <v>0.301398</v>
      </c>
      <c r="CQ715" s="20">
        <v>0.27399800000000002</v>
      </c>
      <c r="CR715" s="20">
        <v>0.27772400000000003</v>
      </c>
      <c r="CS715" s="20">
        <v>0.231903</v>
      </c>
      <c r="CT715" s="20">
        <v>0.235732</v>
      </c>
      <c r="CU715" s="20">
        <v>0.28374899999999997</v>
      </c>
      <c r="CV715" s="20">
        <v>0.29518800000000001</v>
      </c>
      <c r="CW715" s="20">
        <v>0.27980899999999997</v>
      </c>
      <c r="CX715" s="20">
        <v>0.28641699999999998</v>
      </c>
      <c r="CY715" s="6" t="s">
        <v>499</v>
      </c>
      <c r="CZ715" s="6" t="s">
        <v>500</v>
      </c>
      <c r="DA715" s="6" t="s">
        <v>70</v>
      </c>
      <c r="DB715" s="6" t="s">
        <v>345</v>
      </c>
      <c r="DC715" s="6">
        <v>28380</v>
      </c>
      <c r="DD715" s="6"/>
      <c r="DE715" s="6" t="s">
        <v>502</v>
      </c>
      <c r="DF715" s="6" t="s">
        <v>363</v>
      </c>
      <c r="DG715" s="6" t="s">
        <v>364</v>
      </c>
      <c r="DH715" s="6" t="s">
        <v>365</v>
      </c>
      <c r="DI715" s="6"/>
      <c r="DJ715" s="6">
        <v>29</v>
      </c>
      <c r="DK715" s="6">
        <v>69</v>
      </c>
      <c r="DL715" s="6">
        <v>8</v>
      </c>
      <c r="DM715" s="6" t="s">
        <v>368</v>
      </c>
      <c r="DN715" s="6">
        <v>7</v>
      </c>
      <c r="DO715" s="6" t="s">
        <v>369</v>
      </c>
      <c r="DP715" s="6"/>
      <c r="DQ715" s="6"/>
    </row>
    <row r="716" spans="1:121" x14ac:dyDescent="0.2">
      <c r="A716" s="6" t="s">
        <v>320</v>
      </c>
      <c r="B716" s="6" t="s">
        <v>320</v>
      </c>
      <c r="C716" s="6" t="s">
        <v>189</v>
      </c>
      <c r="D716" s="6" t="s">
        <v>70</v>
      </c>
      <c r="E716" s="6" t="s">
        <v>211</v>
      </c>
      <c r="F716" s="11">
        <v>1</v>
      </c>
      <c r="G716" s="13">
        <v>1</v>
      </c>
      <c r="H716" s="11">
        <v>14.739217120399996</v>
      </c>
      <c r="I716" s="13">
        <v>0.49986966436090791</v>
      </c>
      <c r="J716" s="11">
        <v>-25.479859903099996</v>
      </c>
      <c r="K716" s="13">
        <v>-0.57613714935822258</v>
      </c>
      <c r="L716" s="11">
        <v>-13.745477642800001</v>
      </c>
      <c r="M716" s="13">
        <v>-0.73326899984752003</v>
      </c>
      <c r="N716" s="11">
        <v>-39.225337545899997</v>
      </c>
      <c r="O716" s="13">
        <v>-0.88694263792083738</v>
      </c>
      <c r="P716" s="7">
        <v>29.486120425500001</v>
      </c>
      <c r="Q716" s="7">
        <v>29.535354964100001</v>
      </c>
      <c r="R716" s="7">
        <v>25.587877357499998</v>
      </c>
      <c r="S716" s="7">
        <v>44.800025915900001</v>
      </c>
      <c r="T716" s="7">
        <v>24.2427837848</v>
      </c>
      <c r="U716" s="7">
        <v>22.750935108899998</v>
      </c>
      <c r="V716" s="7">
        <v>44.225337545899997</v>
      </c>
      <c r="W716" s="7">
        <v>17.086245356599999</v>
      </c>
      <c r="X716" s="7">
        <v>18.9095199018</v>
      </c>
      <c r="Y716" s="7">
        <v>18.745477642800001</v>
      </c>
      <c r="Z716" s="7">
        <v>25.598275957399999</v>
      </c>
      <c r="AA716" s="7">
        <v>25.341533555600002</v>
      </c>
      <c r="AB716" s="7">
        <v>42.252281111099997</v>
      </c>
      <c r="AC716" s="7">
        <v>20.717329259500001</v>
      </c>
      <c r="AD716" s="7">
        <v>5</v>
      </c>
      <c r="AE716" s="7">
        <v>5</v>
      </c>
      <c r="AF716" s="7">
        <v>5</v>
      </c>
      <c r="AG716" s="9">
        <v>-16413.1004598</v>
      </c>
      <c r="AH716" s="13">
        <v>-0.99993907677106941</v>
      </c>
      <c r="AI716" s="9">
        <v>-1598.0708675999995</v>
      </c>
      <c r="AJ716" s="13">
        <v>-9.7359637313897088E-2</v>
      </c>
      <c r="AK716" s="9">
        <v>2962.9555775000008</v>
      </c>
      <c r="AL716" s="13">
        <v>0.19998310337203085</v>
      </c>
      <c r="AM716" s="9">
        <v>-17777.985169700001</v>
      </c>
      <c r="AN716" s="13">
        <v>-0.99994375382000411</v>
      </c>
      <c r="AO716" s="9">
        <v>-14815.0295922</v>
      </c>
      <c r="AP716" s="13">
        <v>-0.99993250553437563</v>
      </c>
      <c r="AQ716" s="9">
        <v>16414.1004598</v>
      </c>
      <c r="AR716" s="9">
        <v>17042.0962292</v>
      </c>
      <c r="AS716" s="9">
        <v>21020.629728</v>
      </c>
      <c r="AT716" s="9">
        <v>15356.156847099999</v>
      </c>
      <c r="AU716" s="9">
        <v>15614.302188600001</v>
      </c>
      <c r="AV716" s="9">
        <v>18336.7965496</v>
      </c>
      <c r="AW716" s="9">
        <v>14816.0295922</v>
      </c>
      <c r="AX716" s="9">
        <v>14799.6013229</v>
      </c>
      <c r="AY716" s="9">
        <v>13291.1937683</v>
      </c>
      <c r="AZ716" s="9">
        <v>17778.985169700001</v>
      </c>
      <c r="BA716" s="9">
        <v>12992.858361099999</v>
      </c>
      <c r="BB716" s="9">
        <v>22796.4344599</v>
      </c>
      <c r="BC716" s="9">
        <v>38395.165001300003</v>
      </c>
      <c r="BD716" s="9">
        <v>61584.7139751</v>
      </c>
      <c r="BE716" s="9">
        <v>1</v>
      </c>
      <c r="BF716" s="9">
        <v>1</v>
      </c>
      <c r="BG716" s="11">
        <v>-2</v>
      </c>
      <c r="BH716" s="13">
        <v>-0.66666666666666663</v>
      </c>
      <c r="BI716" s="6">
        <v>-1</v>
      </c>
      <c r="BJ716" s="13">
        <v>-0.33333333333333331</v>
      </c>
      <c r="BK716" s="6">
        <v>0</v>
      </c>
      <c r="BL716" s="13">
        <v>0</v>
      </c>
      <c r="BM716" s="11">
        <v>-1</v>
      </c>
      <c r="BN716" s="13">
        <v>-0.5</v>
      </c>
      <c r="BO716" s="11">
        <v>-1</v>
      </c>
      <c r="BP716" s="13">
        <v>-0.5</v>
      </c>
      <c r="BQ716" s="6">
        <v>3</v>
      </c>
      <c r="BR716" s="6">
        <v>2</v>
      </c>
      <c r="BS716" s="6">
        <v>2</v>
      </c>
      <c r="BT716" s="6">
        <v>2</v>
      </c>
      <c r="BU716" s="6">
        <v>2</v>
      </c>
      <c r="BV716" s="6">
        <v>2</v>
      </c>
      <c r="BW716" s="6">
        <v>2</v>
      </c>
      <c r="BX716" s="6">
        <v>2</v>
      </c>
      <c r="BY716" s="6">
        <v>2</v>
      </c>
      <c r="BZ716" s="6">
        <v>2</v>
      </c>
      <c r="CA716" s="6">
        <v>2</v>
      </c>
      <c r="CB716" s="6">
        <v>1</v>
      </c>
      <c r="CC716" s="11">
        <v>1</v>
      </c>
      <c r="CD716" s="11">
        <v>-36.622999999999998</v>
      </c>
      <c r="CE716" s="11">
        <v>10.677099999999999</v>
      </c>
      <c r="CF716" s="11">
        <v>3.2231900000000002</v>
      </c>
      <c r="CG716" s="11">
        <v>14</v>
      </c>
      <c r="CH716" s="20">
        <v>0.128386</v>
      </c>
      <c r="CI716" s="20">
        <v>0.120893</v>
      </c>
      <c r="CJ716" s="20">
        <v>0.101426</v>
      </c>
      <c r="CK716" s="20">
        <v>0.169741</v>
      </c>
      <c r="CL716" s="20">
        <v>9.3862699999999993E-2</v>
      </c>
      <c r="CM716" s="20">
        <v>8.77164E-2</v>
      </c>
      <c r="CN716" s="20">
        <v>0.174233</v>
      </c>
      <c r="CO716" s="20">
        <v>6.6467399999999996E-2</v>
      </c>
      <c r="CP716" s="20">
        <v>6.5967300000000006E-2</v>
      </c>
      <c r="CQ716" s="20">
        <v>6.4405900000000002E-2</v>
      </c>
      <c r="CR716" s="20">
        <v>8.5286000000000001E-2</v>
      </c>
      <c r="CS716" s="20">
        <v>8.1625799999999998E-2</v>
      </c>
      <c r="CT716" s="20">
        <v>0.14272000000000001</v>
      </c>
      <c r="CU716" s="20">
        <v>6.8555699999999997E-2</v>
      </c>
      <c r="CV716" s="20">
        <v>2.8520400000000001E-2</v>
      </c>
      <c r="CW716" s="20">
        <v>2.1828699999999999E-2</v>
      </c>
      <c r="CX716" s="20">
        <v>2.2705900000000001E-2</v>
      </c>
      <c r="CY716" s="6" t="s">
        <v>499</v>
      </c>
      <c r="CZ716" s="6" t="s">
        <v>500</v>
      </c>
      <c r="DA716" s="6" t="s">
        <v>70</v>
      </c>
      <c r="DB716" s="6" t="s">
        <v>345</v>
      </c>
      <c r="DC716" s="6">
        <v>28380</v>
      </c>
      <c r="DD716" s="6"/>
      <c r="DE716" s="6" t="s">
        <v>502</v>
      </c>
      <c r="DF716" s="6" t="s">
        <v>363</v>
      </c>
      <c r="DG716" s="6" t="s">
        <v>364</v>
      </c>
      <c r="DH716" s="6" t="s">
        <v>365</v>
      </c>
      <c r="DI716" s="6"/>
      <c r="DJ716" s="6">
        <v>29</v>
      </c>
      <c r="DK716" s="6">
        <v>69</v>
      </c>
      <c r="DL716" s="6">
        <v>8</v>
      </c>
      <c r="DM716" s="6" t="s">
        <v>368</v>
      </c>
      <c r="DN716" s="6">
        <v>7</v>
      </c>
      <c r="DO716" s="6" t="s">
        <v>369</v>
      </c>
      <c r="DP716" s="6"/>
      <c r="DQ716" s="6"/>
    </row>
    <row r="717" spans="1:121" x14ac:dyDescent="0.2">
      <c r="A717" s="6" t="s">
        <v>321</v>
      </c>
      <c r="B717" s="6" t="s">
        <v>321</v>
      </c>
      <c r="C717" s="6" t="s">
        <v>190</v>
      </c>
      <c r="D717" s="6" t="s">
        <v>70</v>
      </c>
      <c r="E717" s="6" t="s">
        <v>211</v>
      </c>
      <c r="F717" s="11">
        <v>1629</v>
      </c>
      <c r="G717" s="13">
        <v>0.89407244785899997</v>
      </c>
      <c r="H717" s="11">
        <v>845.53369938999981</v>
      </c>
      <c r="I717" s="13">
        <v>0.46404030062425383</v>
      </c>
      <c r="J717" s="11">
        <v>245.39740174999997</v>
      </c>
      <c r="K717" s="13">
        <v>9.1990230376369664E-2</v>
      </c>
      <c r="L717" s="11">
        <v>538.26456220999989</v>
      </c>
      <c r="M717" s="13">
        <v>0.18477737005829745</v>
      </c>
      <c r="N717" s="11">
        <v>783.66196395999987</v>
      </c>
      <c r="O717" s="13">
        <v>0.29376531327466959</v>
      </c>
      <c r="P717" s="7">
        <v>1822.1126446400001</v>
      </c>
      <c r="Q717" s="7">
        <v>1940.76200275</v>
      </c>
      <c r="R717" s="7">
        <v>1975.47703161</v>
      </c>
      <c r="S717" s="7">
        <v>2507.41913333</v>
      </c>
      <c r="T717" s="7">
        <v>2480.1324409899998</v>
      </c>
      <c r="U717" s="7">
        <v>2655.3261863100001</v>
      </c>
      <c r="V717" s="7">
        <v>2667.6463440299999</v>
      </c>
      <c r="W717" s="7">
        <v>2835.4905780899999</v>
      </c>
      <c r="X717" s="7">
        <v>3034.1937388599999</v>
      </c>
      <c r="Y717" s="7">
        <v>2913.0437457799999</v>
      </c>
      <c r="Z717" s="7">
        <v>2676.73467919</v>
      </c>
      <c r="AA717" s="7">
        <v>2782.6339265800002</v>
      </c>
      <c r="AB717" s="7">
        <v>3339.95761829</v>
      </c>
      <c r="AC717" s="7">
        <v>3403.7420099300002</v>
      </c>
      <c r="AD717" s="7">
        <v>3362.5243514600002</v>
      </c>
      <c r="AE717" s="7">
        <v>3354.3148851599999</v>
      </c>
      <c r="AF717" s="7">
        <v>3451.3083079899998</v>
      </c>
      <c r="AG717" s="9">
        <v>993.88331570000082</v>
      </c>
      <c r="AH717" s="13">
        <v>4.3004921398662674E-2</v>
      </c>
      <c r="AI717" s="9">
        <v>1226.818587400001</v>
      </c>
      <c r="AJ717" s="13">
        <v>5.3083934590849445E-2</v>
      </c>
      <c r="AK717" s="9">
        <v>2142.8743278000002</v>
      </c>
      <c r="AL717" s="13">
        <v>8.804738714609868E-2</v>
      </c>
      <c r="AM717" s="9">
        <v>-2375.8095995000003</v>
      </c>
      <c r="AN717" s="13">
        <v>-8.9718828272123075E-2</v>
      </c>
      <c r="AO717" s="9">
        <v>-232.93527170000016</v>
      </c>
      <c r="AP717" s="13">
        <v>-9.5709495331943641E-3</v>
      </c>
      <c r="AQ717" s="9">
        <v>23110.920410399998</v>
      </c>
      <c r="AR717" s="9">
        <v>24314.301541299999</v>
      </c>
      <c r="AS717" s="9">
        <v>25212.8731262</v>
      </c>
      <c r="AT717" s="9">
        <v>23160.041231399999</v>
      </c>
      <c r="AU717" s="9">
        <v>23799.651127500001</v>
      </c>
      <c r="AV717" s="9">
        <v>24629.104272699999</v>
      </c>
      <c r="AW717" s="9">
        <v>24337.738997799999</v>
      </c>
      <c r="AX717" s="9">
        <v>24844.244708599999</v>
      </c>
      <c r="AY717" s="9">
        <v>26121.5925326</v>
      </c>
      <c r="AZ717" s="9">
        <v>26480.613325599999</v>
      </c>
      <c r="BA717" s="9">
        <v>27001.957445399999</v>
      </c>
      <c r="BB717" s="9">
        <v>25681.7295228</v>
      </c>
      <c r="BC717" s="9">
        <v>23382.529373900001</v>
      </c>
      <c r="BD717" s="9">
        <v>22723.863569500001</v>
      </c>
      <c r="BE717" s="9">
        <v>23367.320911999999</v>
      </c>
      <c r="BF717" s="9">
        <v>24104.803726099999</v>
      </c>
      <c r="BG717" s="11">
        <v>812.5</v>
      </c>
      <c r="BH717" s="13">
        <v>9.4476744186046506</v>
      </c>
      <c r="BI717" s="6">
        <v>-1</v>
      </c>
      <c r="BJ717" s="13">
        <v>-1.1627906976744186E-2</v>
      </c>
      <c r="BK717" s="6">
        <v>0</v>
      </c>
      <c r="BL717" s="13">
        <v>0</v>
      </c>
      <c r="BM717" s="11">
        <v>813.5</v>
      </c>
      <c r="BN717" s="13">
        <v>9.5705882352941174</v>
      </c>
      <c r="BO717" s="11">
        <v>813.5</v>
      </c>
      <c r="BP717" s="13">
        <v>9.5705882352941174</v>
      </c>
      <c r="BQ717" s="6">
        <v>86</v>
      </c>
      <c r="BR717" s="6">
        <v>85</v>
      </c>
      <c r="BS717" s="6">
        <v>87</v>
      </c>
      <c r="BT717" s="6">
        <v>85</v>
      </c>
      <c r="BU717" s="6">
        <v>87</v>
      </c>
      <c r="BV717" s="6">
        <v>87</v>
      </c>
      <c r="BW717" s="6">
        <v>85</v>
      </c>
      <c r="BX717" s="6">
        <v>79</v>
      </c>
      <c r="BY717" s="6">
        <v>83</v>
      </c>
      <c r="BZ717" s="6">
        <v>911</v>
      </c>
      <c r="CA717" s="6">
        <v>939</v>
      </c>
      <c r="CB717" s="6">
        <v>949</v>
      </c>
      <c r="CC717" s="11">
        <v>898.5</v>
      </c>
      <c r="CD717" s="11">
        <v>766.46400000000006</v>
      </c>
      <c r="CE717" s="11">
        <v>663.55200000000002</v>
      </c>
      <c r="CF717" s="11">
        <v>199.179</v>
      </c>
      <c r="CG717" s="11">
        <v>863</v>
      </c>
      <c r="CH717" s="20">
        <v>1.60643</v>
      </c>
      <c r="CI717" s="20">
        <v>1.6201700000000001</v>
      </c>
      <c r="CJ717" s="20">
        <v>1.5942799999999999</v>
      </c>
      <c r="CK717" s="20">
        <v>1.96566</v>
      </c>
      <c r="CL717" s="20">
        <v>1.96532</v>
      </c>
      <c r="CM717" s="20">
        <v>2.08867</v>
      </c>
      <c r="CN717" s="20">
        <v>2.1394299999999999</v>
      </c>
      <c r="CO717" s="20">
        <v>2.2530000000000001</v>
      </c>
      <c r="CP717" s="20">
        <v>2.1786400000000001</v>
      </c>
      <c r="CQ717" s="20">
        <v>2.0729799999999998</v>
      </c>
      <c r="CR717" s="20">
        <v>1.8800699999999999</v>
      </c>
      <c r="CS717" s="20">
        <v>1.8584099999999999</v>
      </c>
      <c r="CT717" s="20">
        <v>2.3268900000000001</v>
      </c>
      <c r="CU717" s="20">
        <v>2.3278599999999998</v>
      </c>
      <c r="CV717" s="20">
        <v>2.31202</v>
      </c>
      <c r="CW717" s="20">
        <v>2.3355399999999999</v>
      </c>
      <c r="CX717" s="20">
        <v>2.3428</v>
      </c>
      <c r="CY717" s="6" t="s">
        <v>499</v>
      </c>
      <c r="CZ717" s="6" t="s">
        <v>500</v>
      </c>
      <c r="DA717" s="6" t="s">
        <v>70</v>
      </c>
      <c r="DB717" s="6" t="s">
        <v>345</v>
      </c>
      <c r="DC717" s="6">
        <v>28380</v>
      </c>
      <c r="DD717" s="6"/>
      <c r="DE717" s="6" t="s">
        <v>502</v>
      </c>
      <c r="DF717" s="6" t="s">
        <v>363</v>
      </c>
      <c r="DG717" s="6" t="s">
        <v>364</v>
      </c>
      <c r="DH717" s="6" t="s">
        <v>365</v>
      </c>
      <c r="DI717" s="6"/>
      <c r="DJ717" s="6">
        <v>29</v>
      </c>
      <c r="DK717" s="6">
        <v>69</v>
      </c>
      <c r="DL717" s="6">
        <v>8</v>
      </c>
      <c r="DM717" s="6" t="s">
        <v>368</v>
      </c>
      <c r="DN717" s="6">
        <v>7</v>
      </c>
      <c r="DO717" s="6" t="s">
        <v>369</v>
      </c>
      <c r="DP717" s="6"/>
      <c r="DQ717" s="6"/>
    </row>
    <row r="718" spans="1:121" x14ac:dyDescent="0.2">
      <c r="A718" s="6" t="s">
        <v>322</v>
      </c>
      <c r="B718" s="6" t="s">
        <v>322</v>
      </c>
      <c r="C718" s="6" t="s">
        <v>191</v>
      </c>
      <c r="D718" s="6" t="s">
        <v>70</v>
      </c>
      <c r="E718" s="6" t="s">
        <v>211</v>
      </c>
      <c r="F718" s="11">
        <v>-48</v>
      </c>
      <c r="G718" s="13">
        <v>-0.56000000000000005</v>
      </c>
      <c r="H718" s="11">
        <v>-36</v>
      </c>
      <c r="I718" s="13">
        <v>-0.42352941176470593</v>
      </c>
      <c r="J718" s="11">
        <v>-2</v>
      </c>
      <c r="K718" s="13">
        <v>-4.0816326530612242E-2</v>
      </c>
      <c r="L718" s="11">
        <v>-10</v>
      </c>
      <c r="M718" s="13">
        <v>-0.21276595744680851</v>
      </c>
      <c r="N718" s="11">
        <v>-12</v>
      </c>
      <c r="O718" s="13">
        <v>-0.24489795918367344</v>
      </c>
      <c r="P718" s="7">
        <v>85</v>
      </c>
      <c r="Q718" s="7">
        <v>73</v>
      </c>
      <c r="R718" s="7">
        <v>81</v>
      </c>
      <c r="S718" s="7">
        <v>67</v>
      </c>
      <c r="T718" s="7">
        <v>73</v>
      </c>
      <c r="U718" s="7">
        <v>56</v>
      </c>
      <c r="V718" s="7">
        <v>49</v>
      </c>
      <c r="W718" s="7">
        <v>46</v>
      </c>
      <c r="X718" s="7">
        <v>55</v>
      </c>
      <c r="Y718" s="7">
        <v>47</v>
      </c>
      <c r="Z718" s="7">
        <v>48</v>
      </c>
      <c r="AA718" s="7">
        <v>41</v>
      </c>
      <c r="AB718" s="7">
        <v>39</v>
      </c>
      <c r="AC718" s="7">
        <v>35</v>
      </c>
      <c r="AD718" s="7">
        <v>34</v>
      </c>
      <c r="AE718" s="7">
        <v>37</v>
      </c>
      <c r="AF718" s="7">
        <v>37</v>
      </c>
      <c r="AG718" s="9">
        <v>6389</v>
      </c>
      <c r="AH718" s="13">
        <v>0.85517333690269037</v>
      </c>
      <c r="AI718" s="9">
        <v>4433</v>
      </c>
      <c r="AJ718" s="13">
        <v>0.59336099585062241</v>
      </c>
      <c r="AK718" s="9">
        <v>2336</v>
      </c>
      <c r="AL718" s="13">
        <v>0.19623655913978497</v>
      </c>
      <c r="AM718" s="9">
        <v>-380</v>
      </c>
      <c r="AN718" s="13">
        <v>-2.6685393258426969E-2</v>
      </c>
      <c r="AO718" s="9">
        <v>1956</v>
      </c>
      <c r="AP718" s="13">
        <v>0.16431451612903225</v>
      </c>
      <c r="AQ718" s="9">
        <v>7471</v>
      </c>
      <c r="AR718" s="9">
        <v>9488</v>
      </c>
      <c r="AS718" s="9">
        <v>9462</v>
      </c>
      <c r="AT718" s="9">
        <v>10787</v>
      </c>
      <c r="AU718" s="9">
        <v>11233</v>
      </c>
      <c r="AV718" s="9">
        <v>12434</v>
      </c>
      <c r="AW718" s="9">
        <v>11904</v>
      </c>
      <c r="AX718" s="9">
        <v>13966</v>
      </c>
      <c r="AY718" s="9">
        <v>12476</v>
      </c>
      <c r="AZ718" s="9">
        <v>14240</v>
      </c>
      <c r="BA718" s="9">
        <v>12808</v>
      </c>
      <c r="BB718" s="9">
        <v>13543</v>
      </c>
      <c r="BC718" s="9">
        <v>15421</v>
      </c>
      <c r="BD718" s="9">
        <v>18703</v>
      </c>
      <c r="BE718" s="9">
        <v>17252</v>
      </c>
      <c r="BF718" s="9">
        <v>13860</v>
      </c>
      <c r="BG718" s="11">
        <v>-3</v>
      </c>
      <c r="BH718" s="13">
        <v>-0.33333333333333331</v>
      </c>
      <c r="BI718" s="6">
        <v>-2</v>
      </c>
      <c r="BJ718" s="13">
        <v>-0.22222222222222221</v>
      </c>
      <c r="BK718" s="6">
        <v>1</v>
      </c>
      <c r="BL718" s="13">
        <v>0.14285714285714285</v>
      </c>
      <c r="BM718" s="11">
        <v>-2</v>
      </c>
      <c r="BN718" s="13">
        <v>-0.25</v>
      </c>
      <c r="BO718" s="11">
        <v>-1</v>
      </c>
      <c r="BP718" s="13">
        <v>-0.14285714285714285</v>
      </c>
      <c r="BQ718" s="6">
        <v>9</v>
      </c>
      <c r="BR718" s="6">
        <v>11</v>
      </c>
      <c r="BS718" s="6">
        <v>8</v>
      </c>
      <c r="BT718" s="6">
        <v>7</v>
      </c>
      <c r="BU718" s="6">
        <v>7</v>
      </c>
      <c r="BV718" s="6">
        <v>7</v>
      </c>
      <c r="BW718" s="6">
        <v>8</v>
      </c>
      <c r="BX718" s="6">
        <v>7</v>
      </c>
      <c r="BY718" s="6">
        <v>7</v>
      </c>
      <c r="BZ718" s="6">
        <v>6</v>
      </c>
      <c r="CA718" s="6">
        <v>6</v>
      </c>
      <c r="CB718" s="6">
        <v>6</v>
      </c>
      <c r="CC718" s="11">
        <v>6</v>
      </c>
      <c r="CD718" s="11">
        <v>-72</v>
      </c>
      <c r="CE718" s="11">
        <v>15</v>
      </c>
      <c r="CF718" s="11">
        <v>9</v>
      </c>
      <c r="CG718" s="11">
        <v>24</v>
      </c>
      <c r="CH718" s="20">
        <v>0.49</v>
      </c>
      <c r="CI718" s="20">
        <v>0.41</v>
      </c>
      <c r="CJ718" s="20">
        <v>0.44</v>
      </c>
      <c r="CK718" s="20">
        <v>0.35</v>
      </c>
      <c r="CL718" s="20">
        <v>0.39</v>
      </c>
      <c r="CM718" s="20">
        <v>0.3</v>
      </c>
      <c r="CN718" s="20">
        <v>0.27</v>
      </c>
      <c r="CO718" s="20">
        <v>0.25</v>
      </c>
      <c r="CP718" s="20">
        <v>0.28999999999999998</v>
      </c>
      <c r="CQ718" s="20">
        <v>0.25</v>
      </c>
      <c r="CR718" s="20">
        <v>0.25</v>
      </c>
      <c r="CS718" s="20">
        <v>0.21</v>
      </c>
      <c r="CT718" s="20">
        <v>0.21</v>
      </c>
      <c r="CU718" s="20">
        <v>0.18</v>
      </c>
      <c r="CV718" s="20">
        <v>0.17</v>
      </c>
      <c r="CW718" s="20">
        <v>0.19</v>
      </c>
      <c r="CX718" s="20">
        <v>0.19</v>
      </c>
      <c r="CY718" s="6" t="s">
        <v>499</v>
      </c>
      <c r="CZ718" s="6" t="s">
        <v>500</v>
      </c>
      <c r="DA718" s="6" t="s">
        <v>70</v>
      </c>
      <c r="DB718" s="6" t="s">
        <v>345</v>
      </c>
      <c r="DC718" s="6">
        <v>28380</v>
      </c>
      <c r="DD718" s="6"/>
      <c r="DE718" s="6" t="s">
        <v>502</v>
      </c>
      <c r="DF718" s="6" t="s">
        <v>363</v>
      </c>
      <c r="DG718" s="6" t="s">
        <v>364</v>
      </c>
      <c r="DH718" s="6" t="s">
        <v>365</v>
      </c>
      <c r="DI718" s="6"/>
      <c r="DJ718" s="6">
        <v>29</v>
      </c>
      <c r="DK718" s="6">
        <v>69</v>
      </c>
      <c r="DL718" s="6">
        <v>8</v>
      </c>
      <c r="DM718" s="6" t="s">
        <v>368</v>
      </c>
      <c r="DN718" s="6">
        <v>7</v>
      </c>
      <c r="DO718" s="6" t="s">
        <v>369</v>
      </c>
      <c r="DP718" s="6"/>
      <c r="DQ718" s="6"/>
    </row>
    <row r="719" spans="1:121" x14ac:dyDescent="0.2">
      <c r="A719" s="6" t="s">
        <v>323</v>
      </c>
      <c r="B719" s="6" t="s">
        <v>323</v>
      </c>
      <c r="C719" s="6" t="s">
        <v>192</v>
      </c>
      <c r="D719" s="6" t="s">
        <v>70</v>
      </c>
      <c r="E719" s="6" t="s">
        <v>211</v>
      </c>
      <c r="F719" s="11">
        <v>45</v>
      </c>
      <c r="G719" s="13">
        <v>6.9444444444399997E-2</v>
      </c>
      <c r="H719" s="11">
        <v>4.5021139980000271</v>
      </c>
      <c r="I719" s="13">
        <v>6.9507861915695072E-3</v>
      </c>
      <c r="J719" s="11">
        <v>-32.677817412999957</v>
      </c>
      <c r="K719" s="13">
        <v>-5.0102827857893398E-2</v>
      </c>
      <c r="L719" s="11">
        <v>73.549377470999957</v>
      </c>
      <c r="M719" s="13">
        <v>0.11871664185024204</v>
      </c>
      <c r="N719" s="11">
        <v>40.871560058</v>
      </c>
      <c r="O719" s="13">
        <v>6.2665774521858772E-2</v>
      </c>
      <c r="P719" s="7">
        <v>647.71291677199997</v>
      </c>
      <c r="Q719" s="7">
        <v>655.54319530099997</v>
      </c>
      <c r="R719" s="7">
        <v>684.59614901199996</v>
      </c>
      <c r="S719" s="7">
        <v>705.96037336400002</v>
      </c>
      <c r="T719" s="7">
        <v>667.03069108600005</v>
      </c>
      <c r="U719" s="7">
        <v>660.83810195399997</v>
      </c>
      <c r="V719" s="7">
        <v>652.21503077</v>
      </c>
      <c r="W719" s="7">
        <v>622.84871124999995</v>
      </c>
      <c r="X719" s="7">
        <v>620.76420412499999</v>
      </c>
      <c r="Y719" s="7">
        <v>619.53721335700004</v>
      </c>
      <c r="Z719" s="7">
        <v>639.09791884000003</v>
      </c>
      <c r="AA719" s="7">
        <v>625.15762084799997</v>
      </c>
      <c r="AB719" s="7">
        <v>659.06634056999997</v>
      </c>
      <c r="AC719" s="7">
        <v>667.07475054400004</v>
      </c>
      <c r="AD719" s="7">
        <v>696.29267686599997</v>
      </c>
      <c r="AE719" s="7">
        <v>685.60185012299996</v>
      </c>
      <c r="AF719" s="7">
        <v>693.086590828</v>
      </c>
      <c r="AG719" s="9">
        <v>5301.19152846</v>
      </c>
      <c r="AH719" s="13">
        <v>0.55586861886052474</v>
      </c>
      <c r="AI719" s="9">
        <v>5109.70160416</v>
      </c>
      <c r="AJ719" s="13">
        <v>0.53578950284011773</v>
      </c>
      <c r="AK719" s="9">
        <v>-226.46419290000085</v>
      </c>
      <c r="AL719" s="13">
        <v>-1.5462029968856875E-2</v>
      </c>
      <c r="AM719" s="9">
        <v>417.95411720000084</v>
      </c>
      <c r="AN719" s="13">
        <v>2.8984319251704239E-2</v>
      </c>
      <c r="AO719" s="9">
        <v>191.48992429999998</v>
      </c>
      <c r="AP719" s="13">
        <v>1.3074132869950598E-2</v>
      </c>
      <c r="AQ719" s="9">
        <v>9536.7706479400003</v>
      </c>
      <c r="AR719" s="9">
        <v>10150.5669705</v>
      </c>
      <c r="AS719" s="9">
        <v>10739.502765499999</v>
      </c>
      <c r="AT719" s="9">
        <v>11013.1628826</v>
      </c>
      <c r="AU719" s="9">
        <v>11887.4295043</v>
      </c>
      <c r="AV719" s="9">
        <v>11509.1257797</v>
      </c>
      <c r="AW719" s="9">
        <v>14646.4722521</v>
      </c>
      <c r="AX719" s="9">
        <v>12819.227039900001</v>
      </c>
      <c r="AY719" s="9">
        <v>13686.5335056</v>
      </c>
      <c r="AZ719" s="9">
        <v>14420.008059199999</v>
      </c>
      <c r="BA719" s="9">
        <v>14060.578818100001</v>
      </c>
      <c r="BB719" s="9">
        <v>14389.541870499999</v>
      </c>
      <c r="BC719" s="9">
        <v>14175.332659899999</v>
      </c>
      <c r="BD719" s="9">
        <v>14364.958934599999</v>
      </c>
      <c r="BE719" s="9">
        <v>14858.749548</v>
      </c>
      <c r="BF719" s="9">
        <v>14837.9621764</v>
      </c>
      <c r="BG719" s="11">
        <v>-17</v>
      </c>
      <c r="BH719" s="13">
        <v>-0.27868852459016391</v>
      </c>
      <c r="BI719" s="6">
        <v>-9</v>
      </c>
      <c r="BJ719" s="13">
        <v>-0.14754098360655737</v>
      </c>
      <c r="BK719" s="6">
        <v>-5</v>
      </c>
      <c r="BL719" s="13">
        <v>-9.6153846153846159E-2</v>
      </c>
      <c r="BM719" s="11">
        <v>-3</v>
      </c>
      <c r="BN719" s="13">
        <v>-6.3829787234042548E-2</v>
      </c>
      <c r="BO719" s="11">
        <v>-8</v>
      </c>
      <c r="BP719" s="13">
        <v>-0.15384615384615385</v>
      </c>
      <c r="BQ719" s="6">
        <v>61</v>
      </c>
      <c r="BR719" s="6">
        <v>56</v>
      </c>
      <c r="BS719" s="6">
        <v>54</v>
      </c>
      <c r="BT719" s="6">
        <v>52</v>
      </c>
      <c r="BU719" s="6">
        <v>51</v>
      </c>
      <c r="BV719" s="6">
        <v>51</v>
      </c>
      <c r="BW719" s="6">
        <v>47</v>
      </c>
      <c r="BX719" s="6">
        <v>44</v>
      </c>
      <c r="BY719" s="6">
        <v>39</v>
      </c>
      <c r="BZ719" s="6">
        <v>42</v>
      </c>
      <c r="CA719" s="6">
        <v>44</v>
      </c>
      <c r="CB719" s="6">
        <v>44</v>
      </c>
      <c r="CC719" s="11">
        <v>44</v>
      </c>
      <c r="CD719" s="11">
        <v>-172.72300000000001</v>
      </c>
      <c r="CE719" s="11">
        <v>147.29400000000001</v>
      </c>
      <c r="CF719" s="11">
        <v>70.802800000000005</v>
      </c>
      <c r="CG719" s="11">
        <v>218</v>
      </c>
      <c r="CH719" s="20">
        <v>0.76947299999999996</v>
      </c>
      <c r="CI719" s="20">
        <v>0.75617299999999998</v>
      </c>
      <c r="CJ719" s="20">
        <v>0.77275499999999997</v>
      </c>
      <c r="CK719" s="20">
        <v>0.77002000000000004</v>
      </c>
      <c r="CL719" s="20">
        <v>0.73488399999999998</v>
      </c>
      <c r="CM719" s="20">
        <v>0.72556500000000002</v>
      </c>
      <c r="CN719" s="20">
        <v>0.734205</v>
      </c>
      <c r="CO719" s="20">
        <v>0.71056600000000003</v>
      </c>
      <c r="CP719" s="20">
        <v>0.67169299999999998</v>
      </c>
      <c r="CQ719" s="20">
        <v>0.67307099999999997</v>
      </c>
      <c r="CR719" s="20">
        <v>0.67779999999999996</v>
      </c>
      <c r="CS719" s="20">
        <v>0.63434500000000005</v>
      </c>
      <c r="CT719" s="20">
        <v>0.690168</v>
      </c>
      <c r="CU719" s="20">
        <v>0.67852699999999999</v>
      </c>
      <c r="CV719" s="20">
        <v>0.70523199999999997</v>
      </c>
      <c r="CW719" s="20">
        <v>0.70152999999999999</v>
      </c>
      <c r="CX719" s="20">
        <v>0.69882200000000005</v>
      </c>
      <c r="CY719" s="6" t="s">
        <v>499</v>
      </c>
      <c r="CZ719" s="6" t="s">
        <v>500</v>
      </c>
      <c r="DA719" s="6" t="s">
        <v>70</v>
      </c>
      <c r="DB719" s="6" t="s">
        <v>345</v>
      </c>
      <c r="DC719" s="6">
        <v>28380</v>
      </c>
      <c r="DD719" s="6"/>
      <c r="DE719" s="6" t="s">
        <v>502</v>
      </c>
      <c r="DF719" s="6" t="s">
        <v>363</v>
      </c>
      <c r="DG719" s="6" t="s">
        <v>364</v>
      </c>
      <c r="DH719" s="6" t="s">
        <v>365</v>
      </c>
      <c r="DI719" s="6"/>
      <c r="DJ719" s="6">
        <v>29</v>
      </c>
      <c r="DK719" s="6">
        <v>69</v>
      </c>
      <c r="DL719" s="6">
        <v>8</v>
      </c>
      <c r="DM719" s="6" t="s">
        <v>368</v>
      </c>
      <c r="DN719" s="6">
        <v>7</v>
      </c>
      <c r="DO719" s="6" t="s">
        <v>369</v>
      </c>
      <c r="DP719" s="6"/>
      <c r="DQ719" s="6"/>
    </row>
    <row r="720" spans="1:121" x14ac:dyDescent="0.2">
      <c r="A720" s="6" t="s">
        <v>325</v>
      </c>
      <c r="B720" s="6" t="s">
        <v>325</v>
      </c>
      <c r="C720" s="6" t="s">
        <v>193</v>
      </c>
      <c r="D720" s="6" t="s">
        <v>70</v>
      </c>
      <c r="E720" s="6" t="s">
        <v>211</v>
      </c>
      <c r="F720" s="11">
        <v>-85</v>
      </c>
      <c r="G720" s="13">
        <v>-0.16377649325599999</v>
      </c>
      <c r="H720" s="11">
        <v>225.95226324000009</v>
      </c>
      <c r="I720" s="13">
        <v>0.43567477165514246</v>
      </c>
      <c r="J720" s="11">
        <v>672.36503547999985</v>
      </c>
      <c r="K720" s="13">
        <v>0.90301459296884667</v>
      </c>
      <c r="L720" s="11">
        <v>-982.63365433099989</v>
      </c>
      <c r="M720" s="13">
        <v>-0.69348833974263213</v>
      </c>
      <c r="N720" s="11">
        <v>-310.26861885100004</v>
      </c>
      <c r="O720" s="13">
        <v>-0.4167038376151197</v>
      </c>
      <c r="P720" s="7">
        <v>518.62599796999996</v>
      </c>
      <c r="Q720" s="7">
        <v>552.87739764900005</v>
      </c>
      <c r="R720" s="7">
        <v>555.21300150599996</v>
      </c>
      <c r="S720" s="7">
        <v>552.65222583499997</v>
      </c>
      <c r="T720" s="7">
        <v>623.94180542599997</v>
      </c>
      <c r="U720" s="7">
        <v>697.71492472199998</v>
      </c>
      <c r="V720" s="7">
        <v>744.57826121000005</v>
      </c>
      <c r="W720" s="7">
        <v>932.65229703800003</v>
      </c>
      <c r="X720" s="7">
        <v>1203.41755313</v>
      </c>
      <c r="Y720" s="7">
        <v>1416.9432966899999</v>
      </c>
      <c r="Z720" s="7">
        <v>1531.5833043800001</v>
      </c>
      <c r="AA720" s="7">
        <v>1522.8732302599999</v>
      </c>
      <c r="AB720" s="7">
        <v>487.87973471200002</v>
      </c>
      <c r="AC720" s="7">
        <v>520.42482925299998</v>
      </c>
      <c r="AD720" s="7">
        <v>514.10250001500003</v>
      </c>
      <c r="AE720" s="7">
        <v>470.71537254600003</v>
      </c>
      <c r="AF720" s="7">
        <v>434.30964235900001</v>
      </c>
      <c r="AG720" s="9">
        <v>647.46793259999868</v>
      </c>
      <c r="AH720" s="13">
        <v>4.302952239677664E-2</v>
      </c>
      <c r="AI720" s="9">
        <v>-2012.0627280000008</v>
      </c>
      <c r="AJ720" s="13">
        <v>-0.13371797097429827</v>
      </c>
      <c r="AK720" s="9">
        <v>-3009.7728203000006</v>
      </c>
      <c r="AL720" s="13">
        <v>-0.2308993300316268</v>
      </c>
      <c r="AM720" s="9">
        <v>5669.3034809000001</v>
      </c>
      <c r="AN720" s="13">
        <v>0.56550372860860099</v>
      </c>
      <c r="AO720" s="9">
        <v>2659.5306605999995</v>
      </c>
      <c r="AP720" s="13">
        <v>0.2040299665108613</v>
      </c>
      <c r="AQ720" s="9">
        <v>15047.062959000001</v>
      </c>
      <c r="AR720" s="9">
        <v>14914.5715662</v>
      </c>
      <c r="AS720" s="9">
        <v>15288.437417200001</v>
      </c>
      <c r="AT720" s="9">
        <v>14904.276101900001</v>
      </c>
      <c r="AU720" s="9">
        <v>13977.908114399999</v>
      </c>
      <c r="AV720" s="9">
        <v>13346.496365499999</v>
      </c>
      <c r="AW720" s="9">
        <v>13035.000231</v>
      </c>
      <c r="AX720" s="9">
        <v>11784.815834700001</v>
      </c>
      <c r="AY720" s="9">
        <v>10461.731502799999</v>
      </c>
      <c r="AZ720" s="9">
        <v>10025.227410699999</v>
      </c>
      <c r="BA720" s="9">
        <v>9649.2425958200001</v>
      </c>
      <c r="BB720" s="9">
        <v>9943.4969848500004</v>
      </c>
      <c r="BC720" s="9">
        <v>15125.4843064</v>
      </c>
      <c r="BD720" s="9">
        <v>15105.776286</v>
      </c>
      <c r="BE720" s="9">
        <v>15769.3939013</v>
      </c>
      <c r="BF720" s="9">
        <v>15694.530891599999</v>
      </c>
      <c r="BG720" s="11">
        <v>-38.5</v>
      </c>
      <c r="BH720" s="13">
        <v>-0.32905982905982906</v>
      </c>
      <c r="BI720" s="6">
        <v>113</v>
      </c>
      <c r="BJ720" s="13">
        <v>0.96581196581196582</v>
      </c>
      <c r="BK720" s="6">
        <v>466</v>
      </c>
      <c r="BL720" s="13">
        <v>2.026086956521739</v>
      </c>
      <c r="BM720" s="11">
        <v>-617.5</v>
      </c>
      <c r="BN720" s="13">
        <v>-0.88721264367816088</v>
      </c>
      <c r="BO720" s="11">
        <v>-151.5</v>
      </c>
      <c r="BP720" s="13">
        <v>-0.65869565217391302</v>
      </c>
      <c r="BQ720" s="6">
        <v>117</v>
      </c>
      <c r="BR720" s="6">
        <v>138</v>
      </c>
      <c r="BS720" s="6">
        <v>175</v>
      </c>
      <c r="BT720" s="6">
        <v>230</v>
      </c>
      <c r="BU720" s="6">
        <v>355</v>
      </c>
      <c r="BV720" s="6">
        <v>520</v>
      </c>
      <c r="BW720" s="6">
        <v>696</v>
      </c>
      <c r="BX720" s="6">
        <v>827</v>
      </c>
      <c r="BY720" s="6">
        <v>857</v>
      </c>
      <c r="BZ720" s="6">
        <v>70</v>
      </c>
      <c r="CA720" s="6">
        <v>85</v>
      </c>
      <c r="CB720" s="6">
        <v>86</v>
      </c>
      <c r="CC720" s="11">
        <v>78.5</v>
      </c>
      <c r="CD720" s="11">
        <v>-136.232</v>
      </c>
      <c r="CE720" s="11">
        <v>-4.7760499999999997</v>
      </c>
      <c r="CF720" s="11">
        <v>56.692100000000003</v>
      </c>
      <c r="CG720" s="11">
        <v>52</v>
      </c>
      <c r="CH720" s="20">
        <v>0.90705199999999997</v>
      </c>
      <c r="CI720" s="20">
        <v>0.93499900000000002</v>
      </c>
      <c r="CJ720" s="20">
        <v>0.92409300000000005</v>
      </c>
      <c r="CK720" s="20">
        <v>0.90492899999999998</v>
      </c>
      <c r="CL720" s="20">
        <v>1.0490600000000001</v>
      </c>
      <c r="CM720" s="20">
        <v>1.18001</v>
      </c>
      <c r="CN720" s="20">
        <v>1.2975000000000001</v>
      </c>
      <c r="CO720" s="20">
        <v>1.6455</v>
      </c>
      <c r="CP720" s="20">
        <v>1.97275</v>
      </c>
      <c r="CQ720" s="20">
        <v>2.34944</v>
      </c>
      <c r="CR720" s="20">
        <v>2.5152800000000002</v>
      </c>
      <c r="CS720" s="20">
        <v>2.4113199999999999</v>
      </c>
      <c r="CT720" s="20">
        <v>0.86967399999999995</v>
      </c>
      <c r="CU720" s="20">
        <v>0.91068300000000002</v>
      </c>
      <c r="CV720" s="20">
        <v>0.91351800000000005</v>
      </c>
      <c r="CW720" s="20">
        <v>0.85398300000000005</v>
      </c>
      <c r="CX720" s="20">
        <v>0.78334300000000001</v>
      </c>
      <c r="CY720" s="6" t="s">
        <v>499</v>
      </c>
      <c r="CZ720" s="6" t="s">
        <v>500</v>
      </c>
      <c r="DA720" s="6" t="s">
        <v>70</v>
      </c>
      <c r="DB720" s="6" t="s">
        <v>345</v>
      </c>
      <c r="DC720" s="6">
        <v>28380</v>
      </c>
      <c r="DD720" s="6"/>
      <c r="DE720" s="6" t="s">
        <v>502</v>
      </c>
      <c r="DF720" s="6" t="s">
        <v>363</v>
      </c>
      <c r="DG720" s="6" t="s">
        <v>364</v>
      </c>
      <c r="DH720" s="6" t="s">
        <v>365</v>
      </c>
      <c r="DI720" s="6"/>
      <c r="DJ720" s="6">
        <v>29</v>
      </c>
      <c r="DK720" s="6">
        <v>69</v>
      </c>
      <c r="DL720" s="6">
        <v>8</v>
      </c>
      <c r="DM720" s="6" t="s">
        <v>368</v>
      </c>
      <c r="DN720" s="6">
        <v>7</v>
      </c>
      <c r="DO720" s="6" t="s">
        <v>369</v>
      </c>
      <c r="DP720" s="6"/>
      <c r="DQ720" s="6"/>
    </row>
    <row r="721" spans="1:121" x14ac:dyDescent="0.2">
      <c r="A721" s="6" t="s">
        <v>327</v>
      </c>
      <c r="B721" s="6" t="s">
        <v>327</v>
      </c>
      <c r="C721" s="6" t="s">
        <v>194</v>
      </c>
      <c r="D721" s="6" t="s">
        <v>70</v>
      </c>
      <c r="E721" s="6" t="s">
        <v>211</v>
      </c>
      <c r="F721" s="11">
        <v>-118</v>
      </c>
      <c r="G721" s="13">
        <v>-6.3887384948599996E-2</v>
      </c>
      <c r="H721" s="11">
        <v>30.101688000000195</v>
      </c>
      <c r="I721" s="13">
        <v>1.6296879816598355E-2</v>
      </c>
      <c r="J721" s="11">
        <v>35.558198999999831</v>
      </c>
      <c r="K721" s="13">
        <v>1.8942302885497819E-2</v>
      </c>
      <c r="L721" s="11">
        <v>-183.85048459999985</v>
      </c>
      <c r="M721" s="13">
        <v>-9.6118770407490964E-2</v>
      </c>
      <c r="N721" s="11">
        <v>-148.29228560000001</v>
      </c>
      <c r="O721" s="13">
        <v>-7.8997178384033459E-2</v>
      </c>
      <c r="P721" s="7">
        <v>1847.0828979999999</v>
      </c>
      <c r="Q721" s="7">
        <v>1881.8124800000001</v>
      </c>
      <c r="R721" s="7">
        <v>1908.7635760000001</v>
      </c>
      <c r="S721" s="7">
        <v>1905.037018</v>
      </c>
      <c r="T721" s="7">
        <v>1885.2374170000001</v>
      </c>
      <c r="U721" s="7">
        <v>1898.1940090000001</v>
      </c>
      <c r="V721" s="7">
        <v>1877.1845860000001</v>
      </c>
      <c r="W721" s="7">
        <v>1925.920151</v>
      </c>
      <c r="X721" s="7">
        <v>1990.898146</v>
      </c>
      <c r="Y721" s="7">
        <v>1912.7427849999999</v>
      </c>
      <c r="Z721" s="7">
        <v>1848.0907890000001</v>
      </c>
      <c r="AA721" s="7">
        <v>1815.1827780000001</v>
      </c>
      <c r="AB721" s="7">
        <v>1785.382087</v>
      </c>
      <c r="AC721" s="7">
        <v>1776.9763459999999</v>
      </c>
      <c r="AD721" s="7">
        <v>1754.908459</v>
      </c>
      <c r="AE721" s="7">
        <v>1745.3353872499999</v>
      </c>
      <c r="AF721" s="7">
        <v>1728.8923004000001</v>
      </c>
      <c r="AG721" s="9">
        <v>12312.641263799997</v>
      </c>
      <c r="AH721" s="13">
        <v>0.37247018113857422</v>
      </c>
      <c r="AI721" s="9">
        <v>7490.8365183999995</v>
      </c>
      <c r="AJ721" s="13">
        <v>0.22660558162211852</v>
      </c>
      <c r="AK721" s="9">
        <v>1858.2102171999941</v>
      </c>
      <c r="AL721" s="13">
        <v>4.5827924717584623E-2</v>
      </c>
      <c r="AM721" s="9">
        <v>2963.594528200003</v>
      </c>
      <c r="AN721" s="13">
        <v>6.9886597642387485E-2</v>
      </c>
      <c r="AO721" s="9">
        <v>4821.804745399997</v>
      </c>
      <c r="AP721" s="13">
        <v>0.11891728009549556</v>
      </c>
      <c r="AQ721" s="9">
        <v>33056.716718000003</v>
      </c>
      <c r="AR721" s="9">
        <v>33793.1451782</v>
      </c>
      <c r="AS721" s="9">
        <v>34704.498823800001</v>
      </c>
      <c r="AT721" s="9">
        <v>36836.8312248</v>
      </c>
      <c r="AU721" s="9">
        <v>37939.552442499997</v>
      </c>
      <c r="AV721" s="9">
        <v>39298.931331100001</v>
      </c>
      <c r="AW721" s="9">
        <v>40547.553236400003</v>
      </c>
      <c r="AX721" s="9">
        <v>40910.655120700001</v>
      </c>
      <c r="AY721" s="9">
        <v>41956.678695499999</v>
      </c>
      <c r="AZ721" s="9">
        <v>42405.763453599997</v>
      </c>
      <c r="BA721" s="9">
        <v>42644.720569199999</v>
      </c>
      <c r="BB721" s="9">
        <v>43262.990662099997</v>
      </c>
      <c r="BC721" s="9">
        <v>44480.851411099997</v>
      </c>
      <c r="BD721" s="9">
        <v>43240.662766900001</v>
      </c>
      <c r="BE721" s="9">
        <v>44242.762175900003</v>
      </c>
      <c r="BF721" s="9">
        <v>45369.3579818</v>
      </c>
      <c r="BG721" s="11">
        <v>4</v>
      </c>
      <c r="BH721" s="13">
        <v>0.04</v>
      </c>
      <c r="BI721" s="6">
        <v>4</v>
      </c>
      <c r="BJ721" s="13">
        <v>0.04</v>
      </c>
      <c r="BK721" s="6">
        <v>2</v>
      </c>
      <c r="BL721" s="13">
        <v>1.9230769230769232E-2</v>
      </c>
      <c r="BM721" s="11">
        <v>-2</v>
      </c>
      <c r="BN721" s="13">
        <v>-1.8867924528301886E-2</v>
      </c>
      <c r="BO721" s="11">
        <v>0</v>
      </c>
      <c r="BP721" s="13">
        <v>0</v>
      </c>
      <c r="BQ721" s="6">
        <v>100</v>
      </c>
      <c r="BR721" s="6">
        <v>99</v>
      </c>
      <c r="BS721" s="6">
        <v>98</v>
      </c>
      <c r="BT721" s="6">
        <v>104</v>
      </c>
      <c r="BU721" s="6">
        <v>103</v>
      </c>
      <c r="BV721" s="6">
        <v>107</v>
      </c>
      <c r="BW721" s="6">
        <v>106</v>
      </c>
      <c r="BX721" s="6">
        <v>106</v>
      </c>
      <c r="BY721" s="6">
        <v>108</v>
      </c>
      <c r="BZ721" s="6">
        <v>106</v>
      </c>
      <c r="CA721" s="6">
        <v>104</v>
      </c>
      <c r="CB721" s="6">
        <v>105</v>
      </c>
      <c r="CC721" s="11">
        <v>104</v>
      </c>
      <c r="CD721" s="11">
        <v>-211.81399999999999</v>
      </c>
      <c r="CE721" s="11">
        <v>-108.285</v>
      </c>
      <c r="CF721" s="11">
        <v>201.90799999999999</v>
      </c>
      <c r="CG721" s="11">
        <v>94</v>
      </c>
      <c r="CH721" s="20">
        <v>0.97250400000000004</v>
      </c>
      <c r="CI721" s="20">
        <v>0.95615499999999998</v>
      </c>
      <c r="CJ721" s="20">
        <v>0.96154600000000001</v>
      </c>
      <c r="CK721" s="20">
        <v>0.95096199999999997</v>
      </c>
      <c r="CL721" s="20">
        <v>0.96854300000000004</v>
      </c>
      <c r="CM721" s="20">
        <v>0.98741800000000002</v>
      </c>
      <c r="CN721" s="20">
        <v>1.01335</v>
      </c>
      <c r="CO721" s="20">
        <v>1.04209</v>
      </c>
      <c r="CP721" s="20">
        <v>0.98971799999999999</v>
      </c>
      <c r="CQ721" s="20">
        <v>0.95627099999999998</v>
      </c>
      <c r="CR721" s="20">
        <v>0.936608</v>
      </c>
      <c r="CS721" s="20">
        <v>0.91703800000000002</v>
      </c>
      <c r="CT721" s="20">
        <v>0.96448900000000004</v>
      </c>
      <c r="CU721" s="20">
        <v>0.96016999999999997</v>
      </c>
      <c r="CV721" s="20">
        <v>0.97116999999999998</v>
      </c>
      <c r="CW721" s="20">
        <v>0.99113300000000004</v>
      </c>
      <c r="CX721" s="20">
        <v>0.98289599999999999</v>
      </c>
      <c r="CY721" s="6" t="s">
        <v>499</v>
      </c>
      <c r="CZ721" s="6" t="s">
        <v>500</v>
      </c>
      <c r="DA721" s="6" t="s">
        <v>70</v>
      </c>
      <c r="DB721" s="6" t="s">
        <v>345</v>
      </c>
      <c r="DC721" s="6">
        <v>28380</v>
      </c>
      <c r="DD721" s="6"/>
      <c r="DE721" s="6" t="s">
        <v>502</v>
      </c>
      <c r="DF721" s="6" t="s">
        <v>363</v>
      </c>
      <c r="DG721" s="6" t="s">
        <v>364</v>
      </c>
      <c r="DH721" s="6" t="s">
        <v>365</v>
      </c>
      <c r="DI721" s="6"/>
      <c r="DJ721" s="6">
        <v>29</v>
      </c>
      <c r="DK721" s="6">
        <v>69</v>
      </c>
      <c r="DL721" s="6">
        <v>8</v>
      </c>
      <c r="DM721" s="6" t="s">
        <v>368</v>
      </c>
      <c r="DN721" s="6">
        <v>7</v>
      </c>
      <c r="DO721" s="6" t="s">
        <v>369</v>
      </c>
      <c r="DP721" s="6"/>
      <c r="DQ721" s="6"/>
    </row>
    <row r="722" spans="1:121" x14ac:dyDescent="0.2">
      <c r="A722" s="6" t="s">
        <v>1</v>
      </c>
      <c r="B722" s="6" t="s">
        <v>1</v>
      </c>
      <c r="C722" s="6" t="s">
        <v>2</v>
      </c>
      <c r="D722" s="6" t="s">
        <v>168</v>
      </c>
      <c r="E722" s="6" t="s">
        <v>307</v>
      </c>
      <c r="F722" s="11">
        <v>-849</v>
      </c>
      <c r="G722" s="13">
        <v>-0.69991755976900005</v>
      </c>
      <c r="H722" s="11">
        <v>-399.31206728599989</v>
      </c>
      <c r="I722" s="13">
        <v>-0.32926581688077383</v>
      </c>
      <c r="J722" s="11">
        <v>-430.12539724600003</v>
      </c>
      <c r="K722" s="13">
        <v>-0.52878467235051174</v>
      </c>
      <c r="L722" s="11">
        <v>-19.444838204000007</v>
      </c>
      <c r="M722" s="13">
        <v>-5.073044785761343E-2</v>
      </c>
      <c r="N722" s="11">
        <v>-449.57023545000004</v>
      </c>
      <c r="O722" s="13">
        <v>-0.55268963695954232</v>
      </c>
      <c r="P722" s="7">
        <v>1212.7346563599999</v>
      </c>
      <c r="Q722" s="7">
        <v>860.81535286500002</v>
      </c>
      <c r="R722" s="7">
        <v>920.370640342</v>
      </c>
      <c r="S722" s="7">
        <v>870.48994038399996</v>
      </c>
      <c r="T722" s="7">
        <v>819.54434594899999</v>
      </c>
      <c r="U722" s="7">
        <v>830.21070377000001</v>
      </c>
      <c r="V722" s="7">
        <v>813.42258907400003</v>
      </c>
      <c r="W722" s="7">
        <v>485.66939656599999</v>
      </c>
      <c r="X722" s="7">
        <v>358.78533508200002</v>
      </c>
      <c r="Y722" s="7">
        <v>383.297191828</v>
      </c>
      <c r="Z722" s="7">
        <v>380.04136699499998</v>
      </c>
      <c r="AA722" s="7">
        <v>354.53709902100002</v>
      </c>
      <c r="AB722" s="7">
        <v>333.05244474</v>
      </c>
      <c r="AC722" s="7">
        <v>365.46171500700001</v>
      </c>
      <c r="AD722" s="7">
        <v>405.95286321700002</v>
      </c>
      <c r="AE722" s="7">
        <v>388.301010894</v>
      </c>
      <c r="AF722" s="7">
        <v>363.85235362399999</v>
      </c>
      <c r="AG722" s="9">
        <v>6225.0913387999972</v>
      </c>
      <c r="AH722" s="13">
        <v>0.29375749625817926</v>
      </c>
      <c r="AI722" s="9">
        <v>1255.0099773000002</v>
      </c>
      <c r="AJ722" s="13">
        <v>5.9223000699255637E-2</v>
      </c>
      <c r="AK722" s="9">
        <v>-425.09390990000247</v>
      </c>
      <c r="AL722" s="13">
        <v>-1.8938287717425017E-2</v>
      </c>
      <c r="AM722" s="9">
        <v>5395.1752713999995</v>
      </c>
      <c r="AN722" s="13">
        <v>0.24499942113812451</v>
      </c>
      <c r="AO722" s="9">
        <v>4970.081361499997</v>
      </c>
      <c r="AP722" s="13">
        <v>0.22142126389258313</v>
      </c>
      <c r="AQ722" s="9">
        <v>21191.259518800001</v>
      </c>
      <c r="AR722" s="9">
        <v>20522.0196469</v>
      </c>
      <c r="AS722" s="9">
        <v>20592.532156400001</v>
      </c>
      <c r="AT722" s="9">
        <v>22177.634190000001</v>
      </c>
      <c r="AU722" s="9">
        <v>21878.911365</v>
      </c>
      <c r="AV722" s="9">
        <v>22825.843018799998</v>
      </c>
      <c r="AW722" s="9">
        <v>22446.269496100002</v>
      </c>
      <c r="AX722" s="9">
        <v>23199.060705799999</v>
      </c>
      <c r="AY722" s="9">
        <v>21753.68131</v>
      </c>
      <c r="AZ722" s="9">
        <v>22021.175586199999</v>
      </c>
      <c r="BA722" s="9">
        <v>22909.7197963</v>
      </c>
      <c r="BB722" s="9">
        <v>23661.810527500002</v>
      </c>
      <c r="BC722" s="9">
        <v>24985.423243599998</v>
      </c>
      <c r="BD722" s="9">
        <v>25622.902041099998</v>
      </c>
      <c r="BE722" s="9">
        <v>27386.824953200001</v>
      </c>
      <c r="BF722" s="9">
        <v>27416.350857599999</v>
      </c>
      <c r="BG722" s="11">
        <v>-3</v>
      </c>
      <c r="BH722" s="13">
        <v>-0.12</v>
      </c>
      <c r="BI722" s="6">
        <v>-6</v>
      </c>
      <c r="BJ722" s="13">
        <v>-0.24</v>
      </c>
      <c r="BK722" s="6">
        <v>0</v>
      </c>
      <c r="BL722" s="13">
        <v>0</v>
      </c>
      <c r="BM722" s="11">
        <v>3</v>
      </c>
      <c r="BN722" s="13">
        <v>0.15789473684210525</v>
      </c>
      <c r="BO722" s="11">
        <v>3</v>
      </c>
      <c r="BP722" s="13">
        <v>0.15789473684210525</v>
      </c>
      <c r="BQ722" s="6">
        <v>25</v>
      </c>
      <c r="BR722" s="6">
        <v>23</v>
      </c>
      <c r="BS722" s="6">
        <v>21</v>
      </c>
      <c r="BT722" s="6">
        <v>19</v>
      </c>
      <c r="BU722" s="6">
        <v>18</v>
      </c>
      <c r="BV722" s="6">
        <v>18</v>
      </c>
      <c r="BW722" s="6">
        <v>19</v>
      </c>
      <c r="BX722" s="6">
        <v>17</v>
      </c>
      <c r="BY722" s="6">
        <v>19</v>
      </c>
      <c r="BZ722" s="6">
        <v>18</v>
      </c>
      <c r="CA722" s="6">
        <v>19</v>
      </c>
      <c r="CB722" s="6">
        <v>21</v>
      </c>
      <c r="CC722" s="11">
        <v>22</v>
      </c>
      <c r="CD722" s="11">
        <v>-870.87900000000002</v>
      </c>
      <c r="CE722" s="11">
        <v>-110.569</v>
      </c>
      <c r="CF722" s="11">
        <v>132.56700000000001</v>
      </c>
      <c r="CG722" s="11">
        <v>22</v>
      </c>
      <c r="CH722" s="20">
        <v>2.2857500000000002</v>
      </c>
      <c r="CI722" s="20">
        <v>1.65713</v>
      </c>
      <c r="CJ722" s="20">
        <v>1.7455700000000001</v>
      </c>
      <c r="CK722" s="20">
        <v>1.6078399999999999</v>
      </c>
      <c r="CL722" s="20">
        <v>1.49553</v>
      </c>
      <c r="CM722" s="20">
        <v>1.5195099999999999</v>
      </c>
      <c r="CN722" s="20">
        <v>1.50729</v>
      </c>
      <c r="CO722" s="20">
        <v>0.92092200000000002</v>
      </c>
      <c r="CP722" s="20">
        <v>0.70750900000000005</v>
      </c>
      <c r="CQ722" s="20">
        <v>0.76339400000000002</v>
      </c>
      <c r="CR722" s="20">
        <v>0.75360700000000003</v>
      </c>
      <c r="CS722" s="20">
        <v>0.699963</v>
      </c>
      <c r="CT722" s="20">
        <v>0.65385000000000004</v>
      </c>
      <c r="CU722" s="20">
        <v>0.707179</v>
      </c>
      <c r="CV722" s="20">
        <v>0.77343600000000001</v>
      </c>
      <c r="CW722" s="20">
        <v>0.72867499999999996</v>
      </c>
      <c r="CX722" s="20">
        <v>0.67773499999999998</v>
      </c>
      <c r="CY722" s="6" t="s">
        <v>504</v>
      </c>
      <c r="CZ722" s="6" t="s">
        <v>505</v>
      </c>
      <c r="DA722" s="6" t="s">
        <v>168</v>
      </c>
      <c r="DB722" s="6"/>
      <c r="DC722" s="6">
        <v>41180</v>
      </c>
      <c r="DD722" s="6">
        <v>476</v>
      </c>
      <c r="DE722" s="6" t="s">
        <v>508</v>
      </c>
      <c r="DF722" s="6" t="s">
        <v>375</v>
      </c>
      <c r="DG722" s="6" t="s">
        <v>376</v>
      </c>
      <c r="DH722" s="6" t="s">
        <v>328</v>
      </c>
      <c r="DI722" s="6" t="s">
        <v>509</v>
      </c>
      <c r="DJ722" s="6">
        <v>29</v>
      </c>
      <c r="DK722" s="6">
        <v>71</v>
      </c>
      <c r="DL722" s="6">
        <v>1</v>
      </c>
      <c r="DM722" s="6" t="s">
        <v>404</v>
      </c>
      <c r="DN722" s="6">
        <v>1</v>
      </c>
      <c r="DO722" s="6" t="s">
        <v>405</v>
      </c>
      <c r="DP722" s="6"/>
      <c r="DQ722" s="6"/>
    </row>
    <row r="723" spans="1:121" x14ac:dyDescent="0.2">
      <c r="A723" s="6" t="s">
        <v>310</v>
      </c>
      <c r="B723" s="6" t="s">
        <v>310</v>
      </c>
      <c r="C723" s="6" t="s">
        <v>173</v>
      </c>
      <c r="D723" s="6" t="s">
        <v>168</v>
      </c>
      <c r="E723" s="6" t="s">
        <v>307</v>
      </c>
      <c r="F723" s="11">
        <v>12</v>
      </c>
      <c r="G723" s="13">
        <v>0.218181818182</v>
      </c>
      <c r="H723" s="11">
        <v>8.3883723085999975</v>
      </c>
      <c r="I723" s="13">
        <v>0.15161184535993985</v>
      </c>
      <c r="J723" s="11">
        <v>-4.2457652899997811E-2</v>
      </c>
      <c r="K723" s="13">
        <v>-6.6635443855074463E-4</v>
      </c>
      <c r="L723" s="11">
        <v>3.8080155025999929</v>
      </c>
      <c r="M723" s="13">
        <v>5.9805002223953775E-2</v>
      </c>
      <c r="N723" s="11">
        <v>3.7655578496999951</v>
      </c>
      <c r="O723" s="13">
        <v>5.9098796456723557E-2</v>
      </c>
      <c r="P723" s="7">
        <v>55.327948081400002</v>
      </c>
      <c r="Q723" s="7">
        <v>58.952605018</v>
      </c>
      <c r="R723" s="7">
        <v>60.832601087500002</v>
      </c>
      <c r="S723" s="7">
        <v>61.004601875600002</v>
      </c>
      <c r="T723" s="7">
        <v>74.983450477000005</v>
      </c>
      <c r="U723" s="7">
        <v>75.0482463413</v>
      </c>
      <c r="V723" s="7">
        <v>63.71632039</v>
      </c>
      <c r="W723" s="7">
        <v>65.248068869500003</v>
      </c>
      <c r="X723" s="7">
        <v>59.405044504199999</v>
      </c>
      <c r="Y723" s="7">
        <v>63.673862737100002</v>
      </c>
      <c r="Z723" s="7">
        <v>64.391628999999995</v>
      </c>
      <c r="AA723" s="7">
        <v>63.868532999999999</v>
      </c>
      <c r="AB723" s="7">
        <v>59.227553999999998</v>
      </c>
      <c r="AC723" s="7">
        <v>61.488425999999997</v>
      </c>
      <c r="AD723" s="7">
        <v>67.577243999999993</v>
      </c>
      <c r="AE723" s="7">
        <v>66.792124999999999</v>
      </c>
      <c r="AF723" s="7">
        <v>67.481878239699995</v>
      </c>
      <c r="AG723" s="9">
        <v>23317.265696000002</v>
      </c>
      <c r="AH723" s="13">
        <v>0.56785167462745456</v>
      </c>
      <c r="AI723" s="9">
        <v>10233.481286599999</v>
      </c>
      <c r="AJ723" s="13">
        <v>0.2492187360914021</v>
      </c>
      <c r="AK723" s="9">
        <v>8078.0273812000014</v>
      </c>
      <c r="AL723" s="13">
        <v>0.15747953403704296</v>
      </c>
      <c r="AM723" s="9">
        <v>5005.7570282000015</v>
      </c>
      <c r="AN723" s="13">
        <v>8.4309253741733883E-2</v>
      </c>
      <c r="AO723" s="9">
        <v>13083.784409400003</v>
      </c>
      <c r="AP723" s="13">
        <v>0.25506576977303591</v>
      </c>
      <c r="AQ723" s="9">
        <v>41062.246952599999</v>
      </c>
      <c r="AR723" s="9">
        <v>40398.060966899997</v>
      </c>
      <c r="AS723" s="9">
        <v>40673.2471582</v>
      </c>
      <c r="AT723" s="9">
        <v>45228.060372499996</v>
      </c>
      <c r="AU723" s="9">
        <v>46307.853333899999</v>
      </c>
      <c r="AV723" s="9">
        <v>51621.521542399998</v>
      </c>
      <c r="AW723" s="9">
        <v>51295.728239199998</v>
      </c>
      <c r="AX723" s="9">
        <v>53256.374102599999</v>
      </c>
      <c r="AY723" s="9">
        <v>55972.086706900001</v>
      </c>
      <c r="AZ723" s="9">
        <v>59373.755620399999</v>
      </c>
      <c r="BA723" s="9">
        <v>49912.884131799998</v>
      </c>
      <c r="BB723" s="9">
        <v>55811.422884599997</v>
      </c>
      <c r="BC723" s="9">
        <v>58609.974229200001</v>
      </c>
      <c r="BD723" s="9">
        <v>59094.389771499998</v>
      </c>
      <c r="BE723" s="9">
        <v>61081.066716300003</v>
      </c>
      <c r="BF723" s="9">
        <v>64379.512648600001</v>
      </c>
      <c r="BG723" s="11">
        <v>3.25</v>
      </c>
      <c r="BH723" s="13">
        <v>0.4642857142857143</v>
      </c>
      <c r="BI723" s="6">
        <v>1</v>
      </c>
      <c r="BJ723" s="13">
        <v>0.14285714285714285</v>
      </c>
      <c r="BK723" s="6">
        <v>1</v>
      </c>
      <c r="BL723" s="13">
        <v>0.125</v>
      </c>
      <c r="BM723" s="11">
        <v>1.25</v>
      </c>
      <c r="BN723" s="13">
        <v>0.1388888888888889</v>
      </c>
      <c r="BO723" s="11">
        <v>2.25</v>
      </c>
      <c r="BP723" s="13">
        <v>0.28125</v>
      </c>
      <c r="BQ723" s="6">
        <v>7</v>
      </c>
      <c r="BR723" s="6">
        <v>8</v>
      </c>
      <c r="BS723" s="6">
        <v>9</v>
      </c>
      <c r="BT723" s="6">
        <v>8</v>
      </c>
      <c r="BU723" s="6">
        <v>9</v>
      </c>
      <c r="BV723" s="6">
        <v>9</v>
      </c>
      <c r="BW723" s="6">
        <v>9</v>
      </c>
      <c r="BX723" s="6">
        <v>9</v>
      </c>
      <c r="BY723" s="6">
        <v>9</v>
      </c>
      <c r="BZ723" s="6">
        <v>9</v>
      </c>
      <c r="CA723" s="6">
        <v>11</v>
      </c>
      <c r="CB723" s="6">
        <v>11</v>
      </c>
      <c r="CC723" s="11">
        <v>10.25</v>
      </c>
      <c r="CD723" s="11">
        <v>0.36576199999999998</v>
      </c>
      <c r="CE723" s="11">
        <v>5.7401600000000004</v>
      </c>
      <c r="CF723" s="11">
        <v>6.0480099999999997</v>
      </c>
      <c r="CG723" s="11">
        <v>12</v>
      </c>
      <c r="CH723" s="20">
        <v>0.36754900000000001</v>
      </c>
      <c r="CI723" s="20">
        <v>0.41782799999999998</v>
      </c>
      <c r="CJ723" s="20">
        <v>0.43079299999999998</v>
      </c>
      <c r="CK723" s="20">
        <v>0.40710000000000002</v>
      </c>
      <c r="CL723" s="20">
        <v>0.46123799999999998</v>
      </c>
      <c r="CM723" s="20">
        <v>0.42030400000000001</v>
      </c>
      <c r="CN723" s="20">
        <v>0.33525100000000002</v>
      </c>
      <c r="CO723" s="20">
        <v>0.316965</v>
      </c>
      <c r="CP723" s="20">
        <v>0.32967600000000002</v>
      </c>
      <c r="CQ723" s="20">
        <v>0.34998200000000002</v>
      </c>
      <c r="CR723" s="20">
        <v>0.31721899999999997</v>
      </c>
      <c r="CS723" s="20">
        <v>0.290711</v>
      </c>
      <c r="CT723" s="20">
        <v>0.26604499999999998</v>
      </c>
      <c r="CU723" s="20">
        <v>0.26716200000000001</v>
      </c>
      <c r="CV723" s="20">
        <v>0.32676899999999998</v>
      </c>
      <c r="CW723" s="20">
        <v>0.374448</v>
      </c>
      <c r="CX723" s="20">
        <v>0.371838</v>
      </c>
      <c r="CY723" s="6" t="s">
        <v>504</v>
      </c>
      <c r="CZ723" s="6" t="s">
        <v>505</v>
      </c>
      <c r="DA723" s="6" t="s">
        <v>168</v>
      </c>
      <c r="DB723" s="6"/>
      <c r="DC723" s="6">
        <v>41180</v>
      </c>
      <c r="DD723" s="6">
        <v>476</v>
      </c>
      <c r="DE723" s="6" t="s">
        <v>508</v>
      </c>
      <c r="DF723" s="6" t="s">
        <v>375</v>
      </c>
      <c r="DG723" s="6" t="s">
        <v>376</v>
      </c>
      <c r="DH723" s="6" t="s">
        <v>328</v>
      </c>
      <c r="DI723" s="6" t="s">
        <v>509</v>
      </c>
      <c r="DJ723" s="6">
        <v>29</v>
      </c>
      <c r="DK723" s="6">
        <v>71</v>
      </c>
      <c r="DL723" s="6">
        <v>1</v>
      </c>
      <c r="DM723" s="6" t="s">
        <v>404</v>
      </c>
      <c r="DN723" s="6">
        <v>1</v>
      </c>
      <c r="DO723" s="6" t="s">
        <v>405</v>
      </c>
      <c r="DP723" s="6"/>
      <c r="DQ723" s="6"/>
    </row>
    <row r="724" spans="1:121" x14ac:dyDescent="0.2">
      <c r="A724" s="6" t="s">
        <v>311</v>
      </c>
      <c r="B724" s="6" t="s">
        <v>311</v>
      </c>
      <c r="C724" s="6" t="s">
        <v>174</v>
      </c>
      <c r="D724" s="6" t="s">
        <v>168</v>
      </c>
      <c r="E724" s="6" t="s">
        <v>307</v>
      </c>
      <c r="F724" s="11">
        <v>92</v>
      </c>
      <c r="G724" s="13">
        <v>0.32740213523099998</v>
      </c>
      <c r="H724" s="11">
        <v>85.264137000000005</v>
      </c>
      <c r="I724" s="13">
        <v>0.30322712857916684</v>
      </c>
      <c r="J724" s="11">
        <v>-23.499461999999994</v>
      </c>
      <c r="K724" s="13">
        <v>-6.4126784010452617E-2</v>
      </c>
      <c r="L724" s="11">
        <v>29.668440879999991</v>
      </c>
      <c r="M724" s="13">
        <v>8.6508592612073013E-2</v>
      </c>
      <c r="N724" s="11">
        <v>6.1689788799999974</v>
      </c>
      <c r="O724" s="13">
        <v>1.683429076813775E-2</v>
      </c>
      <c r="P724" s="7">
        <v>281.18901299999999</v>
      </c>
      <c r="Q724" s="7">
        <v>304.02086700000001</v>
      </c>
      <c r="R724" s="7">
        <v>337.733791</v>
      </c>
      <c r="S724" s="7">
        <v>374.74158199999999</v>
      </c>
      <c r="T724" s="7">
        <v>324.84844299999997</v>
      </c>
      <c r="U724" s="7">
        <v>346.86631599999998</v>
      </c>
      <c r="V724" s="7">
        <v>366.45314999999999</v>
      </c>
      <c r="W724" s="7">
        <v>363.196482</v>
      </c>
      <c r="X724" s="7">
        <v>348.87485600000002</v>
      </c>
      <c r="Y724" s="7">
        <v>342.953688</v>
      </c>
      <c r="Z724" s="7">
        <v>331.29014223299998</v>
      </c>
      <c r="AA724" s="7">
        <v>336.86744894399999</v>
      </c>
      <c r="AB724" s="7">
        <v>373.531785899</v>
      </c>
      <c r="AC724" s="7">
        <v>373.93128644299998</v>
      </c>
      <c r="AD724" s="7">
        <v>379.46450870000001</v>
      </c>
      <c r="AE724" s="7">
        <v>353.49027506900001</v>
      </c>
      <c r="AF724" s="7">
        <v>372.62212887999999</v>
      </c>
      <c r="AG724" s="9">
        <v>16896.413321</v>
      </c>
      <c r="AH724" s="13">
        <v>0.15092838333417288</v>
      </c>
      <c r="AI724" s="9">
        <v>7990.6879760000011</v>
      </c>
      <c r="AJ724" s="13">
        <v>7.1377374300294213E-2</v>
      </c>
      <c r="AK724" s="9">
        <v>7642.382620000004</v>
      </c>
      <c r="AL724" s="13">
        <v>6.3718083094791225E-2</v>
      </c>
      <c r="AM724" s="9">
        <v>1263.342724999995</v>
      </c>
      <c r="AN724" s="13">
        <v>9.9021286941302477E-3</v>
      </c>
      <c r="AO724" s="9">
        <v>8905.7253449999989</v>
      </c>
      <c r="AP724" s="13">
        <v>7.4251156447869379E-2</v>
      </c>
      <c r="AQ724" s="9">
        <v>111949.87283199999</v>
      </c>
      <c r="AR724" s="9">
        <v>120926.09957599999</v>
      </c>
      <c r="AS724" s="9">
        <v>105404.57127099999</v>
      </c>
      <c r="AT724" s="9">
        <v>107230.514249</v>
      </c>
      <c r="AU724" s="9">
        <v>124093.100859</v>
      </c>
      <c r="AV724" s="9">
        <v>125188.972121</v>
      </c>
      <c r="AW724" s="9">
        <v>119940.56080799999</v>
      </c>
      <c r="AX724" s="9">
        <v>119136.53258299999</v>
      </c>
      <c r="AY724" s="9">
        <v>121350.052706</v>
      </c>
      <c r="AZ724" s="9">
        <v>127582.943428</v>
      </c>
      <c r="BA724" s="9">
        <v>137524.683342</v>
      </c>
      <c r="BB724" s="9">
        <v>142161.969285</v>
      </c>
      <c r="BC724" s="9">
        <v>129039.78647599999</v>
      </c>
      <c r="BD724" s="9">
        <v>126892.87248400001</v>
      </c>
      <c r="BE724" s="9">
        <v>123907.529788</v>
      </c>
      <c r="BF724" s="9">
        <v>128846.28615299999</v>
      </c>
      <c r="BG724" s="11">
        <v>1</v>
      </c>
      <c r="BH724" s="13">
        <v>0.16666666666666666</v>
      </c>
      <c r="BI724" s="6">
        <v>1</v>
      </c>
      <c r="BJ724" s="13">
        <v>0.16666666666666666</v>
      </c>
      <c r="BK724" s="6">
        <v>0</v>
      </c>
      <c r="BL724" s="13">
        <v>0</v>
      </c>
      <c r="BM724" s="11">
        <v>0</v>
      </c>
      <c r="BN724" s="13">
        <v>0</v>
      </c>
      <c r="BO724" s="11">
        <v>0</v>
      </c>
      <c r="BP724" s="13">
        <v>0</v>
      </c>
      <c r="BQ724" s="6">
        <v>6</v>
      </c>
      <c r="BR724" s="6">
        <v>5</v>
      </c>
      <c r="BS724" s="6">
        <v>6</v>
      </c>
      <c r="BT724" s="6">
        <v>7</v>
      </c>
      <c r="BU724" s="6">
        <v>7</v>
      </c>
      <c r="BV724" s="6">
        <v>7</v>
      </c>
      <c r="BW724" s="6">
        <v>7</v>
      </c>
      <c r="BX724" s="6">
        <v>7</v>
      </c>
      <c r="BY724" s="6">
        <v>8</v>
      </c>
      <c r="BZ724" s="6">
        <v>7</v>
      </c>
      <c r="CA724" s="6">
        <v>7</v>
      </c>
      <c r="CB724" s="6">
        <v>7</v>
      </c>
      <c r="CC724" s="11">
        <v>7</v>
      </c>
      <c r="CD724" s="11">
        <v>106.486</v>
      </c>
      <c r="CE724" s="11">
        <v>-45.789900000000003</v>
      </c>
      <c r="CF724" s="11">
        <v>30.737300000000001</v>
      </c>
      <c r="CG724" s="11">
        <v>-15</v>
      </c>
      <c r="CH724" s="20">
        <v>1.7049000000000001</v>
      </c>
      <c r="CI724" s="20">
        <v>1.889</v>
      </c>
      <c r="CJ724" s="20">
        <v>2.1348099999999999</v>
      </c>
      <c r="CK724" s="20">
        <v>2.3696199999999998</v>
      </c>
      <c r="CL724" s="20">
        <v>2.0916600000000001</v>
      </c>
      <c r="CM724" s="20">
        <v>2.25183</v>
      </c>
      <c r="CN724" s="20">
        <v>2.37608</v>
      </c>
      <c r="CO724" s="20">
        <v>2.3078599999999998</v>
      </c>
      <c r="CP724" s="20">
        <v>2.2737699999999998</v>
      </c>
      <c r="CQ724" s="20">
        <v>2.2812000000000001</v>
      </c>
      <c r="CR724" s="20">
        <v>2.2128299999999999</v>
      </c>
      <c r="CS724" s="20">
        <v>2.2696999999999998</v>
      </c>
      <c r="CT724" s="20">
        <v>2.5335800000000002</v>
      </c>
      <c r="CU724" s="20">
        <v>2.5186000000000002</v>
      </c>
      <c r="CV724" s="20">
        <v>2.5202200000000001</v>
      </c>
      <c r="CW724" s="20">
        <v>2.30945</v>
      </c>
      <c r="CX724" s="20">
        <v>2.4018199999999998</v>
      </c>
      <c r="CY724" s="6" t="s">
        <v>504</v>
      </c>
      <c r="CZ724" s="6" t="s">
        <v>505</v>
      </c>
      <c r="DA724" s="6" t="s">
        <v>168</v>
      </c>
      <c r="DB724" s="6"/>
      <c r="DC724" s="6">
        <v>41180</v>
      </c>
      <c r="DD724" s="6">
        <v>476</v>
      </c>
      <c r="DE724" s="6" t="s">
        <v>508</v>
      </c>
      <c r="DF724" s="6" t="s">
        <v>375</v>
      </c>
      <c r="DG724" s="6" t="s">
        <v>376</v>
      </c>
      <c r="DH724" s="6" t="s">
        <v>328</v>
      </c>
      <c r="DI724" s="6" t="s">
        <v>509</v>
      </c>
      <c r="DJ724" s="6">
        <v>29</v>
      </c>
      <c r="DK724" s="6">
        <v>71</v>
      </c>
      <c r="DL724" s="6">
        <v>1</v>
      </c>
      <c r="DM724" s="6" t="s">
        <v>404</v>
      </c>
      <c r="DN724" s="6">
        <v>1</v>
      </c>
      <c r="DO724" s="6" t="s">
        <v>405</v>
      </c>
      <c r="DP724" s="6"/>
      <c r="DQ724" s="6"/>
    </row>
    <row r="725" spans="1:121" x14ac:dyDescent="0.2">
      <c r="A725" s="6" t="s">
        <v>312</v>
      </c>
      <c r="B725" s="6" t="s">
        <v>312</v>
      </c>
      <c r="C725" s="6" t="s">
        <v>175</v>
      </c>
      <c r="D725" s="6" t="s">
        <v>168</v>
      </c>
      <c r="E725" s="6" t="s">
        <v>307</v>
      </c>
      <c r="F725" s="11">
        <v>246</v>
      </c>
      <c r="G725" s="13">
        <v>8.0026024723499997E-2</v>
      </c>
      <c r="H725" s="11">
        <v>684.67466789000036</v>
      </c>
      <c r="I725" s="13">
        <v>0.22276263478675956</v>
      </c>
      <c r="J725" s="11">
        <v>-934.57048973000019</v>
      </c>
      <c r="K725" s="13">
        <v>-0.24867263174791707</v>
      </c>
      <c r="L725" s="11">
        <v>496.49989176999998</v>
      </c>
      <c r="M725" s="13">
        <v>0.17583522289478412</v>
      </c>
      <c r="N725" s="11">
        <v>-438.07059796000021</v>
      </c>
      <c r="O725" s="13">
        <v>-0.11656281648436057</v>
      </c>
      <c r="P725" s="7">
        <v>3073.5615447599998</v>
      </c>
      <c r="Q725" s="7">
        <v>3119.1873537400002</v>
      </c>
      <c r="R725" s="7">
        <v>3298.5920361499998</v>
      </c>
      <c r="S725" s="7">
        <v>3645.3652848000002</v>
      </c>
      <c r="T725" s="7">
        <v>3691.0595248</v>
      </c>
      <c r="U725" s="7">
        <v>3801.0266059800001</v>
      </c>
      <c r="V725" s="7">
        <v>3758.2362126500002</v>
      </c>
      <c r="W725" s="7">
        <v>3521.54089578</v>
      </c>
      <c r="X725" s="7">
        <v>2996.4848366000001</v>
      </c>
      <c r="Y725" s="7">
        <v>2823.66572292</v>
      </c>
      <c r="Z725" s="7">
        <v>2916.5355058499999</v>
      </c>
      <c r="AA725" s="7">
        <v>3039.4108473699998</v>
      </c>
      <c r="AB725" s="7">
        <v>3099.1662224299998</v>
      </c>
      <c r="AC725" s="7">
        <v>3009.1038677199999</v>
      </c>
      <c r="AD725" s="7">
        <v>3226.6812821399999</v>
      </c>
      <c r="AE725" s="7">
        <v>3280.70027497</v>
      </c>
      <c r="AF725" s="7">
        <v>3320.16561469</v>
      </c>
      <c r="AG725" s="9">
        <v>10357.4490066</v>
      </c>
      <c r="AH725" s="13">
        <v>0.29908727566732546</v>
      </c>
      <c r="AI725" s="9">
        <v>5644.4460327999986</v>
      </c>
      <c r="AJ725" s="13">
        <v>0.16299206354051535</v>
      </c>
      <c r="AK725" s="9">
        <v>-2118.618750900001</v>
      </c>
      <c r="AL725" s="13">
        <v>-5.2604293684741725E-2</v>
      </c>
      <c r="AM725" s="9">
        <v>6831.6217247000022</v>
      </c>
      <c r="AN725" s="13">
        <v>0.17904441597748447</v>
      </c>
      <c r="AO725" s="9">
        <v>4713.0029738000012</v>
      </c>
      <c r="AP725" s="13">
        <v>0.11702161725205008</v>
      </c>
      <c r="AQ725" s="9">
        <v>34630.189410400002</v>
      </c>
      <c r="AR725" s="9">
        <v>34664.932931800002</v>
      </c>
      <c r="AS725" s="9">
        <v>35148.169163799997</v>
      </c>
      <c r="AT725" s="9">
        <v>36430.742763299997</v>
      </c>
      <c r="AU725" s="9">
        <v>37918.327179799999</v>
      </c>
      <c r="AV725" s="9">
        <v>39360.653615199997</v>
      </c>
      <c r="AW725" s="9">
        <v>40274.635443200001</v>
      </c>
      <c r="AX725" s="9">
        <v>39838.607497999998</v>
      </c>
      <c r="AY725" s="9">
        <v>36829.975089599997</v>
      </c>
      <c r="AZ725" s="9">
        <v>38156.0166923</v>
      </c>
      <c r="BA725" s="9">
        <v>39468.384981399999</v>
      </c>
      <c r="BB725" s="9">
        <v>40682.972225099998</v>
      </c>
      <c r="BC725" s="9">
        <v>42510.819366800002</v>
      </c>
      <c r="BD725" s="9">
        <v>43187.051144999998</v>
      </c>
      <c r="BE725" s="9">
        <v>44033.096431400001</v>
      </c>
      <c r="BF725" s="9">
        <v>44987.638417000002</v>
      </c>
      <c r="BG725" s="11">
        <v>-50.25</v>
      </c>
      <c r="BH725" s="13">
        <v>-0.10900216919739697</v>
      </c>
      <c r="BI725" s="6">
        <v>32</v>
      </c>
      <c r="BJ725" s="13">
        <v>6.9414316702819959E-2</v>
      </c>
      <c r="BK725" s="6">
        <v>-60</v>
      </c>
      <c r="BL725" s="13">
        <v>-0.12170385395537525</v>
      </c>
      <c r="BM725" s="11">
        <v>-22.25</v>
      </c>
      <c r="BN725" s="13">
        <v>-5.1385681293302538E-2</v>
      </c>
      <c r="BO725" s="11">
        <v>-82.25</v>
      </c>
      <c r="BP725" s="13">
        <v>-0.16683569979716023</v>
      </c>
      <c r="BQ725" s="6">
        <v>461</v>
      </c>
      <c r="BR725" s="6">
        <v>478</v>
      </c>
      <c r="BS725" s="6">
        <v>488</v>
      </c>
      <c r="BT725" s="6">
        <v>493</v>
      </c>
      <c r="BU725" s="6">
        <v>483</v>
      </c>
      <c r="BV725" s="6">
        <v>455</v>
      </c>
      <c r="BW725" s="6">
        <v>433</v>
      </c>
      <c r="BX725" s="6">
        <v>416</v>
      </c>
      <c r="BY725" s="6">
        <v>407</v>
      </c>
      <c r="BZ725" s="6">
        <v>400</v>
      </c>
      <c r="CA725" s="6">
        <v>398</v>
      </c>
      <c r="CB725" s="6">
        <v>411</v>
      </c>
      <c r="CC725" s="11">
        <v>410.75</v>
      </c>
      <c r="CD725" s="11">
        <v>282.91300000000001</v>
      </c>
      <c r="CE725" s="11">
        <v>-372.28699999999998</v>
      </c>
      <c r="CF725" s="11">
        <v>335.97699999999998</v>
      </c>
      <c r="CG725" s="11">
        <v>-36</v>
      </c>
      <c r="CH725" s="20">
        <v>1.2848200000000001</v>
      </c>
      <c r="CI725" s="20">
        <v>1.3269599999999999</v>
      </c>
      <c r="CJ725" s="20">
        <v>1.3642300000000001</v>
      </c>
      <c r="CK725" s="20">
        <v>1.4140999999999999</v>
      </c>
      <c r="CL725" s="20">
        <v>1.3593</v>
      </c>
      <c r="CM725" s="20">
        <v>1.3441000000000001</v>
      </c>
      <c r="CN725" s="20">
        <v>1.3452200000000001</v>
      </c>
      <c r="CO725" s="20">
        <v>1.3257300000000001</v>
      </c>
      <c r="CP725" s="20">
        <v>1.3346100000000001</v>
      </c>
      <c r="CQ725" s="20">
        <v>1.3731800000000001</v>
      </c>
      <c r="CR725" s="20">
        <v>1.43926</v>
      </c>
      <c r="CS725" s="20">
        <v>1.4987299999999999</v>
      </c>
      <c r="CT725" s="20">
        <v>1.5011699999999999</v>
      </c>
      <c r="CU725" s="20">
        <v>1.4034500000000001</v>
      </c>
      <c r="CV725" s="20">
        <v>1.44285</v>
      </c>
      <c r="CW725" s="20">
        <v>1.4133199999999999</v>
      </c>
      <c r="CX725" s="20">
        <v>1.4131899999999999</v>
      </c>
      <c r="CY725" s="6" t="s">
        <v>504</v>
      </c>
      <c r="CZ725" s="6" t="s">
        <v>505</v>
      </c>
      <c r="DA725" s="6" t="s">
        <v>168</v>
      </c>
      <c r="DB725" s="6"/>
      <c r="DC725" s="6">
        <v>41180</v>
      </c>
      <c r="DD725" s="6">
        <v>476</v>
      </c>
      <c r="DE725" s="6" t="s">
        <v>508</v>
      </c>
      <c r="DF725" s="6" t="s">
        <v>375</v>
      </c>
      <c r="DG725" s="6" t="s">
        <v>376</v>
      </c>
      <c r="DH725" s="6" t="s">
        <v>328</v>
      </c>
      <c r="DI725" s="6" t="s">
        <v>509</v>
      </c>
      <c r="DJ725" s="6">
        <v>29</v>
      </c>
      <c r="DK725" s="6">
        <v>71</v>
      </c>
      <c r="DL725" s="6">
        <v>1</v>
      </c>
      <c r="DM725" s="6" t="s">
        <v>404</v>
      </c>
      <c r="DN725" s="6">
        <v>1</v>
      </c>
      <c r="DO725" s="6" t="s">
        <v>405</v>
      </c>
      <c r="DP725" s="6"/>
      <c r="DQ725" s="6"/>
    </row>
    <row r="726" spans="1:121" x14ac:dyDescent="0.2">
      <c r="A726" s="6" t="s">
        <v>792</v>
      </c>
      <c r="B726" s="6" t="s">
        <v>176</v>
      </c>
      <c r="C726" s="6" t="s">
        <v>177</v>
      </c>
      <c r="D726" s="6" t="s">
        <v>168</v>
      </c>
      <c r="E726" s="6" t="s">
        <v>307</v>
      </c>
      <c r="F726" s="11">
        <v>-672</v>
      </c>
      <c r="G726" s="13">
        <v>-6.3205417607199998E-2</v>
      </c>
      <c r="H726" s="11">
        <v>-745.14590852000038</v>
      </c>
      <c r="I726" s="13">
        <v>-7.0088105297737707E-2</v>
      </c>
      <c r="J726" s="11">
        <v>-1776.6575458400002</v>
      </c>
      <c r="K726" s="13">
        <v>-0.17970696950841605</v>
      </c>
      <c r="L726" s="11">
        <v>1850.3977859700008</v>
      </c>
      <c r="M726" s="13">
        <v>0.22816933372408135</v>
      </c>
      <c r="N726" s="11">
        <v>73.740240130000529</v>
      </c>
      <c r="O726" s="13">
        <v>7.4587447173562835E-3</v>
      </c>
      <c r="P726" s="7">
        <v>10631.5601678</v>
      </c>
      <c r="Q726" s="7">
        <v>10058.5922464</v>
      </c>
      <c r="R726" s="7">
        <v>9681.9257121299997</v>
      </c>
      <c r="S726" s="7">
        <v>9787.8502879200005</v>
      </c>
      <c r="T726" s="7">
        <v>9628.74954144</v>
      </c>
      <c r="U726" s="7">
        <v>9580.6013016699999</v>
      </c>
      <c r="V726" s="7">
        <v>9886.4142592799999</v>
      </c>
      <c r="W726" s="7">
        <v>9939.6157750799994</v>
      </c>
      <c r="X726" s="7">
        <v>8195.1932751999993</v>
      </c>
      <c r="Y726" s="7">
        <v>8109.7567134399997</v>
      </c>
      <c r="Z726" s="7">
        <v>8242.4441062299993</v>
      </c>
      <c r="AA726" s="7">
        <v>8301.2542170300003</v>
      </c>
      <c r="AB726" s="7">
        <v>8611.6534922899991</v>
      </c>
      <c r="AC726" s="7">
        <v>8901.5617806999999</v>
      </c>
      <c r="AD726" s="7">
        <v>9373.3802882100008</v>
      </c>
      <c r="AE726" s="7">
        <v>9672.1042105699999</v>
      </c>
      <c r="AF726" s="7">
        <v>9960.1544994100004</v>
      </c>
      <c r="AG726" s="9">
        <v>23676.353589399994</v>
      </c>
      <c r="AH726" s="13">
        <v>0.63155634555465789</v>
      </c>
      <c r="AI726" s="9">
        <v>9651.1344091999999</v>
      </c>
      <c r="AJ726" s="13">
        <v>0.25743977656508843</v>
      </c>
      <c r="AK726" s="9">
        <v>4023.0577912000008</v>
      </c>
      <c r="AL726" s="13">
        <v>8.5342696905497811E-2</v>
      </c>
      <c r="AM726" s="9">
        <v>10002.161388999994</v>
      </c>
      <c r="AN726" s="13">
        <v>0.19549563324296812</v>
      </c>
      <c r="AO726" s="9">
        <v>14025.219180199994</v>
      </c>
      <c r="AP726" s="13">
        <v>0.29752245472266892</v>
      </c>
      <c r="AQ726" s="9">
        <v>37488.901435400003</v>
      </c>
      <c r="AR726" s="9">
        <v>40057.468738900003</v>
      </c>
      <c r="AS726" s="9">
        <v>41848.736208599999</v>
      </c>
      <c r="AT726" s="9">
        <v>42992.747927099997</v>
      </c>
      <c r="AU726" s="9">
        <v>45817.0320717</v>
      </c>
      <c r="AV726" s="9">
        <v>45899.140299899998</v>
      </c>
      <c r="AW726" s="9">
        <v>47140.035844600003</v>
      </c>
      <c r="AX726" s="9">
        <v>48210.293870200003</v>
      </c>
      <c r="AY726" s="9">
        <v>47696.082195299998</v>
      </c>
      <c r="AZ726" s="9">
        <v>51163.093635800004</v>
      </c>
      <c r="BA726" s="9">
        <v>51876.565136800004</v>
      </c>
      <c r="BB726" s="9">
        <v>55419.9165402</v>
      </c>
      <c r="BC726" s="9">
        <v>56564.958083899997</v>
      </c>
      <c r="BD726" s="9">
        <v>56928.125320400002</v>
      </c>
      <c r="BE726" s="9">
        <v>61105.629498900002</v>
      </c>
      <c r="BF726" s="9">
        <v>61165.255024799997</v>
      </c>
      <c r="BG726" s="11">
        <v>-1</v>
      </c>
      <c r="BH726" s="13">
        <v>-4.4052863436123352E-3</v>
      </c>
      <c r="BI726" s="6">
        <v>12</v>
      </c>
      <c r="BJ726" s="13">
        <v>5.2863436123348019E-2</v>
      </c>
      <c r="BK726" s="6">
        <v>1</v>
      </c>
      <c r="BL726" s="13">
        <v>4.1841004184100415E-3</v>
      </c>
      <c r="BM726" s="11">
        <v>-14</v>
      </c>
      <c r="BN726" s="13">
        <v>-5.8333333333333334E-2</v>
      </c>
      <c r="BO726" s="11">
        <v>-13</v>
      </c>
      <c r="BP726" s="13">
        <v>-5.4393305439330547E-2</v>
      </c>
      <c r="BQ726" s="6">
        <v>227</v>
      </c>
      <c r="BR726" s="6">
        <v>248</v>
      </c>
      <c r="BS726" s="6">
        <v>242</v>
      </c>
      <c r="BT726" s="6">
        <v>239</v>
      </c>
      <c r="BU726" s="6">
        <v>234</v>
      </c>
      <c r="BV726" s="6">
        <v>231</v>
      </c>
      <c r="BW726" s="6">
        <v>240</v>
      </c>
      <c r="BX726" s="6">
        <v>237</v>
      </c>
      <c r="BY726" s="6">
        <v>233</v>
      </c>
      <c r="BZ726" s="6">
        <v>225</v>
      </c>
      <c r="CA726" s="6">
        <v>223</v>
      </c>
      <c r="CB726" s="6">
        <v>225</v>
      </c>
      <c r="CC726" s="11">
        <v>226</v>
      </c>
      <c r="CD726" s="11">
        <v>1919.14</v>
      </c>
      <c r="CE726" s="11">
        <v>-3752.7</v>
      </c>
      <c r="CF726" s="11">
        <v>1162.1600000000001</v>
      </c>
      <c r="CG726" s="11">
        <v>-2591</v>
      </c>
      <c r="CH726" s="20">
        <v>2.3214199999999998</v>
      </c>
      <c r="CI726" s="20">
        <v>2.3885999999999998</v>
      </c>
      <c r="CJ726" s="20">
        <v>2.3892899999999999</v>
      </c>
      <c r="CK726" s="20">
        <v>2.3996200000000001</v>
      </c>
      <c r="CL726" s="20">
        <v>2.3598400000000002</v>
      </c>
      <c r="CM726" s="20">
        <v>2.3632</v>
      </c>
      <c r="CN726" s="20">
        <v>2.4990899999999998</v>
      </c>
      <c r="CO726" s="20">
        <v>2.5854599999999999</v>
      </c>
      <c r="CP726" s="20">
        <v>2.4847899999999998</v>
      </c>
      <c r="CQ726" s="20">
        <v>2.5398200000000002</v>
      </c>
      <c r="CR726" s="20">
        <v>2.5414300000000001</v>
      </c>
      <c r="CS726" s="20">
        <v>2.5392100000000002</v>
      </c>
      <c r="CT726" s="20">
        <v>2.6283300000000001</v>
      </c>
      <c r="CU726" s="20">
        <v>2.6800999999999999</v>
      </c>
      <c r="CV726" s="20">
        <v>2.7815300000000001</v>
      </c>
      <c r="CW726" s="20">
        <v>2.8254700000000001</v>
      </c>
      <c r="CX726" s="20">
        <v>2.8932600000000002</v>
      </c>
      <c r="CY726" s="6" t="s">
        <v>504</v>
      </c>
      <c r="CZ726" s="6" t="s">
        <v>505</v>
      </c>
      <c r="DA726" s="6" t="s">
        <v>168</v>
      </c>
      <c r="DB726" s="6"/>
      <c r="DC726" s="6">
        <v>41180</v>
      </c>
      <c r="DD726" s="6">
        <v>476</v>
      </c>
      <c r="DE726" s="6" t="s">
        <v>508</v>
      </c>
      <c r="DF726" s="6" t="s">
        <v>375</v>
      </c>
      <c r="DG726" s="6" t="s">
        <v>376</v>
      </c>
      <c r="DH726" s="6" t="s">
        <v>328</v>
      </c>
      <c r="DI726" s="6" t="s">
        <v>509</v>
      </c>
      <c r="DJ726" s="6">
        <v>29</v>
      </c>
      <c r="DK726" s="6">
        <v>71</v>
      </c>
      <c r="DL726" s="6">
        <v>1</v>
      </c>
      <c r="DM726" s="6" t="s">
        <v>404</v>
      </c>
      <c r="DN726" s="6">
        <v>1</v>
      </c>
      <c r="DO726" s="6" t="s">
        <v>405</v>
      </c>
      <c r="DP726" s="6"/>
      <c r="DQ726" s="6"/>
    </row>
    <row r="727" spans="1:121" x14ac:dyDescent="0.2">
      <c r="A727" s="6" t="s">
        <v>313</v>
      </c>
      <c r="B727" s="6" t="s">
        <v>313</v>
      </c>
      <c r="C727" s="6" t="s">
        <v>178</v>
      </c>
      <c r="D727" s="6" t="s">
        <v>168</v>
      </c>
      <c r="E727" s="6" t="s">
        <v>307</v>
      </c>
      <c r="F727" s="11">
        <v>137</v>
      </c>
      <c r="G727" s="13">
        <v>0.15693012600199999</v>
      </c>
      <c r="H727" s="11">
        <v>12.387093234999952</v>
      </c>
      <c r="I727" s="13">
        <v>1.4184749436995898E-2</v>
      </c>
      <c r="J727" s="11">
        <v>109.38133939400007</v>
      </c>
      <c r="K727" s="13">
        <v>0.1235032606471308</v>
      </c>
      <c r="L727" s="11">
        <v>14.789086702999953</v>
      </c>
      <c r="M727" s="13">
        <v>1.4862853754089411E-2</v>
      </c>
      <c r="N727" s="11">
        <v>124.17042609700002</v>
      </c>
      <c r="O727" s="13">
        <v>0.14020172530237171</v>
      </c>
      <c r="P727" s="7">
        <v>873.26838517800002</v>
      </c>
      <c r="Q727" s="7">
        <v>886.78872890100001</v>
      </c>
      <c r="R727" s="7">
        <v>860.17651639099995</v>
      </c>
      <c r="S727" s="7">
        <v>881.01583317500001</v>
      </c>
      <c r="T727" s="7">
        <v>832.81523698800004</v>
      </c>
      <c r="U727" s="7">
        <v>870.695737829</v>
      </c>
      <c r="V727" s="7">
        <v>885.65547841299997</v>
      </c>
      <c r="W727" s="7">
        <v>920.32953751800005</v>
      </c>
      <c r="X727" s="7">
        <v>933.99744971400003</v>
      </c>
      <c r="Y727" s="7">
        <v>995.03681780700003</v>
      </c>
      <c r="Z727" s="7">
        <v>1247.06522406</v>
      </c>
      <c r="AA727" s="7">
        <v>1167.5066488499999</v>
      </c>
      <c r="AB727" s="7">
        <v>988.92616508000003</v>
      </c>
      <c r="AC727" s="7">
        <v>1042.6345131099999</v>
      </c>
      <c r="AD727" s="7">
        <v>1063.96315888</v>
      </c>
      <c r="AE727" s="7">
        <v>991.569121494</v>
      </c>
      <c r="AF727" s="7">
        <v>1009.82590451</v>
      </c>
      <c r="AG727" s="9">
        <v>19116.0607867</v>
      </c>
      <c r="AH727" s="13">
        <v>0.47585030027795594</v>
      </c>
      <c r="AI727" s="9">
        <v>8173.1733172000022</v>
      </c>
      <c r="AJ727" s="13">
        <v>0.20345232318571169</v>
      </c>
      <c r="AK727" s="9">
        <v>7516.8473163000017</v>
      </c>
      <c r="AL727" s="13">
        <v>0.15548152228924297</v>
      </c>
      <c r="AM727" s="9">
        <v>3426.040153199996</v>
      </c>
      <c r="AN727" s="13">
        <v>6.1329934221207166E-2</v>
      </c>
      <c r="AO727" s="9">
        <v>10942.887469499998</v>
      </c>
      <c r="AP727" s="13">
        <v>0.22634712804506252</v>
      </c>
      <c r="AQ727" s="9">
        <v>40172.425604299999</v>
      </c>
      <c r="AR727" s="9">
        <v>38934.939119499999</v>
      </c>
      <c r="AS727" s="9">
        <v>39715.464519599998</v>
      </c>
      <c r="AT727" s="9">
        <v>39392.466473</v>
      </c>
      <c r="AU727" s="9">
        <v>42505.717139100001</v>
      </c>
      <c r="AV727" s="9">
        <v>48072.914336900001</v>
      </c>
      <c r="AW727" s="9">
        <v>48345.598921500001</v>
      </c>
      <c r="AX727" s="9">
        <v>48195.519978299999</v>
      </c>
      <c r="AY727" s="9">
        <v>52939.421671600001</v>
      </c>
      <c r="AZ727" s="9">
        <v>55862.446237800003</v>
      </c>
      <c r="BA727" s="9">
        <v>52475.365935100002</v>
      </c>
      <c r="BB727" s="9">
        <v>52105.259239599996</v>
      </c>
      <c r="BC727" s="9">
        <v>51360.075708700002</v>
      </c>
      <c r="BD727" s="9">
        <v>51041.881989499998</v>
      </c>
      <c r="BE727" s="9">
        <v>54174.155398800001</v>
      </c>
      <c r="BF727" s="9">
        <v>59288.486390999999</v>
      </c>
      <c r="BG727" s="11">
        <v>0.75</v>
      </c>
      <c r="BH727" s="13">
        <v>5.3956834532374104E-3</v>
      </c>
      <c r="BI727" s="6">
        <v>-3</v>
      </c>
      <c r="BJ727" s="13">
        <v>-2.1582733812949641E-2</v>
      </c>
      <c r="BK727" s="6">
        <v>4</v>
      </c>
      <c r="BL727" s="13">
        <v>2.9411764705882353E-2</v>
      </c>
      <c r="BM727" s="11">
        <v>-0.25</v>
      </c>
      <c r="BN727" s="13">
        <v>-1.7857142857142857E-3</v>
      </c>
      <c r="BO727" s="11">
        <v>3.75</v>
      </c>
      <c r="BP727" s="13">
        <v>2.7573529411764705E-2</v>
      </c>
      <c r="BQ727" s="6">
        <v>139</v>
      </c>
      <c r="BR727" s="6">
        <v>133</v>
      </c>
      <c r="BS727" s="6">
        <v>133</v>
      </c>
      <c r="BT727" s="6">
        <v>136</v>
      </c>
      <c r="BU727" s="6">
        <v>134</v>
      </c>
      <c r="BV727" s="6">
        <v>124</v>
      </c>
      <c r="BW727" s="6">
        <v>140</v>
      </c>
      <c r="BX727" s="6">
        <v>142</v>
      </c>
      <c r="BY727" s="6">
        <v>149</v>
      </c>
      <c r="BZ727" s="6">
        <v>146</v>
      </c>
      <c r="CA727" s="6">
        <v>147</v>
      </c>
      <c r="CB727" s="6">
        <v>147</v>
      </c>
      <c r="CC727" s="11">
        <v>139.75</v>
      </c>
      <c r="CD727" s="11">
        <v>112.504</v>
      </c>
      <c r="CE727" s="11">
        <v>-71.405000000000001</v>
      </c>
      <c r="CF727" s="11">
        <v>95.458799999999997</v>
      </c>
      <c r="CG727" s="11">
        <v>24</v>
      </c>
      <c r="CH727" s="20">
        <v>0.53549800000000003</v>
      </c>
      <c r="CI727" s="20">
        <v>0.56168300000000004</v>
      </c>
      <c r="CJ727" s="20">
        <v>0.54122800000000004</v>
      </c>
      <c r="CK727" s="20">
        <v>0.53767699999999996</v>
      </c>
      <c r="CL727" s="20">
        <v>0.49604399999999998</v>
      </c>
      <c r="CM727" s="20">
        <v>0.50784399999999996</v>
      </c>
      <c r="CN727" s="20">
        <v>0.51063499999999995</v>
      </c>
      <c r="CO727" s="20">
        <v>0.53203699999999998</v>
      </c>
      <c r="CP727" s="20">
        <v>0.59493700000000005</v>
      </c>
      <c r="CQ727" s="20">
        <v>0.64815800000000001</v>
      </c>
      <c r="CR727" s="20">
        <v>0.80326600000000004</v>
      </c>
      <c r="CS727" s="20">
        <v>0.74516800000000005</v>
      </c>
      <c r="CT727" s="20">
        <v>0.62622100000000003</v>
      </c>
      <c r="CU727" s="20">
        <v>0.65212300000000001</v>
      </c>
      <c r="CV727" s="20">
        <v>0.65630999999999995</v>
      </c>
      <c r="CW727" s="20">
        <v>0.60368200000000005</v>
      </c>
      <c r="CX727" s="20">
        <v>0.60636500000000004</v>
      </c>
      <c r="CY727" s="6" t="s">
        <v>504</v>
      </c>
      <c r="CZ727" s="6" t="s">
        <v>505</v>
      </c>
      <c r="DA727" s="6" t="s">
        <v>168</v>
      </c>
      <c r="DB727" s="6"/>
      <c r="DC727" s="6">
        <v>41180</v>
      </c>
      <c r="DD727" s="6">
        <v>476</v>
      </c>
      <c r="DE727" s="6" t="s">
        <v>508</v>
      </c>
      <c r="DF727" s="6" t="s">
        <v>375</v>
      </c>
      <c r="DG727" s="6" t="s">
        <v>376</v>
      </c>
      <c r="DH727" s="6" t="s">
        <v>328</v>
      </c>
      <c r="DI727" s="6" t="s">
        <v>509</v>
      </c>
      <c r="DJ727" s="6">
        <v>29</v>
      </c>
      <c r="DK727" s="6">
        <v>71</v>
      </c>
      <c r="DL727" s="6">
        <v>1</v>
      </c>
      <c r="DM727" s="6" t="s">
        <v>404</v>
      </c>
      <c r="DN727" s="6">
        <v>1</v>
      </c>
      <c r="DO727" s="6" t="s">
        <v>405</v>
      </c>
      <c r="DP727" s="6"/>
      <c r="DQ727" s="6"/>
    </row>
    <row r="728" spans="1:121" x14ac:dyDescent="0.2">
      <c r="A728" s="6" t="s">
        <v>793</v>
      </c>
      <c r="B728" s="6" t="s">
        <v>179</v>
      </c>
      <c r="C728" s="6" t="s">
        <v>180</v>
      </c>
      <c r="D728" s="6" t="s">
        <v>168</v>
      </c>
      <c r="E728" s="6" t="s">
        <v>307</v>
      </c>
      <c r="F728" s="11">
        <v>106</v>
      </c>
      <c r="G728" s="13">
        <v>0.02</v>
      </c>
      <c r="H728" s="11">
        <v>276</v>
      </c>
      <c r="I728" s="13">
        <v>5.4610209734863475E-2</v>
      </c>
      <c r="J728" s="11">
        <v>-401</v>
      </c>
      <c r="K728" s="13">
        <v>-7.5234521575984994E-2</v>
      </c>
      <c r="L728" s="11">
        <v>231</v>
      </c>
      <c r="M728" s="13">
        <v>4.6865489957395007E-2</v>
      </c>
      <c r="N728" s="11">
        <v>-170</v>
      </c>
      <c r="O728" s="13">
        <v>-3.1894934333958722E-2</v>
      </c>
      <c r="P728" s="7">
        <v>5054</v>
      </c>
      <c r="Q728" s="7">
        <v>5160</v>
      </c>
      <c r="R728" s="7">
        <v>5289</v>
      </c>
      <c r="S728" s="7">
        <v>5334</v>
      </c>
      <c r="T728" s="7">
        <v>5303</v>
      </c>
      <c r="U728" s="7">
        <v>5201</v>
      </c>
      <c r="V728" s="7">
        <v>5330</v>
      </c>
      <c r="W728" s="7">
        <v>5388</v>
      </c>
      <c r="X728" s="7">
        <v>5173</v>
      </c>
      <c r="Y728" s="7">
        <v>4929</v>
      </c>
      <c r="Z728" s="7">
        <v>4912</v>
      </c>
      <c r="AA728" s="7">
        <v>4833</v>
      </c>
      <c r="AB728" s="7">
        <v>4827</v>
      </c>
      <c r="AC728" s="7">
        <v>4951</v>
      </c>
      <c r="AD728" s="7">
        <v>5061</v>
      </c>
      <c r="AE728" s="7">
        <v>5132</v>
      </c>
      <c r="AF728" s="7">
        <v>5160</v>
      </c>
      <c r="AG728" s="9">
        <v>6473</v>
      </c>
      <c r="AH728" s="13">
        <v>0.28733132102272729</v>
      </c>
      <c r="AI728" s="9">
        <v>4907</v>
      </c>
      <c r="AJ728" s="13">
        <v>0.21781782670454544</v>
      </c>
      <c r="AK728" s="9">
        <v>-816</v>
      </c>
      <c r="AL728" s="13">
        <v>-2.974302897758338E-2</v>
      </c>
      <c r="AM728" s="9">
        <v>2382</v>
      </c>
      <c r="AN728" s="13">
        <v>8.9484954355911195E-2</v>
      </c>
      <c r="AO728" s="9">
        <v>1566</v>
      </c>
      <c r="AP728" s="13">
        <v>5.7080371787862218E-2</v>
      </c>
      <c r="AQ728" s="9">
        <v>22528</v>
      </c>
      <c r="AR728" s="9">
        <v>23210</v>
      </c>
      <c r="AS728" s="9">
        <v>24572</v>
      </c>
      <c r="AT728" s="9">
        <v>25276</v>
      </c>
      <c r="AU728" s="9">
        <v>26136</v>
      </c>
      <c r="AV728" s="9">
        <v>26645</v>
      </c>
      <c r="AW728" s="9">
        <v>27435</v>
      </c>
      <c r="AX728" s="9">
        <v>27359</v>
      </c>
      <c r="AY728" s="9">
        <v>26922</v>
      </c>
      <c r="AZ728" s="9">
        <v>26619</v>
      </c>
      <c r="BA728" s="9">
        <v>26870</v>
      </c>
      <c r="BB728" s="9">
        <v>27217</v>
      </c>
      <c r="BC728" s="9">
        <v>28170</v>
      </c>
      <c r="BD728" s="9">
        <v>27974</v>
      </c>
      <c r="BE728" s="9">
        <v>28589</v>
      </c>
      <c r="BF728" s="9">
        <v>29001</v>
      </c>
      <c r="BG728" s="11">
        <v>-20</v>
      </c>
      <c r="BH728" s="13">
        <v>-5.4200542005420058E-2</v>
      </c>
      <c r="BI728" s="6">
        <v>-3</v>
      </c>
      <c r="BJ728" s="13">
        <v>-8.130081300813009E-3</v>
      </c>
      <c r="BK728" s="6">
        <v>-18</v>
      </c>
      <c r="BL728" s="13">
        <v>-4.9180327868852458E-2</v>
      </c>
      <c r="BM728" s="11">
        <v>1</v>
      </c>
      <c r="BN728" s="13">
        <v>2.8735632183908046E-3</v>
      </c>
      <c r="BO728" s="11">
        <v>-17</v>
      </c>
      <c r="BP728" s="13">
        <v>-4.6448087431693992E-2</v>
      </c>
      <c r="BQ728" s="6">
        <v>369</v>
      </c>
      <c r="BR728" s="6">
        <v>358</v>
      </c>
      <c r="BS728" s="6">
        <v>361</v>
      </c>
      <c r="BT728" s="6">
        <v>366</v>
      </c>
      <c r="BU728" s="6">
        <v>367</v>
      </c>
      <c r="BV728" s="6">
        <v>366</v>
      </c>
      <c r="BW728" s="6">
        <v>348</v>
      </c>
      <c r="BX728" s="6">
        <v>338</v>
      </c>
      <c r="BY728" s="6">
        <v>331</v>
      </c>
      <c r="BZ728" s="6">
        <v>335</v>
      </c>
      <c r="CA728" s="6">
        <v>336</v>
      </c>
      <c r="CB728" s="6">
        <v>348</v>
      </c>
      <c r="CC728" s="11">
        <v>349</v>
      </c>
      <c r="CD728" s="11">
        <v>-122</v>
      </c>
      <c r="CE728" s="11">
        <v>-324</v>
      </c>
      <c r="CF728" s="11">
        <v>552</v>
      </c>
      <c r="CG728" s="11">
        <v>228</v>
      </c>
      <c r="CH728" s="20">
        <v>1.1499999999999999</v>
      </c>
      <c r="CI728" s="20">
        <v>1.2</v>
      </c>
      <c r="CJ728" s="20">
        <v>1.22</v>
      </c>
      <c r="CK728" s="20">
        <v>1.2</v>
      </c>
      <c r="CL728" s="20">
        <v>1.17</v>
      </c>
      <c r="CM728" s="20">
        <v>1.1399999999999999</v>
      </c>
      <c r="CN728" s="20">
        <v>1.17</v>
      </c>
      <c r="CO728" s="20">
        <v>1.19</v>
      </c>
      <c r="CP728" s="20">
        <v>1.24</v>
      </c>
      <c r="CQ728" s="20">
        <v>1.19</v>
      </c>
      <c r="CR728" s="20">
        <v>1.18</v>
      </c>
      <c r="CS728" s="20">
        <v>1.1499999999999999</v>
      </c>
      <c r="CT728" s="20">
        <v>1.1499999999999999</v>
      </c>
      <c r="CU728" s="20">
        <v>1.1499999999999999</v>
      </c>
      <c r="CV728" s="20">
        <v>1.1499999999999999</v>
      </c>
      <c r="CW728" s="20">
        <v>1.1399999999999999</v>
      </c>
      <c r="CX728" s="20">
        <v>1.1399999999999999</v>
      </c>
      <c r="CY728" s="6" t="s">
        <v>504</v>
      </c>
      <c r="CZ728" s="6" t="s">
        <v>505</v>
      </c>
      <c r="DA728" s="6" t="s">
        <v>168</v>
      </c>
      <c r="DB728" s="6"/>
      <c r="DC728" s="6">
        <v>41180</v>
      </c>
      <c r="DD728" s="6">
        <v>476</v>
      </c>
      <c r="DE728" s="6" t="s">
        <v>508</v>
      </c>
      <c r="DF728" s="6" t="s">
        <v>375</v>
      </c>
      <c r="DG728" s="6" t="s">
        <v>376</v>
      </c>
      <c r="DH728" s="6" t="s">
        <v>328</v>
      </c>
      <c r="DI728" s="6" t="s">
        <v>509</v>
      </c>
      <c r="DJ728" s="6">
        <v>29</v>
      </c>
      <c r="DK728" s="6">
        <v>71</v>
      </c>
      <c r="DL728" s="6">
        <v>1</v>
      </c>
      <c r="DM728" s="6" t="s">
        <v>404</v>
      </c>
      <c r="DN728" s="6">
        <v>1</v>
      </c>
      <c r="DO728" s="6" t="s">
        <v>405</v>
      </c>
      <c r="DP728" s="6"/>
      <c r="DQ728" s="6"/>
    </row>
    <row r="729" spans="1:121" x14ac:dyDescent="0.2">
      <c r="A729" s="6" t="s">
        <v>794</v>
      </c>
      <c r="B729" s="6" t="s">
        <v>181</v>
      </c>
      <c r="C729" s="6" t="s">
        <v>182</v>
      </c>
      <c r="D729" s="6" t="s">
        <v>168</v>
      </c>
      <c r="E729" s="6" t="s">
        <v>307</v>
      </c>
      <c r="F729" s="11">
        <v>473</v>
      </c>
      <c r="G729" s="13">
        <v>0.48364008180000001</v>
      </c>
      <c r="H729" s="11">
        <v>57.977337021999915</v>
      </c>
      <c r="I729" s="13">
        <v>5.926259006403415E-2</v>
      </c>
      <c r="J729" s="11">
        <v>222.35763499000018</v>
      </c>
      <c r="K729" s="13">
        <v>0.21457087697635624</v>
      </c>
      <c r="L729" s="11">
        <v>192.17361486999994</v>
      </c>
      <c r="M729" s="13">
        <v>0.15268262786746381</v>
      </c>
      <c r="N729" s="11">
        <v>414.53124986000012</v>
      </c>
      <c r="O729" s="13">
        <v>0.40001475020439642</v>
      </c>
      <c r="P729" s="7">
        <v>978.31257390799999</v>
      </c>
      <c r="Q729" s="7">
        <v>933.66419691800002</v>
      </c>
      <c r="R729" s="7">
        <v>870.882351567</v>
      </c>
      <c r="S729" s="7">
        <v>957.29822541500005</v>
      </c>
      <c r="T729" s="7">
        <v>1021.99907874</v>
      </c>
      <c r="U729" s="7">
        <v>1052.0984621699999</v>
      </c>
      <c r="V729" s="7">
        <v>1036.2899109299999</v>
      </c>
      <c r="W729" s="7">
        <v>1152.8680630900001</v>
      </c>
      <c r="X729" s="7">
        <v>1243.1061558500001</v>
      </c>
      <c r="Y729" s="7">
        <v>1258.6475459200001</v>
      </c>
      <c r="Z729" s="7">
        <v>1266.1368794800001</v>
      </c>
      <c r="AA729" s="7">
        <v>1250.42696426</v>
      </c>
      <c r="AB729" s="7">
        <v>1196.3108674</v>
      </c>
      <c r="AC729" s="7">
        <v>1237.22747841</v>
      </c>
      <c r="AD729" s="7">
        <v>1345.7174344299999</v>
      </c>
      <c r="AE729" s="7">
        <v>1410.00538003</v>
      </c>
      <c r="AF729" s="7">
        <v>1450.82116079</v>
      </c>
      <c r="AG729" s="9">
        <v>12421.496352399998</v>
      </c>
      <c r="AH729" s="13">
        <v>0.35590112799821788</v>
      </c>
      <c r="AI729" s="9">
        <v>4397.339830500001</v>
      </c>
      <c r="AJ729" s="13">
        <v>0.12599272756410385</v>
      </c>
      <c r="AK729" s="9">
        <v>3177.5823547999971</v>
      </c>
      <c r="AL729" s="13">
        <v>8.0856823883413753E-2</v>
      </c>
      <c r="AM729" s="9">
        <v>4846.5741670999996</v>
      </c>
      <c r="AN729" s="13">
        <v>0.11410023978469624</v>
      </c>
      <c r="AO729" s="9">
        <v>8024.1565218999967</v>
      </c>
      <c r="AP729" s="13">
        <v>0.20418284666143649</v>
      </c>
      <c r="AQ729" s="9">
        <v>34901.536902300002</v>
      </c>
      <c r="AR729" s="9">
        <v>35216.1462225</v>
      </c>
      <c r="AS729" s="9">
        <v>34217.940955799997</v>
      </c>
      <c r="AT729" s="9">
        <v>35842.049746099998</v>
      </c>
      <c r="AU729" s="9">
        <v>35765.134790600001</v>
      </c>
      <c r="AV729" s="9">
        <v>40222.630427800003</v>
      </c>
      <c r="AW729" s="9">
        <v>39298.876732800003</v>
      </c>
      <c r="AX729" s="9">
        <v>40100.041125900003</v>
      </c>
      <c r="AY729" s="9">
        <v>39973.844386500001</v>
      </c>
      <c r="AZ729" s="9">
        <v>42476.4590876</v>
      </c>
      <c r="BA729" s="9">
        <v>42928.140409200001</v>
      </c>
      <c r="BB729" s="9">
        <v>44153.969005600004</v>
      </c>
      <c r="BC729" s="9">
        <v>44769.923784999999</v>
      </c>
      <c r="BD729" s="9">
        <v>45477.415214000001</v>
      </c>
      <c r="BE729" s="9">
        <v>46479.768850499997</v>
      </c>
      <c r="BF729" s="9">
        <v>47323.0332547</v>
      </c>
      <c r="BG729" s="11">
        <v>9.5</v>
      </c>
      <c r="BH729" s="13">
        <v>0.125</v>
      </c>
      <c r="BI729" s="6">
        <v>22</v>
      </c>
      <c r="BJ729" s="13">
        <v>0.28947368421052633</v>
      </c>
      <c r="BK729" s="6">
        <v>0</v>
      </c>
      <c r="BL729" s="13">
        <v>0</v>
      </c>
      <c r="BM729" s="11">
        <v>-12.5</v>
      </c>
      <c r="BN729" s="13">
        <v>-0.12755102040816327</v>
      </c>
      <c r="BO729" s="11">
        <v>-12.5</v>
      </c>
      <c r="BP729" s="13">
        <v>-0.12755102040816327</v>
      </c>
      <c r="BQ729" s="6">
        <v>76</v>
      </c>
      <c r="BR729" s="6">
        <v>79</v>
      </c>
      <c r="BS729" s="6">
        <v>88</v>
      </c>
      <c r="BT729" s="6">
        <v>98</v>
      </c>
      <c r="BU729" s="6">
        <v>101</v>
      </c>
      <c r="BV729" s="6">
        <v>95</v>
      </c>
      <c r="BW729" s="6">
        <v>98</v>
      </c>
      <c r="BX729" s="6">
        <v>90</v>
      </c>
      <c r="BY729" s="6">
        <v>88</v>
      </c>
      <c r="BZ729" s="6">
        <v>82</v>
      </c>
      <c r="CA729" s="6">
        <v>83</v>
      </c>
      <c r="CB729" s="6">
        <v>84</v>
      </c>
      <c r="CC729" s="11">
        <v>85.5</v>
      </c>
      <c r="CD729" s="11">
        <v>303.904</v>
      </c>
      <c r="CE729" s="11">
        <v>61.663400000000003</v>
      </c>
      <c r="CF729" s="11">
        <v>106.941</v>
      </c>
      <c r="CG729" s="11">
        <v>169</v>
      </c>
      <c r="CH729" s="20">
        <v>0.75784300000000004</v>
      </c>
      <c r="CI729" s="20">
        <v>0.75339599999999995</v>
      </c>
      <c r="CJ729" s="20">
        <v>0.69956099999999999</v>
      </c>
      <c r="CK729" s="20">
        <v>0.73867899999999997</v>
      </c>
      <c r="CL729" s="20">
        <v>0.76504000000000005</v>
      </c>
      <c r="CM729" s="20">
        <v>0.76900900000000005</v>
      </c>
      <c r="CN729" s="20">
        <v>0.74714000000000003</v>
      </c>
      <c r="CO729" s="20">
        <v>0.83349099999999998</v>
      </c>
      <c r="CP729" s="20">
        <v>0.98738700000000001</v>
      </c>
      <c r="CQ729" s="20">
        <v>1.0161800000000001</v>
      </c>
      <c r="CR729" s="20">
        <v>0.99772499999999997</v>
      </c>
      <c r="CS729" s="20">
        <v>0.972557</v>
      </c>
      <c r="CT729" s="20">
        <v>0.91760600000000003</v>
      </c>
      <c r="CU729" s="20">
        <v>0.91644700000000001</v>
      </c>
      <c r="CV729" s="20">
        <v>0.94943900000000003</v>
      </c>
      <c r="CW729" s="20">
        <v>0.95673200000000003</v>
      </c>
      <c r="CX729" s="20">
        <v>0.96458200000000005</v>
      </c>
      <c r="CY729" s="6" t="s">
        <v>504</v>
      </c>
      <c r="CZ729" s="6" t="s">
        <v>505</v>
      </c>
      <c r="DA729" s="6" t="s">
        <v>168</v>
      </c>
      <c r="DB729" s="6"/>
      <c r="DC729" s="6">
        <v>41180</v>
      </c>
      <c r="DD729" s="6">
        <v>476</v>
      </c>
      <c r="DE729" s="6" t="s">
        <v>508</v>
      </c>
      <c r="DF729" s="6" t="s">
        <v>375</v>
      </c>
      <c r="DG729" s="6" t="s">
        <v>376</v>
      </c>
      <c r="DH729" s="6" t="s">
        <v>328</v>
      </c>
      <c r="DI729" s="6" t="s">
        <v>509</v>
      </c>
      <c r="DJ729" s="6">
        <v>29</v>
      </c>
      <c r="DK729" s="6">
        <v>71</v>
      </c>
      <c r="DL729" s="6">
        <v>1</v>
      </c>
      <c r="DM729" s="6" t="s">
        <v>404</v>
      </c>
      <c r="DN729" s="6">
        <v>1</v>
      </c>
      <c r="DO729" s="6" t="s">
        <v>405</v>
      </c>
      <c r="DP729" s="6"/>
      <c r="DQ729" s="6"/>
    </row>
    <row r="730" spans="1:121" x14ac:dyDescent="0.2">
      <c r="A730" s="6" t="s">
        <v>314</v>
      </c>
      <c r="B730" s="6" t="s">
        <v>314</v>
      </c>
      <c r="C730" s="6" t="s">
        <v>183</v>
      </c>
      <c r="D730" s="6" t="s">
        <v>168</v>
      </c>
      <c r="E730" s="6" t="s">
        <v>307</v>
      </c>
      <c r="F730" s="11">
        <v>-64</v>
      </c>
      <c r="G730" s="13">
        <v>-0.113074204947</v>
      </c>
      <c r="H730" s="11">
        <v>104.43833764299995</v>
      </c>
      <c r="I730" s="13">
        <v>0.1846748265666821</v>
      </c>
      <c r="J730" s="11">
        <v>-86.554232701999922</v>
      </c>
      <c r="K730" s="13">
        <v>-0.12919238030003422</v>
      </c>
      <c r="L730" s="11">
        <v>-81.24908614800006</v>
      </c>
      <c r="M730" s="13">
        <v>-0.13926592036477031</v>
      </c>
      <c r="N730" s="11">
        <v>-167.80331884999998</v>
      </c>
      <c r="O730" s="13">
        <v>-0.25046620491820487</v>
      </c>
      <c r="P730" s="7">
        <v>565.525575871</v>
      </c>
      <c r="Q730" s="7">
        <v>607.52867357000002</v>
      </c>
      <c r="R730" s="7">
        <v>561.99583098000005</v>
      </c>
      <c r="S730" s="7">
        <v>578.59176974299999</v>
      </c>
      <c r="T730" s="7">
        <v>627.55863449499998</v>
      </c>
      <c r="U730" s="7">
        <v>597.31407277699998</v>
      </c>
      <c r="V730" s="7">
        <v>669.96391351399996</v>
      </c>
      <c r="W730" s="7">
        <v>618.42651814099997</v>
      </c>
      <c r="X730" s="7">
        <v>624.03207429500003</v>
      </c>
      <c r="Y730" s="7">
        <v>583.40968081200003</v>
      </c>
      <c r="Z730" s="7">
        <v>534.27552735999996</v>
      </c>
      <c r="AA730" s="7">
        <v>506.01939572800001</v>
      </c>
      <c r="AB730" s="7">
        <v>507.86344531200001</v>
      </c>
      <c r="AC730" s="7">
        <v>508.04065796200001</v>
      </c>
      <c r="AD730" s="7">
        <v>510.97671178899998</v>
      </c>
      <c r="AE730" s="7">
        <v>502.79195987600002</v>
      </c>
      <c r="AF730" s="7">
        <v>502.16059466399997</v>
      </c>
      <c r="AG730" s="9">
        <v>16969.892982200006</v>
      </c>
      <c r="AH730" s="13">
        <v>0.49331257861618322</v>
      </c>
      <c r="AI730" s="9">
        <v>8851.9463383000038</v>
      </c>
      <c r="AJ730" s="13">
        <v>0.25732492706343152</v>
      </c>
      <c r="AK730" s="9">
        <v>5207.1834266000005</v>
      </c>
      <c r="AL730" s="13">
        <v>0.1203922237623096</v>
      </c>
      <c r="AM730" s="9">
        <v>2910.763217300002</v>
      </c>
      <c r="AN730" s="13">
        <v>6.0066503531714131E-2</v>
      </c>
      <c r="AO730" s="9">
        <v>8117.9466439000025</v>
      </c>
      <c r="AP730" s="13">
        <v>0.18769026722783341</v>
      </c>
      <c r="AQ730" s="9">
        <v>34399.878936399997</v>
      </c>
      <c r="AR730" s="9">
        <v>35409.875858500003</v>
      </c>
      <c r="AS730" s="9">
        <v>37770.197867499999</v>
      </c>
      <c r="AT730" s="9">
        <v>38765.620583299999</v>
      </c>
      <c r="AU730" s="9">
        <v>39926.557211400002</v>
      </c>
      <c r="AV730" s="9">
        <v>43968.712415599999</v>
      </c>
      <c r="AW730" s="9">
        <v>43251.825274700001</v>
      </c>
      <c r="AX730" s="9">
        <v>44122.843640200001</v>
      </c>
      <c r="AY730" s="9">
        <v>47625.049177000001</v>
      </c>
      <c r="AZ730" s="9">
        <v>48459.008701300001</v>
      </c>
      <c r="BA730" s="9">
        <v>44703.725871399998</v>
      </c>
      <c r="BB730" s="9">
        <v>44820.203878799999</v>
      </c>
      <c r="BC730" s="9">
        <v>47070.936412399999</v>
      </c>
      <c r="BD730" s="9">
        <v>51962.306410600002</v>
      </c>
      <c r="BE730" s="9">
        <v>49433.773026299998</v>
      </c>
      <c r="BF730" s="9">
        <v>51369.771918600003</v>
      </c>
      <c r="BG730" s="11">
        <v>-10.5</v>
      </c>
      <c r="BH730" s="13">
        <v>-0.27631578947368424</v>
      </c>
      <c r="BI730" s="6">
        <v>5</v>
      </c>
      <c r="BJ730" s="13">
        <v>0.13157894736842105</v>
      </c>
      <c r="BK730" s="6">
        <v>-7</v>
      </c>
      <c r="BL730" s="13">
        <v>-0.16279069767441862</v>
      </c>
      <c r="BM730" s="11">
        <v>-8.5</v>
      </c>
      <c r="BN730" s="13">
        <v>-0.2361111111111111</v>
      </c>
      <c r="BO730" s="11">
        <v>-15.5</v>
      </c>
      <c r="BP730" s="13">
        <v>-0.36046511627906974</v>
      </c>
      <c r="BQ730" s="6">
        <v>38</v>
      </c>
      <c r="BR730" s="6">
        <v>38</v>
      </c>
      <c r="BS730" s="6">
        <v>38</v>
      </c>
      <c r="BT730" s="6">
        <v>43</v>
      </c>
      <c r="BU730" s="6">
        <v>42</v>
      </c>
      <c r="BV730" s="6">
        <v>41</v>
      </c>
      <c r="BW730" s="6">
        <v>36</v>
      </c>
      <c r="BX730" s="6">
        <v>32</v>
      </c>
      <c r="BY730" s="6">
        <v>28</v>
      </c>
      <c r="BZ730" s="6">
        <v>29</v>
      </c>
      <c r="CA730" s="6">
        <v>32</v>
      </c>
      <c r="CB730" s="6">
        <v>29</v>
      </c>
      <c r="CC730" s="11">
        <v>27.5</v>
      </c>
      <c r="CD730" s="11">
        <v>48.031399999999998</v>
      </c>
      <c r="CE730" s="11">
        <v>-173.215</v>
      </c>
      <c r="CF730" s="11">
        <v>61.818800000000003</v>
      </c>
      <c r="CG730" s="11">
        <v>-111</v>
      </c>
      <c r="CH730" s="20">
        <v>0.55630599999999997</v>
      </c>
      <c r="CI730" s="20">
        <v>0.64009099999999997</v>
      </c>
      <c r="CJ730" s="20">
        <v>0.61547600000000002</v>
      </c>
      <c r="CK730" s="20">
        <v>0.634432</v>
      </c>
      <c r="CL730" s="20">
        <v>0.69287399999999999</v>
      </c>
      <c r="CM730" s="20">
        <v>0.66312800000000005</v>
      </c>
      <c r="CN730" s="20">
        <v>0.75045399999999995</v>
      </c>
      <c r="CO730" s="20">
        <v>0.70068299999999994</v>
      </c>
      <c r="CP730" s="20">
        <v>0.77310100000000004</v>
      </c>
      <c r="CQ730" s="20">
        <v>0.75357099999999999</v>
      </c>
      <c r="CR730" s="20">
        <v>0.69863399999999998</v>
      </c>
      <c r="CS730" s="20">
        <v>0.66629000000000005</v>
      </c>
      <c r="CT730" s="20">
        <v>0.66631899999999999</v>
      </c>
      <c r="CU730" s="20">
        <v>0.65751199999999999</v>
      </c>
      <c r="CV730" s="20">
        <v>0.65288900000000005</v>
      </c>
      <c r="CW730" s="20">
        <v>0.62458400000000003</v>
      </c>
      <c r="CX730" s="20">
        <v>0.61895</v>
      </c>
      <c r="CY730" s="6" t="s">
        <v>504</v>
      </c>
      <c r="CZ730" s="6" t="s">
        <v>505</v>
      </c>
      <c r="DA730" s="6" t="s">
        <v>168</v>
      </c>
      <c r="DB730" s="6"/>
      <c r="DC730" s="6">
        <v>41180</v>
      </c>
      <c r="DD730" s="6">
        <v>476</v>
      </c>
      <c r="DE730" s="6" t="s">
        <v>508</v>
      </c>
      <c r="DF730" s="6" t="s">
        <v>375</v>
      </c>
      <c r="DG730" s="6" t="s">
        <v>376</v>
      </c>
      <c r="DH730" s="6" t="s">
        <v>328</v>
      </c>
      <c r="DI730" s="6" t="s">
        <v>509</v>
      </c>
      <c r="DJ730" s="6">
        <v>29</v>
      </c>
      <c r="DK730" s="6">
        <v>71</v>
      </c>
      <c r="DL730" s="6">
        <v>1</v>
      </c>
      <c r="DM730" s="6" t="s">
        <v>404</v>
      </c>
      <c r="DN730" s="6">
        <v>1</v>
      </c>
      <c r="DO730" s="6" t="s">
        <v>405</v>
      </c>
      <c r="DP730" s="6"/>
      <c r="DQ730" s="6"/>
    </row>
    <row r="731" spans="1:121" x14ac:dyDescent="0.2">
      <c r="A731" s="6" t="s">
        <v>315</v>
      </c>
      <c r="B731" s="6" t="s">
        <v>315</v>
      </c>
      <c r="C731" s="6" t="s">
        <v>184</v>
      </c>
      <c r="D731" s="6" t="s">
        <v>168</v>
      </c>
      <c r="E731" s="6" t="s">
        <v>307</v>
      </c>
      <c r="F731" s="11">
        <v>218</v>
      </c>
      <c r="G731" s="13">
        <v>0.23</v>
      </c>
      <c r="H731" s="11">
        <v>217</v>
      </c>
      <c r="I731" s="13">
        <v>0.22675026123301983</v>
      </c>
      <c r="J731" s="11">
        <v>-41</v>
      </c>
      <c r="K731" s="13">
        <v>-3.4923339011925042E-2</v>
      </c>
      <c r="L731" s="11">
        <v>42</v>
      </c>
      <c r="M731" s="13">
        <v>3.7069726390114736E-2</v>
      </c>
      <c r="N731" s="11">
        <v>1</v>
      </c>
      <c r="O731" s="13">
        <v>8.5178875638841568E-4</v>
      </c>
      <c r="P731" s="7">
        <v>957</v>
      </c>
      <c r="Q731" s="7">
        <v>985</v>
      </c>
      <c r="R731" s="7">
        <v>1010</v>
      </c>
      <c r="S731" s="7">
        <v>1055</v>
      </c>
      <c r="T731" s="7">
        <v>1105</v>
      </c>
      <c r="U731" s="7">
        <v>1137</v>
      </c>
      <c r="V731" s="7">
        <v>1174</v>
      </c>
      <c r="W731" s="7">
        <v>1172</v>
      </c>
      <c r="X731" s="7">
        <v>1179</v>
      </c>
      <c r="Y731" s="7">
        <v>1133</v>
      </c>
      <c r="Z731" s="7">
        <v>1138</v>
      </c>
      <c r="AA731" s="7">
        <v>1178</v>
      </c>
      <c r="AB731" s="7">
        <v>1175</v>
      </c>
      <c r="AC731" s="7">
        <v>1188</v>
      </c>
      <c r="AD731" s="7">
        <v>1179</v>
      </c>
      <c r="AE731" s="7">
        <v>1164</v>
      </c>
      <c r="AF731" s="7">
        <v>1175</v>
      </c>
      <c r="AG731" s="9">
        <v>9758</v>
      </c>
      <c r="AH731" s="13">
        <v>0.22581167704163099</v>
      </c>
      <c r="AI731" s="9">
        <v>5988</v>
      </c>
      <c r="AJ731" s="13">
        <v>0.13856941198250528</v>
      </c>
      <c r="AK731" s="9">
        <v>-696</v>
      </c>
      <c r="AL731" s="13">
        <v>-1.4146053941993048E-2</v>
      </c>
      <c r="AM731" s="9">
        <v>4466</v>
      </c>
      <c r="AN731" s="13">
        <v>9.2072982166786929E-2</v>
      </c>
      <c r="AO731" s="9">
        <v>3770</v>
      </c>
      <c r="AP731" s="13">
        <v>7.6624458852462329E-2</v>
      </c>
      <c r="AQ731" s="9">
        <v>43213</v>
      </c>
      <c r="AR731" s="9">
        <v>45767</v>
      </c>
      <c r="AS731" s="9">
        <v>43780</v>
      </c>
      <c r="AT731" s="9">
        <v>43376</v>
      </c>
      <c r="AU731" s="9">
        <v>47736</v>
      </c>
      <c r="AV731" s="9">
        <v>49565</v>
      </c>
      <c r="AW731" s="9">
        <v>49201</v>
      </c>
      <c r="AX731" s="9">
        <v>50920</v>
      </c>
      <c r="AY731" s="9">
        <v>46924</v>
      </c>
      <c r="AZ731" s="9">
        <v>48505</v>
      </c>
      <c r="BA731" s="9">
        <v>50999</v>
      </c>
      <c r="BB731" s="9">
        <v>51370</v>
      </c>
      <c r="BC731" s="9">
        <v>52136</v>
      </c>
      <c r="BD731" s="9">
        <v>53813</v>
      </c>
      <c r="BE731" s="9">
        <v>52877</v>
      </c>
      <c r="BF731" s="9">
        <v>52971</v>
      </c>
      <c r="BG731" s="11">
        <v>48</v>
      </c>
      <c r="BH731" s="13">
        <v>0.37209302325581395</v>
      </c>
      <c r="BI731" s="6">
        <v>24</v>
      </c>
      <c r="BJ731" s="13">
        <v>0.18604651162790697</v>
      </c>
      <c r="BK731" s="6">
        <v>9</v>
      </c>
      <c r="BL731" s="13">
        <v>5.8823529411764705E-2</v>
      </c>
      <c r="BM731" s="11">
        <v>15</v>
      </c>
      <c r="BN731" s="13">
        <v>9.2592592592592587E-2</v>
      </c>
      <c r="BO731" s="11">
        <v>24</v>
      </c>
      <c r="BP731" s="13">
        <v>0.15686274509803921</v>
      </c>
      <c r="BQ731" s="6">
        <v>129</v>
      </c>
      <c r="BR731" s="6">
        <v>133</v>
      </c>
      <c r="BS731" s="6">
        <v>143</v>
      </c>
      <c r="BT731" s="6">
        <v>153</v>
      </c>
      <c r="BU731" s="6">
        <v>153</v>
      </c>
      <c r="BV731" s="6">
        <v>159</v>
      </c>
      <c r="BW731" s="6">
        <v>162</v>
      </c>
      <c r="BX731" s="6">
        <v>161</v>
      </c>
      <c r="BY731" s="6">
        <v>169</v>
      </c>
      <c r="BZ731" s="6">
        <v>169</v>
      </c>
      <c r="CA731" s="6">
        <v>171</v>
      </c>
      <c r="CB731" s="6">
        <v>180</v>
      </c>
      <c r="CC731" s="11">
        <v>177</v>
      </c>
      <c r="CD731" s="11">
        <v>190</v>
      </c>
      <c r="CE731" s="11">
        <v>-76</v>
      </c>
      <c r="CF731" s="11">
        <v>105</v>
      </c>
      <c r="CG731" s="11">
        <v>29</v>
      </c>
      <c r="CH731" s="20">
        <v>0.57999999999999996</v>
      </c>
      <c r="CI731" s="20">
        <v>0.6</v>
      </c>
      <c r="CJ731" s="20">
        <v>0.6</v>
      </c>
      <c r="CK731" s="20">
        <v>0.61</v>
      </c>
      <c r="CL731" s="20">
        <v>0.62</v>
      </c>
      <c r="CM731" s="20">
        <v>0.63</v>
      </c>
      <c r="CN731" s="20">
        <v>0.66</v>
      </c>
      <c r="CO731" s="20">
        <v>0.67</v>
      </c>
      <c r="CP731" s="20">
        <v>0.72</v>
      </c>
      <c r="CQ731" s="20">
        <v>0.71</v>
      </c>
      <c r="CR731" s="20">
        <v>0.71</v>
      </c>
      <c r="CS731" s="20">
        <v>0.74</v>
      </c>
      <c r="CT731" s="20">
        <v>0.74</v>
      </c>
      <c r="CU731" s="20">
        <v>0.74</v>
      </c>
      <c r="CV731" s="20">
        <v>0.72</v>
      </c>
      <c r="CW731" s="20">
        <v>0.7</v>
      </c>
      <c r="CX731" s="20">
        <v>0.69</v>
      </c>
      <c r="CY731" s="6" t="s">
        <v>504</v>
      </c>
      <c r="CZ731" s="6" t="s">
        <v>505</v>
      </c>
      <c r="DA731" s="6" t="s">
        <v>168</v>
      </c>
      <c r="DB731" s="6"/>
      <c r="DC731" s="6">
        <v>41180</v>
      </c>
      <c r="DD731" s="6">
        <v>476</v>
      </c>
      <c r="DE731" s="6" t="s">
        <v>508</v>
      </c>
      <c r="DF731" s="6" t="s">
        <v>375</v>
      </c>
      <c r="DG731" s="6" t="s">
        <v>376</v>
      </c>
      <c r="DH731" s="6" t="s">
        <v>328</v>
      </c>
      <c r="DI731" s="6" t="s">
        <v>509</v>
      </c>
      <c r="DJ731" s="6">
        <v>29</v>
      </c>
      <c r="DK731" s="6">
        <v>71</v>
      </c>
      <c r="DL731" s="6">
        <v>1</v>
      </c>
      <c r="DM731" s="6" t="s">
        <v>404</v>
      </c>
      <c r="DN731" s="6">
        <v>1</v>
      </c>
      <c r="DO731" s="6" t="s">
        <v>405</v>
      </c>
      <c r="DP731" s="6"/>
      <c r="DQ731" s="6"/>
    </row>
    <row r="732" spans="1:121" x14ac:dyDescent="0.2">
      <c r="A732" s="6" t="s">
        <v>316</v>
      </c>
      <c r="B732" s="6" t="s">
        <v>316</v>
      </c>
      <c r="C732" s="6" t="s">
        <v>185</v>
      </c>
      <c r="D732" s="6" t="s">
        <v>168</v>
      </c>
      <c r="E732" s="6" t="s">
        <v>307</v>
      </c>
      <c r="F732" s="11">
        <v>271</v>
      </c>
      <c r="G732" s="13">
        <v>0.64</v>
      </c>
      <c r="H732" s="11">
        <v>66</v>
      </c>
      <c r="I732" s="13">
        <v>0.15492957746478872</v>
      </c>
      <c r="J732" s="11">
        <v>116</v>
      </c>
      <c r="K732" s="13">
        <v>0.23577235772357724</v>
      </c>
      <c r="L732" s="11">
        <v>89</v>
      </c>
      <c r="M732" s="13">
        <v>0.14638157894736842</v>
      </c>
      <c r="N732" s="11">
        <v>205</v>
      </c>
      <c r="O732" s="13">
        <v>0.41666666666666674</v>
      </c>
      <c r="P732" s="7">
        <v>426</v>
      </c>
      <c r="Q732" s="7">
        <v>432</v>
      </c>
      <c r="R732" s="7">
        <v>415</v>
      </c>
      <c r="S732" s="7">
        <v>438</v>
      </c>
      <c r="T732" s="7">
        <v>465</v>
      </c>
      <c r="U732" s="7">
        <v>470</v>
      </c>
      <c r="V732" s="7">
        <v>492</v>
      </c>
      <c r="W732" s="7">
        <v>498</v>
      </c>
      <c r="X732" s="7">
        <v>487</v>
      </c>
      <c r="Y732" s="7">
        <v>608</v>
      </c>
      <c r="Z732" s="7">
        <v>419</v>
      </c>
      <c r="AA732" s="7">
        <v>407</v>
      </c>
      <c r="AB732" s="7">
        <v>404</v>
      </c>
      <c r="AC732" s="7">
        <v>409</v>
      </c>
      <c r="AD732" s="7">
        <v>401</v>
      </c>
      <c r="AE732" s="7">
        <v>671</v>
      </c>
      <c r="AF732" s="7">
        <v>697</v>
      </c>
      <c r="AG732" s="9">
        <v>2698</v>
      </c>
      <c r="AH732" s="13">
        <v>0.11217828780508086</v>
      </c>
      <c r="AI732" s="9">
        <v>1860</v>
      </c>
      <c r="AJ732" s="13">
        <v>7.7335661718847454E-2</v>
      </c>
      <c r="AK732" s="9">
        <v>-3857</v>
      </c>
      <c r="AL732" s="13">
        <v>-0.14885569835205126</v>
      </c>
      <c r="AM732" s="9">
        <v>4695</v>
      </c>
      <c r="AN732" s="13">
        <v>0.21288655119252745</v>
      </c>
      <c r="AO732" s="9">
        <v>838</v>
      </c>
      <c r="AP732" s="13">
        <v>3.2341476592952799E-2</v>
      </c>
      <c r="AQ732" s="9">
        <v>24051</v>
      </c>
      <c r="AR732" s="9">
        <v>24338</v>
      </c>
      <c r="AS732" s="9">
        <v>23974</v>
      </c>
      <c r="AT732" s="9">
        <v>24193</v>
      </c>
      <c r="AU732" s="9">
        <v>24912</v>
      </c>
      <c r="AV732" s="9">
        <v>25561</v>
      </c>
      <c r="AW732" s="9">
        <v>25911</v>
      </c>
      <c r="AX732" s="9">
        <v>25710</v>
      </c>
      <c r="AY732" s="9">
        <v>25444</v>
      </c>
      <c r="AZ732" s="9">
        <v>22054</v>
      </c>
      <c r="BA732" s="9">
        <v>25672</v>
      </c>
      <c r="BB732" s="9">
        <v>26918</v>
      </c>
      <c r="BC732" s="9">
        <v>28057</v>
      </c>
      <c r="BD732" s="9">
        <v>28910</v>
      </c>
      <c r="BE732" s="9">
        <v>30163</v>
      </c>
      <c r="BF732" s="9">
        <v>26749</v>
      </c>
      <c r="BG732" s="11">
        <v>-11</v>
      </c>
      <c r="BH732" s="13">
        <v>-0.125</v>
      </c>
      <c r="BI732" s="6">
        <v>4</v>
      </c>
      <c r="BJ732" s="13">
        <v>4.5454545454545456E-2</v>
      </c>
      <c r="BK732" s="6">
        <v>-2</v>
      </c>
      <c r="BL732" s="13">
        <v>-2.1739130434782608E-2</v>
      </c>
      <c r="BM732" s="11">
        <v>-13</v>
      </c>
      <c r="BN732" s="13">
        <v>-0.14444444444444443</v>
      </c>
      <c r="BO732" s="11">
        <v>-15</v>
      </c>
      <c r="BP732" s="13">
        <v>-0.16304347826086957</v>
      </c>
      <c r="BQ732" s="6">
        <v>88</v>
      </c>
      <c r="BR732" s="6">
        <v>92</v>
      </c>
      <c r="BS732" s="6">
        <v>93</v>
      </c>
      <c r="BT732" s="6">
        <v>92</v>
      </c>
      <c r="BU732" s="6">
        <v>93</v>
      </c>
      <c r="BV732" s="6">
        <v>88</v>
      </c>
      <c r="BW732" s="6">
        <v>90</v>
      </c>
      <c r="BX732" s="6">
        <v>85</v>
      </c>
      <c r="BY732" s="6">
        <v>81</v>
      </c>
      <c r="BZ732" s="6">
        <v>79</v>
      </c>
      <c r="CA732" s="6">
        <v>76</v>
      </c>
      <c r="CB732" s="6">
        <v>75</v>
      </c>
      <c r="CC732" s="11">
        <v>77</v>
      </c>
      <c r="CD732" s="11">
        <v>246</v>
      </c>
      <c r="CE732" s="11">
        <v>-22</v>
      </c>
      <c r="CF732" s="11">
        <v>47</v>
      </c>
      <c r="CG732" s="11">
        <v>25</v>
      </c>
      <c r="CH732" s="20">
        <v>0.62</v>
      </c>
      <c r="CI732" s="20">
        <v>0.64</v>
      </c>
      <c r="CJ732" s="20">
        <v>0.59</v>
      </c>
      <c r="CK732" s="20">
        <v>0.59</v>
      </c>
      <c r="CL732" s="20">
        <v>0.61</v>
      </c>
      <c r="CM732" s="20">
        <v>0.6</v>
      </c>
      <c r="CN732" s="20">
        <v>0.64</v>
      </c>
      <c r="CO732" s="20">
        <v>0.66</v>
      </c>
      <c r="CP732" s="20">
        <v>0.71</v>
      </c>
      <c r="CQ732" s="20">
        <v>0.93</v>
      </c>
      <c r="CR732" s="20">
        <v>0.65</v>
      </c>
      <c r="CS732" s="20">
        <v>0.63</v>
      </c>
      <c r="CT732" s="20">
        <v>0.62</v>
      </c>
      <c r="CU732" s="20">
        <v>0.61</v>
      </c>
      <c r="CV732" s="20">
        <v>0.57999999999999996</v>
      </c>
      <c r="CW732" s="20">
        <v>0.95</v>
      </c>
      <c r="CX732" s="20">
        <v>0.97</v>
      </c>
      <c r="CY732" s="6" t="s">
        <v>504</v>
      </c>
      <c r="CZ732" s="6" t="s">
        <v>505</v>
      </c>
      <c r="DA732" s="6" t="s">
        <v>168</v>
      </c>
      <c r="DB732" s="6"/>
      <c r="DC732" s="6">
        <v>41180</v>
      </c>
      <c r="DD732" s="6">
        <v>476</v>
      </c>
      <c r="DE732" s="6" t="s">
        <v>508</v>
      </c>
      <c r="DF732" s="6" t="s">
        <v>375</v>
      </c>
      <c r="DG732" s="6" t="s">
        <v>376</v>
      </c>
      <c r="DH732" s="6" t="s">
        <v>328</v>
      </c>
      <c r="DI732" s="6" t="s">
        <v>509</v>
      </c>
      <c r="DJ732" s="6">
        <v>29</v>
      </c>
      <c r="DK732" s="6">
        <v>71</v>
      </c>
      <c r="DL732" s="6">
        <v>1</v>
      </c>
      <c r="DM732" s="6" t="s">
        <v>404</v>
      </c>
      <c r="DN732" s="6">
        <v>1</v>
      </c>
      <c r="DO732" s="6" t="s">
        <v>405</v>
      </c>
      <c r="DP732" s="6"/>
      <c r="DQ732" s="6"/>
    </row>
    <row r="733" spans="1:121" x14ac:dyDescent="0.2">
      <c r="A733" s="6" t="s">
        <v>317</v>
      </c>
      <c r="B733" s="6" t="s">
        <v>317</v>
      </c>
      <c r="C733" s="6" t="s">
        <v>186</v>
      </c>
      <c r="D733" s="6" t="s">
        <v>168</v>
      </c>
      <c r="E733" s="6" t="s">
        <v>307</v>
      </c>
      <c r="F733" s="11">
        <v>578</v>
      </c>
      <c r="G733" s="13">
        <v>0.62</v>
      </c>
      <c r="H733" s="11">
        <v>105</v>
      </c>
      <c r="I733" s="13">
        <v>0.1129032258064516</v>
      </c>
      <c r="J733" s="11">
        <v>-51</v>
      </c>
      <c r="K733" s="13">
        <v>-4.9275362318840582E-2</v>
      </c>
      <c r="L733" s="11">
        <v>524</v>
      </c>
      <c r="M733" s="13">
        <v>0.53252032520325199</v>
      </c>
      <c r="N733" s="11">
        <v>473</v>
      </c>
      <c r="O733" s="13">
        <v>0.45700483091787442</v>
      </c>
      <c r="P733" s="7">
        <v>930</v>
      </c>
      <c r="Q733" s="7">
        <v>1041</v>
      </c>
      <c r="R733" s="7">
        <v>998</v>
      </c>
      <c r="S733" s="7">
        <v>1024</v>
      </c>
      <c r="T733" s="7">
        <v>1056</v>
      </c>
      <c r="U733" s="7">
        <v>1073</v>
      </c>
      <c r="V733" s="7">
        <v>1035</v>
      </c>
      <c r="W733" s="7">
        <v>1044</v>
      </c>
      <c r="X733" s="7">
        <v>999</v>
      </c>
      <c r="Y733" s="7">
        <v>984</v>
      </c>
      <c r="Z733" s="7">
        <v>967</v>
      </c>
      <c r="AA733" s="7">
        <v>1263</v>
      </c>
      <c r="AB733" s="7">
        <v>1305</v>
      </c>
      <c r="AC733" s="7">
        <v>1355</v>
      </c>
      <c r="AD733" s="7">
        <v>1391</v>
      </c>
      <c r="AE733" s="7">
        <v>1457</v>
      </c>
      <c r="AF733" s="7">
        <v>1508</v>
      </c>
      <c r="AG733" s="9">
        <v>12711</v>
      </c>
      <c r="AH733" s="13">
        <v>0.36745490286771509</v>
      </c>
      <c r="AI733" s="9">
        <v>7054</v>
      </c>
      <c r="AJ733" s="13">
        <v>0.2039199814986124</v>
      </c>
      <c r="AK733" s="9">
        <v>-409</v>
      </c>
      <c r="AL733" s="13">
        <v>-9.8208711520914368E-3</v>
      </c>
      <c r="AM733" s="9">
        <v>6066</v>
      </c>
      <c r="AN733" s="13">
        <v>0.14710090452748745</v>
      </c>
      <c r="AO733" s="9">
        <v>5657</v>
      </c>
      <c r="AP733" s="13">
        <v>0.13583537434567544</v>
      </c>
      <c r="AQ733" s="9">
        <v>34592</v>
      </c>
      <c r="AR733" s="9">
        <v>36597</v>
      </c>
      <c r="AS733" s="9">
        <v>36525</v>
      </c>
      <c r="AT733" s="9">
        <v>37924</v>
      </c>
      <c r="AU733" s="9">
        <v>38571</v>
      </c>
      <c r="AV733" s="9">
        <v>41646</v>
      </c>
      <c r="AW733" s="9">
        <v>41646</v>
      </c>
      <c r="AX733" s="9">
        <v>42986</v>
      </c>
      <c r="AY733" s="9">
        <v>41230</v>
      </c>
      <c r="AZ733" s="9">
        <v>41237</v>
      </c>
      <c r="BA733" s="9">
        <v>43128</v>
      </c>
      <c r="BB733" s="9">
        <v>41999</v>
      </c>
      <c r="BC733" s="9">
        <v>44316</v>
      </c>
      <c r="BD733" s="9">
        <v>45594</v>
      </c>
      <c r="BE733" s="9">
        <v>45118</v>
      </c>
      <c r="BF733" s="9">
        <v>47303</v>
      </c>
      <c r="BG733" s="11">
        <v>24</v>
      </c>
      <c r="BH733" s="13">
        <v>0.14201183431952663</v>
      </c>
      <c r="BI733" s="6">
        <v>7</v>
      </c>
      <c r="BJ733" s="13">
        <v>4.142011834319527E-2</v>
      </c>
      <c r="BK733" s="6">
        <v>14</v>
      </c>
      <c r="BL733" s="13">
        <v>7.9545454545454544E-2</v>
      </c>
      <c r="BM733" s="11">
        <v>3</v>
      </c>
      <c r="BN733" s="13">
        <v>1.5789473684210527E-2</v>
      </c>
      <c r="BO733" s="11">
        <v>17</v>
      </c>
      <c r="BP733" s="13">
        <v>9.6590909090909088E-2</v>
      </c>
      <c r="BQ733" s="6">
        <v>169</v>
      </c>
      <c r="BR733" s="6">
        <v>172</v>
      </c>
      <c r="BS733" s="6">
        <v>175</v>
      </c>
      <c r="BT733" s="6">
        <v>176</v>
      </c>
      <c r="BU733" s="6">
        <v>190</v>
      </c>
      <c r="BV733" s="6">
        <v>189</v>
      </c>
      <c r="BW733" s="6">
        <v>190</v>
      </c>
      <c r="BX733" s="6">
        <v>182</v>
      </c>
      <c r="BY733" s="6">
        <v>189</v>
      </c>
      <c r="BZ733" s="6">
        <v>191</v>
      </c>
      <c r="CA733" s="6">
        <v>185</v>
      </c>
      <c r="CB733" s="6">
        <v>192</v>
      </c>
      <c r="CC733" s="11">
        <v>193</v>
      </c>
      <c r="CD733" s="11">
        <v>290</v>
      </c>
      <c r="CE733" s="11">
        <v>186</v>
      </c>
      <c r="CF733" s="11">
        <v>102</v>
      </c>
      <c r="CG733" s="11">
        <v>288</v>
      </c>
      <c r="CH733" s="20">
        <v>0.43</v>
      </c>
      <c r="CI733" s="20">
        <v>0.49</v>
      </c>
      <c r="CJ733" s="20">
        <v>0.47</v>
      </c>
      <c r="CK733" s="20">
        <v>0.46</v>
      </c>
      <c r="CL733" s="20">
        <v>0.45</v>
      </c>
      <c r="CM733" s="20">
        <v>0.44</v>
      </c>
      <c r="CN733" s="20">
        <v>0.42</v>
      </c>
      <c r="CO733" s="20">
        <v>0.41</v>
      </c>
      <c r="CP733" s="20">
        <v>0.42</v>
      </c>
      <c r="CQ733" s="20">
        <v>0.42</v>
      </c>
      <c r="CR733" s="20">
        <v>0.4</v>
      </c>
      <c r="CS733" s="20">
        <v>0.51</v>
      </c>
      <c r="CT733" s="20">
        <v>0.52</v>
      </c>
      <c r="CU733" s="20">
        <v>0.53</v>
      </c>
      <c r="CV733" s="20">
        <v>0.52</v>
      </c>
      <c r="CW733" s="20">
        <v>0.53</v>
      </c>
      <c r="CX733" s="20">
        <v>0.53</v>
      </c>
      <c r="CY733" s="6" t="s">
        <v>504</v>
      </c>
      <c r="CZ733" s="6" t="s">
        <v>505</v>
      </c>
      <c r="DA733" s="6" t="s">
        <v>168</v>
      </c>
      <c r="DB733" s="6"/>
      <c r="DC733" s="6">
        <v>41180</v>
      </c>
      <c r="DD733" s="6">
        <v>476</v>
      </c>
      <c r="DE733" s="6" t="s">
        <v>508</v>
      </c>
      <c r="DF733" s="6" t="s">
        <v>375</v>
      </c>
      <c r="DG733" s="6" t="s">
        <v>376</v>
      </c>
      <c r="DH733" s="6" t="s">
        <v>328</v>
      </c>
      <c r="DI733" s="6" t="s">
        <v>509</v>
      </c>
      <c r="DJ733" s="6">
        <v>29</v>
      </c>
      <c r="DK733" s="6">
        <v>71</v>
      </c>
      <c r="DL733" s="6">
        <v>1</v>
      </c>
      <c r="DM733" s="6" t="s">
        <v>404</v>
      </c>
      <c r="DN733" s="6">
        <v>1</v>
      </c>
      <c r="DO733" s="6" t="s">
        <v>405</v>
      </c>
      <c r="DP733" s="6"/>
      <c r="DQ733" s="6"/>
    </row>
    <row r="734" spans="1:121" x14ac:dyDescent="0.2">
      <c r="A734" s="6" t="s">
        <v>318</v>
      </c>
      <c r="B734" s="6" t="s">
        <v>318</v>
      </c>
      <c r="C734" s="6" t="s">
        <v>187</v>
      </c>
      <c r="D734" s="6" t="s">
        <v>168</v>
      </c>
      <c r="E734" s="6" t="s">
        <v>307</v>
      </c>
      <c r="F734" s="11">
        <v>-101</v>
      </c>
      <c r="G734" s="13">
        <v>-0.25376884422099999</v>
      </c>
      <c r="H734" s="11">
        <v>349.70706000000001</v>
      </c>
      <c r="I734" s="13">
        <v>0.87810068682258036</v>
      </c>
      <c r="J734" s="11">
        <v>-60.948872000000051</v>
      </c>
      <c r="K734" s="13">
        <v>-8.1486697617959569E-2</v>
      </c>
      <c r="L734" s="11">
        <v>-389.54824558699994</v>
      </c>
      <c r="M734" s="13">
        <v>-0.56701800241430955</v>
      </c>
      <c r="N734" s="11">
        <v>-450.49711758699999</v>
      </c>
      <c r="O734" s="13">
        <v>-0.60230027552559484</v>
      </c>
      <c r="P734" s="7">
        <v>398.253942</v>
      </c>
      <c r="Q734" s="7">
        <v>388.98389100000003</v>
      </c>
      <c r="R734" s="7">
        <v>394.51246600000002</v>
      </c>
      <c r="S734" s="7">
        <v>383.87704000000002</v>
      </c>
      <c r="T734" s="7">
        <v>496.00678699999997</v>
      </c>
      <c r="U734" s="7">
        <v>770.04395899999997</v>
      </c>
      <c r="V734" s="7">
        <v>747.96100200000001</v>
      </c>
      <c r="W734" s="7">
        <v>728.84697000000006</v>
      </c>
      <c r="X734" s="7">
        <v>713.93946500000004</v>
      </c>
      <c r="Y734" s="7">
        <v>687.01212999999996</v>
      </c>
      <c r="Z734" s="7">
        <v>694.00011700000005</v>
      </c>
      <c r="AA734" s="7">
        <v>709.928088</v>
      </c>
      <c r="AB734" s="7">
        <v>680.88761799999997</v>
      </c>
      <c r="AC734" s="7">
        <v>656.94249300000001</v>
      </c>
      <c r="AD734" s="7">
        <v>348.09856200000002</v>
      </c>
      <c r="AE734" s="7">
        <v>348.17748975000001</v>
      </c>
      <c r="AF734" s="7">
        <v>297.46388441300002</v>
      </c>
      <c r="AG734" s="9">
        <v>20178.376440000007</v>
      </c>
      <c r="AH734" s="13">
        <v>0.36000591122960246</v>
      </c>
      <c r="AI734" s="9">
        <v>1351.3974557000038</v>
      </c>
      <c r="AJ734" s="13">
        <v>2.4110516221127948E-2</v>
      </c>
      <c r="AK734" s="9">
        <v>5033.8687573999996</v>
      </c>
      <c r="AL734" s="13">
        <v>8.7695735480012416E-2</v>
      </c>
      <c r="AM734" s="9">
        <v>13793.110226900004</v>
      </c>
      <c r="AN734" s="13">
        <v>0.22091813454566919</v>
      </c>
      <c r="AO734" s="9">
        <v>18826.978984300004</v>
      </c>
      <c r="AP734" s="13">
        <v>0.32798744831553639</v>
      </c>
      <c r="AQ734" s="9">
        <v>56050.125318999999</v>
      </c>
      <c r="AR734" s="9">
        <v>57310.466669900001</v>
      </c>
      <c r="AS734" s="9">
        <v>64185.722349399999</v>
      </c>
      <c r="AT734" s="9">
        <v>60060.674233700003</v>
      </c>
      <c r="AU734" s="9">
        <v>54774.079423000003</v>
      </c>
      <c r="AV734" s="9">
        <v>59016.0794847</v>
      </c>
      <c r="AW734" s="9">
        <v>57401.522774700003</v>
      </c>
      <c r="AX734" s="9">
        <v>60668.677070899997</v>
      </c>
      <c r="AY734" s="9">
        <v>60018.242054599999</v>
      </c>
      <c r="AZ734" s="9">
        <v>62435.391532100002</v>
      </c>
      <c r="BA734" s="9">
        <v>60532.223435499996</v>
      </c>
      <c r="BB734" s="9">
        <v>60895.257857700002</v>
      </c>
      <c r="BC734" s="9">
        <v>66982.504039099993</v>
      </c>
      <c r="BD734" s="9">
        <v>68893.679827</v>
      </c>
      <c r="BE734" s="9">
        <v>75970.713100699999</v>
      </c>
      <c r="BF734" s="9">
        <v>76228.501759000006</v>
      </c>
      <c r="BG734" s="11">
        <v>5</v>
      </c>
      <c r="BH734" s="13">
        <v>0.35714285714285715</v>
      </c>
      <c r="BI734" s="6">
        <v>3</v>
      </c>
      <c r="BJ734" s="13">
        <v>0.21428571428571427</v>
      </c>
      <c r="BK734" s="6">
        <v>1</v>
      </c>
      <c r="BL734" s="13">
        <v>5.8823529411764705E-2</v>
      </c>
      <c r="BM734" s="11">
        <v>1</v>
      </c>
      <c r="BN734" s="13">
        <v>5.5555555555555552E-2</v>
      </c>
      <c r="BO734" s="11">
        <v>2</v>
      </c>
      <c r="BP734" s="13">
        <v>0.11764705882352941</v>
      </c>
      <c r="BQ734" s="6">
        <v>14</v>
      </c>
      <c r="BR734" s="6">
        <v>15</v>
      </c>
      <c r="BS734" s="6">
        <v>17</v>
      </c>
      <c r="BT734" s="6">
        <v>17</v>
      </c>
      <c r="BU734" s="6">
        <v>17</v>
      </c>
      <c r="BV734" s="6">
        <v>20</v>
      </c>
      <c r="BW734" s="6">
        <v>18</v>
      </c>
      <c r="BX734" s="6">
        <v>18</v>
      </c>
      <c r="BY734" s="6">
        <v>20</v>
      </c>
      <c r="BZ734" s="6">
        <v>18</v>
      </c>
      <c r="CA734" s="6">
        <v>19</v>
      </c>
      <c r="CB734" s="6">
        <v>19</v>
      </c>
      <c r="CC734" s="11">
        <v>19</v>
      </c>
      <c r="CD734" s="11">
        <v>-229.59299999999999</v>
      </c>
      <c r="CE734" s="11">
        <v>85.269400000000005</v>
      </c>
      <c r="CF734" s="11">
        <v>43.533999999999999</v>
      </c>
      <c r="CG734" s="11">
        <v>129</v>
      </c>
      <c r="CH734" s="20">
        <v>0.84408899999999998</v>
      </c>
      <c r="CI734" s="20">
        <v>0.84407500000000002</v>
      </c>
      <c r="CJ734" s="20">
        <v>0.86502800000000002</v>
      </c>
      <c r="CK734" s="20">
        <v>0.80686500000000005</v>
      </c>
      <c r="CL734" s="20">
        <v>1.00874</v>
      </c>
      <c r="CM734" s="20">
        <v>1.53037</v>
      </c>
      <c r="CN734" s="20">
        <v>1.44875</v>
      </c>
      <c r="CO734" s="20">
        <v>1.3633900000000001</v>
      </c>
      <c r="CP734" s="20">
        <v>1.40638</v>
      </c>
      <c r="CQ734" s="20">
        <v>1.3587199999999999</v>
      </c>
      <c r="CR734" s="20">
        <v>1.3324</v>
      </c>
      <c r="CS734" s="20">
        <v>1.3145</v>
      </c>
      <c r="CT734" s="20">
        <v>1.21608</v>
      </c>
      <c r="CU734" s="20">
        <v>1.13673</v>
      </c>
      <c r="CV734" s="20">
        <v>0.58809999999999996</v>
      </c>
      <c r="CW734" s="20">
        <v>0.57329600000000003</v>
      </c>
      <c r="CX734" s="20">
        <v>0.47933900000000002</v>
      </c>
      <c r="CY734" s="6" t="s">
        <v>504</v>
      </c>
      <c r="CZ734" s="6" t="s">
        <v>505</v>
      </c>
      <c r="DA734" s="6" t="s">
        <v>168</v>
      </c>
      <c r="DB734" s="6"/>
      <c r="DC734" s="6">
        <v>41180</v>
      </c>
      <c r="DD734" s="6">
        <v>476</v>
      </c>
      <c r="DE734" s="6" t="s">
        <v>508</v>
      </c>
      <c r="DF734" s="6" t="s">
        <v>375</v>
      </c>
      <c r="DG734" s="6" t="s">
        <v>376</v>
      </c>
      <c r="DH734" s="6" t="s">
        <v>328</v>
      </c>
      <c r="DI734" s="6" t="s">
        <v>509</v>
      </c>
      <c r="DJ734" s="6">
        <v>29</v>
      </c>
      <c r="DK734" s="6">
        <v>71</v>
      </c>
      <c r="DL734" s="6">
        <v>1</v>
      </c>
      <c r="DM734" s="6" t="s">
        <v>404</v>
      </c>
      <c r="DN734" s="6">
        <v>1</v>
      </c>
      <c r="DO734" s="6" t="s">
        <v>405</v>
      </c>
      <c r="DP734" s="6"/>
      <c r="DQ734" s="6"/>
    </row>
    <row r="735" spans="1:121" x14ac:dyDescent="0.2">
      <c r="A735" s="6" t="s">
        <v>319</v>
      </c>
      <c r="B735" s="6" t="s">
        <v>319</v>
      </c>
      <c r="C735" s="6" t="s">
        <v>188</v>
      </c>
      <c r="D735" s="6" t="s">
        <v>168</v>
      </c>
      <c r="E735" s="6" t="s">
        <v>307</v>
      </c>
      <c r="F735" s="11">
        <v>1517</v>
      </c>
      <c r="G735" s="13">
        <v>1.5574948665299999</v>
      </c>
      <c r="H735" s="11">
        <v>608.10698152499992</v>
      </c>
      <c r="I735" s="13">
        <v>0.62401998314429641</v>
      </c>
      <c r="J735" s="11">
        <v>123.99702481000008</v>
      </c>
      <c r="K735" s="13">
        <v>7.8349892321706957E-2</v>
      </c>
      <c r="L735" s="11">
        <v>784.44875850999983</v>
      </c>
      <c r="M735" s="13">
        <v>0.45965503306154998</v>
      </c>
      <c r="N735" s="11">
        <v>908.44578331999992</v>
      </c>
      <c r="O735" s="13">
        <v>0.57401884772876011</v>
      </c>
      <c r="P735" s="7">
        <v>974.49921148500005</v>
      </c>
      <c r="Q735" s="7">
        <v>1003.75141148</v>
      </c>
      <c r="R735" s="7">
        <v>1056.8095829900001</v>
      </c>
      <c r="S735" s="7">
        <v>1440.7727842500001</v>
      </c>
      <c r="T735" s="7">
        <v>1730.07609585</v>
      </c>
      <c r="U735" s="7">
        <v>1588.0087313199999</v>
      </c>
      <c r="V735" s="7">
        <v>1582.60619301</v>
      </c>
      <c r="W735" s="7">
        <v>1689.1758071199999</v>
      </c>
      <c r="X735" s="7">
        <v>1525.456803</v>
      </c>
      <c r="Y735" s="7">
        <v>1706.6032178200001</v>
      </c>
      <c r="Z735" s="7">
        <v>1861.5703706199999</v>
      </c>
      <c r="AA735" s="7">
        <v>1691.35560564</v>
      </c>
      <c r="AB735" s="7">
        <v>1707.66764988</v>
      </c>
      <c r="AC735" s="7">
        <v>1858.9238765800001</v>
      </c>
      <c r="AD735" s="7">
        <v>2032.17863526</v>
      </c>
      <c r="AE735" s="7">
        <v>2364.3093459900001</v>
      </c>
      <c r="AF735" s="7">
        <v>2491.0519763299999</v>
      </c>
      <c r="AG735" s="9">
        <v>14117.321503900002</v>
      </c>
      <c r="AH735" s="13">
        <v>0.79228337385467174</v>
      </c>
      <c r="AI735" s="9">
        <v>6442.8788356000005</v>
      </c>
      <c r="AJ735" s="13">
        <v>0.36158316432730186</v>
      </c>
      <c r="AK735" s="9">
        <v>4540.2347057000006</v>
      </c>
      <c r="AL735" s="13">
        <v>0.1871381657069639</v>
      </c>
      <c r="AM735" s="9">
        <v>3134.2079626000013</v>
      </c>
      <c r="AN735" s="13">
        <v>0.10882047225177505</v>
      </c>
      <c r="AO735" s="9">
        <v>7674.442668300002</v>
      </c>
      <c r="AP735" s="13">
        <v>0.3163231015273017</v>
      </c>
      <c r="AQ735" s="9">
        <v>17818.525504599998</v>
      </c>
      <c r="AR735" s="9">
        <v>18579.208136900001</v>
      </c>
      <c r="AS735" s="9">
        <v>20738.1529338</v>
      </c>
      <c r="AT735" s="9">
        <v>20956.977381699999</v>
      </c>
      <c r="AU735" s="9">
        <v>19157.615373600001</v>
      </c>
      <c r="AV735" s="9">
        <v>22654.3495855</v>
      </c>
      <c r="AW735" s="9">
        <v>24261.404340199999</v>
      </c>
      <c r="AX735" s="9">
        <v>25873.1950129</v>
      </c>
      <c r="AY735" s="9">
        <v>28547.645838299999</v>
      </c>
      <c r="AZ735" s="9">
        <v>28801.639045899999</v>
      </c>
      <c r="BA735" s="9">
        <v>29474.1577464</v>
      </c>
      <c r="BB735" s="9">
        <v>29701.669882499998</v>
      </c>
      <c r="BC735" s="9">
        <v>29623.367966099999</v>
      </c>
      <c r="BD735" s="9">
        <v>31867.2147424</v>
      </c>
      <c r="BE735" s="9">
        <v>29868.246587099999</v>
      </c>
      <c r="BF735" s="9">
        <v>31935.847008500001</v>
      </c>
      <c r="BG735" s="11">
        <v>30</v>
      </c>
      <c r="BH735" s="13">
        <v>0.2608695652173913</v>
      </c>
      <c r="BI735" s="6">
        <v>14</v>
      </c>
      <c r="BJ735" s="13">
        <v>0.12173913043478261</v>
      </c>
      <c r="BK735" s="6">
        <v>6</v>
      </c>
      <c r="BL735" s="13">
        <v>4.6511627906976744E-2</v>
      </c>
      <c r="BM735" s="11">
        <v>10</v>
      </c>
      <c r="BN735" s="13">
        <v>7.407407407407407E-2</v>
      </c>
      <c r="BO735" s="11">
        <v>16</v>
      </c>
      <c r="BP735" s="13">
        <v>0.12403100775193798</v>
      </c>
      <c r="BQ735" s="6">
        <v>115</v>
      </c>
      <c r="BR735" s="6">
        <v>119</v>
      </c>
      <c r="BS735" s="6">
        <v>123</v>
      </c>
      <c r="BT735" s="6">
        <v>129</v>
      </c>
      <c r="BU735" s="6">
        <v>131</v>
      </c>
      <c r="BV735" s="6">
        <v>136</v>
      </c>
      <c r="BW735" s="6">
        <v>135</v>
      </c>
      <c r="BX735" s="6">
        <v>128</v>
      </c>
      <c r="BY735" s="6">
        <v>124</v>
      </c>
      <c r="BZ735" s="6">
        <v>132</v>
      </c>
      <c r="CA735" s="6">
        <v>137</v>
      </c>
      <c r="CB735" s="6">
        <v>138</v>
      </c>
      <c r="CC735" s="11">
        <v>145</v>
      </c>
      <c r="CD735" s="11">
        <v>1322.35</v>
      </c>
      <c r="CE735" s="11">
        <v>87.678200000000004</v>
      </c>
      <c r="CF735" s="11">
        <v>106.524</v>
      </c>
      <c r="CG735" s="11">
        <v>195</v>
      </c>
      <c r="CH735" s="20">
        <v>0.421066</v>
      </c>
      <c r="CI735" s="20">
        <v>0.43970199999999998</v>
      </c>
      <c r="CJ735" s="20">
        <v>0.459476</v>
      </c>
      <c r="CK735" s="20">
        <v>0.59346399999999999</v>
      </c>
      <c r="CL735" s="20">
        <v>0.68465600000000004</v>
      </c>
      <c r="CM735" s="20">
        <v>0.61131599999999997</v>
      </c>
      <c r="CN735" s="20">
        <v>0.60623800000000005</v>
      </c>
      <c r="CO735" s="20">
        <v>0.67336799999999997</v>
      </c>
      <c r="CP735" s="20">
        <v>0.68937700000000002</v>
      </c>
      <c r="CQ735" s="20">
        <v>0.75264600000000004</v>
      </c>
      <c r="CR735" s="20">
        <v>0.792624</v>
      </c>
      <c r="CS735" s="20">
        <v>0.70345800000000003</v>
      </c>
      <c r="CT735" s="20">
        <v>0.69290099999999999</v>
      </c>
      <c r="CU735" s="20">
        <v>0.72982599999999997</v>
      </c>
      <c r="CV735" s="20">
        <v>0.77688400000000002</v>
      </c>
      <c r="CW735" s="20">
        <v>0.87693500000000002</v>
      </c>
      <c r="CX735" s="20">
        <v>0.90304099999999998</v>
      </c>
      <c r="CY735" s="6" t="s">
        <v>504</v>
      </c>
      <c r="CZ735" s="6" t="s">
        <v>505</v>
      </c>
      <c r="DA735" s="6" t="s">
        <v>168</v>
      </c>
      <c r="DB735" s="6"/>
      <c r="DC735" s="6">
        <v>41180</v>
      </c>
      <c r="DD735" s="6">
        <v>476</v>
      </c>
      <c r="DE735" s="6" t="s">
        <v>508</v>
      </c>
      <c r="DF735" s="6" t="s">
        <v>375</v>
      </c>
      <c r="DG735" s="6" t="s">
        <v>376</v>
      </c>
      <c r="DH735" s="6" t="s">
        <v>328</v>
      </c>
      <c r="DI735" s="6" t="s">
        <v>509</v>
      </c>
      <c r="DJ735" s="6">
        <v>29</v>
      </c>
      <c r="DK735" s="6">
        <v>71</v>
      </c>
      <c r="DL735" s="6">
        <v>1</v>
      </c>
      <c r="DM735" s="6" t="s">
        <v>404</v>
      </c>
      <c r="DN735" s="6">
        <v>1</v>
      </c>
      <c r="DO735" s="6" t="s">
        <v>405</v>
      </c>
      <c r="DP735" s="6"/>
      <c r="DQ735" s="6"/>
    </row>
    <row r="736" spans="1:121" x14ac:dyDescent="0.2">
      <c r="A736" s="6" t="s">
        <v>320</v>
      </c>
      <c r="B736" s="6" t="s">
        <v>320</v>
      </c>
      <c r="C736" s="6" t="s">
        <v>189</v>
      </c>
      <c r="D736" s="6" t="s">
        <v>168</v>
      </c>
      <c r="E736" s="6" t="s">
        <v>307</v>
      </c>
      <c r="F736" s="11">
        <v>124</v>
      </c>
      <c r="G736" s="13">
        <v>0.37125748503</v>
      </c>
      <c r="H736" s="11">
        <v>123.22135114500003</v>
      </c>
      <c r="I736" s="13">
        <v>0.36861197189942763</v>
      </c>
      <c r="J736" s="11">
        <v>-26.54725823199999</v>
      </c>
      <c r="K736" s="13">
        <v>-5.8026023471562466E-2</v>
      </c>
      <c r="L736" s="11">
        <v>27.39037375800001</v>
      </c>
      <c r="M736" s="13">
        <v>6.3556824243936341E-2</v>
      </c>
      <c r="N736" s="11">
        <v>0.8431155260000196</v>
      </c>
      <c r="O736" s="13">
        <v>1.8428509970172609E-3</v>
      </c>
      <c r="P736" s="7">
        <v>334.28472360799998</v>
      </c>
      <c r="Q736" s="7">
        <v>360.03900523700003</v>
      </c>
      <c r="R736" s="7">
        <v>450.300030177</v>
      </c>
      <c r="S736" s="7">
        <v>420.68550023</v>
      </c>
      <c r="T736" s="7">
        <v>416.36823758600002</v>
      </c>
      <c r="U736" s="7">
        <v>422.03365388499998</v>
      </c>
      <c r="V736" s="7">
        <v>457.50607475300001</v>
      </c>
      <c r="W736" s="7">
        <v>405.45452593300001</v>
      </c>
      <c r="X736" s="7">
        <v>417.861969515</v>
      </c>
      <c r="Y736" s="7">
        <v>430.95881652100002</v>
      </c>
      <c r="Z736" s="7">
        <v>492.99695421299998</v>
      </c>
      <c r="AA736" s="7">
        <v>410.62318528100002</v>
      </c>
      <c r="AB736" s="7">
        <v>462.33859636300002</v>
      </c>
      <c r="AC736" s="7">
        <v>438.67815574000002</v>
      </c>
      <c r="AD736" s="7">
        <v>446.07369794499999</v>
      </c>
      <c r="AE736" s="7">
        <v>449.72675474699997</v>
      </c>
      <c r="AF736" s="7">
        <v>458.34919027900003</v>
      </c>
      <c r="AG736" s="9">
        <v>6283.0579632000008</v>
      </c>
      <c r="AH736" s="13">
        <v>0.35617880048001238</v>
      </c>
      <c r="AI736" s="9">
        <v>1159.8036107000007</v>
      </c>
      <c r="AJ736" s="13">
        <v>6.5747835094158574E-2</v>
      </c>
      <c r="AK736" s="9">
        <v>3076.3573660000002</v>
      </c>
      <c r="AL736" s="13">
        <v>0.16363617738938749</v>
      </c>
      <c r="AM736" s="9">
        <v>2046.8969864999999</v>
      </c>
      <c r="AN736" s="13">
        <v>9.35667001372959E-2</v>
      </c>
      <c r="AO736" s="9">
        <v>5123.2543525000001</v>
      </c>
      <c r="AP736" s="13">
        <v>0.27251377466808957</v>
      </c>
      <c r="AQ736" s="9">
        <v>17640.179468099999</v>
      </c>
      <c r="AR736" s="9">
        <v>14558.5660821</v>
      </c>
      <c r="AS736" s="9">
        <v>14142.792949799999</v>
      </c>
      <c r="AT736" s="9">
        <v>15953.532936699999</v>
      </c>
      <c r="AU736" s="9">
        <v>16833.091225799999</v>
      </c>
      <c r="AV736" s="9">
        <v>20225.023807000001</v>
      </c>
      <c r="AW736" s="9">
        <v>18799.9830788</v>
      </c>
      <c r="AX736" s="9">
        <v>21484.815822299999</v>
      </c>
      <c r="AY736" s="9">
        <v>21838.856958100001</v>
      </c>
      <c r="AZ736" s="9">
        <v>21876.3404448</v>
      </c>
      <c r="BA736" s="9">
        <v>21222.927466000001</v>
      </c>
      <c r="BB736" s="9">
        <v>22625.6874604</v>
      </c>
      <c r="BC736" s="9">
        <v>22511.082843699998</v>
      </c>
      <c r="BD736" s="9">
        <v>23849.667735200001</v>
      </c>
      <c r="BE736" s="9">
        <v>24131.2096852</v>
      </c>
      <c r="BF736" s="9">
        <v>23923.2374313</v>
      </c>
      <c r="BG736" s="11">
        <v>7</v>
      </c>
      <c r="BH736" s="13">
        <v>0.63636363636363635</v>
      </c>
      <c r="BI736" s="6">
        <v>5</v>
      </c>
      <c r="BJ736" s="13">
        <v>0.45454545454545453</v>
      </c>
      <c r="BK736" s="6">
        <v>2</v>
      </c>
      <c r="BL736" s="13">
        <v>0.125</v>
      </c>
      <c r="BM736" s="11">
        <v>0</v>
      </c>
      <c r="BN736" s="13">
        <v>0</v>
      </c>
      <c r="BO736" s="11">
        <v>2</v>
      </c>
      <c r="BP736" s="13">
        <v>0.125</v>
      </c>
      <c r="BQ736" s="6">
        <v>11</v>
      </c>
      <c r="BR736" s="6">
        <v>11</v>
      </c>
      <c r="BS736" s="6">
        <v>13</v>
      </c>
      <c r="BT736" s="6">
        <v>16</v>
      </c>
      <c r="BU736" s="6">
        <v>15</v>
      </c>
      <c r="BV736" s="6">
        <v>16</v>
      </c>
      <c r="BW736" s="6">
        <v>18</v>
      </c>
      <c r="BX736" s="6">
        <v>18</v>
      </c>
      <c r="BY736" s="6">
        <v>16</v>
      </c>
      <c r="BZ736" s="6">
        <v>16</v>
      </c>
      <c r="CA736" s="6">
        <v>17</v>
      </c>
      <c r="CB736" s="6">
        <v>18</v>
      </c>
      <c r="CC736" s="11">
        <v>18</v>
      </c>
      <c r="CD736" s="11">
        <v>-33.523000000000003</v>
      </c>
      <c r="CE736" s="11">
        <v>121.04600000000001</v>
      </c>
      <c r="CF736" s="11">
        <v>36.5413</v>
      </c>
      <c r="CG736" s="11">
        <v>158</v>
      </c>
      <c r="CH736" s="20">
        <v>0.43293500000000001</v>
      </c>
      <c r="CI736" s="20">
        <v>0.45175700000000002</v>
      </c>
      <c r="CJ736" s="20">
        <v>0.54459400000000002</v>
      </c>
      <c r="CK736" s="20">
        <v>0.48017399999999999</v>
      </c>
      <c r="CL736" s="20">
        <v>0.46681499999999998</v>
      </c>
      <c r="CM736" s="20">
        <v>0.46253499999999997</v>
      </c>
      <c r="CN736" s="20">
        <v>0.49116100000000001</v>
      </c>
      <c r="CO736" s="20">
        <v>0.42100799999999999</v>
      </c>
      <c r="CP736" s="20">
        <v>0.43546499999999999</v>
      </c>
      <c r="CQ736" s="20">
        <v>0.44157400000000002</v>
      </c>
      <c r="CR736" s="20">
        <v>0.491259</v>
      </c>
      <c r="CS736" s="20">
        <v>0.40354699999999999</v>
      </c>
      <c r="CT736" s="20">
        <v>0.44907000000000002</v>
      </c>
      <c r="CU736" s="20">
        <v>0.41721799999999998</v>
      </c>
      <c r="CV736" s="20">
        <v>0.41757100000000003</v>
      </c>
      <c r="CW736" s="20">
        <v>0.40898400000000001</v>
      </c>
      <c r="CX736" s="20">
        <v>0.40592400000000001</v>
      </c>
      <c r="CY736" s="6" t="s">
        <v>504</v>
      </c>
      <c r="CZ736" s="6" t="s">
        <v>505</v>
      </c>
      <c r="DA736" s="6" t="s">
        <v>168</v>
      </c>
      <c r="DB736" s="6"/>
      <c r="DC736" s="6">
        <v>41180</v>
      </c>
      <c r="DD736" s="6">
        <v>476</v>
      </c>
      <c r="DE736" s="6" t="s">
        <v>508</v>
      </c>
      <c r="DF736" s="6" t="s">
        <v>375</v>
      </c>
      <c r="DG736" s="6" t="s">
        <v>376</v>
      </c>
      <c r="DH736" s="6" t="s">
        <v>328</v>
      </c>
      <c r="DI736" s="6" t="s">
        <v>509</v>
      </c>
      <c r="DJ736" s="6">
        <v>29</v>
      </c>
      <c r="DK736" s="6">
        <v>71</v>
      </c>
      <c r="DL736" s="6">
        <v>1</v>
      </c>
      <c r="DM736" s="6" t="s">
        <v>404</v>
      </c>
      <c r="DN736" s="6">
        <v>1</v>
      </c>
      <c r="DO736" s="6" t="s">
        <v>405</v>
      </c>
      <c r="DP736" s="6"/>
      <c r="DQ736" s="6"/>
    </row>
    <row r="737" spans="1:121" x14ac:dyDescent="0.2">
      <c r="A737" s="6" t="s">
        <v>321</v>
      </c>
      <c r="B737" s="6" t="s">
        <v>321</v>
      </c>
      <c r="C737" s="6" t="s">
        <v>190</v>
      </c>
      <c r="D737" s="6" t="s">
        <v>168</v>
      </c>
      <c r="E737" s="6" t="s">
        <v>307</v>
      </c>
      <c r="F737" s="11">
        <v>1049</v>
      </c>
      <c r="G737" s="13">
        <v>0.32406549274000002</v>
      </c>
      <c r="H737" s="11">
        <v>493.55134271999987</v>
      </c>
      <c r="I737" s="13">
        <v>0.15247075283327327</v>
      </c>
      <c r="J737" s="11">
        <v>14.891737140000259</v>
      </c>
      <c r="K737" s="13">
        <v>3.9918081070231546E-3</v>
      </c>
      <c r="L737" s="11">
        <v>540.76757449000024</v>
      </c>
      <c r="M737" s="13">
        <v>0.14437924532343877</v>
      </c>
      <c r="N737" s="11">
        <v>555.6593116300005</v>
      </c>
      <c r="O737" s="13">
        <v>0.1489473876724299</v>
      </c>
      <c r="P737" s="7">
        <v>3237.02305884</v>
      </c>
      <c r="Q737" s="7">
        <v>3319.8232217899999</v>
      </c>
      <c r="R737" s="7">
        <v>3449.2225156200002</v>
      </c>
      <c r="S737" s="7">
        <v>3546.6485612699998</v>
      </c>
      <c r="T737" s="7">
        <v>3718.18184948</v>
      </c>
      <c r="U737" s="7">
        <v>3975.8809136899999</v>
      </c>
      <c r="V737" s="7">
        <v>3730.5744015599998</v>
      </c>
      <c r="W737" s="7">
        <v>3723.3055994299998</v>
      </c>
      <c r="X737" s="7">
        <v>3803.0929937800001</v>
      </c>
      <c r="Y737" s="7">
        <v>3745.4661387000001</v>
      </c>
      <c r="Z737" s="7">
        <v>3795.8617654599998</v>
      </c>
      <c r="AA737" s="7">
        <v>3883.5825685899999</v>
      </c>
      <c r="AB737" s="7">
        <v>4034.7550050300001</v>
      </c>
      <c r="AC737" s="7">
        <v>4073.1745845099999</v>
      </c>
      <c r="AD737" s="7">
        <v>4130.0585783099996</v>
      </c>
      <c r="AE737" s="7">
        <v>4185.6966491800003</v>
      </c>
      <c r="AF737" s="7">
        <v>4286.2337131900003</v>
      </c>
      <c r="AG737" s="9">
        <v>29397.451898399995</v>
      </c>
      <c r="AH737" s="13">
        <v>1.0673393090500225</v>
      </c>
      <c r="AI737" s="9">
        <v>7358.441728400001</v>
      </c>
      <c r="AJ737" s="13">
        <v>0.26716445143678508</v>
      </c>
      <c r="AK737" s="9">
        <v>3632.3574417999989</v>
      </c>
      <c r="AL737" s="13">
        <v>0.1040754778832092</v>
      </c>
      <c r="AM737" s="9">
        <v>18406.652728199995</v>
      </c>
      <c r="AN737" s="13">
        <v>0.47767871479363921</v>
      </c>
      <c r="AO737" s="9">
        <v>22039.010169999994</v>
      </c>
      <c r="AP737" s="13">
        <v>0.63146883319363367</v>
      </c>
      <c r="AQ737" s="9">
        <v>27542.742639700002</v>
      </c>
      <c r="AR737" s="9">
        <v>29928.009342400001</v>
      </c>
      <c r="AS737" s="9">
        <v>29821.198219400001</v>
      </c>
      <c r="AT737" s="9">
        <v>32521.0282683</v>
      </c>
      <c r="AU737" s="9">
        <v>32535.464509199999</v>
      </c>
      <c r="AV737" s="9">
        <v>34395.9854633</v>
      </c>
      <c r="AW737" s="9">
        <v>34901.184368100003</v>
      </c>
      <c r="AX737" s="9">
        <v>37232.9212892</v>
      </c>
      <c r="AY737" s="9">
        <v>38462.582985499997</v>
      </c>
      <c r="AZ737" s="9">
        <v>38533.541809900002</v>
      </c>
      <c r="BA737" s="9">
        <v>42223.764217600001</v>
      </c>
      <c r="BB737" s="9">
        <v>47447.827658000002</v>
      </c>
      <c r="BC737" s="9">
        <v>49762.206162000002</v>
      </c>
      <c r="BD737" s="9">
        <v>53467.758620300003</v>
      </c>
      <c r="BE737" s="9">
        <v>56020.207641300003</v>
      </c>
      <c r="BF737" s="9">
        <v>56940.194538099997</v>
      </c>
      <c r="BG737" s="11">
        <v>228.25</v>
      </c>
      <c r="BH737" s="13">
        <v>1.2823033707865168</v>
      </c>
      <c r="BI737" s="6">
        <v>9</v>
      </c>
      <c r="BJ737" s="13">
        <v>5.0561797752808987E-2</v>
      </c>
      <c r="BK737" s="6">
        <v>19</v>
      </c>
      <c r="BL737" s="13">
        <v>0.10160427807486631</v>
      </c>
      <c r="BM737" s="11">
        <v>200.25</v>
      </c>
      <c r="BN737" s="13">
        <v>0.97208737864077666</v>
      </c>
      <c r="BO737" s="11">
        <v>219.25</v>
      </c>
      <c r="BP737" s="13">
        <v>1.1724598930481283</v>
      </c>
      <c r="BQ737" s="6">
        <v>178</v>
      </c>
      <c r="BR737" s="6">
        <v>179</v>
      </c>
      <c r="BS737" s="6">
        <v>181</v>
      </c>
      <c r="BT737" s="6">
        <v>187</v>
      </c>
      <c r="BU737" s="6">
        <v>195</v>
      </c>
      <c r="BV737" s="6">
        <v>198</v>
      </c>
      <c r="BW737" s="6">
        <v>206</v>
      </c>
      <c r="BX737" s="6">
        <v>210</v>
      </c>
      <c r="BY737" s="6">
        <v>242</v>
      </c>
      <c r="BZ737" s="6">
        <v>393</v>
      </c>
      <c r="CA737" s="6">
        <v>382</v>
      </c>
      <c r="CB737" s="6">
        <v>397</v>
      </c>
      <c r="CC737" s="11">
        <v>406.25</v>
      </c>
      <c r="CD737" s="11">
        <v>-483.45</v>
      </c>
      <c r="CE737" s="11">
        <v>1178.82</v>
      </c>
      <c r="CF737" s="11">
        <v>353.846</v>
      </c>
      <c r="CG737" s="11">
        <v>1533</v>
      </c>
      <c r="CH737" s="20">
        <v>0.84886300000000003</v>
      </c>
      <c r="CI737" s="20">
        <v>0.849576</v>
      </c>
      <c r="CJ737" s="20">
        <v>0.84931800000000002</v>
      </c>
      <c r="CK737" s="20">
        <v>0.83759399999999995</v>
      </c>
      <c r="CL737" s="20">
        <v>0.85319199999999995</v>
      </c>
      <c r="CM737" s="20">
        <v>0.88900000000000001</v>
      </c>
      <c r="CN737" s="20">
        <v>0.81529099999999999</v>
      </c>
      <c r="CO737" s="20">
        <v>0.78967200000000004</v>
      </c>
      <c r="CP737" s="20">
        <v>0.81574000000000002</v>
      </c>
      <c r="CQ737" s="20">
        <v>0.79486199999999996</v>
      </c>
      <c r="CR737" s="20">
        <v>0.79740200000000006</v>
      </c>
      <c r="CS737" s="20">
        <v>0.79136099999999998</v>
      </c>
      <c r="CT737" s="20">
        <v>0.80829700000000004</v>
      </c>
      <c r="CU737" s="20">
        <v>0.80064500000000005</v>
      </c>
      <c r="CV737" s="20">
        <v>0.791076</v>
      </c>
      <c r="CW737" s="20">
        <v>0.77418399999999998</v>
      </c>
      <c r="CX737" s="20">
        <v>0.76754199999999995</v>
      </c>
      <c r="CY737" s="6" t="s">
        <v>504</v>
      </c>
      <c r="CZ737" s="6" t="s">
        <v>505</v>
      </c>
      <c r="DA737" s="6" t="s">
        <v>168</v>
      </c>
      <c r="DB737" s="6"/>
      <c r="DC737" s="6">
        <v>41180</v>
      </c>
      <c r="DD737" s="6">
        <v>476</v>
      </c>
      <c r="DE737" s="6" t="s">
        <v>508</v>
      </c>
      <c r="DF737" s="6" t="s">
        <v>375</v>
      </c>
      <c r="DG737" s="6" t="s">
        <v>376</v>
      </c>
      <c r="DH737" s="6" t="s">
        <v>328</v>
      </c>
      <c r="DI737" s="6" t="s">
        <v>509</v>
      </c>
      <c r="DJ737" s="6">
        <v>29</v>
      </c>
      <c r="DK737" s="6">
        <v>71</v>
      </c>
      <c r="DL737" s="6">
        <v>1</v>
      </c>
      <c r="DM737" s="6" t="s">
        <v>404</v>
      </c>
      <c r="DN737" s="6">
        <v>1</v>
      </c>
      <c r="DO737" s="6" t="s">
        <v>405</v>
      </c>
      <c r="DP737" s="6"/>
      <c r="DQ737" s="6"/>
    </row>
    <row r="738" spans="1:121" x14ac:dyDescent="0.2">
      <c r="A738" s="6" t="s">
        <v>322</v>
      </c>
      <c r="B738" s="6" t="s">
        <v>322</v>
      </c>
      <c r="C738" s="6" t="s">
        <v>191</v>
      </c>
      <c r="D738" s="6" t="s">
        <v>168</v>
      </c>
      <c r="E738" s="6" t="s">
        <v>307</v>
      </c>
      <c r="F738" s="11">
        <v>-63</v>
      </c>
      <c r="G738" s="13">
        <v>-0.11</v>
      </c>
      <c r="H738" s="11">
        <v>-2</v>
      </c>
      <c r="I738" s="13">
        <v>-3.4129692832764505E-3</v>
      </c>
      <c r="J738" s="11">
        <v>-47</v>
      </c>
      <c r="K738" s="13">
        <v>-8.0479452054794523E-2</v>
      </c>
      <c r="L738" s="11">
        <v>-14</v>
      </c>
      <c r="M738" s="13">
        <v>-2.6070763500931099E-2</v>
      </c>
      <c r="N738" s="11">
        <v>-61</v>
      </c>
      <c r="O738" s="13">
        <v>-0.10445205479452056</v>
      </c>
      <c r="P738" s="7">
        <v>586</v>
      </c>
      <c r="Q738" s="7">
        <v>629</v>
      </c>
      <c r="R738" s="7">
        <v>632</v>
      </c>
      <c r="S738" s="7">
        <v>647</v>
      </c>
      <c r="T738" s="7">
        <v>666</v>
      </c>
      <c r="U738" s="7">
        <v>710</v>
      </c>
      <c r="V738" s="7">
        <v>584</v>
      </c>
      <c r="W738" s="7">
        <v>572</v>
      </c>
      <c r="X738" s="7">
        <v>538</v>
      </c>
      <c r="Y738" s="7">
        <v>537</v>
      </c>
      <c r="Z738" s="7">
        <v>463</v>
      </c>
      <c r="AA738" s="7">
        <v>480</v>
      </c>
      <c r="AB738" s="7">
        <v>470</v>
      </c>
      <c r="AC738" s="7">
        <v>460</v>
      </c>
      <c r="AD738" s="7">
        <v>465</v>
      </c>
      <c r="AE738" s="7">
        <v>530</v>
      </c>
      <c r="AF738" s="7">
        <v>523</v>
      </c>
      <c r="AG738" s="9">
        <v>2676</v>
      </c>
      <c r="AH738" s="13">
        <v>0.1463734821135543</v>
      </c>
      <c r="AI738" s="9">
        <v>1936</v>
      </c>
      <c r="AJ738" s="13">
        <v>0.1058965102286402</v>
      </c>
      <c r="AK738" s="9">
        <v>581</v>
      </c>
      <c r="AL738" s="13">
        <v>2.87367692155505E-2</v>
      </c>
      <c r="AM738" s="9">
        <v>159</v>
      </c>
      <c r="AN738" s="13">
        <v>7.6445982979950963E-3</v>
      </c>
      <c r="AO738" s="9">
        <v>740</v>
      </c>
      <c r="AP738" s="13">
        <v>3.660104857058067E-2</v>
      </c>
      <c r="AQ738" s="9">
        <v>18282</v>
      </c>
      <c r="AR738" s="9">
        <v>17609</v>
      </c>
      <c r="AS738" s="9">
        <v>17502</v>
      </c>
      <c r="AT738" s="9">
        <v>17720</v>
      </c>
      <c r="AU738" s="9">
        <v>17926</v>
      </c>
      <c r="AV738" s="9">
        <v>17955</v>
      </c>
      <c r="AW738" s="9">
        <v>20218</v>
      </c>
      <c r="AX738" s="9">
        <v>21099</v>
      </c>
      <c r="AY738" s="9">
        <v>21541</v>
      </c>
      <c r="AZ738" s="9">
        <v>20799</v>
      </c>
      <c r="BA738" s="9">
        <v>21396</v>
      </c>
      <c r="BB738" s="9">
        <v>21843</v>
      </c>
      <c r="BC738" s="9">
        <v>20769</v>
      </c>
      <c r="BD738" s="9">
        <v>21769</v>
      </c>
      <c r="BE738" s="9">
        <v>21950</v>
      </c>
      <c r="BF738" s="9">
        <v>20958</v>
      </c>
      <c r="BG738" s="11">
        <v>1</v>
      </c>
      <c r="BH738" s="13">
        <v>3.2258064516129031E-2</v>
      </c>
      <c r="BI738" s="6">
        <v>4</v>
      </c>
      <c r="BJ738" s="13">
        <v>0.12903225806451613</v>
      </c>
      <c r="BK738" s="6">
        <v>-1</v>
      </c>
      <c r="BL738" s="13">
        <v>-2.8571428571428571E-2</v>
      </c>
      <c r="BM738" s="11">
        <v>-2</v>
      </c>
      <c r="BN738" s="13">
        <v>-5.8823529411764705E-2</v>
      </c>
      <c r="BO738" s="11">
        <v>-3</v>
      </c>
      <c r="BP738" s="13">
        <v>-8.5714285714285715E-2</v>
      </c>
      <c r="BQ738" s="6">
        <v>31</v>
      </c>
      <c r="BR738" s="6">
        <v>33</v>
      </c>
      <c r="BS738" s="6">
        <v>35</v>
      </c>
      <c r="BT738" s="6">
        <v>35</v>
      </c>
      <c r="BU738" s="6">
        <v>32</v>
      </c>
      <c r="BV738" s="6">
        <v>33</v>
      </c>
      <c r="BW738" s="6">
        <v>34</v>
      </c>
      <c r="BX738" s="6">
        <v>32</v>
      </c>
      <c r="BY738" s="6">
        <v>30</v>
      </c>
      <c r="BZ738" s="6">
        <v>29</v>
      </c>
      <c r="CA738" s="6">
        <v>27</v>
      </c>
      <c r="CB738" s="6">
        <v>30</v>
      </c>
      <c r="CC738" s="11">
        <v>32</v>
      </c>
      <c r="CD738" s="11">
        <v>-233</v>
      </c>
      <c r="CE738" s="11">
        <v>107</v>
      </c>
      <c r="CF738" s="11">
        <v>64</v>
      </c>
      <c r="CG738" s="11">
        <v>171</v>
      </c>
      <c r="CH738" s="20">
        <v>1</v>
      </c>
      <c r="CI738" s="20">
        <v>1.07</v>
      </c>
      <c r="CJ738" s="20">
        <v>1.05</v>
      </c>
      <c r="CK738" s="20">
        <v>1.03</v>
      </c>
      <c r="CL738" s="20">
        <v>1.04</v>
      </c>
      <c r="CM738" s="20">
        <v>1.0900000000000001</v>
      </c>
      <c r="CN738" s="20">
        <v>0.88</v>
      </c>
      <c r="CO738" s="20">
        <v>0.85</v>
      </c>
      <c r="CP738" s="20">
        <v>0.84</v>
      </c>
      <c r="CQ738" s="20">
        <v>0.85</v>
      </c>
      <c r="CR738" s="20">
        <v>0.73</v>
      </c>
      <c r="CS738" s="20">
        <v>0.74</v>
      </c>
      <c r="CT738" s="20">
        <v>0.71</v>
      </c>
      <c r="CU738" s="20">
        <v>0.68</v>
      </c>
      <c r="CV738" s="20">
        <v>0.66</v>
      </c>
      <c r="CW738" s="20">
        <v>0.72</v>
      </c>
      <c r="CX738" s="20">
        <v>0.7</v>
      </c>
      <c r="CY738" s="6" t="s">
        <v>504</v>
      </c>
      <c r="CZ738" s="6" t="s">
        <v>505</v>
      </c>
      <c r="DA738" s="6" t="s">
        <v>168</v>
      </c>
      <c r="DB738" s="6"/>
      <c r="DC738" s="6">
        <v>41180</v>
      </c>
      <c r="DD738" s="6">
        <v>476</v>
      </c>
      <c r="DE738" s="6" t="s">
        <v>508</v>
      </c>
      <c r="DF738" s="6" t="s">
        <v>375</v>
      </c>
      <c r="DG738" s="6" t="s">
        <v>376</v>
      </c>
      <c r="DH738" s="6" t="s">
        <v>328</v>
      </c>
      <c r="DI738" s="6" t="s">
        <v>509</v>
      </c>
      <c r="DJ738" s="6">
        <v>29</v>
      </c>
      <c r="DK738" s="6">
        <v>71</v>
      </c>
      <c r="DL738" s="6">
        <v>1</v>
      </c>
      <c r="DM738" s="6" t="s">
        <v>404</v>
      </c>
      <c r="DN738" s="6">
        <v>1</v>
      </c>
      <c r="DO738" s="6" t="s">
        <v>405</v>
      </c>
      <c r="DP738" s="6"/>
      <c r="DQ738" s="6"/>
    </row>
    <row r="739" spans="1:121" x14ac:dyDescent="0.2">
      <c r="A739" s="6" t="s">
        <v>323</v>
      </c>
      <c r="B739" s="6" t="s">
        <v>323</v>
      </c>
      <c r="C739" s="6" t="s">
        <v>192</v>
      </c>
      <c r="D739" s="6" t="s">
        <v>168</v>
      </c>
      <c r="E739" s="6" t="s">
        <v>307</v>
      </c>
      <c r="F739" s="11">
        <v>619</v>
      </c>
      <c r="G739" s="13">
        <v>0.22298270893399999</v>
      </c>
      <c r="H739" s="11">
        <v>512.26194544000009</v>
      </c>
      <c r="I739" s="13">
        <v>0.18452336506900216</v>
      </c>
      <c r="J739" s="11">
        <v>-244.53007141999979</v>
      </c>
      <c r="K739" s="13">
        <v>-7.4361461106064522E-2</v>
      </c>
      <c r="L739" s="11">
        <v>350.88140050999982</v>
      </c>
      <c r="M739" s="13">
        <v>0.1152748483212517</v>
      </c>
      <c r="N739" s="11">
        <v>106.35132909000004</v>
      </c>
      <c r="O739" s="13">
        <v>3.2341381065238935E-2</v>
      </c>
      <c r="P739" s="7">
        <v>2776.1359394699998</v>
      </c>
      <c r="Q739" s="7">
        <v>2619.14864807</v>
      </c>
      <c r="R739" s="7">
        <v>2762.7864393099999</v>
      </c>
      <c r="S739" s="7">
        <v>2953.4144446199998</v>
      </c>
      <c r="T739" s="7">
        <v>3091.6314744800002</v>
      </c>
      <c r="U739" s="7">
        <v>3216.3401706599998</v>
      </c>
      <c r="V739" s="7">
        <v>3288.3978849099999</v>
      </c>
      <c r="W739" s="7">
        <v>3416.4379405999998</v>
      </c>
      <c r="X739" s="7">
        <v>3128.30683211</v>
      </c>
      <c r="Y739" s="7">
        <v>3043.8678134900001</v>
      </c>
      <c r="Z739" s="7">
        <v>2981.97694065</v>
      </c>
      <c r="AA739" s="7">
        <v>3109.50536259</v>
      </c>
      <c r="AB739" s="7">
        <v>3201.1232917100001</v>
      </c>
      <c r="AC739" s="7">
        <v>3241.5835565399998</v>
      </c>
      <c r="AD739" s="7">
        <v>3322.8729478700002</v>
      </c>
      <c r="AE739" s="7">
        <v>3369.1952928800001</v>
      </c>
      <c r="AF739" s="7">
        <v>3394.7492139999999</v>
      </c>
      <c r="AG739" s="9">
        <v>4768.1228615</v>
      </c>
      <c r="AH739" s="13">
        <v>0.44942193868403096</v>
      </c>
      <c r="AI739" s="9">
        <v>3026.2322256999996</v>
      </c>
      <c r="AJ739" s="13">
        <v>0.28523911679455449</v>
      </c>
      <c r="AK739" s="9">
        <v>570.04724209999949</v>
      </c>
      <c r="AL739" s="13">
        <v>4.1805531113356553E-2</v>
      </c>
      <c r="AM739" s="9">
        <v>1171.8433937000009</v>
      </c>
      <c r="AN739" s="13">
        <v>8.2490856621887515E-2</v>
      </c>
      <c r="AO739" s="9">
        <v>1741.8906358000004</v>
      </c>
      <c r="AP739" s="13">
        <v>0.12774496180831782</v>
      </c>
      <c r="AQ739" s="9">
        <v>10609.4572852</v>
      </c>
      <c r="AR739" s="9">
        <v>11414.0197444</v>
      </c>
      <c r="AS739" s="9">
        <v>11634.893099999999</v>
      </c>
      <c r="AT739" s="9">
        <v>12061.043345599999</v>
      </c>
      <c r="AU739" s="9">
        <v>12319.341527</v>
      </c>
      <c r="AV739" s="9">
        <v>12793.6414465</v>
      </c>
      <c r="AW739" s="9">
        <v>13635.6895109</v>
      </c>
      <c r="AX739" s="9">
        <v>13384.325728399999</v>
      </c>
      <c r="AY739" s="9">
        <v>13659.576920699999</v>
      </c>
      <c r="AZ739" s="9">
        <v>14205.736752999999</v>
      </c>
      <c r="BA739" s="9">
        <v>14015.4291581</v>
      </c>
      <c r="BB739" s="9">
        <v>14365.2705233</v>
      </c>
      <c r="BC739" s="9">
        <v>14251.759504199999</v>
      </c>
      <c r="BD739" s="9">
        <v>14505.1709336</v>
      </c>
      <c r="BE739" s="9">
        <v>15099.6890692</v>
      </c>
      <c r="BF739" s="9">
        <v>15377.5801467</v>
      </c>
      <c r="BG739" s="11">
        <v>21.25</v>
      </c>
      <c r="BH739" s="13">
        <v>0.12878787878787878</v>
      </c>
      <c r="BI739" s="6">
        <v>7</v>
      </c>
      <c r="BJ739" s="13">
        <v>4.2424242424242427E-2</v>
      </c>
      <c r="BK739" s="6">
        <v>7</v>
      </c>
      <c r="BL739" s="13">
        <v>4.0697674418604654E-2</v>
      </c>
      <c r="BM739" s="11">
        <v>7.25</v>
      </c>
      <c r="BN739" s="13">
        <v>4.0502793296089384E-2</v>
      </c>
      <c r="BO739" s="11">
        <v>14.25</v>
      </c>
      <c r="BP739" s="13">
        <v>8.284883720930232E-2</v>
      </c>
      <c r="BQ739" s="6">
        <v>165</v>
      </c>
      <c r="BR739" s="6">
        <v>168</v>
      </c>
      <c r="BS739" s="6">
        <v>169</v>
      </c>
      <c r="BT739" s="6">
        <v>172</v>
      </c>
      <c r="BU739" s="6">
        <v>181</v>
      </c>
      <c r="BV739" s="6">
        <v>182</v>
      </c>
      <c r="BW739" s="6">
        <v>179</v>
      </c>
      <c r="BX739" s="6">
        <v>179</v>
      </c>
      <c r="BY739" s="6">
        <v>181</v>
      </c>
      <c r="BZ739" s="6">
        <v>181</v>
      </c>
      <c r="CA739" s="6">
        <v>184</v>
      </c>
      <c r="CB739" s="6">
        <v>185</v>
      </c>
      <c r="CC739" s="11">
        <v>186.25</v>
      </c>
      <c r="CD739" s="11">
        <v>-316.161</v>
      </c>
      <c r="CE739" s="11">
        <v>631.30899999999997</v>
      </c>
      <c r="CF739" s="11">
        <v>303.46499999999997</v>
      </c>
      <c r="CG739" s="11">
        <v>934</v>
      </c>
      <c r="CH739" s="20">
        <v>0.98097199999999996</v>
      </c>
      <c r="CI739" s="20">
        <v>0.92614300000000005</v>
      </c>
      <c r="CJ739" s="20">
        <v>0.95150500000000005</v>
      </c>
      <c r="CK739" s="20">
        <v>0.97046600000000005</v>
      </c>
      <c r="CL739" s="20">
        <v>0.98631999999999997</v>
      </c>
      <c r="CM739" s="20">
        <v>1.00383</v>
      </c>
      <c r="CN739" s="20">
        <v>1.00874</v>
      </c>
      <c r="CO739" s="20">
        <v>1.0403500000000001</v>
      </c>
      <c r="CP739" s="20">
        <v>1.0111699999999999</v>
      </c>
      <c r="CQ739" s="20">
        <v>0.98618499999999998</v>
      </c>
      <c r="CR739" s="20">
        <v>0.945882</v>
      </c>
      <c r="CS739" s="20">
        <v>0.96268399999999998</v>
      </c>
      <c r="CT739" s="20">
        <v>0.96393399999999996</v>
      </c>
      <c r="CU739" s="20">
        <v>0.94767000000000001</v>
      </c>
      <c r="CV739" s="20">
        <v>0.93753799999999998</v>
      </c>
      <c r="CW739" s="20">
        <v>0.91578499999999996</v>
      </c>
      <c r="CX739" s="20">
        <v>0.90294700000000006</v>
      </c>
      <c r="CY739" s="6" t="s">
        <v>504</v>
      </c>
      <c r="CZ739" s="6" t="s">
        <v>505</v>
      </c>
      <c r="DA739" s="6" t="s">
        <v>168</v>
      </c>
      <c r="DB739" s="6"/>
      <c r="DC739" s="6">
        <v>41180</v>
      </c>
      <c r="DD739" s="6">
        <v>476</v>
      </c>
      <c r="DE739" s="6" t="s">
        <v>508</v>
      </c>
      <c r="DF739" s="6" t="s">
        <v>375</v>
      </c>
      <c r="DG739" s="6" t="s">
        <v>376</v>
      </c>
      <c r="DH739" s="6" t="s">
        <v>328</v>
      </c>
      <c r="DI739" s="6" t="s">
        <v>509</v>
      </c>
      <c r="DJ739" s="6">
        <v>29</v>
      </c>
      <c r="DK739" s="6">
        <v>71</v>
      </c>
      <c r="DL739" s="6">
        <v>1</v>
      </c>
      <c r="DM739" s="6" t="s">
        <v>404</v>
      </c>
      <c r="DN739" s="6">
        <v>1</v>
      </c>
      <c r="DO739" s="6" t="s">
        <v>405</v>
      </c>
      <c r="DP739" s="6"/>
      <c r="DQ739" s="6"/>
    </row>
    <row r="740" spans="1:121" x14ac:dyDescent="0.2">
      <c r="A740" s="6" t="s">
        <v>325</v>
      </c>
      <c r="B740" s="6" t="s">
        <v>325</v>
      </c>
      <c r="C740" s="6" t="s">
        <v>193</v>
      </c>
      <c r="D740" s="6" t="s">
        <v>168</v>
      </c>
      <c r="E740" s="6" t="s">
        <v>307</v>
      </c>
      <c r="F740" s="11">
        <v>293</v>
      </c>
      <c r="G740" s="13">
        <v>0.18474148802000001</v>
      </c>
      <c r="H740" s="11">
        <v>319.4749577</v>
      </c>
      <c r="I740" s="13">
        <v>0.20147126560033049</v>
      </c>
      <c r="J740" s="11">
        <v>-50.227063179999959</v>
      </c>
      <c r="K740" s="13">
        <v>-2.6363355740022961E-2</v>
      </c>
      <c r="L740" s="11">
        <v>23.721373429999858</v>
      </c>
      <c r="M740" s="13">
        <v>1.2788094124137762E-2</v>
      </c>
      <c r="N740" s="11">
        <v>-26.505689750000101</v>
      </c>
      <c r="O740" s="13">
        <v>-1.3912398690516735E-2</v>
      </c>
      <c r="P740" s="7">
        <v>1585.70978719</v>
      </c>
      <c r="Q740" s="7">
        <v>1691.4134215199999</v>
      </c>
      <c r="R740" s="7">
        <v>1730.7743154699999</v>
      </c>
      <c r="S740" s="7">
        <v>1765.8288289499999</v>
      </c>
      <c r="T740" s="7">
        <v>1921.53802563</v>
      </c>
      <c r="U740" s="7">
        <v>1914.87331509</v>
      </c>
      <c r="V740" s="7">
        <v>1905.18474489</v>
      </c>
      <c r="W740" s="7">
        <v>1878.6147340099999</v>
      </c>
      <c r="X740" s="7">
        <v>1843.28209087</v>
      </c>
      <c r="Y740" s="7">
        <v>1854.9576817100001</v>
      </c>
      <c r="Z740" s="7">
        <v>1884.1719234699999</v>
      </c>
      <c r="AA740" s="7">
        <v>1990.9636212299999</v>
      </c>
      <c r="AB740" s="7">
        <v>1831.50892583</v>
      </c>
      <c r="AC740" s="7">
        <v>1858.6313782</v>
      </c>
      <c r="AD740" s="7">
        <v>1827.9809428200001</v>
      </c>
      <c r="AE740" s="7">
        <v>1863.45225869</v>
      </c>
      <c r="AF740" s="7">
        <v>1878.6790551399999</v>
      </c>
      <c r="AG740" s="9">
        <v>7340.1484412999998</v>
      </c>
      <c r="AH740" s="13">
        <v>0.44371018938725665</v>
      </c>
      <c r="AI740" s="9">
        <v>3296.9973370000007</v>
      </c>
      <c r="AJ740" s="13">
        <v>0.19930268774652432</v>
      </c>
      <c r="AK740" s="9">
        <v>116.19856060000166</v>
      </c>
      <c r="AL740" s="13">
        <v>5.85688235346627E-3</v>
      </c>
      <c r="AM740" s="9">
        <v>3926.9525436999975</v>
      </c>
      <c r="AN740" s="13">
        <v>0.1967819289056229</v>
      </c>
      <c r="AO740" s="9">
        <v>4043.1511042999991</v>
      </c>
      <c r="AP740" s="13">
        <v>0.20379133986597761</v>
      </c>
      <c r="AQ740" s="9">
        <v>16542.663695499999</v>
      </c>
      <c r="AR740" s="9">
        <v>16542.3389412</v>
      </c>
      <c r="AS740" s="9">
        <v>17242.0074327</v>
      </c>
      <c r="AT740" s="9">
        <v>17908.643369000001</v>
      </c>
      <c r="AU740" s="9">
        <v>18144.786415899998</v>
      </c>
      <c r="AV740" s="9">
        <v>18811.7497606</v>
      </c>
      <c r="AW740" s="9">
        <v>19839.6610325</v>
      </c>
      <c r="AX740" s="9">
        <v>20458.795675500001</v>
      </c>
      <c r="AY740" s="9">
        <v>20003.687984200002</v>
      </c>
      <c r="AZ740" s="9">
        <v>19955.859593100002</v>
      </c>
      <c r="BA740" s="9">
        <v>20092.837708200001</v>
      </c>
      <c r="BB740" s="9">
        <v>20735.7474324</v>
      </c>
      <c r="BC740" s="9">
        <v>22302.2300426</v>
      </c>
      <c r="BD740" s="9">
        <v>22892.445833199999</v>
      </c>
      <c r="BE740" s="9">
        <v>23700.3860547</v>
      </c>
      <c r="BF740" s="9">
        <v>23882.812136799999</v>
      </c>
      <c r="BG740" s="11">
        <v>-67</v>
      </c>
      <c r="BH740" s="13">
        <v>-0.25</v>
      </c>
      <c r="BI740" s="6">
        <v>18</v>
      </c>
      <c r="BJ740" s="13">
        <v>6.7164179104477612E-2</v>
      </c>
      <c r="BK740" s="6">
        <v>12</v>
      </c>
      <c r="BL740" s="13">
        <v>4.195804195804196E-2</v>
      </c>
      <c r="BM740" s="11">
        <v>-97</v>
      </c>
      <c r="BN740" s="13">
        <v>-0.32550335570469796</v>
      </c>
      <c r="BO740" s="11">
        <v>-85</v>
      </c>
      <c r="BP740" s="13">
        <v>-0.29720279720279719</v>
      </c>
      <c r="BQ740" s="6">
        <v>268</v>
      </c>
      <c r="BR740" s="6">
        <v>283</v>
      </c>
      <c r="BS740" s="6">
        <v>281</v>
      </c>
      <c r="BT740" s="6">
        <v>286</v>
      </c>
      <c r="BU740" s="6">
        <v>278</v>
      </c>
      <c r="BV740" s="6">
        <v>283</v>
      </c>
      <c r="BW740" s="6">
        <v>298</v>
      </c>
      <c r="BX740" s="6">
        <v>316</v>
      </c>
      <c r="BY740" s="6">
        <v>326</v>
      </c>
      <c r="BZ740" s="6">
        <v>195</v>
      </c>
      <c r="CA740" s="6">
        <v>196</v>
      </c>
      <c r="CB740" s="6">
        <v>199</v>
      </c>
      <c r="CC740" s="11">
        <v>201</v>
      </c>
      <c r="CD740" s="11">
        <v>134.23500000000001</v>
      </c>
      <c r="CE740" s="11">
        <v>-14.6029</v>
      </c>
      <c r="CF740" s="11">
        <v>173.33699999999999</v>
      </c>
      <c r="CG740" s="11">
        <v>158</v>
      </c>
      <c r="CH740" s="20">
        <v>0.82491000000000003</v>
      </c>
      <c r="CI740" s="20">
        <v>0.87685900000000006</v>
      </c>
      <c r="CJ740" s="20">
        <v>0.87892700000000001</v>
      </c>
      <c r="CK740" s="20">
        <v>0.87105399999999999</v>
      </c>
      <c r="CL740" s="20">
        <v>0.93553799999999998</v>
      </c>
      <c r="CM740" s="20">
        <v>0.92058399999999996</v>
      </c>
      <c r="CN740" s="20">
        <v>0.90469200000000005</v>
      </c>
      <c r="CO740" s="20">
        <v>0.88470899999999997</v>
      </c>
      <c r="CP740" s="20">
        <v>0.90265099999999998</v>
      </c>
      <c r="CQ740" s="20">
        <v>0.91724399999999995</v>
      </c>
      <c r="CR740" s="20">
        <v>0.92547500000000005</v>
      </c>
      <c r="CS740" s="20">
        <v>0.96185900000000002</v>
      </c>
      <c r="CT740" s="20">
        <v>0.93879800000000002</v>
      </c>
      <c r="CU740" s="20">
        <v>0.93478000000000006</v>
      </c>
      <c r="CV740" s="20">
        <v>0.90484500000000001</v>
      </c>
      <c r="CW740" s="20">
        <v>0.89805400000000002</v>
      </c>
      <c r="CX740" s="20">
        <v>0.89388299999999998</v>
      </c>
      <c r="CY740" s="6" t="s">
        <v>504</v>
      </c>
      <c r="CZ740" s="6" t="s">
        <v>505</v>
      </c>
      <c r="DA740" s="6" t="s">
        <v>168</v>
      </c>
      <c r="DB740" s="6"/>
      <c r="DC740" s="6">
        <v>41180</v>
      </c>
      <c r="DD740" s="6">
        <v>476</v>
      </c>
      <c r="DE740" s="6" t="s">
        <v>508</v>
      </c>
      <c r="DF740" s="6" t="s">
        <v>375</v>
      </c>
      <c r="DG740" s="6" t="s">
        <v>376</v>
      </c>
      <c r="DH740" s="6" t="s">
        <v>328</v>
      </c>
      <c r="DI740" s="6" t="s">
        <v>509</v>
      </c>
      <c r="DJ740" s="6">
        <v>29</v>
      </c>
      <c r="DK740" s="6">
        <v>71</v>
      </c>
      <c r="DL740" s="6">
        <v>1</v>
      </c>
      <c r="DM740" s="6" t="s">
        <v>404</v>
      </c>
      <c r="DN740" s="6">
        <v>1</v>
      </c>
      <c r="DO740" s="6" t="s">
        <v>405</v>
      </c>
      <c r="DP740" s="6"/>
      <c r="DQ740" s="6"/>
    </row>
    <row r="741" spans="1:121" x14ac:dyDescent="0.2">
      <c r="A741" s="6" t="s">
        <v>327</v>
      </c>
      <c r="B741" s="6" t="s">
        <v>327</v>
      </c>
      <c r="C741" s="6" t="s">
        <v>194</v>
      </c>
      <c r="D741" s="6" t="s">
        <v>168</v>
      </c>
      <c r="E741" s="6" t="s">
        <v>307</v>
      </c>
      <c r="F741" s="11">
        <v>92</v>
      </c>
      <c r="G741" s="13">
        <v>1.8860188601899999E-2</v>
      </c>
      <c r="H741" s="11">
        <v>99.276076000000103</v>
      </c>
      <c r="I741" s="13">
        <v>2.0353087826472094E-2</v>
      </c>
      <c r="J741" s="11">
        <v>114.12202499999967</v>
      </c>
      <c r="K741" s="13">
        <v>2.2930033538609496E-2</v>
      </c>
      <c r="L741" s="11">
        <v>-120.73792565999975</v>
      </c>
      <c r="M741" s="13">
        <v>-2.3715539079022022E-2</v>
      </c>
      <c r="N741" s="11">
        <v>-6.6159006600000794</v>
      </c>
      <c r="O741" s="13">
        <v>-1.3293036468807048E-3</v>
      </c>
      <c r="P741" s="7">
        <v>4877.6911319999999</v>
      </c>
      <c r="Q741" s="7">
        <v>4686.3074880000004</v>
      </c>
      <c r="R741" s="7">
        <v>4783.0315280000004</v>
      </c>
      <c r="S741" s="7">
        <v>4751.5748039999999</v>
      </c>
      <c r="T741" s="7">
        <v>4878.6590489999999</v>
      </c>
      <c r="U741" s="7">
        <v>4926.5100130000001</v>
      </c>
      <c r="V741" s="7">
        <v>4976.967208</v>
      </c>
      <c r="W741" s="7">
        <v>5157.7621490000001</v>
      </c>
      <c r="X741" s="7">
        <v>5223.8413559999999</v>
      </c>
      <c r="Y741" s="7">
        <v>5091.0892329999997</v>
      </c>
      <c r="Z741" s="7">
        <v>5047.5008090000001</v>
      </c>
      <c r="AA741" s="7">
        <v>5043.2797860000001</v>
      </c>
      <c r="AB741" s="7">
        <v>5024.3331420000004</v>
      </c>
      <c r="AC741" s="7">
        <v>5077.3242600000003</v>
      </c>
      <c r="AD741" s="7">
        <v>5022.2293689999997</v>
      </c>
      <c r="AE741" s="7">
        <v>4962.23979925</v>
      </c>
      <c r="AF741" s="7">
        <v>4970.3513073399999</v>
      </c>
      <c r="AG741" s="9">
        <v>15418.201050700001</v>
      </c>
      <c r="AH741" s="13">
        <v>0.4596022031347996</v>
      </c>
      <c r="AI741" s="9">
        <v>9065.1553895000034</v>
      </c>
      <c r="AJ741" s="13">
        <v>0.27022383318735793</v>
      </c>
      <c r="AK741" s="9">
        <v>2898.5788415999996</v>
      </c>
      <c r="AL741" s="13">
        <v>6.802260472175603E-2</v>
      </c>
      <c r="AM741" s="9">
        <v>3454.4668195999984</v>
      </c>
      <c r="AN741" s="13">
        <v>7.5904709270146614E-2</v>
      </c>
      <c r="AO741" s="9">
        <v>6353.045661199998</v>
      </c>
      <c r="AP741" s="13">
        <v>0.14909055002710564</v>
      </c>
      <c r="AQ741" s="9">
        <v>33546.8388653</v>
      </c>
      <c r="AR741" s="9">
        <v>36083.825208800001</v>
      </c>
      <c r="AS741" s="9">
        <v>36003.4866855</v>
      </c>
      <c r="AT741" s="9">
        <v>38286.074122600003</v>
      </c>
      <c r="AU741" s="9">
        <v>38955.652929600001</v>
      </c>
      <c r="AV741" s="9">
        <v>41078.655950799999</v>
      </c>
      <c r="AW741" s="9">
        <v>42611.994254800004</v>
      </c>
      <c r="AX741" s="9">
        <v>43034.126520999998</v>
      </c>
      <c r="AY741" s="9">
        <v>44505.921652999998</v>
      </c>
      <c r="AZ741" s="9">
        <v>45510.573096400003</v>
      </c>
      <c r="BA741" s="9">
        <v>45155.015942899998</v>
      </c>
      <c r="BB741" s="9">
        <v>45674.123700600001</v>
      </c>
      <c r="BC741" s="9">
        <v>46755.874461899999</v>
      </c>
      <c r="BD741" s="9">
        <v>46361.355340599999</v>
      </c>
      <c r="BE741" s="9">
        <v>47924.762368199998</v>
      </c>
      <c r="BF741" s="9">
        <v>48965.039916000002</v>
      </c>
      <c r="BG741" s="11">
        <v>4.25</v>
      </c>
      <c r="BH741" s="13">
        <v>2.6729559748427674E-2</v>
      </c>
      <c r="BI741" s="6">
        <v>4</v>
      </c>
      <c r="BJ741" s="13">
        <v>2.5157232704402517E-2</v>
      </c>
      <c r="BK741" s="6">
        <v>-3</v>
      </c>
      <c r="BL741" s="13">
        <v>-1.8404907975460124E-2</v>
      </c>
      <c r="BM741" s="11">
        <v>3.25</v>
      </c>
      <c r="BN741" s="13">
        <v>2.0312500000000001E-2</v>
      </c>
      <c r="BO741" s="11">
        <v>0.25</v>
      </c>
      <c r="BP741" s="13">
        <v>1.5337423312883436E-3</v>
      </c>
      <c r="BQ741" s="6">
        <v>159</v>
      </c>
      <c r="BR741" s="6">
        <v>160</v>
      </c>
      <c r="BS741" s="6">
        <v>159</v>
      </c>
      <c r="BT741" s="6">
        <v>163</v>
      </c>
      <c r="BU741" s="6">
        <v>163</v>
      </c>
      <c r="BV741" s="6">
        <v>164</v>
      </c>
      <c r="BW741" s="6">
        <v>160</v>
      </c>
      <c r="BX741" s="6">
        <v>160</v>
      </c>
      <c r="BY741" s="6">
        <v>160</v>
      </c>
      <c r="BZ741" s="6">
        <v>160</v>
      </c>
      <c r="CA741" s="6">
        <v>160</v>
      </c>
      <c r="CB741" s="6">
        <v>160</v>
      </c>
      <c r="CC741" s="11">
        <v>163.25</v>
      </c>
      <c r="CD741" s="11">
        <v>-154.577</v>
      </c>
      <c r="CE741" s="11">
        <v>-285.95299999999997</v>
      </c>
      <c r="CF741" s="11">
        <v>533.19000000000005</v>
      </c>
      <c r="CG741" s="11">
        <v>247</v>
      </c>
      <c r="CH741" s="20">
        <v>0.76387899999999997</v>
      </c>
      <c r="CI741" s="20">
        <v>0.72992900000000005</v>
      </c>
      <c r="CJ741" s="20">
        <v>0.73515299999999995</v>
      </c>
      <c r="CK741" s="20">
        <v>0.71454799999999996</v>
      </c>
      <c r="CL741" s="20">
        <v>0.72578900000000002</v>
      </c>
      <c r="CM741" s="20">
        <v>0.72847700000000004</v>
      </c>
      <c r="CN741" s="20">
        <v>0.73212699999999997</v>
      </c>
      <c r="CO741" s="20">
        <v>0.74492999999999998</v>
      </c>
      <c r="CP741" s="20">
        <v>0.77575499999999997</v>
      </c>
      <c r="CQ741" s="20">
        <v>0.75905599999999995</v>
      </c>
      <c r="CR741" s="20">
        <v>0.76508500000000002</v>
      </c>
      <c r="CS741" s="20">
        <v>0.77738600000000002</v>
      </c>
      <c r="CT741" s="20">
        <v>0.78048300000000004</v>
      </c>
      <c r="CU741" s="20">
        <v>0.78851199999999999</v>
      </c>
      <c r="CV741" s="20">
        <v>0.77423399999999998</v>
      </c>
      <c r="CW741" s="20">
        <v>0.74855499999999997</v>
      </c>
      <c r="CX741" s="20">
        <v>0.74542200000000003</v>
      </c>
      <c r="CY741" s="6" t="s">
        <v>504</v>
      </c>
      <c r="CZ741" s="6" t="s">
        <v>505</v>
      </c>
      <c r="DA741" s="6" t="s">
        <v>168</v>
      </c>
      <c r="DB741" s="6"/>
      <c r="DC741" s="6">
        <v>41180</v>
      </c>
      <c r="DD741" s="6">
        <v>476</v>
      </c>
      <c r="DE741" s="6" t="s">
        <v>508</v>
      </c>
      <c r="DF741" s="6" t="s">
        <v>375</v>
      </c>
      <c r="DG741" s="6" t="s">
        <v>376</v>
      </c>
      <c r="DH741" s="6" t="s">
        <v>328</v>
      </c>
      <c r="DI741" s="6" t="s">
        <v>509</v>
      </c>
      <c r="DJ741" s="6">
        <v>29</v>
      </c>
      <c r="DK741" s="6">
        <v>71</v>
      </c>
      <c r="DL741" s="6">
        <v>1</v>
      </c>
      <c r="DM741" s="6" t="s">
        <v>404</v>
      </c>
      <c r="DN741" s="6">
        <v>1</v>
      </c>
      <c r="DO741" s="6" t="s">
        <v>405</v>
      </c>
      <c r="DP741" s="6"/>
      <c r="DQ741" s="6"/>
    </row>
    <row r="742" spans="1:121" x14ac:dyDescent="0.2">
      <c r="A742" s="6" t="s">
        <v>1</v>
      </c>
      <c r="B742" s="6" t="s">
        <v>1</v>
      </c>
      <c r="C742" s="6" t="s">
        <v>2</v>
      </c>
      <c r="D742" s="6" t="s">
        <v>83</v>
      </c>
      <c r="E742" s="6" t="s">
        <v>224</v>
      </c>
      <c r="F742" s="11">
        <v>60</v>
      </c>
      <c r="G742" s="13">
        <v>1.6666666666700001</v>
      </c>
      <c r="H742" s="11">
        <v>-18.682445861000001</v>
      </c>
      <c r="I742" s="13">
        <v>-0.52423849172063541</v>
      </c>
      <c r="J742" s="11">
        <v>51.200447867500003</v>
      </c>
      <c r="K742" s="13">
        <v>3.0198100813829081</v>
      </c>
      <c r="L742" s="11">
        <v>27.446539540199993</v>
      </c>
      <c r="M742" s="13">
        <v>0.40270584401557824</v>
      </c>
      <c r="N742" s="11">
        <v>78.646987407699996</v>
      </c>
      <c r="O742" s="13">
        <v>4.6386110929885422</v>
      </c>
      <c r="P742" s="7">
        <v>35.637302785000003</v>
      </c>
      <c r="Q742" s="7">
        <v>36.945427824100001</v>
      </c>
      <c r="R742" s="7">
        <v>31.389426866800001</v>
      </c>
      <c r="S742" s="7">
        <v>25.7754151635</v>
      </c>
      <c r="T742" s="7">
        <v>29.956727901899999</v>
      </c>
      <c r="U742" s="7">
        <v>20.072738403100001</v>
      </c>
      <c r="V742" s="7">
        <v>16.954856924000001</v>
      </c>
      <c r="W742" s="7">
        <v>26.821901857</v>
      </c>
      <c r="X742" s="7">
        <v>22.663391976300002</v>
      </c>
      <c r="Y742" s="7">
        <v>68.155304791500001</v>
      </c>
      <c r="Z742" s="7">
        <v>74.832154854799995</v>
      </c>
      <c r="AA742" s="7">
        <v>66.9165509125</v>
      </c>
      <c r="AB742" s="7">
        <v>66.558812034400006</v>
      </c>
      <c r="AC742" s="7">
        <v>74.380079593600001</v>
      </c>
      <c r="AD742" s="7">
        <v>83.743950846399997</v>
      </c>
      <c r="AE742" s="7">
        <v>89.638206618200002</v>
      </c>
      <c r="AF742" s="7">
        <v>95.601844331699994</v>
      </c>
      <c r="AG742" s="9">
        <v>7400.523229800001</v>
      </c>
      <c r="AH742" s="13">
        <v>0.36063918792790439</v>
      </c>
      <c r="AI742" s="9">
        <v>-1672.8690792999987</v>
      </c>
      <c r="AJ742" s="13">
        <v>-8.1521552940893457E-2</v>
      </c>
      <c r="AK742" s="9">
        <v>5277.8204086000005</v>
      </c>
      <c r="AL742" s="13">
        <v>0.28002456339082388</v>
      </c>
      <c r="AM742" s="9">
        <v>3795.5719004999992</v>
      </c>
      <c r="AN742" s="13">
        <v>0.15732597781407262</v>
      </c>
      <c r="AO742" s="9">
        <v>9073.3923090999997</v>
      </c>
      <c r="AP742" s="13">
        <v>0.4814056794523166</v>
      </c>
      <c r="AQ742" s="9">
        <v>20520.5742402</v>
      </c>
      <c r="AR742" s="9">
        <v>19278.407107399998</v>
      </c>
      <c r="AS742" s="9">
        <v>19993.995132200002</v>
      </c>
      <c r="AT742" s="9">
        <v>18438.887358799999</v>
      </c>
      <c r="AU742" s="9">
        <v>20117.564982399999</v>
      </c>
      <c r="AV742" s="9">
        <v>18469.3761318</v>
      </c>
      <c r="AW742" s="9">
        <v>18847.705160900001</v>
      </c>
      <c r="AX742" s="9">
        <v>20306.699833999999</v>
      </c>
      <c r="AY742" s="9">
        <v>18637.527631100002</v>
      </c>
      <c r="AZ742" s="9">
        <v>24125.525569500001</v>
      </c>
      <c r="BA742" s="9">
        <v>24013.084342800001</v>
      </c>
      <c r="BB742" s="9">
        <v>24035.8336657</v>
      </c>
      <c r="BC742" s="9">
        <v>31363.568290200001</v>
      </c>
      <c r="BD742" s="9">
        <v>29152.672985699999</v>
      </c>
      <c r="BE742" s="9">
        <v>24776.9835661</v>
      </c>
      <c r="BF742" s="9">
        <v>27921.097470000001</v>
      </c>
      <c r="BG742" s="11">
        <v>-1</v>
      </c>
      <c r="BH742" s="13">
        <v>-0.33333333333333331</v>
      </c>
      <c r="BI742" s="6">
        <v>-2</v>
      </c>
      <c r="BJ742" s="13">
        <v>-0.66666666666666663</v>
      </c>
      <c r="BK742" s="6">
        <v>0</v>
      </c>
      <c r="BL742" s="13">
        <v>0</v>
      </c>
      <c r="BM742" s="11">
        <v>1</v>
      </c>
      <c r="BN742" s="13">
        <v>1</v>
      </c>
      <c r="BO742" s="11">
        <v>1</v>
      </c>
      <c r="BP742" s="13">
        <v>1</v>
      </c>
      <c r="BQ742" s="6">
        <v>3</v>
      </c>
      <c r="BR742" s="6">
        <v>1</v>
      </c>
      <c r="BS742" s="6">
        <v>1</v>
      </c>
      <c r="BT742" s="6">
        <v>1</v>
      </c>
      <c r="BU742" s="6">
        <v>1</v>
      </c>
      <c r="BV742" s="6">
        <v>0</v>
      </c>
      <c r="BW742" s="6">
        <v>1</v>
      </c>
      <c r="BX742" s="6">
        <v>1</v>
      </c>
      <c r="BY742" s="6">
        <v>1</v>
      </c>
      <c r="BZ742" s="6">
        <v>1</v>
      </c>
      <c r="CA742" s="6">
        <v>1</v>
      </c>
      <c r="CB742" s="6">
        <v>2</v>
      </c>
      <c r="CC742" s="11">
        <v>2</v>
      </c>
      <c r="CD742" s="11">
        <v>59.318100000000001</v>
      </c>
      <c r="CE742" s="11">
        <v>-3.24918</v>
      </c>
      <c r="CF742" s="11">
        <v>3.8955899999999999</v>
      </c>
      <c r="CG742" s="11">
        <v>1</v>
      </c>
      <c r="CH742" s="20">
        <v>0.42176799999999998</v>
      </c>
      <c r="CI742" s="20">
        <v>0.451874</v>
      </c>
      <c r="CJ742" s="20">
        <v>0.38453900000000002</v>
      </c>
      <c r="CK742" s="20">
        <v>0.31401200000000001</v>
      </c>
      <c r="CL742" s="20">
        <v>0.35463499999999998</v>
      </c>
      <c r="CM742" s="20">
        <v>0.23125200000000001</v>
      </c>
      <c r="CN742" s="20">
        <v>0.19875399999999999</v>
      </c>
      <c r="CO742" s="20">
        <v>0.34820299999999998</v>
      </c>
      <c r="CP742" s="20">
        <v>0.293269</v>
      </c>
      <c r="CQ742" s="20">
        <v>0.91389399999999998</v>
      </c>
      <c r="CR742" s="20">
        <v>1.0140899999999999</v>
      </c>
      <c r="CS742" s="20">
        <v>0.90659900000000004</v>
      </c>
      <c r="CT742" s="20">
        <v>0.89629099999999995</v>
      </c>
      <c r="CU742" s="20">
        <v>0.99511700000000003</v>
      </c>
      <c r="CV742" s="20">
        <v>1.11521</v>
      </c>
      <c r="CW742" s="20">
        <v>1.20174</v>
      </c>
      <c r="CX742" s="20">
        <v>1.27163</v>
      </c>
      <c r="CY742" s="6" t="s">
        <v>511</v>
      </c>
      <c r="CZ742" s="6" t="s">
        <v>512</v>
      </c>
      <c r="DA742" s="6" t="s">
        <v>83</v>
      </c>
      <c r="DB742" s="6"/>
      <c r="DC742" s="6"/>
      <c r="DD742" s="6"/>
      <c r="DE742" s="6"/>
      <c r="DF742" s="6"/>
      <c r="DG742" s="6"/>
      <c r="DH742" s="6" t="s">
        <v>333</v>
      </c>
      <c r="DI742" s="6"/>
      <c r="DJ742" s="6"/>
      <c r="DK742" s="6"/>
      <c r="DL742" s="6">
        <v>4</v>
      </c>
      <c r="DM742" s="6" t="s">
        <v>446</v>
      </c>
      <c r="DN742" s="6">
        <v>6</v>
      </c>
      <c r="DO742" s="6" t="s">
        <v>393</v>
      </c>
      <c r="DP742" s="6"/>
      <c r="DQ742" s="6"/>
    </row>
    <row r="743" spans="1:121" x14ac:dyDescent="0.2">
      <c r="A743" s="6" t="s">
        <v>310</v>
      </c>
      <c r="B743" s="6" t="s">
        <v>310</v>
      </c>
      <c r="C743" s="6" t="s">
        <v>173</v>
      </c>
      <c r="D743" s="6" t="s">
        <v>83</v>
      </c>
      <c r="E743" s="6" t="s">
        <v>224</v>
      </c>
      <c r="F743" s="11">
        <v>1</v>
      </c>
      <c r="G743" s="13">
        <v>1</v>
      </c>
      <c r="H743" s="11">
        <v>0</v>
      </c>
      <c r="I743" s="13">
        <v>0</v>
      </c>
      <c r="J743" s="11">
        <v>14.002535000000002</v>
      </c>
      <c r="K743" s="13">
        <v>2.8005070000000005</v>
      </c>
      <c r="L743" s="11">
        <v>22.588269331599996</v>
      </c>
      <c r="M743" s="13">
        <v>1.1886976833143574</v>
      </c>
      <c r="N743" s="11">
        <v>36.590804331599998</v>
      </c>
      <c r="O743" s="13">
        <v>7.3181608663200004</v>
      </c>
      <c r="P743" s="7">
        <v>5</v>
      </c>
      <c r="Q743" s="7">
        <v>5</v>
      </c>
      <c r="R743" s="7">
        <v>12.2173543773</v>
      </c>
      <c r="S743" s="7">
        <v>10.186915474999999</v>
      </c>
      <c r="T743" s="7">
        <v>5</v>
      </c>
      <c r="U743" s="7">
        <v>5</v>
      </c>
      <c r="V743" s="7">
        <v>5</v>
      </c>
      <c r="W743" s="7">
        <v>5</v>
      </c>
      <c r="X743" s="7">
        <v>5</v>
      </c>
      <c r="Y743" s="7">
        <v>19.002535000000002</v>
      </c>
      <c r="Z743" s="7">
        <v>15.879949</v>
      </c>
      <c r="AA743" s="7">
        <v>24.756506999999999</v>
      </c>
      <c r="AB743" s="7">
        <v>24.190973</v>
      </c>
      <c r="AC743" s="7">
        <v>28.071618000000001</v>
      </c>
      <c r="AD743" s="7">
        <v>34.102992999999998</v>
      </c>
      <c r="AE743" s="7">
        <v>37.578989749999998</v>
      </c>
      <c r="AF743" s="7">
        <v>41.590804331599998</v>
      </c>
      <c r="AG743" s="9">
        <v>64060.473938900002</v>
      </c>
      <c r="AH743" s="13">
        <v>64060.473938900002</v>
      </c>
      <c r="AI743" s="9">
        <v>0</v>
      </c>
      <c r="AJ743" s="13">
        <v>0</v>
      </c>
      <c r="AK743" s="9">
        <v>30000.943139300001</v>
      </c>
      <c r="AL743" s="13">
        <v>30000.943139300001</v>
      </c>
      <c r="AM743" s="9">
        <v>34059.530799600005</v>
      </c>
      <c r="AN743" s="13">
        <v>1.135244162068453</v>
      </c>
      <c r="AO743" s="9">
        <v>64060.473938900002</v>
      </c>
      <c r="AP743" s="13">
        <v>64060.473938900002</v>
      </c>
      <c r="AQ743" s="9">
        <v>1</v>
      </c>
      <c r="AR743" s="9">
        <v>1</v>
      </c>
      <c r="AS743" s="9">
        <v>41625.547700299998</v>
      </c>
      <c r="AT743" s="9">
        <v>52618.369895199998</v>
      </c>
      <c r="AU743" s="9">
        <v>1</v>
      </c>
      <c r="AV743" s="9">
        <v>1</v>
      </c>
      <c r="AW743" s="9">
        <v>1</v>
      </c>
      <c r="AX743" s="9">
        <v>1</v>
      </c>
      <c r="AY743" s="9">
        <v>1</v>
      </c>
      <c r="AZ743" s="9">
        <v>30001.943139300001</v>
      </c>
      <c r="BA743" s="9">
        <v>32502.907336299999</v>
      </c>
      <c r="BB743" s="9">
        <v>57219.845613700003</v>
      </c>
      <c r="BC743" s="9">
        <v>44906.928721700002</v>
      </c>
      <c r="BD743" s="9">
        <v>60967.8373364</v>
      </c>
      <c r="BE743" s="9">
        <v>70686.059139799996</v>
      </c>
      <c r="BF743" s="9">
        <v>64061.473938900002</v>
      </c>
      <c r="BG743" s="11">
        <v>2</v>
      </c>
      <c r="BH743" s="13">
        <v>1</v>
      </c>
      <c r="BI743" s="6">
        <v>-1</v>
      </c>
      <c r="BJ743" s="13">
        <v>-0.5</v>
      </c>
      <c r="BK743" s="6">
        <v>1</v>
      </c>
      <c r="BL743" s="13">
        <v>1</v>
      </c>
      <c r="BM743" s="11">
        <v>2</v>
      </c>
      <c r="BN743" s="13">
        <v>1</v>
      </c>
      <c r="BO743" s="11">
        <v>3</v>
      </c>
      <c r="BP743" s="13">
        <v>3</v>
      </c>
      <c r="BQ743" s="6">
        <v>2</v>
      </c>
      <c r="BR743" s="6">
        <v>1</v>
      </c>
      <c r="BS743" s="6">
        <v>1</v>
      </c>
      <c r="BT743" s="6">
        <v>1</v>
      </c>
      <c r="BU743" s="6">
        <v>1</v>
      </c>
      <c r="BV743" s="6">
        <v>1</v>
      </c>
      <c r="BW743" s="6">
        <v>2</v>
      </c>
      <c r="BX743" s="6">
        <v>2</v>
      </c>
      <c r="BY743" s="6">
        <v>3</v>
      </c>
      <c r="BZ743" s="6">
        <v>3</v>
      </c>
      <c r="CA743" s="6">
        <v>3</v>
      </c>
      <c r="CB743" s="6">
        <v>4</v>
      </c>
      <c r="CC743" s="11">
        <v>4</v>
      </c>
      <c r="CD743" s="11">
        <v>39.504300000000001</v>
      </c>
      <c r="CE743" s="11">
        <v>0.178451</v>
      </c>
      <c r="CF743" s="11">
        <v>0.18802199999999999</v>
      </c>
      <c r="CG743" s="11">
        <v>0</v>
      </c>
      <c r="CH743" s="20">
        <v>7.1749099999999996E-2</v>
      </c>
      <c r="CI743" s="20">
        <v>0.22917999999999999</v>
      </c>
      <c r="CJ743" s="20">
        <v>0.55884800000000001</v>
      </c>
      <c r="CK743" s="20">
        <v>0.448378</v>
      </c>
      <c r="CL743" s="20">
        <v>0.32716200000000001</v>
      </c>
      <c r="CM743" s="20">
        <v>0.15737799999999999</v>
      </c>
      <c r="CN743" s="20">
        <v>0.12425700000000001</v>
      </c>
      <c r="CO743" s="20">
        <v>0.25768600000000003</v>
      </c>
      <c r="CP743" s="20">
        <v>0.26960499999999998</v>
      </c>
      <c r="CQ743" s="20">
        <v>0.70320000000000005</v>
      </c>
      <c r="CR743" s="20">
        <v>0.53463099999999997</v>
      </c>
      <c r="CS743" s="20">
        <v>0.77327299999999999</v>
      </c>
      <c r="CT743" s="20">
        <v>0.74535300000000004</v>
      </c>
      <c r="CU743" s="20">
        <v>0.84329399999999999</v>
      </c>
      <c r="CV743" s="20">
        <v>1.15262</v>
      </c>
      <c r="CW743" s="20">
        <v>1.5051000000000001</v>
      </c>
      <c r="CX743" s="20">
        <v>1.63652</v>
      </c>
      <c r="CY743" s="6" t="s">
        <v>511</v>
      </c>
      <c r="CZ743" s="6" t="s">
        <v>512</v>
      </c>
      <c r="DA743" s="6" t="s">
        <v>83</v>
      </c>
      <c r="DB743" s="6"/>
      <c r="DC743" s="6"/>
      <c r="DD743" s="6"/>
      <c r="DE743" s="6"/>
      <c r="DF743" s="6"/>
      <c r="DG743" s="6"/>
      <c r="DH743" s="6" t="s">
        <v>333</v>
      </c>
      <c r="DI743" s="6"/>
      <c r="DJ743" s="6"/>
      <c r="DK743" s="6"/>
      <c r="DL743" s="6">
        <v>4</v>
      </c>
      <c r="DM743" s="6" t="s">
        <v>446</v>
      </c>
      <c r="DN743" s="6">
        <v>6</v>
      </c>
      <c r="DO743" s="6" t="s">
        <v>393</v>
      </c>
      <c r="DP743" s="6"/>
      <c r="DQ743" s="6"/>
    </row>
    <row r="744" spans="1:121" x14ac:dyDescent="0.2">
      <c r="A744" s="6" t="s">
        <v>311</v>
      </c>
      <c r="B744" s="6" t="s">
        <v>311</v>
      </c>
      <c r="C744" s="6" t="s">
        <v>174</v>
      </c>
      <c r="D744" s="6" t="s">
        <v>83</v>
      </c>
      <c r="E744" s="6" t="s">
        <v>224</v>
      </c>
      <c r="F744" s="11">
        <v>1</v>
      </c>
      <c r="G744" s="13">
        <v>1</v>
      </c>
      <c r="H744" s="11">
        <v>0</v>
      </c>
      <c r="I744" s="13">
        <v>0</v>
      </c>
      <c r="J744" s="11">
        <v>0</v>
      </c>
      <c r="K744" s="13">
        <v>0</v>
      </c>
      <c r="L744" s="11">
        <v>0</v>
      </c>
      <c r="M744" s="13">
        <v>0</v>
      </c>
      <c r="N744" s="11">
        <v>0</v>
      </c>
      <c r="O744" s="13">
        <v>0</v>
      </c>
      <c r="P744" s="7">
        <v>5</v>
      </c>
      <c r="Q744" s="7">
        <v>5</v>
      </c>
      <c r="R744" s="7">
        <v>5</v>
      </c>
      <c r="S744" s="7">
        <v>5</v>
      </c>
      <c r="T744" s="7">
        <v>5</v>
      </c>
      <c r="U744" s="7">
        <v>5</v>
      </c>
      <c r="V744" s="7">
        <v>5</v>
      </c>
      <c r="W744" s="7">
        <v>5</v>
      </c>
      <c r="X744" s="7">
        <v>5</v>
      </c>
      <c r="Y744" s="7">
        <v>5</v>
      </c>
      <c r="Z744" s="7">
        <v>5</v>
      </c>
      <c r="AA744" s="7">
        <v>5</v>
      </c>
      <c r="AB744" s="7">
        <v>5</v>
      </c>
      <c r="AC744" s="7">
        <v>5</v>
      </c>
      <c r="AD744" s="7">
        <v>5</v>
      </c>
      <c r="AE744" s="7">
        <v>5</v>
      </c>
      <c r="AF744" s="7">
        <v>5</v>
      </c>
      <c r="AG744" s="9">
        <v>0</v>
      </c>
      <c r="AH744" s="13">
        <v>0</v>
      </c>
      <c r="AI744" s="9">
        <v>0</v>
      </c>
      <c r="AJ744" s="13">
        <v>0</v>
      </c>
      <c r="AK744" s="9">
        <v>0</v>
      </c>
      <c r="AL744" s="13">
        <v>0</v>
      </c>
      <c r="AM744" s="9">
        <v>0</v>
      </c>
      <c r="AN744" s="13">
        <v>0</v>
      </c>
      <c r="AO744" s="9">
        <v>0</v>
      </c>
      <c r="AP744" s="13">
        <v>0</v>
      </c>
      <c r="AQ744" s="9">
        <v>1</v>
      </c>
      <c r="AR744" s="9">
        <v>1</v>
      </c>
      <c r="AS744" s="9">
        <v>1</v>
      </c>
      <c r="AT744" s="9">
        <v>1</v>
      </c>
      <c r="AU744" s="9">
        <v>1</v>
      </c>
      <c r="AV744" s="9">
        <v>1</v>
      </c>
      <c r="AW744" s="9">
        <v>1</v>
      </c>
      <c r="AX744" s="9">
        <v>1</v>
      </c>
      <c r="AY744" s="9">
        <v>1</v>
      </c>
      <c r="AZ744" s="9">
        <v>1</v>
      </c>
      <c r="BA744" s="9">
        <v>1</v>
      </c>
      <c r="BB744" s="9">
        <v>1</v>
      </c>
      <c r="BC744" s="9">
        <v>1</v>
      </c>
      <c r="BD744" s="9">
        <v>1</v>
      </c>
      <c r="BE744" s="9">
        <v>1</v>
      </c>
      <c r="BF744" s="9">
        <v>1</v>
      </c>
      <c r="BG744" s="11">
        <v>0</v>
      </c>
      <c r="BH744" s="13">
        <v>0</v>
      </c>
      <c r="BI744" s="6">
        <v>0</v>
      </c>
      <c r="BJ744" s="13">
        <v>0</v>
      </c>
      <c r="BK744" s="6">
        <v>0</v>
      </c>
      <c r="BL744" s="13">
        <v>0</v>
      </c>
      <c r="BM744" s="11">
        <v>0</v>
      </c>
      <c r="BN744" s="13">
        <v>0</v>
      </c>
      <c r="BO744" s="11">
        <v>0</v>
      </c>
      <c r="BP744" s="13">
        <v>0</v>
      </c>
      <c r="BQ744" s="6">
        <v>1</v>
      </c>
      <c r="BR744" s="6">
        <v>1</v>
      </c>
      <c r="BS744" s="6">
        <v>1</v>
      </c>
      <c r="BT744" s="6">
        <v>1</v>
      </c>
      <c r="BU744" s="6">
        <v>1</v>
      </c>
      <c r="BV744" s="6">
        <v>1</v>
      </c>
      <c r="BW744" s="6">
        <v>1</v>
      </c>
      <c r="BX744" s="6">
        <v>1</v>
      </c>
      <c r="BY744" s="6">
        <v>1</v>
      </c>
      <c r="BZ744" s="6">
        <v>1</v>
      </c>
      <c r="CA744" s="6">
        <v>1</v>
      </c>
      <c r="CB744" s="6">
        <v>1</v>
      </c>
      <c r="CC744" s="11">
        <v>1</v>
      </c>
      <c r="CD744" s="11">
        <v>4.8563499999999999</v>
      </c>
      <c r="CE744" s="11">
        <v>-0.43399700000000002</v>
      </c>
      <c r="CF744" s="11">
        <v>0.291329</v>
      </c>
      <c r="CG744" s="11">
        <v>0</v>
      </c>
      <c r="CH744" s="20">
        <v>0.101466</v>
      </c>
      <c r="CI744" s="20">
        <v>2.84563E-2</v>
      </c>
      <c r="CJ744" s="20">
        <v>0.12117600000000001</v>
      </c>
      <c r="CK744" s="20">
        <v>2.72996E-2</v>
      </c>
      <c r="CL744" s="20">
        <v>0.32611299999999999</v>
      </c>
      <c r="CM744" s="20">
        <v>1.02159E-2</v>
      </c>
      <c r="CN744" s="20">
        <v>1.05492E-2</v>
      </c>
      <c r="CO744" s="20">
        <v>2.69217E-2</v>
      </c>
      <c r="CP744" s="20">
        <v>0.106032</v>
      </c>
      <c r="CQ744" s="20">
        <v>0.25459199999999998</v>
      </c>
      <c r="CR744" s="20">
        <v>0.31746999999999997</v>
      </c>
      <c r="CS744" s="20">
        <v>0.226081</v>
      </c>
      <c r="CT744" s="20">
        <v>0.27312999999999998</v>
      </c>
      <c r="CU744" s="20">
        <v>0.33057199999999998</v>
      </c>
      <c r="CV744" s="20">
        <v>0.27094400000000002</v>
      </c>
      <c r="CW744" s="20">
        <v>0.31712699999999999</v>
      </c>
      <c r="CX744" s="20">
        <v>0.339638</v>
      </c>
      <c r="CY744" s="6" t="s">
        <v>511</v>
      </c>
      <c r="CZ744" s="6" t="s">
        <v>512</v>
      </c>
      <c r="DA744" s="6" t="s">
        <v>83</v>
      </c>
      <c r="DB744" s="6"/>
      <c r="DC744" s="6"/>
      <c r="DD744" s="6"/>
      <c r="DE744" s="6"/>
      <c r="DF744" s="6"/>
      <c r="DG744" s="6"/>
      <c r="DH744" s="6" t="s">
        <v>333</v>
      </c>
      <c r="DI744" s="6"/>
      <c r="DJ744" s="6"/>
      <c r="DK744" s="6"/>
      <c r="DL744" s="6">
        <v>4</v>
      </c>
      <c r="DM744" s="6" t="s">
        <v>446</v>
      </c>
      <c r="DN744" s="6">
        <v>6</v>
      </c>
      <c r="DO744" s="6" t="s">
        <v>393</v>
      </c>
      <c r="DP744" s="6"/>
      <c r="DQ744" s="6"/>
    </row>
    <row r="745" spans="1:121" x14ac:dyDescent="0.2">
      <c r="A745" s="6" t="s">
        <v>312</v>
      </c>
      <c r="B745" s="6" t="s">
        <v>312</v>
      </c>
      <c r="C745" s="6" t="s">
        <v>175</v>
      </c>
      <c r="D745" s="6" t="s">
        <v>83</v>
      </c>
      <c r="E745" s="6" t="s">
        <v>224</v>
      </c>
      <c r="F745" s="11">
        <v>-122</v>
      </c>
      <c r="G745" s="13">
        <v>-0.293975903614</v>
      </c>
      <c r="H745" s="11">
        <v>-70.079220943999985</v>
      </c>
      <c r="I745" s="13">
        <v>-0.1688805153058848</v>
      </c>
      <c r="J745" s="11">
        <v>-66.651541254000051</v>
      </c>
      <c r="K745" s="13">
        <v>-0.19325779173897617</v>
      </c>
      <c r="L745" s="11">
        <v>14.341214076000028</v>
      </c>
      <c r="M745" s="13">
        <v>5.1543980661348097E-2</v>
      </c>
      <c r="N745" s="11">
        <v>-52.310327178000023</v>
      </c>
      <c r="O745" s="13">
        <v>-0.15167508695767667</v>
      </c>
      <c r="P745" s="7">
        <v>414.96332964800001</v>
      </c>
      <c r="Q745" s="7">
        <v>391.44418309000002</v>
      </c>
      <c r="R745" s="7">
        <v>388.12499084299998</v>
      </c>
      <c r="S745" s="7">
        <v>401.92407873000002</v>
      </c>
      <c r="T745" s="7">
        <v>343.84212006199999</v>
      </c>
      <c r="U745" s="7">
        <v>349.50721328700001</v>
      </c>
      <c r="V745" s="7">
        <v>344.88410870400003</v>
      </c>
      <c r="W745" s="7">
        <v>334.95478952799999</v>
      </c>
      <c r="X745" s="7">
        <v>300.30729360700002</v>
      </c>
      <c r="Y745" s="7">
        <v>278.23256744999998</v>
      </c>
      <c r="Z745" s="7">
        <v>290.07776959300003</v>
      </c>
      <c r="AA745" s="7">
        <v>289.54849867500002</v>
      </c>
      <c r="AB745" s="7">
        <v>270.98339193599998</v>
      </c>
      <c r="AC745" s="7">
        <v>259.98268722400002</v>
      </c>
      <c r="AD745" s="7">
        <v>273.66467194400002</v>
      </c>
      <c r="AE745" s="7">
        <v>292.41195517599999</v>
      </c>
      <c r="AF745" s="7">
        <v>292.573781526</v>
      </c>
      <c r="AG745" s="9">
        <v>-158.43110190000152</v>
      </c>
      <c r="AH745" s="13">
        <v>-5.6861481534767637E-3</v>
      </c>
      <c r="AI745" s="9">
        <v>-1971.192965000002</v>
      </c>
      <c r="AJ745" s="13">
        <v>-7.0746811097455606E-2</v>
      </c>
      <c r="AK745" s="9">
        <v>-1593.9133759999968</v>
      </c>
      <c r="AL745" s="13">
        <v>-6.1561385205989097E-2</v>
      </c>
      <c r="AM745" s="9">
        <v>3406.6752390999973</v>
      </c>
      <c r="AN745" s="13">
        <v>0.14020662405833459</v>
      </c>
      <c r="AO745" s="9">
        <v>1812.7618631000005</v>
      </c>
      <c r="AP745" s="13">
        <v>7.001392486025905E-2</v>
      </c>
      <c r="AQ745" s="9">
        <v>27862.6405123</v>
      </c>
      <c r="AR745" s="9">
        <v>31393.240914800001</v>
      </c>
      <c r="AS745" s="9">
        <v>27187.644656</v>
      </c>
      <c r="AT745" s="9">
        <v>27267.632990999999</v>
      </c>
      <c r="AU745" s="9">
        <v>24439.5252736</v>
      </c>
      <c r="AV745" s="9">
        <v>25236.590998</v>
      </c>
      <c r="AW745" s="9">
        <v>25891.447547299998</v>
      </c>
      <c r="AX745" s="9">
        <v>24712.167192500001</v>
      </c>
      <c r="AY745" s="9">
        <v>24245.268031</v>
      </c>
      <c r="AZ745" s="9">
        <v>24297.534171300002</v>
      </c>
      <c r="BA745" s="9">
        <v>24645.127492399999</v>
      </c>
      <c r="BB745" s="9">
        <v>25591.145052100001</v>
      </c>
      <c r="BC745" s="9">
        <v>25448.9819255</v>
      </c>
      <c r="BD745" s="9">
        <v>27123.801831000001</v>
      </c>
      <c r="BE745" s="9">
        <v>27278.5898987</v>
      </c>
      <c r="BF745" s="9">
        <v>27704.209410399999</v>
      </c>
      <c r="BG745" s="11">
        <v>-24</v>
      </c>
      <c r="BH745" s="13">
        <v>-0.3380281690140845</v>
      </c>
      <c r="BI745" s="6">
        <v>-12</v>
      </c>
      <c r="BJ745" s="13">
        <v>-0.16901408450704225</v>
      </c>
      <c r="BK745" s="6">
        <v>-9</v>
      </c>
      <c r="BL745" s="13">
        <v>-0.15254237288135594</v>
      </c>
      <c r="BM745" s="11">
        <v>-3</v>
      </c>
      <c r="BN745" s="13">
        <v>-0.06</v>
      </c>
      <c r="BO745" s="11">
        <v>-12</v>
      </c>
      <c r="BP745" s="13">
        <v>-0.20338983050847459</v>
      </c>
      <c r="BQ745" s="6">
        <v>71</v>
      </c>
      <c r="BR745" s="6">
        <v>70</v>
      </c>
      <c r="BS745" s="6">
        <v>66</v>
      </c>
      <c r="BT745" s="6">
        <v>59</v>
      </c>
      <c r="BU745" s="6">
        <v>59</v>
      </c>
      <c r="BV745" s="6">
        <v>54</v>
      </c>
      <c r="BW745" s="6">
        <v>50</v>
      </c>
      <c r="BX745" s="6">
        <v>46</v>
      </c>
      <c r="BY745" s="6">
        <v>48</v>
      </c>
      <c r="BZ745" s="6">
        <v>46</v>
      </c>
      <c r="CA745" s="6">
        <v>45</v>
      </c>
      <c r="CB745" s="6">
        <v>44</v>
      </c>
      <c r="CC745" s="11">
        <v>47</v>
      </c>
      <c r="CD745" s="11">
        <v>-117.48699999999999</v>
      </c>
      <c r="CE745" s="11">
        <v>-50.262599999999999</v>
      </c>
      <c r="CF745" s="11">
        <v>45.360500000000002</v>
      </c>
      <c r="CG745" s="11">
        <v>-5</v>
      </c>
      <c r="CH745" s="20">
        <v>1.0892200000000001</v>
      </c>
      <c r="CI745" s="20">
        <v>1.05803</v>
      </c>
      <c r="CJ745" s="20">
        <v>1.03685</v>
      </c>
      <c r="CK745" s="20">
        <v>1.0283599999999999</v>
      </c>
      <c r="CL745" s="20">
        <v>0.82145999999999997</v>
      </c>
      <c r="CM745" s="20">
        <v>0.777949</v>
      </c>
      <c r="CN745" s="20">
        <v>0.78095599999999998</v>
      </c>
      <c r="CO745" s="20">
        <v>0.86331400000000003</v>
      </c>
      <c r="CP745" s="20">
        <v>0.87771100000000002</v>
      </c>
      <c r="CQ745" s="20">
        <v>0.91097399999999995</v>
      </c>
      <c r="CR745" s="20">
        <v>0.97827699999999995</v>
      </c>
      <c r="CS745" s="20">
        <v>0.97976600000000003</v>
      </c>
      <c r="CT745" s="20">
        <v>0.90034000000000003</v>
      </c>
      <c r="CU745" s="20">
        <v>0.838368</v>
      </c>
      <c r="CV745" s="20">
        <v>0.85533400000000004</v>
      </c>
      <c r="CW745" s="20">
        <v>0.89996200000000004</v>
      </c>
      <c r="CX745" s="20">
        <v>0.88927199999999995</v>
      </c>
      <c r="CY745" s="6" t="s">
        <v>511</v>
      </c>
      <c r="CZ745" s="6" t="s">
        <v>512</v>
      </c>
      <c r="DA745" s="6" t="s">
        <v>83</v>
      </c>
      <c r="DB745" s="6"/>
      <c r="DC745" s="6"/>
      <c r="DD745" s="6"/>
      <c r="DE745" s="6"/>
      <c r="DF745" s="6"/>
      <c r="DG745" s="6"/>
      <c r="DH745" s="6" t="s">
        <v>333</v>
      </c>
      <c r="DI745" s="6"/>
      <c r="DJ745" s="6"/>
      <c r="DK745" s="6"/>
      <c r="DL745" s="6">
        <v>4</v>
      </c>
      <c r="DM745" s="6" t="s">
        <v>446</v>
      </c>
      <c r="DN745" s="6">
        <v>6</v>
      </c>
      <c r="DO745" s="6" t="s">
        <v>393</v>
      </c>
      <c r="DP745" s="6"/>
      <c r="DQ745" s="6"/>
    </row>
    <row r="746" spans="1:121" x14ac:dyDescent="0.2">
      <c r="A746" s="6" t="s">
        <v>792</v>
      </c>
      <c r="B746" s="6" t="s">
        <v>176</v>
      </c>
      <c r="C746" s="6" t="s">
        <v>177</v>
      </c>
      <c r="D746" s="6" t="s">
        <v>83</v>
      </c>
      <c r="E746" s="6" t="s">
        <v>224</v>
      </c>
      <c r="F746" s="11">
        <v>-122</v>
      </c>
      <c r="G746" s="13">
        <v>-7.1891573364799996E-2</v>
      </c>
      <c r="H746" s="11">
        <v>-27.097832850000032</v>
      </c>
      <c r="I746" s="13">
        <v>-1.5964827380117529E-2</v>
      </c>
      <c r="J746" s="11">
        <v>-396.94404974999998</v>
      </c>
      <c r="K746" s="13">
        <v>-0.23765575851275769</v>
      </c>
      <c r="L746" s="11">
        <v>301.96548861999986</v>
      </c>
      <c r="M746" s="13">
        <v>0.23715114850876737</v>
      </c>
      <c r="N746" s="11">
        <v>-94.978561130000116</v>
      </c>
      <c r="O746" s="13">
        <v>-5.6864946085013093E-2</v>
      </c>
      <c r="P746" s="7">
        <v>1697.34580931</v>
      </c>
      <c r="Q746" s="7">
        <v>1537.66705168</v>
      </c>
      <c r="R746" s="7">
        <v>1487.1811784700001</v>
      </c>
      <c r="S746" s="7">
        <v>1498.1088906</v>
      </c>
      <c r="T746" s="7">
        <v>1537.2443814000001</v>
      </c>
      <c r="U746" s="7">
        <v>1745.6673800399999</v>
      </c>
      <c r="V746" s="7">
        <v>1670.24797646</v>
      </c>
      <c r="W746" s="7">
        <v>1464.92401395</v>
      </c>
      <c r="X746" s="7">
        <v>1268.4385939599999</v>
      </c>
      <c r="Y746" s="7">
        <v>1273.30392671</v>
      </c>
      <c r="Z746" s="7">
        <v>1289.2517281299999</v>
      </c>
      <c r="AA746" s="7">
        <v>1289.7464636100001</v>
      </c>
      <c r="AB746" s="7">
        <v>1402.3804314399999</v>
      </c>
      <c r="AC746" s="7">
        <v>1469.9980800799999</v>
      </c>
      <c r="AD746" s="7">
        <v>1511.90620382</v>
      </c>
      <c r="AE746" s="7">
        <v>1524.73929791</v>
      </c>
      <c r="AF746" s="7">
        <v>1575.2694153299999</v>
      </c>
      <c r="AG746" s="9">
        <v>11427.195941999998</v>
      </c>
      <c r="AH746" s="13">
        <v>0.3444476667184983</v>
      </c>
      <c r="AI746" s="9">
        <v>6967.6316336000018</v>
      </c>
      <c r="AJ746" s="13">
        <v>0.21002391758476069</v>
      </c>
      <c r="AK746" s="9">
        <v>1694.1056113000013</v>
      </c>
      <c r="AL746" s="13">
        <v>4.2201714888702418E-2</v>
      </c>
      <c r="AM746" s="9">
        <v>2765.4586970999953</v>
      </c>
      <c r="AN746" s="13">
        <v>6.610054058480197E-2</v>
      </c>
      <c r="AO746" s="9">
        <v>4459.5643083999967</v>
      </c>
      <c r="AP746" s="13">
        <v>0.1110918116412533</v>
      </c>
      <c r="AQ746" s="9">
        <v>33175.419798499999</v>
      </c>
      <c r="AR746" s="9">
        <v>32082.273796400001</v>
      </c>
      <c r="AS746" s="9">
        <v>31296.097351199998</v>
      </c>
      <c r="AT746" s="9">
        <v>32722.8488478</v>
      </c>
      <c r="AU746" s="9">
        <v>33946.474683300003</v>
      </c>
      <c r="AV746" s="9">
        <v>36805.960663899998</v>
      </c>
      <c r="AW746" s="9">
        <v>40143.051432100001</v>
      </c>
      <c r="AX746" s="9">
        <v>38577.445419099997</v>
      </c>
      <c r="AY746" s="9">
        <v>40859.879373800002</v>
      </c>
      <c r="AZ746" s="9">
        <v>41837.157043400002</v>
      </c>
      <c r="BA746" s="9">
        <v>42472.227109200001</v>
      </c>
      <c r="BB746" s="9">
        <v>42467.065347900003</v>
      </c>
      <c r="BC746" s="9">
        <v>45521.023317899999</v>
      </c>
      <c r="BD746" s="9">
        <v>45150.001470099996</v>
      </c>
      <c r="BE746" s="9">
        <v>45296.010644900001</v>
      </c>
      <c r="BF746" s="9">
        <v>44602.615740499998</v>
      </c>
      <c r="BG746" s="11">
        <v>4.5</v>
      </c>
      <c r="BH746" s="13">
        <v>9.375E-2</v>
      </c>
      <c r="BI746" s="6">
        <v>8</v>
      </c>
      <c r="BJ746" s="13">
        <v>0.16666666666666666</v>
      </c>
      <c r="BK746" s="6">
        <v>-1</v>
      </c>
      <c r="BL746" s="13">
        <v>-1.7857142857142856E-2</v>
      </c>
      <c r="BM746" s="11">
        <v>-2.5</v>
      </c>
      <c r="BN746" s="13">
        <v>-4.5454545454545456E-2</v>
      </c>
      <c r="BO746" s="11">
        <v>-3.5</v>
      </c>
      <c r="BP746" s="13">
        <v>-6.25E-2</v>
      </c>
      <c r="BQ746" s="6">
        <v>48</v>
      </c>
      <c r="BR746" s="6">
        <v>53</v>
      </c>
      <c r="BS746" s="6">
        <v>54</v>
      </c>
      <c r="BT746" s="6">
        <v>56</v>
      </c>
      <c r="BU746" s="6">
        <v>53</v>
      </c>
      <c r="BV746" s="6">
        <v>54</v>
      </c>
      <c r="BW746" s="6">
        <v>55</v>
      </c>
      <c r="BX746" s="6">
        <v>55</v>
      </c>
      <c r="BY746" s="6">
        <v>54</v>
      </c>
      <c r="BZ746" s="6">
        <v>54</v>
      </c>
      <c r="CA746" s="6">
        <v>55</v>
      </c>
      <c r="CB746" s="6">
        <v>55</v>
      </c>
      <c r="CC746" s="11">
        <v>52.5</v>
      </c>
      <c r="CD746" s="11">
        <v>291.50799999999998</v>
      </c>
      <c r="CE746" s="11">
        <v>-599.125</v>
      </c>
      <c r="CF746" s="11">
        <v>185.54</v>
      </c>
      <c r="CG746" s="11">
        <v>-413</v>
      </c>
      <c r="CH746" s="20">
        <v>2.3271899999999999</v>
      </c>
      <c r="CI746" s="20">
        <v>2.31995</v>
      </c>
      <c r="CJ746" s="20">
        <v>2.3705799999999999</v>
      </c>
      <c r="CK746" s="20">
        <v>2.4224800000000002</v>
      </c>
      <c r="CL746" s="20">
        <v>2.4441099999999998</v>
      </c>
      <c r="CM746" s="20">
        <v>2.7103899999999999</v>
      </c>
      <c r="CN746" s="20">
        <v>2.67096</v>
      </c>
      <c r="CO746" s="20">
        <v>2.6088200000000001</v>
      </c>
      <c r="CP746" s="20">
        <v>2.5237400000000001</v>
      </c>
      <c r="CQ746" s="20">
        <v>2.68479</v>
      </c>
      <c r="CR746" s="20">
        <v>2.7166600000000001</v>
      </c>
      <c r="CS746" s="20">
        <v>2.7072500000000002</v>
      </c>
      <c r="CT746" s="20">
        <v>2.93588</v>
      </c>
      <c r="CU746" s="20">
        <v>3.0600700000000001</v>
      </c>
      <c r="CV746" s="20">
        <v>3.13592</v>
      </c>
      <c r="CW746" s="20">
        <v>3.18214</v>
      </c>
      <c r="CX746" s="20">
        <v>3.2676400000000001</v>
      </c>
      <c r="CY746" s="6" t="s">
        <v>511</v>
      </c>
      <c r="CZ746" s="6" t="s">
        <v>512</v>
      </c>
      <c r="DA746" s="6" t="s">
        <v>83</v>
      </c>
      <c r="DB746" s="6"/>
      <c r="DC746" s="6"/>
      <c r="DD746" s="6"/>
      <c r="DE746" s="6"/>
      <c r="DF746" s="6"/>
      <c r="DG746" s="6"/>
      <c r="DH746" s="6" t="s">
        <v>333</v>
      </c>
      <c r="DI746" s="6"/>
      <c r="DJ746" s="6"/>
      <c r="DK746" s="6"/>
      <c r="DL746" s="6">
        <v>4</v>
      </c>
      <c r="DM746" s="6" t="s">
        <v>446</v>
      </c>
      <c r="DN746" s="6">
        <v>6</v>
      </c>
      <c r="DO746" s="6" t="s">
        <v>393</v>
      </c>
      <c r="DP746" s="6"/>
      <c r="DQ746" s="6"/>
    </row>
    <row r="747" spans="1:121" x14ac:dyDescent="0.2">
      <c r="A747" s="6" t="s">
        <v>313</v>
      </c>
      <c r="B747" s="6" t="s">
        <v>313</v>
      </c>
      <c r="C747" s="6" t="s">
        <v>178</v>
      </c>
      <c r="D747" s="6" t="s">
        <v>83</v>
      </c>
      <c r="E747" s="6" t="s">
        <v>224</v>
      </c>
      <c r="F747" s="11">
        <v>-50</v>
      </c>
      <c r="G747" s="13">
        <v>-0.24875621890499999</v>
      </c>
      <c r="H747" s="11">
        <v>-31.447481277999998</v>
      </c>
      <c r="I747" s="13">
        <v>-0.15655914517171238</v>
      </c>
      <c r="J747" s="11">
        <v>3.3913250020000021</v>
      </c>
      <c r="K747" s="13">
        <v>2.001738545894606E-2</v>
      </c>
      <c r="L747" s="11">
        <v>-22.137354684000002</v>
      </c>
      <c r="M747" s="13">
        <v>-0.12810205295309116</v>
      </c>
      <c r="N747" s="11">
        <v>-18.746029682</v>
      </c>
      <c r="O747" s="13">
        <v>-0.11064893566618944</v>
      </c>
      <c r="P747" s="7">
        <v>200.86646004299999</v>
      </c>
      <c r="Q747" s="7">
        <v>200.61138825</v>
      </c>
      <c r="R747" s="7">
        <v>186.03260779300001</v>
      </c>
      <c r="S747" s="7">
        <v>185.027578882</v>
      </c>
      <c r="T747" s="7">
        <v>192.519335337</v>
      </c>
      <c r="U747" s="7">
        <v>194.83460810599999</v>
      </c>
      <c r="V747" s="7">
        <v>169.41897876499999</v>
      </c>
      <c r="W747" s="7">
        <v>169.96138502400001</v>
      </c>
      <c r="X747" s="7">
        <v>166.38276488100001</v>
      </c>
      <c r="Y747" s="7">
        <v>172.81030376699999</v>
      </c>
      <c r="Z747" s="7">
        <v>151.92750987100001</v>
      </c>
      <c r="AA747" s="7">
        <v>150.64429555699999</v>
      </c>
      <c r="AB747" s="7">
        <v>152.262182919</v>
      </c>
      <c r="AC747" s="7">
        <v>156.697440871</v>
      </c>
      <c r="AD747" s="7">
        <v>152.237849506</v>
      </c>
      <c r="AE747" s="7">
        <v>150.16414877099999</v>
      </c>
      <c r="AF747" s="7">
        <v>150.67294908299999</v>
      </c>
      <c r="AG747" s="9">
        <v>13409.133925299997</v>
      </c>
      <c r="AH747" s="13">
        <v>0.3957992802571843</v>
      </c>
      <c r="AI747" s="9">
        <v>4064.6275476999945</v>
      </c>
      <c r="AJ747" s="13">
        <v>0.11997617943525681</v>
      </c>
      <c r="AK747" s="9">
        <v>7787.1759714</v>
      </c>
      <c r="AL747" s="13">
        <v>0.20523218776954635</v>
      </c>
      <c r="AM747" s="9">
        <v>1557.3304062000025</v>
      </c>
      <c r="AN747" s="13">
        <v>3.4054579909901593E-2</v>
      </c>
      <c r="AO747" s="9">
        <v>9344.5063776000025</v>
      </c>
      <c r="AP747" s="13">
        <v>0.24627586361792991</v>
      </c>
      <c r="AQ747" s="9">
        <v>33878.621296600002</v>
      </c>
      <c r="AR747" s="9">
        <v>32897.635656699997</v>
      </c>
      <c r="AS747" s="9">
        <v>31441.139375999999</v>
      </c>
      <c r="AT747" s="9">
        <v>34509.7483565</v>
      </c>
      <c r="AU747" s="9">
        <v>34283.481181000003</v>
      </c>
      <c r="AV747" s="9">
        <v>35448.132681800002</v>
      </c>
      <c r="AW747" s="9">
        <v>37943.248844299997</v>
      </c>
      <c r="AX747" s="9">
        <v>41284.010625800001</v>
      </c>
      <c r="AY747" s="9">
        <v>44915.784274400001</v>
      </c>
      <c r="AZ747" s="9">
        <v>45730.424815699997</v>
      </c>
      <c r="BA747" s="9">
        <v>42386.888082999998</v>
      </c>
      <c r="BB747" s="9">
        <v>42749.903615099996</v>
      </c>
      <c r="BC747" s="9">
        <v>42141.052044199998</v>
      </c>
      <c r="BD747" s="9">
        <v>43205.368400899999</v>
      </c>
      <c r="BE747" s="9">
        <v>45011.121728899998</v>
      </c>
      <c r="BF747" s="9">
        <v>47287.755221899999</v>
      </c>
      <c r="BG747" s="11">
        <v>-2</v>
      </c>
      <c r="BH747" s="13">
        <v>-8.6956521739130432E-2</v>
      </c>
      <c r="BI747" s="6">
        <v>1</v>
      </c>
      <c r="BJ747" s="13">
        <v>4.3478260869565216E-2</v>
      </c>
      <c r="BK747" s="6">
        <v>-6</v>
      </c>
      <c r="BL747" s="13">
        <v>-0.25</v>
      </c>
      <c r="BM747" s="11">
        <v>3</v>
      </c>
      <c r="BN747" s="13">
        <v>0.16666666666666666</v>
      </c>
      <c r="BO747" s="11">
        <v>-3</v>
      </c>
      <c r="BP747" s="13">
        <v>-0.125</v>
      </c>
      <c r="BQ747" s="6">
        <v>23</v>
      </c>
      <c r="BR747" s="6">
        <v>20</v>
      </c>
      <c r="BS747" s="6">
        <v>20</v>
      </c>
      <c r="BT747" s="6">
        <v>24</v>
      </c>
      <c r="BU747" s="6">
        <v>23</v>
      </c>
      <c r="BV747" s="6">
        <v>21</v>
      </c>
      <c r="BW747" s="6">
        <v>18</v>
      </c>
      <c r="BX747" s="6">
        <v>18</v>
      </c>
      <c r="BY747" s="6">
        <v>19</v>
      </c>
      <c r="BZ747" s="6">
        <v>21</v>
      </c>
      <c r="CA747" s="6">
        <v>22</v>
      </c>
      <c r="CB747" s="6">
        <v>21</v>
      </c>
      <c r="CC747" s="11">
        <v>21</v>
      </c>
      <c r="CD747" s="11">
        <v>-55.726300000000002</v>
      </c>
      <c r="CE747" s="11">
        <v>-16.424399999999999</v>
      </c>
      <c r="CF747" s="11">
        <v>21.957100000000001</v>
      </c>
      <c r="CG747" s="11">
        <v>6</v>
      </c>
      <c r="CH747" s="20">
        <v>0.77343300000000004</v>
      </c>
      <c r="CI747" s="20">
        <v>0.80730500000000005</v>
      </c>
      <c r="CJ747" s="20">
        <v>0.75607500000000005</v>
      </c>
      <c r="CK747" s="20">
        <v>0.74479499999999998</v>
      </c>
      <c r="CL747" s="20">
        <v>0.74389300000000003</v>
      </c>
      <c r="CM747" s="20">
        <v>0.71530800000000005</v>
      </c>
      <c r="CN747" s="20">
        <v>0.617946</v>
      </c>
      <c r="CO747" s="20">
        <v>0.672682</v>
      </c>
      <c r="CP747" s="20">
        <v>0.69546799999999998</v>
      </c>
      <c r="CQ747" s="20">
        <v>0.75786900000000001</v>
      </c>
      <c r="CR747" s="20">
        <v>0.66877699999999995</v>
      </c>
      <c r="CS747" s="20">
        <v>0.65980499999999997</v>
      </c>
      <c r="CT747" s="20">
        <v>0.66135299999999997</v>
      </c>
      <c r="CU747" s="20">
        <v>0.677624</v>
      </c>
      <c r="CV747" s="20">
        <v>0.65638399999999997</v>
      </c>
      <c r="CW747" s="20">
        <v>0.653138</v>
      </c>
      <c r="CX747" s="20">
        <v>0.64607300000000001</v>
      </c>
      <c r="CY747" s="6" t="s">
        <v>511</v>
      </c>
      <c r="CZ747" s="6" t="s">
        <v>512</v>
      </c>
      <c r="DA747" s="6" t="s">
        <v>83</v>
      </c>
      <c r="DB747" s="6"/>
      <c r="DC747" s="6"/>
      <c r="DD747" s="6"/>
      <c r="DE747" s="6"/>
      <c r="DF747" s="6"/>
      <c r="DG747" s="6"/>
      <c r="DH747" s="6" t="s">
        <v>333</v>
      </c>
      <c r="DI747" s="6"/>
      <c r="DJ747" s="6"/>
      <c r="DK747" s="6"/>
      <c r="DL747" s="6">
        <v>4</v>
      </c>
      <c r="DM747" s="6" t="s">
        <v>446</v>
      </c>
      <c r="DN747" s="6">
        <v>6</v>
      </c>
      <c r="DO747" s="6" t="s">
        <v>393</v>
      </c>
      <c r="DP747" s="6"/>
      <c r="DQ747" s="6"/>
    </row>
    <row r="748" spans="1:121" x14ac:dyDescent="0.2">
      <c r="A748" s="6" t="s">
        <v>793</v>
      </c>
      <c r="B748" s="6" t="s">
        <v>179</v>
      </c>
      <c r="C748" s="6" t="s">
        <v>180</v>
      </c>
      <c r="D748" s="6" t="s">
        <v>83</v>
      </c>
      <c r="E748" s="6" t="s">
        <v>224</v>
      </c>
      <c r="F748" s="11">
        <v>-120</v>
      </c>
      <c r="G748" s="13">
        <v>-0.15</v>
      </c>
      <c r="H748" s="11">
        <v>-79</v>
      </c>
      <c r="I748" s="13">
        <v>-9.7530864197530862E-2</v>
      </c>
      <c r="J748" s="11">
        <v>-61</v>
      </c>
      <c r="K748" s="13">
        <v>-8.3447332421340628E-2</v>
      </c>
      <c r="L748" s="11">
        <v>20</v>
      </c>
      <c r="M748" s="13">
        <v>2.9850746268656716E-2</v>
      </c>
      <c r="N748" s="11">
        <v>-41</v>
      </c>
      <c r="O748" s="13">
        <v>-5.6087551299589603E-2</v>
      </c>
      <c r="P748" s="7">
        <v>810</v>
      </c>
      <c r="Q748" s="7">
        <v>760</v>
      </c>
      <c r="R748" s="7">
        <v>745</v>
      </c>
      <c r="S748" s="7">
        <v>763</v>
      </c>
      <c r="T748" s="7">
        <v>761</v>
      </c>
      <c r="U748" s="7">
        <v>667</v>
      </c>
      <c r="V748" s="7">
        <v>731</v>
      </c>
      <c r="W748" s="7">
        <v>715</v>
      </c>
      <c r="X748" s="7">
        <v>714</v>
      </c>
      <c r="Y748" s="7">
        <v>670</v>
      </c>
      <c r="Z748" s="7">
        <v>698</v>
      </c>
      <c r="AA748" s="7">
        <v>675</v>
      </c>
      <c r="AB748" s="7">
        <v>672</v>
      </c>
      <c r="AC748" s="7">
        <v>669</v>
      </c>
      <c r="AD748" s="7">
        <v>664</v>
      </c>
      <c r="AE748" s="7">
        <v>662</v>
      </c>
      <c r="AF748" s="7">
        <v>690</v>
      </c>
      <c r="AG748" s="9">
        <v>6190</v>
      </c>
      <c r="AH748" s="13">
        <v>0.31843201810792737</v>
      </c>
      <c r="AI748" s="9">
        <v>1753</v>
      </c>
      <c r="AJ748" s="13">
        <v>9.0179535984361334E-2</v>
      </c>
      <c r="AK748" s="9">
        <v>2581</v>
      </c>
      <c r="AL748" s="13">
        <v>0.12179124197810494</v>
      </c>
      <c r="AM748" s="9">
        <v>1856</v>
      </c>
      <c r="AN748" s="13">
        <v>7.8071762083035373E-2</v>
      </c>
      <c r="AO748" s="9">
        <v>4437</v>
      </c>
      <c r="AP748" s="13">
        <v>0.20937146092865233</v>
      </c>
      <c r="AQ748" s="9">
        <v>19439</v>
      </c>
      <c r="AR748" s="9">
        <v>21028</v>
      </c>
      <c r="AS748" s="9">
        <v>21418</v>
      </c>
      <c r="AT748" s="9">
        <v>21654</v>
      </c>
      <c r="AU748" s="9">
        <v>22357</v>
      </c>
      <c r="AV748" s="9">
        <v>20651</v>
      </c>
      <c r="AW748" s="9">
        <v>21192</v>
      </c>
      <c r="AX748" s="9">
        <v>22051</v>
      </c>
      <c r="AY748" s="9">
        <v>22851</v>
      </c>
      <c r="AZ748" s="9">
        <v>23773</v>
      </c>
      <c r="BA748" s="9">
        <v>23588</v>
      </c>
      <c r="BB748" s="9">
        <v>23993</v>
      </c>
      <c r="BC748" s="9">
        <v>24591</v>
      </c>
      <c r="BD748" s="9">
        <v>24634</v>
      </c>
      <c r="BE748" s="9">
        <v>25124</v>
      </c>
      <c r="BF748" s="9">
        <v>25629</v>
      </c>
      <c r="BG748" s="11">
        <v>-15</v>
      </c>
      <c r="BH748" s="13">
        <v>-0.22058823529411764</v>
      </c>
      <c r="BI748" s="6">
        <v>4</v>
      </c>
      <c r="BJ748" s="13">
        <v>5.8823529411764705E-2</v>
      </c>
      <c r="BK748" s="6">
        <v>-4</v>
      </c>
      <c r="BL748" s="13">
        <v>-5.5555555555555552E-2</v>
      </c>
      <c r="BM748" s="11">
        <v>-15</v>
      </c>
      <c r="BN748" s="13">
        <v>-0.22058823529411764</v>
      </c>
      <c r="BO748" s="11">
        <v>-19</v>
      </c>
      <c r="BP748" s="13">
        <v>-0.2638888888888889</v>
      </c>
      <c r="BQ748" s="6">
        <v>68</v>
      </c>
      <c r="BR748" s="6">
        <v>68</v>
      </c>
      <c r="BS748" s="6">
        <v>69</v>
      </c>
      <c r="BT748" s="6">
        <v>72</v>
      </c>
      <c r="BU748" s="6">
        <v>71</v>
      </c>
      <c r="BV748" s="6">
        <v>70</v>
      </c>
      <c r="BW748" s="6">
        <v>68</v>
      </c>
      <c r="BX748" s="6">
        <v>63</v>
      </c>
      <c r="BY748" s="6">
        <v>60</v>
      </c>
      <c r="BZ748" s="6">
        <v>62</v>
      </c>
      <c r="CA748" s="6">
        <v>57</v>
      </c>
      <c r="CB748" s="6">
        <v>54</v>
      </c>
      <c r="CC748" s="11">
        <v>53</v>
      </c>
      <c r="CD748" s="11">
        <v>-157</v>
      </c>
      <c r="CE748" s="11">
        <v>-52</v>
      </c>
      <c r="CF748" s="11">
        <v>89</v>
      </c>
      <c r="CG748" s="11">
        <v>37</v>
      </c>
      <c r="CH748" s="20">
        <v>1.1599999999999999</v>
      </c>
      <c r="CI748" s="20">
        <v>1.1200000000000001</v>
      </c>
      <c r="CJ748" s="20">
        <v>1.1100000000000001</v>
      </c>
      <c r="CK748" s="20">
        <v>1.1299999999999999</v>
      </c>
      <c r="CL748" s="20">
        <v>1.0900000000000001</v>
      </c>
      <c r="CM748" s="20">
        <v>0.92</v>
      </c>
      <c r="CN748" s="20">
        <v>1.01</v>
      </c>
      <c r="CO748" s="20">
        <v>1.08</v>
      </c>
      <c r="CP748" s="20">
        <v>1.1200000000000001</v>
      </c>
      <c r="CQ748" s="20">
        <v>1.0900000000000001</v>
      </c>
      <c r="CR748" s="20">
        <v>1.1399999999999999</v>
      </c>
      <c r="CS748" s="20">
        <v>1.1100000000000001</v>
      </c>
      <c r="CT748" s="20">
        <v>1.0900000000000001</v>
      </c>
      <c r="CU748" s="20">
        <v>1.08</v>
      </c>
      <c r="CV748" s="20">
        <v>1.06</v>
      </c>
      <c r="CW748" s="20">
        <v>1.05</v>
      </c>
      <c r="CX748" s="20">
        <v>1.08</v>
      </c>
      <c r="CY748" s="6" t="s">
        <v>511</v>
      </c>
      <c r="CZ748" s="6" t="s">
        <v>512</v>
      </c>
      <c r="DA748" s="6" t="s">
        <v>83</v>
      </c>
      <c r="DB748" s="6"/>
      <c r="DC748" s="6"/>
      <c r="DD748" s="6"/>
      <c r="DE748" s="6"/>
      <c r="DF748" s="6"/>
      <c r="DG748" s="6"/>
      <c r="DH748" s="6" t="s">
        <v>333</v>
      </c>
      <c r="DI748" s="6"/>
      <c r="DJ748" s="6"/>
      <c r="DK748" s="6"/>
      <c r="DL748" s="6">
        <v>4</v>
      </c>
      <c r="DM748" s="6" t="s">
        <v>446</v>
      </c>
      <c r="DN748" s="6">
        <v>6</v>
      </c>
      <c r="DO748" s="6" t="s">
        <v>393</v>
      </c>
      <c r="DP748" s="6"/>
      <c r="DQ748" s="6"/>
    </row>
    <row r="749" spans="1:121" x14ac:dyDescent="0.2">
      <c r="A749" s="6" t="s">
        <v>794</v>
      </c>
      <c r="B749" s="6" t="s">
        <v>181</v>
      </c>
      <c r="C749" s="6" t="s">
        <v>182</v>
      </c>
      <c r="D749" s="6" t="s">
        <v>83</v>
      </c>
      <c r="E749" s="6" t="s">
        <v>224</v>
      </c>
      <c r="F749" s="11">
        <v>-91</v>
      </c>
      <c r="G749" s="13">
        <v>-0.34732824427499998</v>
      </c>
      <c r="H749" s="11">
        <v>65.254242789000045</v>
      </c>
      <c r="I749" s="13">
        <v>0.24906807798347219</v>
      </c>
      <c r="J749" s="11">
        <v>-201.65744130700003</v>
      </c>
      <c r="K749" s="13">
        <v>-0.61622236716965628</v>
      </c>
      <c r="L749" s="11">
        <v>45.769665876000005</v>
      </c>
      <c r="M749" s="13">
        <v>0.36443601390572689</v>
      </c>
      <c r="N749" s="11">
        <v>-155.88777543100002</v>
      </c>
      <c r="O749" s="13">
        <v>-0.47635997643479022</v>
      </c>
      <c r="P749" s="7">
        <v>261.99360157799998</v>
      </c>
      <c r="Q749" s="7">
        <v>263.62590065900002</v>
      </c>
      <c r="R749" s="7">
        <v>251.10160828400001</v>
      </c>
      <c r="S749" s="7">
        <v>200.17312824199999</v>
      </c>
      <c r="T749" s="7">
        <v>239.37446047200001</v>
      </c>
      <c r="U749" s="7">
        <v>306.92404214700002</v>
      </c>
      <c r="V749" s="7">
        <v>327.24784436700003</v>
      </c>
      <c r="W749" s="7">
        <v>163.62959671799999</v>
      </c>
      <c r="X749" s="7">
        <v>163.932898424</v>
      </c>
      <c r="Y749" s="7">
        <v>125.59040306</v>
      </c>
      <c r="Z749" s="7">
        <v>120.964566464</v>
      </c>
      <c r="AA749" s="7">
        <v>124.912656246</v>
      </c>
      <c r="AB749" s="7">
        <v>160.58003624200001</v>
      </c>
      <c r="AC749" s="7">
        <v>174.83289126700001</v>
      </c>
      <c r="AD749" s="7">
        <v>163.219477227</v>
      </c>
      <c r="AE749" s="7">
        <v>165.93833603900001</v>
      </c>
      <c r="AF749" s="7">
        <v>171.360068936</v>
      </c>
      <c r="AG749" s="9">
        <v>17369.880302100006</v>
      </c>
      <c r="AH749" s="13">
        <v>0.4504962252458275</v>
      </c>
      <c r="AI749" s="9">
        <v>3192.9469489000039</v>
      </c>
      <c r="AJ749" s="13">
        <v>8.2810619467293123E-2</v>
      </c>
      <c r="AK749" s="9">
        <v>11375.3834766</v>
      </c>
      <c r="AL749" s="13">
        <v>0.27246321092141562</v>
      </c>
      <c r="AM749" s="9">
        <v>2801.5498766000019</v>
      </c>
      <c r="AN749" s="13">
        <v>5.273451400763253E-2</v>
      </c>
      <c r="AO749" s="9">
        <v>14176.933353200002</v>
      </c>
      <c r="AP749" s="13">
        <v>0.33956593994194806</v>
      </c>
      <c r="AQ749" s="9">
        <v>38557.216084599997</v>
      </c>
      <c r="AR749" s="9">
        <v>40950.0725055</v>
      </c>
      <c r="AS749" s="9">
        <v>38392.939235700003</v>
      </c>
      <c r="AT749" s="9">
        <v>38937.834330799997</v>
      </c>
      <c r="AU749" s="9">
        <v>39341.836943900002</v>
      </c>
      <c r="AV749" s="9">
        <v>40245.404350700002</v>
      </c>
      <c r="AW749" s="9">
        <v>41750.163033500001</v>
      </c>
      <c r="AX749" s="9">
        <v>45208.0568948</v>
      </c>
      <c r="AY749" s="9">
        <v>44971.218931099997</v>
      </c>
      <c r="AZ749" s="9">
        <v>53125.546510100001</v>
      </c>
      <c r="BA749" s="9">
        <v>54547.0165729</v>
      </c>
      <c r="BB749" s="9">
        <v>52400.2739248</v>
      </c>
      <c r="BC749" s="9">
        <v>51394.817058499997</v>
      </c>
      <c r="BD749" s="9">
        <v>50810.663660400001</v>
      </c>
      <c r="BE749" s="9">
        <v>57183.932773400003</v>
      </c>
      <c r="BF749" s="9">
        <v>55927.096386700003</v>
      </c>
      <c r="BG749" s="11">
        <v>1</v>
      </c>
      <c r="BH749" s="13">
        <v>6.6666666666666666E-2</v>
      </c>
      <c r="BI749" s="6">
        <v>-1</v>
      </c>
      <c r="BJ749" s="13">
        <v>-6.6666666666666666E-2</v>
      </c>
      <c r="BK749" s="6">
        <v>-3</v>
      </c>
      <c r="BL749" s="13">
        <v>-0.21428571428571427</v>
      </c>
      <c r="BM749" s="11">
        <v>5</v>
      </c>
      <c r="BN749" s="13">
        <v>0.45454545454545453</v>
      </c>
      <c r="BO749" s="11">
        <v>2</v>
      </c>
      <c r="BP749" s="13">
        <v>0.14285714285714285</v>
      </c>
      <c r="BQ749" s="6">
        <v>15</v>
      </c>
      <c r="BR749" s="6">
        <v>17</v>
      </c>
      <c r="BS749" s="6">
        <v>16</v>
      </c>
      <c r="BT749" s="6">
        <v>14</v>
      </c>
      <c r="BU749" s="6">
        <v>12</v>
      </c>
      <c r="BV749" s="6">
        <v>11</v>
      </c>
      <c r="BW749" s="6">
        <v>11</v>
      </c>
      <c r="BX749" s="6">
        <v>12</v>
      </c>
      <c r="BY749" s="6">
        <v>10</v>
      </c>
      <c r="BZ749" s="6">
        <v>11</v>
      </c>
      <c r="CA749" s="6">
        <v>15</v>
      </c>
      <c r="CB749" s="6">
        <v>16</v>
      </c>
      <c r="CC749" s="11">
        <v>16</v>
      </c>
      <c r="CD749" s="11">
        <v>-135.786</v>
      </c>
      <c r="CE749" s="11">
        <v>16.5136</v>
      </c>
      <c r="CF749" s="11">
        <v>28.639099999999999</v>
      </c>
      <c r="CG749" s="11">
        <v>46</v>
      </c>
      <c r="CH749" s="20">
        <v>1.2743800000000001</v>
      </c>
      <c r="CI749" s="20">
        <v>1.35155</v>
      </c>
      <c r="CJ749" s="20">
        <v>1.3028599999999999</v>
      </c>
      <c r="CK749" s="20">
        <v>1.01877</v>
      </c>
      <c r="CL749" s="20">
        <v>1.16245</v>
      </c>
      <c r="CM749" s="20">
        <v>1.41211</v>
      </c>
      <c r="CN749" s="20">
        <v>1.4925900000000001</v>
      </c>
      <c r="CO749" s="20">
        <v>0.80992299999999995</v>
      </c>
      <c r="CP749" s="20">
        <v>0.85445499999999996</v>
      </c>
      <c r="CQ749" s="20">
        <v>0.68266300000000002</v>
      </c>
      <c r="CR749" s="20">
        <v>0.651424</v>
      </c>
      <c r="CS749" s="20">
        <v>0.66670099999999999</v>
      </c>
      <c r="CT749" s="20">
        <v>0.84485399999999999</v>
      </c>
      <c r="CU749" s="20">
        <v>0.89538700000000004</v>
      </c>
      <c r="CV749" s="20">
        <v>0.80489299999999997</v>
      </c>
      <c r="CW749" s="20">
        <v>0.804396</v>
      </c>
      <c r="CX749" s="20">
        <v>0.81356799999999996</v>
      </c>
      <c r="CY749" s="6" t="s">
        <v>511</v>
      </c>
      <c r="CZ749" s="6" t="s">
        <v>512</v>
      </c>
      <c r="DA749" s="6" t="s">
        <v>83</v>
      </c>
      <c r="DB749" s="6"/>
      <c r="DC749" s="6"/>
      <c r="DD749" s="6"/>
      <c r="DE749" s="6"/>
      <c r="DF749" s="6"/>
      <c r="DG749" s="6"/>
      <c r="DH749" s="6" t="s">
        <v>333</v>
      </c>
      <c r="DI749" s="6"/>
      <c r="DJ749" s="6"/>
      <c r="DK749" s="6"/>
      <c r="DL749" s="6">
        <v>4</v>
      </c>
      <c r="DM749" s="6" t="s">
        <v>446</v>
      </c>
      <c r="DN749" s="6">
        <v>6</v>
      </c>
      <c r="DO749" s="6" t="s">
        <v>393</v>
      </c>
      <c r="DP749" s="6"/>
      <c r="DQ749" s="6"/>
    </row>
    <row r="750" spans="1:121" x14ac:dyDescent="0.2">
      <c r="A750" s="6" t="s">
        <v>314</v>
      </c>
      <c r="B750" s="6" t="s">
        <v>314</v>
      </c>
      <c r="C750" s="6" t="s">
        <v>183</v>
      </c>
      <c r="D750" s="6" t="s">
        <v>83</v>
      </c>
      <c r="E750" s="6" t="s">
        <v>224</v>
      </c>
      <c r="F750" s="11">
        <v>-8</v>
      </c>
      <c r="G750" s="13">
        <v>-0.210526315789</v>
      </c>
      <c r="H750" s="11">
        <v>1.8762671453999999</v>
      </c>
      <c r="I750" s="13">
        <v>4.946078425282139E-2</v>
      </c>
      <c r="J750" s="11">
        <v>-0.96376083719999883</v>
      </c>
      <c r="K750" s="13">
        <v>-2.4208583816408957E-2</v>
      </c>
      <c r="L750" s="11">
        <v>-9.1453915668000008</v>
      </c>
      <c r="M750" s="13">
        <v>-0.23542111980883751</v>
      </c>
      <c r="N750" s="11">
        <v>-10.109152404</v>
      </c>
      <c r="O750" s="13">
        <v>-0.2539304917142014</v>
      </c>
      <c r="P750" s="7">
        <v>37.934439854600001</v>
      </c>
      <c r="Q750" s="7">
        <v>38.134904750099999</v>
      </c>
      <c r="R750" s="7">
        <v>36.539058736900003</v>
      </c>
      <c r="S750" s="7">
        <v>36.461120489700001</v>
      </c>
      <c r="T750" s="7">
        <v>38.0704548864</v>
      </c>
      <c r="U750" s="7">
        <v>41.071700272999998</v>
      </c>
      <c r="V750" s="7">
        <v>39.810707000000001</v>
      </c>
      <c r="W750" s="7">
        <v>37.214864353999999</v>
      </c>
      <c r="X750" s="7">
        <v>38.585502374699999</v>
      </c>
      <c r="Y750" s="7">
        <v>38.846946162800002</v>
      </c>
      <c r="Z750" s="7">
        <v>35.671009695400002</v>
      </c>
      <c r="AA750" s="7">
        <v>34.984988908299997</v>
      </c>
      <c r="AB750" s="7">
        <v>33.738883017399999</v>
      </c>
      <c r="AC750" s="7">
        <v>34.257435593399997</v>
      </c>
      <c r="AD750" s="7">
        <v>29.719886513999999</v>
      </c>
      <c r="AE750" s="7">
        <v>29.577019652800001</v>
      </c>
      <c r="AF750" s="7">
        <v>29.701554596000001</v>
      </c>
      <c r="AG750" s="9">
        <v>5890.8522890999993</v>
      </c>
      <c r="AH750" s="13">
        <v>0.1973575930082444</v>
      </c>
      <c r="AI750" s="9">
        <v>-2442.4116767000014</v>
      </c>
      <c r="AJ750" s="13">
        <v>-8.182661285543566E-2</v>
      </c>
      <c r="AK750" s="9">
        <v>2867.9579900000026</v>
      </c>
      <c r="AL750" s="13">
        <v>0.10464627925438928</v>
      </c>
      <c r="AM750" s="9">
        <v>5465.3059757999981</v>
      </c>
      <c r="AN750" s="13">
        <v>0.18052703647905363</v>
      </c>
      <c r="AO750" s="9">
        <v>8333.2639658000007</v>
      </c>
      <c r="AP750" s="13">
        <v>0.30406479840579731</v>
      </c>
      <c r="AQ750" s="9">
        <v>29848.6224893</v>
      </c>
      <c r="AR750" s="9">
        <v>26942.571098799999</v>
      </c>
      <c r="AS750" s="9">
        <v>27684.305359099999</v>
      </c>
      <c r="AT750" s="9">
        <v>25207.558878399999</v>
      </c>
      <c r="AU750" s="9">
        <v>25681.467335400001</v>
      </c>
      <c r="AV750" s="9">
        <v>27106.7024504</v>
      </c>
      <c r="AW750" s="9">
        <v>27406.210812599998</v>
      </c>
      <c r="AX750" s="9">
        <v>29510.709990700001</v>
      </c>
      <c r="AY750" s="9">
        <v>31673.462755199998</v>
      </c>
      <c r="AZ750" s="9">
        <v>30274.168802600001</v>
      </c>
      <c r="BA750" s="9">
        <v>33256.416620000004</v>
      </c>
      <c r="BB750" s="9">
        <v>33038.4585257</v>
      </c>
      <c r="BC750" s="9">
        <v>35780.596865300002</v>
      </c>
      <c r="BD750" s="9">
        <v>33981.243243999998</v>
      </c>
      <c r="BE750" s="9">
        <v>35698.433362399999</v>
      </c>
      <c r="BF750" s="9">
        <v>35739.474778399999</v>
      </c>
      <c r="BG750" s="11">
        <v>0</v>
      </c>
      <c r="BH750" s="13">
        <v>0</v>
      </c>
      <c r="BI750" s="6">
        <v>0</v>
      </c>
      <c r="BJ750" s="13">
        <v>0</v>
      </c>
      <c r="BK750" s="6">
        <v>1</v>
      </c>
      <c r="BL750" s="13">
        <v>0.2</v>
      </c>
      <c r="BM750" s="11">
        <v>-1</v>
      </c>
      <c r="BN750" s="13">
        <v>-0.16666666666666666</v>
      </c>
      <c r="BO750" s="11">
        <v>0</v>
      </c>
      <c r="BP750" s="13">
        <v>0</v>
      </c>
      <c r="BQ750" s="6">
        <v>5</v>
      </c>
      <c r="BR750" s="6">
        <v>5</v>
      </c>
      <c r="BS750" s="6">
        <v>5</v>
      </c>
      <c r="BT750" s="6">
        <v>5</v>
      </c>
      <c r="BU750" s="6">
        <v>5</v>
      </c>
      <c r="BV750" s="6">
        <v>6</v>
      </c>
      <c r="BW750" s="6">
        <v>6</v>
      </c>
      <c r="BX750" s="6">
        <v>5</v>
      </c>
      <c r="BY750" s="6">
        <v>6</v>
      </c>
      <c r="BZ750" s="6">
        <v>5</v>
      </c>
      <c r="CA750" s="6">
        <v>5</v>
      </c>
      <c r="CB750" s="6">
        <v>5</v>
      </c>
      <c r="CC750" s="11">
        <v>5</v>
      </c>
      <c r="CD750" s="11">
        <v>-0.76061900000000005</v>
      </c>
      <c r="CE750" s="11">
        <v>-11.619</v>
      </c>
      <c r="CF750" s="11">
        <v>4.1466900000000004</v>
      </c>
      <c r="CG750" s="11">
        <v>-8</v>
      </c>
      <c r="CH750" s="20">
        <v>0.234315</v>
      </c>
      <c r="CI750" s="20">
        <v>0.25527499999999997</v>
      </c>
      <c r="CJ750" s="20">
        <v>0.25847500000000001</v>
      </c>
      <c r="CK750" s="20">
        <v>0.26369700000000001</v>
      </c>
      <c r="CL750" s="20">
        <v>0.272679</v>
      </c>
      <c r="CM750" s="20">
        <v>0.28701199999999999</v>
      </c>
      <c r="CN750" s="20">
        <v>0.28210800000000003</v>
      </c>
      <c r="CO750" s="20">
        <v>0.28867599999999999</v>
      </c>
      <c r="CP750" s="20">
        <v>0.31368699999999999</v>
      </c>
      <c r="CQ750" s="20">
        <v>0.33782400000000001</v>
      </c>
      <c r="CR750" s="20">
        <v>0.318768</v>
      </c>
      <c r="CS750" s="20">
        <v>0.31611600000000001</v>
      </c>
      <c r="CT750" s="20">
        <v>0.30362899999999998</v>
      </c>
      <c r="CU750" s="20">
        <v>0.30654199999999998</v>
      </c>
      <c r="CV750" s="20">
        <v>0.26542300000000002</v>
      </c>
      <c r="CW750" s="20">
        <v>0.26248899999999997</v>
      </c>
      <c r="CX750" s="20">
        <v>0.26142700000000002</v>
      </c>
      <c r="CY750" s="6" t="s">
        <v>511</v>
      </c>
      <c r="CZ750" s="6" t="s">
        <v>512</v>
      </c>
      <c r="DA750" s="6" t="s">
        <v>83</v>
      </c>
      <c r="DB750" s="6"/>
      <c r="DC750" s="6"/>
      <c r="DD750" s="6"/>
      <c r="DE750" s="6"/>
      <c r="DF750" s="6"/>
      <c r="DG750" s="6"/>
      <c r="DH750" s="6" t="s">
        <v>333</v>
      </c>
      <c r="DI750" s="6"/>
      <c r="DJ750" s="6"/>
      <c r="DK750" s="6"/>
      <c r="DL750" s="6">
        <v>4</v>
      </c>
      <c r="DM750" s="6" t="s">
        <v>446</v>
      </c>
      <c r="DN750" s="6">
        <v>6</v>
      </c>
      <c r="DO750" s="6" t="s">
        <v>393</v>
      </c>
      <c r="DP750" s="6"/>
      <c r="DQ750" s="6"/>
    </row>
    <row r="751" spans="1:121" x14ac:dyDescent="0.2">
      <c r="A751" s="6" t="s">
        <v>315</v>
      </c>
      <c r="B751" s="6" t="s">
        <v>315</v>
      </c>
      <c r="C751" s="6" t="s">
        <v>184</v>
      </c>
      <c r="D751" s="6" t="s">
        <v>83</v>
      </c>
      <c r="E751" s="6" t="s">
        <v>224</v>
      </c>
      <c r="F751" s="11">
        <v>-8</v>
      </c>
      <c r="G751" s="13">
        <v>-0.05</v>
      </c>
      <c r="H751" s="11">
        <v>14</v>
      </c>
      <c r="I751" s="13">
        <v>8.1395348837209308E-2</v>
      </c>
      <c r="J751" s="11">
        <v>15</v>
      </c>
      <c r="K751" s="13">
        <v>8.0645161290322578E-2</v>
      </c>
      <c r="L751" s="11">
        <v>-37</v>
      </c>
      <c r="M751" s="13">
        <v>-0.18407960199004977</v>
      </c>
      <c r="N751" s="11">
        <v>-22</v>
      </c>
      <c r="O751" s="13">
        <v>-0.11827956989247312</v>
      </c>
      <c r="P751" s="7">
        <v>172</v>
      </c>
      <c r="Q751" s="7">
        <v>170</v>
      </c>
      <c r="R751" s="7">
        <v>182</v>
      </c>
      <c r="S751" s="7">
        <v>167</v>
      </c>
      <c r="T751" s="7">
        <v>175</v>
      </c>
      <c r="U751" s="7">
        <v>189</v>
      </c>
      <c r="V751" s="7">
        <v>186</v>
      </c>
      <c r="W751" s="7">
        <v>190</v>
      </c>
      <c r="X751" s="7">
        <v>203</v>
      </c>
      <c r="Y751" s="7">
        <v>201</v>
      </c>
      <c r="Z751" s="7">
        <v>190</v>
      </c>
      <c r="AA751" s="7">
        <v>195</v>
      </c>
      <c r="AB751" s="7">
        <v>163</v>
      </c>
      <c r="AC751" s="7">
        <v>169</v>
      </c>
      <c r="AD751" s="7">
        <v>168</v>
      </c>
      <c r="AE751" s="7">
        <v>168</v>
      </c>
      <c r="AF751" s="7">
        <v>164</v>
      </c>
      <c r="AG751" s="9">
        <v>16274</v>
      </c>
      <c r="AH751" s="13">
        <v>0.55803586736618316</v>
      </c>
      <c r="AI751" s="9">
        <v>6420</v>
      </c>
      <c r="AJ751" s="13">
        <v>0.22014196070363132</v>
      </c>
      <c r="AK751" s="9">
        <v>1500</v>
      </c>
      <c r="AL751" s="13">
        <v>4.2154961638984911E-2</v>
      </c>
      <c r="AM751" s="9">
        <v>8354</v>
      </c>
      <c r="AN751" s="13">
        <v>0.22527842946902893</v>
      </c>
      <c r="AO751" s="9">
        <v>9854</v>
      </c>
      <c r="AP751" s="13">
        <v>0.27692999466037155</v>
      </c>
      <c r="AQ751" s="9">
        <v>29163</v>
      </c>
      <c r="AR751" s="9">
        <v>30549</v>
      </c>
      <c r="AS751" s="9">
        <v>29977</v>
      </c>
      <c r="AT751" s="9">
        <v>32850</v>
      </c>
      <c r="AU751" s="9">
        <v>33577</v>
      </c>
      <c r="AV751" s="9">
        <v>34410</v>
      </c>
      <c r="AW751" s="9">
        <v>35583</v>
      </c>
      <c r="AX751" s="9">
        <v>36717</v>
      </c>
      <c r="AY751" s="9">
        <v>36448</v>
      </c>
      <c r="AZ751" s="9">
        <v>37083</v>
      </c>
      <c r="BA751" s="9">
        <v>38939</v>
      </c>
      <c r="BB751" s="9">
        <v>40067</v>
      </c>
      <c r="BC751" s="9">
        <v>42711</v>
      </c>
      <c r="BD751" s="9">
        <v>43983</v>
      </c>
      <c r="BE751" s="9">
        <v>45004</v>
      </c>
      <c r="BF751" s="9">
        <v>45437</v>
      </c>
      <c r="BG751" s="11">
        <v>6</v>
      </c>
      <c r="BH751" s="13">
        <v>0.25</v>
      </c>
      <c r="BI751" s="6">
        <v>2</v>
      </c>
      <c r="BJ751" s="13">
        <v>8.3333333333333329E-2</v>
      </c>
      <c r="BK751" s="6">
        <v>0</v>
      </c>
      <c r="BL751" s="13">
        <v>0</v>
      </c>
      <c r="BM751" s="11">
        <v>4</v>
      </c>
      <c r="BN751" s="13">
        <v>0.15384615384615385</v>
      </c>
      <c r="BO751" s="11">
        <v>4</v>
      </c>
      <c r="BP751" s="13">
        <v>0.15384615384615385</v>
      </c>
      <c r="BQ751" s="6">
        <v>24</v>
      </c>
      <c r="BR751" s="6">
        <v>26</v>
      </c>
      <c r="BS751" s="6">
        <v>26</v>
      </c>
      <c r="BT751" s="6">
        <v>26</v>
      </c>
      <c r="BU751" s="6">
        <v>27</v>
      </c>
      <c r="BV751" s="6">
        <v>27</v>
      </c>
      <c r="BW751" s="6">
        <v>26</v>
      </c>
      <c r="BX751" s="6">
        <v>27</v>
      </c>
      <c r="BY751" s="6">
        <v>28</v>
      </c>
      <c r="BZ751" s="6">
        <v>28</v>
      </c>
      <c r="CA751" s="6">
        <v>28</v>
      </c>
      <c r="CB751" s="6">
        <v>29</v>
      </c>
      <c r="CC751" s="11">
        <v>30</v>
      </c>
      <c r="CD751" s="11">
        <v>-13</v>
      </c>
      <c r="CE751" s="11">
        <v>-14</v>
      </c>
      <c r="CF751" s="11">
        <v>19</v>
      </c>
      <c r="CG751" s="11">
        <v>5</v>
      </c>
      <c r="CH751" s="20">
        <v>0.65</v>
      </c>
      <c r="CI751" s="20">
        <v>0.66</v>
      </c>
      <c r="CJ751" s="20">
        <v>0.7</v>
      </c>
      <c r="CK751" s="20">
        <v>0.63</v>
      </c>
      <c r="CL751" s="20">
        <v>0.64</v>
      </c>
      <c r="CM751" s="20">
        <v>0.66</v>
      </c>
      <c r="CN751" s="20">
        <v>0.66</v>
      </c>
      <c r="CO751" s="20">
        <v>0.75</v>
      </c>
      <c r="CP751" s="20">
        <v>0.82</v>
      </c>
      <c r="CQ751" s="20">
        <v>0.85</v>
      </c>
      <c r="CR751" s="20">
        <v>0.82</v>
      </c>
      <c r="CS751" s="20">
        <v>0.84</v>
      </c>
      <c r="CT751" s="20">
        <v>0.7</v>
      </c>
      <c r="CU751" s="20">
        <v>0.73</v>
      </c>
      <c r="CV751" s="20">
        <v>0.72</v>
      </c>
      <c r="CW751" s="20">
        <v>0.72</v>
      </c>
      <c r="CX751" s="20">
        <v>0.69</v>
      </c>
      <c r="CY751" s="6" t="s">
        <v>511</v>
      </c>
      <c r="CZ751" s="6" t="s">
        <v>512</v>
      </c>
      <c r="DA751" s="6" t="s">
        <v>83</v>
      </c>
      <c r="DB751" s="6"/>
      <c r="DC751" s="6"/>
      <c r="DD751" s="6"/>
      <c r="DE751" s="6"/>
      <c r="DF751" s="6"/>
      <c r="DG751" s="6"/>
      <c r="DH751" s="6" t="s">
        <v>333</v>
      </c>
      <c r="DI751" s="6"/>
      <c r="DJ751" s="6"/>
      <c r="DK751" s="6"/>
      <c r="DL751" s="6">
        <v>4</v>
      </c>
      <c r="DM751" s="6" t="s">
        <v>446</v>
      </c>
      <c r="DN751" s="6">
        <v>6</v>
      </c>
      <c r="DO751" s="6" t="s">
        <v>393</v>
      </c>
      <c r="DP751" s="6"/>
      <c r="DQ751" s="6"/>
    </row>
    <row r="752" spans="1:121" x14ac:dyDescent="0.2">
      <c r="A752" s="6" t="s">
        <v>316</v>
      </c>
      <c r="B752" s="6" t="s">
        <v>316</v>
      </c>
      <c r="C752" s="6" t="s">
        <v>185</v>
      </c>
      <c r="D752" s="6" t="s">
        <v>83</v>
      </c>
      <c r="E752" s="6" t="s">
        <v>224</v>
      </c>
      <c r="F752" s="11">
        <v>13</v>
      </c>
      <c r="G752" s="13">
        <v>0.36</v>
      </c>
      <c r="H752" s="11">
        <v>24</v>
      </c>
      <c r="I752" s="13">
        <v>0.66666666666666663</v>
      </c>
      <c r="J752" s="11">
        <v>-19</v>
      </c>
      <c r="K752" s="13">
        <v>-0.31666666666666665</v>
      </c>
      <c r="L752" s="11">
        <v>8</v>
      </c>
      <c r="M752" s="13">
        <v>0.1951219512195122</v>
      </c>
      <c r="N752" s="11">
        <v>-11</v>
      </c>
      <c r="O752" s="13">
        <v>-0.18333333333333332</v>
      </c>
      <c r="P752" s="7">
        <v>36</v>
      </c>
      <c r="Q752" s="7">
        <v>39</v>
      </c>
      <c r="R752" s="7">
        <v>48</v>
      </c>
      <c r="S752" s="7">
        <v>54</v>
      </c>
      <c r="T752" s="7">
        <v>55</v>
      </c>
      <c r="U752" s="7">
        <v>56</v>
      </c>
      <c r="V752" s="7">
        <v>60</v>
      </c>
      <c r="W752" s="7">
        <v>53</v>
      </c>
      <c r="X752" s="7">
        <v>40</v>
      </c>
      <c r="Y752" s="7">
        <v>41</v>
      </c>
      <c r="Z752" s="7">
        <v>38</v>
      </c>
      <c r="AA752" s="7">
        <v>39</v>
      </c>
      <c r="AB752" s="7">
        <v>42</v>
      </c>
      <c r="AC752" s="7">
        <v>44</v>
      </c>
      <c r="AD752" s="7">
        <v>43</v>
      </c>
      <c r="AE752" s="7">
        <v>47</v>
      </c>
      <c r="AF752" s="7">
        <v>49</v>
      </c>
      <c r="AG752" s="9">
        <v>9221</v>
      </c>
      <c r="AH752" s="13">
        <v>0.40927652019529515</v>
      </c>
      <c r="AI752" s="9">
        <v>3215</v>
      </c>
      <c r="AJ752" s="13">
        <v>0.14269862405681313</v>
      </c>
      <c r="AK752" s="9">
        <v>72</v>
      </c>
      <c r="AL752" s="13">
        <v>2.796659545542824E-3</v>
      </c>
      <c r="AM752" s="9">
        <v>5934</v>
      </c>
      <c r="AN752" s="13">
        <v>0.22984854940543056</v>
      </c>
      <c r="AO752" s="9">
        <v>6006</v>
      </c>
      <c r="AP752" s="13">
        <v>0.23328801709069719</v>
      </c>
      <c r="AQ752" s="9">
        <v>22530</v>
      </c>
      <c r="AR752" s="9">
        <v>21125</v>
      </c>
      <c r="AS752" s="9">
        <v>23046</v>
      </c>
      <c r="AT752" s="9">
        <v>22477</v>
      </c>
      <c r="AU752" s="9">
        <v>24696</v>
      </c>
      <c r="AV752" s="9">
        <v>24246</v>
      </c>
      <c r="AW752" s="9">
        <v>25745</v>
      </c>
      <c r="AX752" s="9">
        <v>25440</v>
      </c>
      <c r="AY752" s="9">
        <v>26444</v>
      </c>
      <c r="AZ752" s="9">
        <v>25817</v>
      </c>
      <c r="BA752" s="9">
        <v>26056</v>
      </c>
      <c r="BB752" s="9">
        <v>26482</v>
      </c>
      <c r="BC752" s="9">
        <v>26705</v>
      </c>
      <c r="BD752" s="9">
        <v>27585</v>
      </c>
      <c r="BE752" s="9">
        <v>32105</v>
      </c>
      <c r="BF752" s="9">
        <v>31751</v>
      </c>
      <c r="BG752" s="11">
        <v>-4</v>
      </c>
      <c r="BH752" s="13">
        <v>-0.23529411764705882</v>
      </c>
      <c r="BI752" s="6">
        <v>0</v>
      </c>
      <c r="BJ752" s="13">
        <v>0</v>
      </c>
      <c r="BK752" s="6">
        <v>-4</v>
      </c>
      <c r="BL752" s="13">
        <v>-0.23529411764705882</v>
      </c>
      <c r="BM752" s="11">
        <v>0</v>
      </c>
      <c r="BN752" s="13">
        <v>0</v>
      </c>
      <c r="BO752" s="11">
        <v>-4</v>
      </c>
      <c r="BP752" s="13">
        <v>-0.23529411764705882</v>
      </c>
      <c r="BQ752" s="6">
        <v>17</v>
      </c>
      <c r="BR752" s="6">
        <v>18</v>
      </c>
      <c r="BS752" s="6">
        <v>18</v>
      </c>
      <c r="BT752" s="6">
        <v>17</v>
      </c>
      <c r="BU752" s="6">
        <v>16</v>
      </c>
      <c r="BV752" s="6">
        <v>14</v>
      </c>
      <c r="BW752" s="6">
        <v>13</v>
      </c>
      <c r="BX752" s="6">
        <v>12</v>
      </c>
      <c r="BY752" s="6">
        <v>12</v>
      </c>
      <c r="BZ752" s="6">
        <v>12</v>
      </c>
      <c r="CA752" s="6">
        <v>11</v>
      </c>
      <c r="CB752" s="6">
        <v>14</v>
      </c>
      <c r="CC752" s="11">
        <v>13</v>
      </c>
      <c r="CD752" s="11">
        <v>10</v>
      </c>
      <c r="CE752" s="11">
        <v>-2</v>
      </c>
      <c r="CF752" s="11">
        <v>4</v>
      </c>
      <c r="CG752" s="11">
        <v>2</v>
      </c>
      <c r="CH752" s="20">
        <v>0.33</v>
      </c>
      <c r="CI752" s="20">
        <v>0.36</v>
      </c>
      <c r="CJ752" s="20">
        <v>0.45</v>
      </c>
      <c r="CK752" s="20">
        <v>0.49</v>
      </c>
      <c r="CL752" s="20">
        <v>0.47</v>
      </c>
      <c r="CM752" s="20">
        <v>0.46</v>
      </c>
      <c r="CN752" s="20">
        <v>0.49</v>
      </c>
      <c r="CO752" s="20">
        <v>0.49</v>
      </c>
      <c r="CP752" s="20">
        <v>0.38</v>
      </c>
      <c r="CQ752" s="20">
        <v>0.42</v>
      </c>
      <c r="CR752" s="20">
        <v>0.4</v>
      </c>
      <c r="CS752" s="20">
        <v>0.41</v>
      </c>
      <c r="CT752" s="20">
        <v>0.44</v>
      </c>
      <c r="CU752" s="20">
        <v>0.45</v>
      </c>
      <c r="CV752" s="20">
        <v>0.43</v>
      </c>
      <c r="CW752" s="20">
        <v>0.47</v>
      </c>
      <c r="CX752" s="20">
        <v>0.48</v>
      </c>
      <c r="CY752" s="6" t="s">
        <v>511</v>
      </c>
      <c r="CZ752" s="6" t="s">
        <v>512</v>
      </c>
      <c r="DA752" s="6" t="s">
        <v>83</v>
      </c>
      <c r="DB752" s="6"/>
      <c r="DC752" s="6"/>
      <c r="DD752" s="6"/>
      <c r="DE752" s="6"/>
      <c r="DF752" s="6"/>
      <c r="DG752" s="6"/>
      <c r="DH752" s="6" t="s">
        <v>333</v>
      </c>
      <c r="DI752" s="6"/>
      <c r="DJ752" s="6"/>
      <c r="DK752" s="6"/>
      <c r="DL752" s="6">
        <v>4</v>
      </c>
      <c r="DM752" s="6" t="s">
        <v>446</v>
      </c>
      <c r="DN752" s="6">
        <v>6</v>
      </c>
      <c r="DO752" s="6" t="s">
        <v>393</v>
      </c>
      <c r="DP752" s="6"/>
      <c r="DQ752" s="6"/>
    </row>
    <row r="753" spans="1:121" x14ac:dyDescent="0.2">
      <c r="A753" s="6" t="s">
        <v>317</v>
      </c>
      <c r="B753" s="6" t="s">
        <v>317</v>
      </c>
      <c r="C753" s="6" t="s">
        <v>186</v>
      </c>
      <c r="D753" s="6" t="s">
        <v>83</v>
      </c>
      <c r="E753" s="6" t="s">
        <v>224</v>
      </c>
      <c r="F753" s="11">
        <v>34</v>
      </c>
      <c r="G753" s="13">
        <v>0.31</v>
      </c>
      <c r="H753" s="11">
        <v>8</v>
      </c>
      <c r="I753" s="13">
        <v>7.3394495412844055E-2</v>
      </c>
      <c r="J753" s="11">
        <v>-23</v>
      </c>
      <c r="K753" s="13">
        <v>-0.19658119658119655</v>
      </c>
      <c r="L753" s="11">
        <v>49</v>
      </c>
      <c r="M753" s="13">
        <v>0.52127659574468088</v>
      </c>
      <c r="N753" s="11">
        <v>26</v>
      </c>
      <c r="O753" s="13">
        <v>0.22222222222222221</v>
      </c>
      <c r="P753" s="7">
        <v>109</v>
      </c>
      <c r="Q753" s="7">
        <v>108</v>
      </c>
      <c r="R753" s="7">
        <v>121</v>
      </c>
      <c r="S753" s="7">
        <v>115</v>
      </c>
      <c r="T753" s="7">
        <v>128</v>
      </c>
      <c r="U753" s="7">
        <v>122</v>
      </c>
      <c r="V753" s="7">
        <v>117</v>
      </c>
      <c r="W753" s="7">
        <v>104</v>
      </c>
      <c r="X753" s="7">
        <v>105</v>
      </c>
      <c r="Y753" s="7">
        <v>94</v>
      </c>
      <c r="Z753" s="7">
        <v>98</v>
      </c>
      <c r="AA753" s="7">
        <v>129</v>
      </c>
      <c r="AB753" s="7">
        <v>134</v>
      </c>
      <c r="AC753" s="7">
        <v>137</v>
      </c>
      <c r="AD753" s="7">
        <v>138</v>
      </c>
      <c r="AE753" s="7">
        <v>139</v>
      </c>
      <c r="AF753" s="7">
        <v>143</v>
      </c>
      <c r="AG753" s="9">
        <v>980</v>
      </c>
      <c r="AH753" s="13">
        <v>3.6636883621817641E-2</v>
      </c>
      <c r="AI753" s="9">
        <v>3044</v>
      </c>
      <c r="AJ753" s="13">
        <v>0.11379864667838048</v>
      </c>
      <c r="AK753" s="9">
        <v>514</v>
      </c>
      <c r="AL753" s="13">
        <v>1.7252374718893699E-2</v>
      </c>
      <c r="AM753" s="9">
        <v>-2578</v>
      </c>
      <c r="AN753" s="13">
        <v>-8.5062856765763681E-2</v>
      </c>
      <c r="AO753" s="9">
        <v>-2064</v>
      </c>
      <c r="AP753" s="13">
        <v>-6.9278018326452528E-2</v>
      </c>
      <c r="AQ753" s="9">
        <v>26749</v>
      </c>
      <c r="AR753" s="9">
        <v>24787</v>
      </c>
      <c r="AS753" s="9">
        <v>24246</v>
      </c>
      <c r="AT753" s="9">
        <v>24212</v>
      </c>
      <c r="AU753" s="9">
        <v>28219</v>
      </c>
      <c r="AV753" s="9">
        <v>29200</v>
      </c>
      <c r="AW753" s="9">
        <v>29793</v>
      </c>
      <c r="AX753" s="9">
        <v>30234</v>
      </c>
      <c r="AY753" s="9">
        <v>30410</v>
      </c>
      <c r="AZ753" s="9">
        <v>30307</v>
      </c>
      <c r="BA753" s="9">
        <v>30548</v>
      </c>
      <c r="BB753" s="9">
        <v>29829</v>
      </c>
      <c r="BC753" s="9">
        <v>26530</v>
      </c>
      <c r="BD753" s="9">
        <v>26047</v>
      </c>
      <c r="BE753" s="9">
        <v>32980</v>
      </c>
      <c r="BF753" s="9">
        <v>27729</v>
      </c>
      <c r="BG753" s="11">
        <v>-7</v>
      </c>
      <c r="BH753" s="13">
        <v>-0.21875</v>
      </c>
      <c r="BI753" s="6">
        <v>-3</v>
      </c>
      <c r="BJ753" s="13">
        <v>-9.375E-2</v>
      </c>
      <c r="BK753" s="6">
        <v>-4</v>
      </c>
      <c r="BL753" s="13">
        <v>-0.13793103448275862</v>
      </c>
      <c r="BM753" s="11">
        <v>0</v>
      </c>
      <c r="BN753" s="13">
        <v>0</v>
      </c>
      <c r="BO753" s="11">
        <v>-4</v>
      </c>
      <c r="BP753" s="13">
        <v>-0.13793103448275862</v>
      </c>
      <c r="BQ753" s="6">
        <v>32</v>
      </c>
      <c r="BR753" s="6">
        <v>29</v>
      </c>
      <c r="BS753" s="6">
        <v>30</v>
      </c>
      <c r="BT753" s="6">
        <v>29</v>
      </c>
      <c r="BU753" s="6">
        <v>31</v>
      </c>
      <c r="BV753" s="6">
        <v>28</v>
      </c>
      <c r="BW753" s="6">
        <v>25</v>
      </c>
      <c r="BX753" s="6">
        <v>25</v>
      </c>
      <c r="BY753" s="6">
        <v>23</v>
      </c>
      <c r="BZ753" s="6">
        <v>24</v>
      </c>
      <c r="CA753" s="6">
        <v>25</v>
      </c>
      <c r="CB753" s="6">
        <v>26</v>
      </c>
      <c r="CC753" s="11">
        <v>25</v>
      </c>
      <c r="CD753" s="11">
        <v>0</v>
      </c>
      <c r="CE753" s="11">
        <v>22</v>
      </c>
      <c r="CF753" s="11">
        <v>12</v>
      </c>
      <c r="CG753" s="11">
        <v>34</v>
      </c>
      <c r="CH753" s="20">
        <v>0.32</v>
      </c>
      <c r="CI753" s="20">
        <v>0.32</v>
      </c>
      <c r="CJ753" s="20">
        <v>0.37</v>
      </c>
      <c r="CK753" s="20">
        <v>0.34</v>
      </c>
      <c r="CL753" s="20">
        <v>0.36</v>
      </c>
      <c r="CM753" s="20">
        <v>0.32</v>
      </c>
      <c r="CN753" s="20">
        <v>0.3</v>
      </c>
      <c r="CO753" s="20">
        <v>0.28000000000000003</v>
      </c>
      <c r="CP753" s="20">
        <v>0.28999999999999998</v>
      </c>
      <c r="CQ753" s="20">
        <v>0.27</v>
      </c>
      <c r="CR753" s="20">
        <v>0.28000000000000003</v>
      </c>
      <c r="CS753" s="20">
        <v>0.36</v>
      </c>
      <c r="CT753" s="20">
        <v>0.37</v>
      </c>
      <c r="CU753" s="20">
        <v>0.37</v>
      </c>
      <c r="CV753" s="20">
        <v>0.36</v>
      </c>
      <c r="CW753" s="20">
        <v>0.36</v>
      </c>
      <c r="CX753" s="20">
        <v>0.36</v>
      </c>
      <c r="CY753" s="6" t="s">
        <v>511</v>
      </c>
      <c r="CZ753" s="6" t="s">
        <v>512</v>
      </c>
      <c r="DA753" s="6" t="s">
        <v>83</v>
      </c>
      <c r="DB753" s="6"/>
      <c r="DC753" s="6"/>
      <c r="DD753" s="6"/>
      <c r="DE753" s="6"/>
      <c r="DF753" s="6"/>
      <c r="DG753" s="6"/>
      <c r="DH753" s="6" t="s">
        <v>333</v>
      </c>
      <c r="DI753" s="6"/>
      <c r="DJ753" s="6"/>
      <c r="DK753" s="6"/>
      <c r="DL753" s="6">
        <v>4</v>
      </c>
      <c r="DM753" s="6" t="s">
        <v>446</v>
      </c>
      <c r="DN753" s="6">
        <v>6</v>
      </c>
      <c r="DO753" s="6" t="s">
        <v>393</v>
      </c>
      <c r="DP753" s="6"/>
      <c r="DQ753" s="6"/>
    </row>
    <row r="754" spans="1:121" x14ac:dyDescent="0.2">
      <c r="A754" s="6" t="s">
        <v>318</v>
      </c>
      <c r="B754" s="6" t="s">
        <v>318</v>
      </c>
      <c r="C754" s="6" t="s">
        <v>187</v>
      </c>
      <c r="D754" s="6" t="s">
        <v>83</v>
      </c>
      <c r="E754" s="6" t="s">
        <v>224</v>
      </c>
      <c r="F754" s="11">
        <v>-25</v>
      </c>
      <c r="G754" s="13">
        <v>-0.32894736842099997</v>
      </c>
      <c r="H754" s="11">
        <v>5.1031030000000044</v>
      </c>
      <c r="I754" s="13">
        <v>6.6958216161007028E-2</v>
      </c>
      <c r="J754" s="11">
        <v>6.3957419999999985</v>
      </c>
      <c r="K754" s="13">
        <v>7.8652596662941651E-2</v>
      </c>
      <c r="L754" s="11">
        <v>-36.861232159700002</v>
      </c>
      <c r="M754" s="13">
        <v>-0.42025257566485336</v>
      </c>
      <c r="N754" s="11">
        <v>-30.465490159700003</v>
      </c>
      <c r="O754" s="13">
        <v>-0.37465393533224178</v>
      </c>
      <c r="P754" s="7">
        <v>76.213245999999998</v>
      </c>
      <c r="Q754" s="7">
        <v>71.198691999999994</v>
      </c>
      <c r="R754" s="7">
        <v>67.144251999999994</v>
      </c>
      <c r="S754" s="7">
        <v>67.911705999999995</v>
      </c>
      <c r="T754" s="7">
        <v>59.639270000000003</v>
      </c>
      <c r="U754" s="7">
        <v>79.782911999999996</v>
      </c>
      <c r="V754" s="7">
        <v>81.316349000000002</v>
      </c>
      <c r="W754" s="7">
        <v>85.788098000000005</v>
      </c>
      <c r="X754" s="7">
        <v>82.748852999999997</v>
      </c>
      <c r="Y754" s="7">
        <v>87.712091000000001</v>
      </c>
      <c r="Z754" s="7">
        <v>88.422210000000007</v>
      </c>
      <c r="AA754" s="7">
        <v>56.975954999999999</v>
      </c>
      <c r="AB754" s="7">
        <v>45.981305999999996</v>
      </c>
      <c r="AC754" s="7">
        <v>44.397976999999997</v>
      </c>
      <c r="AD754" s="7">
        <v>47.867370000000001</v>
      </c>
      <c r="AE754" s="7">
        <v>54.162685250000003</v>
      </c>
      <c r="AF754" s="7">
        <v>50.850858840299999</v>
      </c>
      <c r="AG754" s="9">
        <v>16082.989487800001</v>
      </c>
      <c r="AH754" s="13">
        <v>0.52419861034819437</v>
      </c>
      <c r="AI754" s="9">
        <v>-4194.9025649999967</v>
      </c>
      <c r="AJ754" s="13">
        <v>-0.13672595488463951</v>
      </c>
      <c r="AK754" s="9">
        <v>12835.909803599996</v>
      </c>
      <c r="AL754" s="13">
        <v>0.48462639054925077</v>
      </c>
      <c r="AM754" s="9">
        <v>7441.9822492000021</v>
      </c>
      <c r="AN754" s="13">
        <v>0.1892569587681302</v>
      </c>
      <c r="AO754" s="9">
        <v>20277.892052799998</v>
      </c>
      <c r="AP754" s="13">
        <v>0.76560226613150828</v>
      </c>
      <c r="AQ754" s="9">
        <v>30681.099053499998</v>
      </c>
      <c r="AR754" s="9">
        <v>31943.1140854</v>
      </c>
      <c r="AS754" s="9">
        <v>37874.259035299998</v>
      </c>
      <c r="AT754" s="9">
        <v>33211.986804699998</v>
      </c>
      <c r="AU754" s="9">
        <v>24745.225663099998</v>
      </c>
      <c r="AV754" s="9">
        <v>28774.860843099999</v>
      </c>
      <c r="AW754" s="9">
        <v>26486.196488500002</v>
      </c>
      <c r="AX754" s="9">
        <v>29799.751438399999</v>
      </c>
      <c r="AY754" s="9">
        <v>34607.884336100004</v>
      </c>
      <c r="AZ754" s="9">
        <v>39322.106292099998</v>
      </c>
      <c r="BA754" s="9">
        <v>38090.974635600003</v>
      </c>
      <c r="BB754" s="9">
        <v>42545.385399999999</v>
      </c>
      <c r="BC754" s="9">
        <v>45913.252278200001</v>
      </c>
      <c r="BD754" s="9">
        <v>46361.945544399998</v>
      </c>
      <c r="BE754" s="9">
        <v>38969.3493619</v>
      </c>
      <c r="BF754" s="9">
        <v>46764.0885413</v>
      </c>
      <c r="BG754" s="11">
        <v>2</v>
      </c>
      <c r="BH754" s="13">
        <v>2</v>
      </c>
      <c r="BI754" s="6">
        <v>0</v>
      </c>
      <c r="BJ754" s="13">
        <v>0</v>
      </c>
      <c r="BK754" s="6">
        <v>2</v>
      </c>
      <c r="BL754" s="13">
        <v>2</v>
      </c>
      <c r="BM754" s="11">
        <v>0</v>
      </c>
      <c r="BN754" s="13">
        <v>0</v>
      </c>
      <c r="BO754" s="11">
        <v>2</v>
      </c>
      <c r="BP754" s="13">
        <v>2</v>
      </c>
      <c r="BQ754" s="6">
        <v>1</v>
      </c>
      <c r="BR754" s="6">
        <v>1</v>
      </c>
      <c r="BS754" s="6">
        <v>2</v>
      </c>
      <c r="BT754" s="6">
        <v>1</v>
      </c>
      <c r="BU754" s="6">
        <v>1</v>
      </c>
      <c r="BV754" s="6">
        <v>3</v>
      </c>
      <c r="BW754" s="6">
        <v>3</v>
      </c>
      <c r="BX754" s="6">
        <v>3</v>
      </c>
      <c r="BY754" s="6">
        <v>4</v>
      </c>
      <c r="BZ754" s="6">
        <v>4</v>
      </c>
      <c r="CA754" s="6">
        <v>4</v>
      </c>
      <c r="CB754" s="6">
        <v>4</v>
      </c>
      <c r="CC754" s="11">
        <v>3</v>
      </c>
      <c r="CD754" s="11">
        <v>-50.011299999999999</v>
      </c>
      <c r="CE754" s="11">
        <v>16.317900000000002</v>
      </c>
      <c r="CF754" s="11">
        <v>8.3310300000000002</v>
      </c>
      <c r="CG754" s="11">
        <v>24</v>
      </c>
      <c r="CH754" s="20">
        <v>1.0142899999999999</v>
      </c>
      <c r="CI754" s="20">
        <v>0.981595</v>
      </c>
      <c r="CJ754" s="20">
        <v>0.950959</v>
      </c>
      <c r="CK754" s="20">
        <v>0.94149000000000005</v>
      </c>
      <c r="CL754" s="20">
        <v>0.78684299999999996</v>
      </c>
      <c r="CM754" s="20">
        <v>0.998054</v>
      </c>
      <c r="CN754" s="20">
        <v>0.99640200000000001</v>
      </c>
      <c r="CO754" s="20">
        <v>1.0986800000000001</v>
      </c>
      <c r="CP754" s="20">
        <v>1.0696600000000001</v>
      </c>
      <c r="CQ754" s="20">
        <v>1.16791</v>
      </c>
      <c r="CR754" s="20">
        <v>1.16015</v>
      </c>
      <c r="CS754" s="20">
        <v>0.72394400000000003</v>
      </c>
      <c r="CT754" s="20">
        <v>0.56330899999999995</v>
      </c>
      <c r="CU754" s="20">
        <v>0.53115500000000004</v>
      </c>
      <c r="CV754" s="20">
        <v>0.56525099999999995</v>
      </c>
      <c r="CW754" s="20">
        <v>0.63713600000000004</v>
      </c>
      <c r="CX754" s="20">
        <v>0.585148</v>
      </c>
      <c r="CY754" s="6" t="s">
        <v>511</v>
      </c>
      <c r="CZ754" s="6" t="s">
        <v>512</v>
      </c>
      <c r="DA754" s="6" t="s">
        <v>83</v>
      </c>
      <c r="DB754" s="6"/>
      <c r="DC754" s="6"/>
      <c r="DD754" s="6"/>
      <c r="DE754" s="6"/>
      <c r="DF754" s="6"/>
      <c r="DG754" s="6"/>
      <c r="DH754" s="6" t="s">
        <v>333</v>
      </c>
      <c r="DI754" s="6"/>
      <c r="DJ754" s="6"/>
      <c r="DK754" s="6"/>
      <c r="DL754" s="6">
        <v>4</v>
      </c>
      <c r="DM754" s="6" t="s">
        <v>446</v>
      </c>
      <c r="DN754" s="6">
        <v>6</v>
      </c>
      <c r="DO754" s="6" t="s">
        <v>393</v>
      </c>
      <c r="DP754" s="6"/>
      <c r="DQ754" s="6"/>
    </row>
    <row r="755" spans="1:121" x14ac:dyDescent="0.2">
      <c r="A755" s="6" t="s">
        <v>319</v>
      </c>
      <c r="B755" s="6" t="s">
        <v>319</v>
      </c>
      <c r="C755" s="6" t="s">
        <v>188</v>
      </c>
      <c r="D755" s="6" t="s">
        <v>83</v>
      </c>
      <c r="E755" s="6" t="s">
        <v>224</v>
      </c>
      <c r="F755" s="11">
        <v>46</v>
      </c>
      <c r="G755" s="13">
        <v>0.27380952381000001</v>
      </c>
      <c r="H755" s="11">
        <v>161.81735915399997</v>
      </c>
      <c r="I755" s="13">
        <v>0.96302307238253548</v>
      </c>
      <c r="J755" s="11">
        <v>-144.94076098199997</v>
      </c>
      <c r="K755" s="13">
        <v>-0.4394168596439384</v>
      </c>
      <c r="L755" s="11">
        <v>28.70681277700001</v>
      </c>
      <c r="M755" s="13">
        <v>0.15524982653578823</v>
      </c>
      <c r="N755" s="11">
        <v>-116.23394820499996</v>
      </c>
      <c r="O755" s="13">
        <v>-0.35238642434477241</v>
      </c>
      <c r="P755" s="7">
        <v>168.030615044</v>
      </c>
      <c r="Q755" s="7">
        <v>169.618796229</v>
      </c>
      <c r="R755" s="7">
        <v>160.37892631299999</v>
      </c>
      <c r="S755" s="7">
        <v>175.481098116</v>
      </c>
      <c r="T755" s="7">
        <v>307.39898674900002</v>
      </c>
      <c r="U755" s="7">
        <v>358.94211533499998</v>
      </c>
      <c r="V755" s="7">
        <v>329.84797419799997</v>
      </c>
      <c r="W755" s="7">
        <v>307.48829847000002</v>
      </c>
      <c r="X755" s="7">
        <v>325.93553970200003</v>
      </c>
      <c r="Y755" s="7">
        <v>184.907213216</v>
      </c>
      <c r="Z755" s="7">
        <v>188.21564765900001</v>
      </c>
      <c r="AA755" s="7">
        <v>206.08664966399999</v>
      </c>
      <c r="AB755" s="7">
        <v>196.457314013</v>
      </c>
      <c r="AC755" s="7">
        <v>203.24386057199999</v>
      </c>
      <c r="AD755" s="7">
        <v>209.617628693</v>
      </c>
      <c r="AE755" s="7">
        <v>213.075715167</v>
      </c>
      <c r="AF755" s="7">
        <v>213.61402599300001</v>
      </c>
      <c r="AG755" s="9">
        <v>18398.9779863</v>
      </c>
      <c r="AH755" s="13">
        <v>2.2700417071400114</v>
      </c>
      <c r="AI755" s="9">
        <v>5063.1936816999996</v>
      </c>
      <c r="AJ755" s="13">
        <v>0.62469017775579938</v>
      </c>
      <c r="AK755" s="9">
        <v>8871.1753546000018</v>
      </c>
      <c r="AL755" s="13">
        <v>0.67367548816503231</v>
      </c>
      <c r="AM755" s="9">
        <v>4464.608949999998</v>
      </c>
      <c r="AN755" s="13">
        <v>0.20257308946588751</v>
      </c>
      <c r="AO755" s="9">
        <v>13335.7843046</v>
      </c>
      <c r="AP755" s="13">
        <v>1.0127171025659505</v>
      </c>
      <c r="AQ755" s="9">
        <v>8105.1277289</v>
      </c>
      <c r="AR755" s="9">
        <v>8732.4904648899992</v>
      </c>
      <c r="AS755" s="9">
        <v>9588.3056287799991</v>
      </c>
      <c r="AT755" s="9">
        <v>11775.5704085</v>
      </c>
      <c r="AU755" s="9">
        <v>14503.821960900001</v>
      </c>
      <c r="AV755" s="9">
        <v>12832.693367899999</v>
      </c>
      <c r="AW755" s="9">
        <v>13168.3214106</v>
      </c>
      <c r="AX755" s="9">
        <v>14963.582356499999</v>
      </c>
      <c r="AY755" s="9">
        <v>13675.898435999999</v>
      </c>
      <c r="AZ755" s="9">
        <v>22039.496765200001</v>
      </c>
      <c r="BA755" s="9">
        <v>22773.307145300001</v>
      </c>
      <c r="BB755" s="9">
        <v>24164.3139319</v>
      </c>
      <c r="BC755" s="9">
        <v>24108.0813514</v>
      </c>
      <c r="BD755" s="9">
        <v>25829.441683100002</v>
      </c>
      <c r="BE755" s="9">
        <v>26353.397954</v>
      </c>
      <c r="BF755" s="9">
        <v>26504.105715199999</v>
      </c>
      <c r="BG755" s="11">
        <v>3</v>
      </c>
      <c r="BH755" s="13">
        <v>0.27272727272727271</v>
      </c>
      <c r="BI755" s="6">
        <v>2</v>
      </c>
      <c r="BJ755" s="13">
        <v>0.18181818181818182</v>
      </c>
      <c r="BK755" s="6">
        <v>1</v>
      </c>
      <c r="BL755" s="13">
        <v>7.6923076923076927E-2</v>
      </c>
      <c r="BM755" s="11">
        <v>0</v>
      </c>
      <c r="BN755" s="13">
        <v>0</v>
      </c>
      <c r="BO755" s="11">
        <v>1</v>
      </c>
      <c r="BP755" s="13">
        <v>7.6923076923076927E-2</v>
      </c>
      <c r="BQ755" s="6">
        <v>11</v>
      </c>
      <c r="BR755" s="6">
        <v>11</v>
      </c>
      <c r="BS755" s="6">
        <v>12</v>
      </c>
      <c r="BT755" s="6">
        <v>13</v>
      </c>
      <c r="BU755" s="6">
        <v>13</v>
      </c>
      <c r="BV755" s="6">
        <v>14</v>
      </c>
      <c r="BW755" s="6">
        <v>14</v>
      </c>
      <c r="BX755" s="6">
        <v>15</v>
      </c>
      <c r="BY755" s="6">
        <v>15</v>
      </c>
      <c r="BZ755" s="6">
        <v>19</v>
      </c>
      <c r="CA755" s="6">
        <v>15</v>
      </c>
      <c r="CB755" s="6">
        <v>15</v>
      </c>
      <c r="CC755" s="11">
        <v>14</v>
      </c>
      <c r="CD755" s="11">
        <v>12.0975</v>
      </c>
      <c r="CE755" s="11">
        <v>15.1181</v>
      </c>
      <c r="CF755" s="11">
        <v>18.367799999999999</v>
      </c>
      <c r="CG755" s="11">
        <v>33</v>
      </c>
      <c r="CH755" s="20">
        <v>0.45589200000000002</v>
      </c>
      <c r="CI755" s="20">
        <v>0.47208099999999997</v>
      </c>
      <c r="CJ755" s="20">
        <v>0.45039899999999999</v>
      </c>
      <c r="CK755" s="20">
        <v>0.47675099999999998</v>
      </c>
      <c r="CL755" s="20">
        <v>0.78917599999999999</v>
      </c>
      <c r="CM755" s="20">
        <v>0.86976100000000001</v>
      </c>
      <c r="CN755" s="20">
        <v>0.79933200000000004</v>
      </c>
      <c r="CO755" s="20">
        <v>0.83920300000000003</v>
      </c>
      <c r="CP755" s="20">
        <v>0.96656799999999998</v>
      </c>
      <c r="CQ755" s="20">
        <v>0.54902899999999999</v>
      </c>
      <c r="CR755" s="20">
        <v>0.54766999999999999</v>
      </c>
      <c r="CS755" s="20">
        <v>0.58819500000000002</v>
      </c>
      <c r="CT755" s="20">
        <v>0.54678199999999999</v>
      </c>
      <c r="CU755" s="20">
        <v>0.55170200000000003</v>
      </c>
      <c r="CV755" s="20">
        <v>0.56011200000000005</v>
      </c>
      <c r="CW755" s="20">
        <v>0.564612</v>
      </c>
      <c r="CX755" s="20">
        <v>0.55298400000000003</v>
      </c>
      <c r="CY755" s="6" t="s">
        <v>511</v>
      </c>
      <c r="CZ755" s="6" t="s">
        <v>512</v>
      </c>
      <c r="DA755" s="6" t="s">
        <v>83</v>
      </c>
      <c r="DB755" s="6"/>
      <c r="DC755" s="6"/>
      <c r="DD755" s="6"/>
      <c r="DE755" s="6"/>
      <c r="DF755" s="6"/>
      <c r="DG755" s="6"/>
      <c r="DH755" s="6" t="s">
        <v>333</v>
      </c>
      <c r="DI755" s="6"/>
      <c r="DJ755" s="6"/>
      <c r="DK755" s="6"/>
      <c r="DL755" s="6">
        <v>4</v>
      </c>
      <c r="DM755" s="6" t="s">
        <v>446</v>
      </c>
      <c r="DN755" s="6">
        <v>6</v>
      </c>
      <c r="DO755" s="6" t="s">
        <v>393</v>
      </c>
      <c r="DP755" s="6"/>
      <c r="DQ755" s="6"/>
    </row>
    <row r="756" spans="1:121" x14ac:dyDescent="0.2">
      <c r="A756" s="6" t="s">
        <v>320</v>
      </c>
      <c r="B756" s="6" t="s">
        <v>320</v>
      </c>
      <c r="C756" s="6" t="s">
        <v>189</v>
      </c>
      <c r="D756" s="6" t="s">
        <v>83</v>
      </c>
      <c r="E756" s="6" t="s">
        <v>224</v>
      </c>
      <c r="F756" s="11">
        <v>1</v>
      </c>
      <c r="G756" s="13">
        <v>1</v>
      </c>
      <c r="H756" s="11">
        <v>0</v>
      </c>
      <c r="I756" s="13">
        <v>0</v>
      </c>
      <c r="J756" s="11">
        <v>17.065796197400001</v>
      </c>
      <c r="K756" s="13">
        <v>3.4131592394800001</v>
      </c>
      <c r="L756" s="11">
        <v>-10.965612842200001</v>
      </c>
      <c r="M756" s="13">
        <v>-0.49695069890530719</v>
      </c>
      <c r="N756" s="11">
        <v>6.1001833552000004</v>
      </c>
      <c r="O756" s="13">
        <v>1.2200366710399999</v>
      </c>
      <c r="P756" s="7">
        <v>5</v>
      </c>
      <c r="Q756" s="7">
        <v>5</v>
      </c>
      <c r="R756" s="7">
        <v>5</v>
      </c>
      <c r="S756" s="7">
        <v>5</v>
      </c>
      <c r="T756" s="7">
        <v>5</v>
      </c>
      <c r="U756" s="7">
        <v>5</v>
      </c>
      <c r="V756" s="7">
        <v>5</v>
      </c>
      <c r="W756" s="7">
        <v>5</v>
      </c>
      <c r="X756" s="7">
        <v>21.435680989400002</v>
      </c>
      <c r="Y756" s="7">
        <v>22.065796197400001</v>
      </c>
      <c r="Z756" s="7">
        <v>21.682862253500002</v>
      </c>
      <c r="AA756" s="7">
        <v>5</v>
      </c>
      <c r="AB756" s="7">
        <v>5</v>
      </c>
      <c r="AC756" s="7">
        <v>5</v>
      </c>
      <c r="AD756" s="7">
        <v>12.3557622356</v>
      </c>
      <c r="AE756" s="7">
        <v>10.049800296300001</v>
      </c>
      <c r="AF756" s="7">
        <v>11.1001833552</v>
      </c>
      <c r="AG756" s="9">
        <v>33243.519270700002</v>
      </c>
      <c r="AH756" s="13">
        <v>33243.519270700002</v>
      </c>
      <c r="AI756" s="9">
        <v>0</v>
      </c>
      <c r="AJ756" s="13">
        <v>0</v>
      </c>
      <c r="AK756" s="9">
        <v>12089.138474699999</v>
      </c>
      <c r="AL756" s="13">
        <v>12089.138474699999</v>
      </c>
      <c r="AM756" s="9">
        <v>21154.380796000005</v>
      </c>
      <c r="AN756" s="13">
        <v>1.7497219606101264</v>
      </c>
      <c r="AO756" s="9">
        <v>33243.519270700002</v>
      </c>
      <c r="AP756" s="13">
        <v>33243.519270700002</v>
      </c>
      <c r="AQ756" s="9">
        <v>1</v>
      </c>
      <c r="AR756" s="9">
        <v>1</v>
      </c>
      <c r="AS756" s="9">
        <v>1</v>
      </c>
      <c r="AT756" s="9">
        <v>1</v>
      </c>
      <c r="AU756" s="9">
        <v>1</v>
      </c>
      <c r="AV756" s="9">
        <v>1</v>
      </c>
      <c r="AW756" s="9">
        <v>1</v>
      </c>
      <c r="AX756" s="9">
        <v>1</v>
      </c>
      <c r="AY756" s="9">
        <v>20945.317943800001</v>
      </c>
      <c r="AZ756" s="9">
        <v>12090.138474699999</v>
      </c>
      <c r="BA756" s="9">
        <v>8990.4828357999995</v>
      </c>
      <c r="BB756" s="9">
        <v>1</v>
      </c>
      <c r="BC756" s="9">
        <v>1</v>
      </c>
      <c r="BD756" s="9">
        <v>1</v>
      </c>
      <c r="BE756" s="9">
        <v>37125.039687800003</v>
      </c>
      <c r="BF756" s="9">
        <v>33244.519270700002</v>
      </c>
      <c r="BG756" s="11">
        <v>0.75</v>
      </c>
      <c r="BH756" s="13" t="e">
        <v>#DIV/0!</v>
      </c>
      <c r="BI756" s="6">
        <v>0</v>
      </c>
      <c r="BJ756" s="13" t="e">
        <v>#DIV/0!</v>
      </c>
      <c r="BK756" s="6">
        <v>1</v>
      </c>
      <c r="BL756" s="13" t="e">
        <v>#DIV/0!</v>
      </c>
      <c r="BM756" s="11">
        <v>-0.25</v>
      </c>
      <c r="BN756" s="13">
        <v>-0.25</v>
      </c>
      <c r="BO756" s="11">
        <v>0.75</v>
      </c>
      <c r="BP756" s="13" t="e">
        <v>#DIV/0!</v>
      </c>
      <c r="BQ756" s="6">
        <v>0</v>
      </c>
      <c r="BR756" s="6">
        <v>0</v>
      </c>
      <c r="BS756" s="6">
        <v>0</v>
      </c>
      <c r="BT756" s="6">
        <v>0</v>
      </c>
      <c r="BU756" s="6">
        <v>1</v>
      </c>
      <c r="BV756" s="6">
        <v>1</v>
      </c>
      <c r="BW756" s="6">
        <v>1</v>
      </c>
      <c r="BX756" s="6">
        <v>1</v>
      </c>
      <c r="BY756" s="6">
        <v>0</v>
      </c>
      <c r="BZ756" s="6">
        <v>1</v>
      </c>
      <c r="CA756" s="6">
        <v>1</v>
      </c>
      <c r="CB756" s="6">
        <v>2</v>
      </c>
      <c r="CC756" s="11">
        <v>0.75</v>
      </c>
      <c r="CD756" s="11">
        <v>7.0247900000000003</v>
      </c>
      <c r="CE756" s="11">
        <v>1.00292</v>
      </c>
      <c r="CF756" s="11">
        <v>0.30276199999999998</v>
      </c>
      <c r="CG756" s="11">
        <v>1</v>
      </c>
      <c r="CH756" s="20">
        <v>2.2523999999999999E-2</v>
      </c>
      <c r="CI756" s="20">
        <v>2.7754999999999998E-2</v>
      </c>
      <c r="CJ756" s="20">
        <v>4.0533899999999998E-2</v>
      </c>
      <c r="CK756" s="20">
        <v>3.5613199999999998E-2</v>
      </c>
      <c r="CL756" s="20">
        <v>3.3829499999999998E-2</v>
      </c>
      <c r="CM756" s="20">
        <v>3.6834600000000002E-2</v>
      </c>
      <c r="CN756" s="20">
        <v>2.63328E-2</v>
      </c>
      <c r="CO756" s="20">
        <v>2.1435300000000001E-2</v>
      </c>
      <c r="CP756" s="20">
        <v>0.146589</v>
      </c>
      <c r="CQ756" s="20">
        <v>0.15221999999999999</v>
      </c>
      <c r="CR756" s="20">
        <v>0.14765800000000001</v>
      </c>
      <c r="CS756" s="20">
        <v>4.3521299999999999E-2</v>
      </c>
      <c r="CT756" s="20">
        <v>5.8793600000000001E-2</v>
      </c>
      <c r="CU756" s="20">
        <v>5.7476100000000002E-2</v>
      </c>
      <c r="CV756" s="20">
        <v>8.0843700000000004E-2</v>
      </c>
      <c r="CW756" s="20">
        <v>6.5293299999999999E-2</v>
      </c>
      <c r="CX756" s="20">
        <v>7.0199999999999999E-2</v>
      </c>
      <c r="CY756" s="6" t="s">
        <v>511</v>
      </c>
      <c r="CZ756" s="6" t="s">
        <v>512</v>
      </c>
      <c r="DA756" s="6" t="s">
        <v>83</v>
      </c>
      <c r="DB756" s="6"/>
      <c r="DC756" s="6"/>
      <c r="DD756" s="6"/>
      <c r="DE756" s="6"/>
      <c r="DF756" s="6"/>
      <c r="DG756" s="6"/>
      <c r="DH756" s="6" t="s">
        <v>333</v>
      </c>
      <c r="DI756" s="6"/>
      <c r="DJ756" s="6"/>
      <c r="DK756" s="6"/>
      <c r="DL756" s="6">
        <v>4</v>
      </c>
      <c r="DM756" s="6" t="s">
        <v>446</v>
      </c>
      <c r="DN756" s="6">
        <v>6</v>
      </c>
      <c r="DO756" s="6" t="s">
        <v>393</v>
      </c>
      <c r="DP756" s="6"/>
      <c r="DQ756" s="6"/>
    </row>
    <row r="757" spans="1:121" x14ac:dyDescent="0.2">
      <c r="A757" s="6" t="s">
        <v>321</v>
      </c>
      <c r="B757" s="6" t="s">
        <v>321</v>
      </c>
      <c r="C757" s="6" t="s">
        <v>190</v>
      </c>
      <c r="D757" s="6" t="s">
        <v>83</v>
      </c>
      <c r="E757" s="6" t="s">
        <v>224</v>
      </c>
      <c r="F757" s="11">
        <v>184</v>
      </c>
      <c r="G757" s="13">
        <v>0.52421652421700005</v>
      </c>
      <c r="H757" s="11">
        <v>107.7786175</v>
      </c>
      <c r="I757" s="13">
        <v>0.30670018427993717</v>
      </c>
      <c r="J757" s="11">
        <v>-13.282084154000017</v>
      </c>
      <c r="K757" s="13">
        <v>-2.8924889174704121E-2</v>
      </c>
      <c r="L757" s="11">
        <v>88.869604754000079</v>
      </c>
      <c r="M757" s="13">
        <v>0.19929935889424336</v>
      </c>
      <c r="N757" s="11">
        <v>75.587520600000062</v>
      </c>
      <c r="O757" s="13">
        <v>0.16460975785093368</v>
      </c>
      <c r="P757" s="7">
        <v>351.413605287</v>
      </c>
      <c r="Q757" s="7">
        <v>382.114910657</v>
      </c>
      <c r="R757" s="7">
        <v>422.43538700400001</v>
      </c>
      <c r="S757" s="7">
        <v>431.77873959300001</v>
      </c>
      <c r="T757" s="7">
        <v>429.679222391</v>
      </c>
      <c r="U757" s="7">
        <v>431.785095732</v>
      </c>
      <c r="V757" s="7">
        <v>459.19222278699999</v>
      </c>
      <c r="W757" s="7">
        <v>478.09465570200001</v>
      </c>
      <c r="X757" s="7">
        <v>478.737899185</v>
      </c>
      <c r="Y757" s="7">
        <v>445.91013863299997</v>
      </c>
      <c r="Z757" s="7">
        <v>427.00501519099998</v>
      </c>
      <c r="AA757" s="7">
        <v>493.02313046099999</v>
      </c>
      <c r="AB757" s="7">
        <v>485.677872089</v>
      </c>
      <c r="AC757" s="7">
        <v>529.459233122</v>
      </c>
      <c r="AD757" s="7">
        <v>519.86440921300004</v>
      </c>
      <c r="AE757" s="7">
        <v>522.275083634</v>
      </c>
      <c r="AF757" s="7">
        <v>534.77974338700005</v>
      </c>
      <c r="AG757" s="9">
        <v>4870.1819256000017</v>
      </c>
      <c r="AH757" s="13">
        <v>0.2366313029629972</v>
      </c>
      <c r="AI757" s="9">
        <v>3478.6268381000009</v>
      </c>
      <c r="AJ757" s="13">
        <v>0.16901873765634387</v>
      </c>
      <c r="AK757" s="9">
        <v>2396.6226492999995</v>
      </c>
      <c r="AL757" s="13">
        <v>9.9610517757050945E-2</v>
      </c>
      <c r="AM757" s="9">
        <v>-1005.0675617999987</v>
      </c>
      <c r="AN757" s="13">
        <v>-3.7989354082500038E-2</v>
      </c>
      <c r="AO757" s="9">
        <v>1391.5550875000008</v>
      </c>
      <c r="AP757" s="13">
        <v>5.7837024445137143E-2</v>
      </c>
      <c r="AQ757" s="9">
        <v>20581.308831999999</v>
      </c>
      <c r="AR757" s="9">
        <v>21253.751777199999</v>
      </c>
      <c r="AS757" s="9">
        <v>21647.120876500001</v>
      </c>
      <c r="AT757" s="9">
        <v>22581.739710400001</v>
      </c>
      <c r="AU757" s="9">
        <v>22437.137437900001</v>
      </c>
      <c r="AV757" s="9">
        <v>23497.378893000001</v>
      </c>
      <c r="AW757" s="9">
        <v>24059.9356701</v>
      </c>
      <c r="AX757" s="9">
        <v>24496.595067400001</v>
      </c>
      <c r="AY757" s="9">
        <v>24197.868161900002</v>
      </c>
      <c r="AZ757" s="9">
        <v>26456.558319399999</v>
      </c>
      <c r="BA757" s="9">
        <v>26710.649922299999</v>
      </c>
      <c r="BB757" s="9">
        <v>24171.949556299998</v>
      </c>
      <c r="BC757" s="9">
        <v>24688.846205900001</v>
      </c>
      <c r="BD757" s="9">
        <v>24184.109142000001</v>
      </c>
      <c r="BE757" s="9">
        <v>24651.1739848</v>
      </c>
      <c r="BF757" s="9">
        <v>25451.490757600001</v>
      </c>
      <c r="BG757" s="11">
        <v>32.75</v>
      </c>
      <c r="BH757" s="13">
        <v>1.212962962962963</v>
      </c>
      <c r="BI757" s="6">
        <v>0</v>
      </c>
      <c r="BJ757" s="13">
        <v>0</v>
      </c>
      <c r="BK757" s="6">
        <v>-4</v>
      </c>
      <c r="BL757" s="13">
        <v>-0.14814814814814814</v>
      </c>
      <c r="BM757" s="11">
        <v>36.75</v>
      </c>
      <c r="BN757" s="13">
        <v>1.5978260869565217</v>
      </c>
      <c r="BO757" s="11">
        <v>32.75</v>
      </c>
      <c r="BP757" s="13">
        <v>1.212962962962963</v>
      </c>
      <c r="BQ757" s="6">
        <v>27</v>
      </c>
      <c r="BR757" s="6">
        <v>25</v>
      </c>
      <c r="BS757" s="6">
        <v>24</v>
      </c>
      <c r="BT757" s="6">
        <v>27</v>
      </c>
      <c r="BU757" s="6">
        <v>25</v>
      </c>
      <c r="BV757" s="6">
        <v>26</v>
      </c>
      <c r="BW757" s="6">
        <v>23</v>
      </c>
      <c r="BX757" s="6">
        <v>24</v>
      </c>
      <c r="BY757" s="6">
        <v>28</v>
      </c>
      <c r="BZ757" s="6">
        <v>59</v>
      </c>
      <c r="CA757" s="6">
        <v>59</v>
      </c>
      <c r="CB757" s="6">
        <v>60</v>
      </c>
      <c r="CC757" s="11">
        <v>59.75</v>
      </c>
      <c r="CD757" s="11">
        <v>16.979299999999999</v>
      </c>
      <c r="CE757" s="11">
        <v>127.973</v>
      </c>
      <c r="CF757" s="11">
        <v>38.413699999999999</v>
      </c>
      <c r="CG757" s="11">
        <v>166</v>
      </c>
      <c r="CH757" s="20">
        <v>0.57864899999999997</v>
      </c>
      <c r="CI757" s="20">
        <v>0.62128700000000003</v>
      </c>
      <c r="CJ757" s="20">
        <v>0.67188199999999998</v>
      </c>
      <c r="CK757" s="20">
        <v>0.67257199999999995</v>
      </c>
      <c r="CL757" s="20">
        <v>0.63962399999999997</v>
      </c>
      <c r="CM757" s="20">
        <v>0.60771399999999998</v>
      </c>
      <c r="CN757" s="20">
        <v>0.63485499999999995</v>
      </c>
      <c r="CO757" s="20">
        <v>0.69421299999999997</v>
      </c>
      <c r="CP757" s="20">
        <v>0.67383899999999997</v>
      </c>
      <c r="CQ757" s="20">
        <v>0.63711300000000004</v>
      </c>
      <c r="CR757" s="20">
        <v>0.61302000000000001</v>
      </c>
      <c r="CS757" s="20">
        <v>0.68940999999999997</v>
      </c>
      <c r="CT757" s="20">
        <v>0.66739099999999996</v>
      </c>
      <c r="CU757" s="20">
        <v>0.71956399999999998</v>
      </c>
      <c r="CV757" s="20">
        <v>0.69599299999999997</v>
      </c>
      <c r="CW757" s="20">
        <v>0.69012799999999996</v>
      </c>
      <c r="CX757" s="20">
        <v>0.68384800000000001</v>
      </c>
      <c r="CY757" s="6" t="s">
        <v>511</v>
      </c>
      <c r="CZ757" s="6" t="s">
        <v>512</v>
      </c>
      <c r="DA757" s="6" t="s">
        <v>83</v>
      </c>
      <c r="DB757" s="6"/>
      <c r="DC757" s="6"/>
      <c r="DD757" s="6"/>
      <c r="DE757" s="6"/>
      <c r="DF757" s="6"/>
      <c r="DG757" s="6"/>
      <c r="DH757" s="6" t="s">
        <v>333</v>
      </c>
      <c r="DI757" s="6"/>
      <c r="DJ757" s="6"/>
      <c r="DK757" s="6"/>
      <c r="DL757" s="6">
        <v>4</v>
      </c>
      <c r="DM757" s="6" t="s">
        <v>446</v>
      </c>
      <c r="DN757" s="6">
        <v>6</v>
      </c>
      <c r="DO757" s="6" t="s">
        <v>393</v>
      </c>
      <c r="DP757" s="6"/>
      <c r="DQ757" s="6"/>
    </row>
    <row r="758" spans="1:121" x14ac:dyDescent="0.2">
      <c r="A758" s="6" t="s">
        <v>322</v>
      </c>
      <c r="B758" s="6" t="s">
        <v>322</v>
      </c>
      <c r="C758" s="6" t="s">
        <v>191</v>
      </c>
      <c r="D758" s="6" t="s">
        <v>83</v>
      </c>
      <c r="E758" s="6" t="s">
        <v>224</v>
      </c>
      <c r="F758" s="11">
        <v>16</v>
      </c>
      <c r="G758" s="13">
        <v>0.14000000000000001</v>
      </c>
      <c r="H758" s="11">
        <v>-2</v>
      </c>
      <c r="I758" s="13">
        <v>-1.7857142857142856E-2</v>
      </c>
      <c r="J758" s="11">
        <v>-22</v>
      </c>
      <c r="K758" s="13">
        <v>-0.2</v>
      </c>
      <c r="L758" s="11">
        <v>40</v>
      </c>
      <c r="M758" s="13">
        <v>0.45454545454545459</v>
      </c>
      <c r="N758" s="11">
        <v>18</v>
      </c>
      <c r="O758" s="13">
        <v>0.16363636363636364</v>
      </c>
      <c r="P758" s="7">
        <v>112</v>
      </c>
      <c r="Q758" s="7">
        <v>111</v>
      </c>
      <c r="R758" s="7">
        <v>111</v>
      </c>
      <c r="S758" s="7">
        <v>104</v>
      </c>
      <c r="T758" s="7">
        <v>109</v>
      </c>
      <c r="U758" s="7">
        <v>117</v>
      </c>
      <c r="V758" s="7">
        <v>110</v>
      </c>
      <c r="W758" s="7">
        <v>112</v>
      </c>
      <c r="X758" s="7">
        <v>139</v>
      </c>
      <c r="Y758" s="7">
        <v>88</v>
      </c>
      <c r="Z758" s="7">
        <v>116</v>
      </c>
      <c r="AA758" s="7">
        <v>113</v>
      </c>
      <c r="AB758" s="7">
        <v>121</v>
      </c>
      <c r="AC758" s="7">
        <v>100</v>
      </c>
      <c r="AD758" s="7">
        <v>114</v>
      </c>
      <c r="AE758" s="7">
        <v>126</v>
      </c>
      <c r="AF758" s="7">
        <v>128</v>
      </c>
      <c r="AG758" s="9">
        <v>816</v>
      </c>
      <c r="AH758" s="13">
        <v>5.7162872154115585E-2</v>
      </c>
      <c r="AI758" s="9">
        <v>1135</v>
      </c>
      <c r="AJ758" s="13">
        <v>7.9509632224168125E-2</v>
      </c>
      <c r="AK758" s="9">
        <v>-312</v>
      </c>
      <c r="AL758" s="13">
        <v>-2.0246593121349778E-2</v>
      </c>
      <c r="AM758" s="9">
        <v>-7</v>
      </c>
      <c r="AN758" s="13">
        <v>-4.6363756788978672E-4</v>
      </c>
      <c r="AO758" s="9">
        <v>-319</v>
      </c>
      <c r="AP758" s="13">
        <v>-2.0700843608046724E-2</v>
      </c>
      <c r="AQ758" s="9">
        <v>14275</v>
      </c>
      <c r="AR758" s="9">
        <v>15602</v>
      </c>
      <c r="AS758" s="9">
        <v>14832</v>
      </c>
      <c r="AT758" s="9">
        <v>15043</v>
      </c>
      <c r="AU758" s="9">
        <v>15766</v>
      </c>
      <c r="AV758" s="9">
        <v>14615</v>
      </c>
      <c r="AW758" s="9">
        <v>15410</v>
      </c>
      <c r="AX758" s="9">
        <v>15753</v>
      </c>
      <c r="AY758" s="9">
        <v>15111</v>
      </c>
      <c r="AZ758" s="9">
        <v>15098</v>
      </c>
      <c r="BA758" s="9">
        <v>15598</v>
      </c>
      <c r="BB758" s="9">
        <v>18789</v>
      </c>
      <c r="BC758" s="9">
        <v>20477</v>
      </c>
      <c r="BD758" s="9">
        <v>16547</v>
      </c>
      <c r="BE758" s="9">
        <v>21391</v>
      </c>
      <c r="BF758" s="9">
        <v>15091</v>
      </c>
      <c r="BG758" s="11">
        <v>-2</v>
      </c>
      <c r="BH758" s="13">
        <v>-0.4</v>
      </c>
      <c r="BI758" s="6">
        <v>0</v>
      </c>
      <c r="BJ758" s="13">
        <v>0</v>
      </c>
      <c r="BK758" s="6">
        <v>-2</v>
      </c>
      <c r="BL758" s="13">
        <v>-0.4</v>
      </c>
      <c r="BM758" s="11">
        <v>0</v>
      </c>
      <c r="BN758" s="13">
        <v>0</v>
      </c>
      <c r="BO758" s="11">
        <v>-2</v>
      </c>
      <c r="BP758" s="13">
        <v>-0.4</v>
      </c>
      <c r="BQ758" s="6">
        <v>5</v>
      </c>
      <c r="BR758" s="6">
        <v>6</v>
      </c>
      <c r="BS758" s="6">
        <v>6</v>
      </c>
      <c r="BT758" s="6">
        <v>5</v>
      </c>
      <c r="BU758" s="6">
        <v>5</v>
      </c>
      <c r="BV758" s="6">
        <v>4</v>
      </c>
      <c r="BW758" s="6">
        <v>3</v>
      </c>
      <c r="BX758" s="6">
        <v>3</v>
      </c>
      <c r="BY758" s="6">
        <v>3</v>
      </c>
      <c r="BZ758" s="6">
        <v>3</v>
      </c>
      <c r="CA758" s="6">
        <v>3</v>
      </c>
      <c r="CB758" s="6">
        <v>3</v>
      </c>
      <c r="CC758" s="11">
        <v>3</v>
      </c>
      <c r="CD758" s="11">
        <v>-17</v>
      </c>
      <c r="CE758" s="11">
        <v>20</v>
      </c>
      <c r="CF758" s="11">
        <v>12</v>
      </c>
      <c r="CG758" s="11">
        <v>32</v>
      </c>
      <c r="CH758" s="20">
        <v>1.21</v>
      </c>
      <c r="CI758" s="20">
        <v>1.2</v>
      </c>
      <c r="CJ758" s="20">
        <v>1.19</v>
      </c>
      <c r="CK758" s="20">
        <v>1.1000000000000001</v>
      </c>
      <c r="CL758" s="20">
        <v>1.1000000000000001</v>
      </c>
      <c r="CM758" s="20">
        <v>1.1299999999999999</v>
      </c>
      <c r="CN758" s="20">
        <v>1.04</v>
      </c>
      <c r="CO758" s="20">
        <v>1.1399999999999999</v>
      </c>
      <c r="CP758" s="20">
        <v>1.42</v>
      </c>
      <c r="CQ758" s="20">
        <v>0.93</v>
      </c>
      <c r="CR758" s="20">
        <v>1.24</v>
      </c>
      <c r="CS758" s="20">
        <v>1.2</v>
      </c>
      <c r="CT758" s="20">
        <v>1.26</v>
      </c>
      <c r="CU758" s="20">
        <v>1.02</v>
      </c>
      <c r="CV758" s="20">
        <v>1.1299999999999999</v>
      </c>
      <c r="CW758" s="20">
        <v>1.22</v>
      </c>
      <c r="CX758" s="20">
        <v>1.22</v>
      </c>
      <c r="CY758" s="6" t="s">
        <v>511</v>
      </c>
      <c r="CZ758" s="6" t="s">
        <v>512</v>
      </c>
      <c r="DA758" s="6" t="s">
        <v>83</v>
      </c>
      <c r="DB758" s="6"/>
      <c r="DC758" s="6"/>
      <c r="DD758" s="6"/>
      <c r="DE758" s="6"/>
      <c r="DF758" s="6"/>
      <c r="DG758" s="6"/>
      <c r="DH758" s="6" t="s">
        <v>333</v>
      </c>
      <c r="DI758" s="6"/>
      <c r="DJ758" s="6"/>
      <c r="DK758" s="6"/>
      <c r="DL758" s="6">
        <v>4</v>
      </c>
      <c r="DM758" s="6" t="s">
        <v>446</v>
      </c>
      <c r="DN758" s="6">
        <v>6</v>
      </c>
      <c r="DO758" s="6" t="s">
        <v>393</v>
      </c>
      <c r="DP758" s="6"/>
      <c r="DQ758" s="6"/>
    </row>
    <row r="759" spans="1:121" x14ac:dyDescent="0.2">
      <c r="A759" s="6" t="s">
        <v>323</v>
      </c>
      <c r="B759" s="6" t="s">
        <v>323</v>
      </c>
      <c r="C759" s="6" t="s">
        <v>192</v>
      </c>
      <c r="D759" s="6" t="s">
        <v>83</v>
      </c>
      <c r="E759" s="6" t="s">
        <v>224</v>
      </c>
      <c r="F759" s="11">
        <v>-56</v>
      </c>
      <c r="G759" s="13">
        <v>-0.11594202898600001</v>
      </c>
      <c r="H759" s="11">
        <v>86.909014849000016</v>
      </c>
      <c r="I759" s="13">
        <v>0.17981303307223043</v>
      </c>
      <c r="J759" s="11">
        <v>-42.440948885000012</v>
      </c>
      <c r="K759" s="13">
        <v>-7.4426609555787698E-2</v>
      </c>
      <c r="L759" s="11">
        <v>-101.27076214599998</v>
      </c>
      <c r="M759" s="13">
        <v>-0.19187410553078985</v>
      </c>
      <c r="N759" s="11">
        <v>-143.71171103099999</v>
      </c>
      <c r="O759" s="13">
        <v>-0.25202017595037146</v>
      </c>
      <c r="P759" s="7">
        <v>483.329897528</v>
      </c>
      <c r="Q759" s="7">
        <v>512.90974295800004</v>
      </c>
      <c r="R759" s="7">
        <v>477.235862989</v>
      </c>
      <c r="S759" s="7">
        <v>525.58150102499997</v>
      </c>
      <c r="T759" s="7">
        <v>531.23301443299999</v>
      </c>
      <c r="U759" s="7">
        <v>540.417450949</v>
      </c>
      <c r="V759" s="7">
        <v>570.23891237700002</v>
      </c>
      <c r="W759" s="7">
        <v>530.60364735500002</v>
      </c>
      <c r="X759" s="7">
        <v>508.17622713700001</v>
      </c>
      <c r="Y759" s="7">
        <v>527.79796349200001</v>
      </c>
      <c r="Z759" s="7">
        <v>476.76081006999999</v>
      </c>
      <c r="AA759" s="7">
        <v>472.08523056799999</v>
      </c>
      <c r="AB759" s="7">
        <v>457.737775962</v>
      </c>
      <c r="AC759" s="7">
        <v>449.91717561299998</v>
      </c>
      <c r="AD759" s="7">
        <v>440.33523256299998</v>
      </c>
      <c r="AE759" s="7">
        <v>431.21667788600001</v>
      </c>
      <c r="AF759" s="7">
        <v>426.52720134600003</v>
      </c>
      <c r="AG759" s="9">
        <v>6407.5010171999984</v>
      </c>
      <c r="AH759" s="13">
        <v>0.51984004780655058</v>
      </c>
      <c r="AI759" s="9">
        <v>870.71880249999958</v>
      </c>
      <c r="AJ759" s="13">
        <v>7.0641347180848066E-2</v>
      </c>
      <c r="AK759" s="9">
        <v>1702.5064853000003</v>
      </c>
      <c r="AL759" s="13">
        <v>0.12901072434865316</v>
      </c>
      <c r="AM759" s="9">
        <v>3834.2757293999985</v>
      </c>
      <c r="AN759" s="13">
        <v>0.25734889746727863</v>
      </c>
      <c r="AO759" s="9">
        <v>5536.7822146999988</v>
      </c>
      <c r="AP759" s="13">
        <v>0.41956038948851265</v>
      </c>
      <c r="AQ759" s="9">
        <v>12325.9087949</v>
      </c>
      <c r="AR759" s="9">
        <v>12384.252724</v>
      </c>
      <c r="AS759" s="9">
        <v>14294.242995099999</v>
      </c>
      <c r="AT759" s="9">
        <v>15763.3419767</v>
      </c>
      <c r="AU759" s="9">
        <v>15223.4971922</v>
      </c>
      <c r="AV759" s="9">
        <v>13211.2664458</v>
      </c>
      <c r="AW759" s="9">
        <v>13196.6275974</v>
      </c>
      <c r="AX759" s="9">
        <v>13969.003591799999</v>
      </c>
      <c r="AY759" s="9">
        <v>14847.219659799999</v>
      </c>
      <c r="AZ759" s="9">
        <v>14899.1340827</v>
      </c>
      <c r="BA759" s="9">
        <v>14430.805658499999</v>
      </c>
      <c r="BB759" s="9">
        <v>14599.788078</v>
      </c>
      <c r="BC759" s="9">
        <v>14593.8329789</v>
      </c>
      <c r="BD759" s="9">
        <v>15863.9876214</v>
      </c>
      <c r="BE759" s="9">
        <v>15850.4405138</v>
      </c>
      <c r="BF759" s="9">
        <v>18733.409812099999</v>
      </c>
      <c r="BG759" s="11">
        <v>-0.25</v>
      </c>
      <c r="BH759" s="13">
        <v>-6.41025641025641E-3</v>
      </c>
      <c r="BI759" s="6">
        <v>4</v>
      </c>
      <c r="BJ759" s="13">
        <v>0.10256410256410256</v>
      </c>
      <c r="BK759" s="6">
        <v>-1</v>
      </c>
      <c r="BL759" s="13">
        <v>-2.3255813953488372E-2</v>
      </c>
      <c r="BM759" s="11">
        <v>-3.25</v>
      </c>
      <c r="BN759" s="13">
        <v>-7.7380952380952384E-2</v>
      </c>
      <c r="BO759" s="11">
        <v>-4.25</v>
      </c>
      <c r="BP759" s="13">
        <v>-9.8837209302325577E-2</v>
      </c>
      <c r="BQ759" s="6">
        <v>39</v>
      </c>
      <c r="BR759" s="6">
        <v>40</v>
      </c>
      <c r="BS759" s="6">
        <v>42</v>
      </c>
      <c r="BT759" s="6">
        <v>43</v>
      </c>
      <c r="BU759" s="6">
        <v>41</v>
      </c>
      <c r="BV759" s="6">
        <v>40</v>
      </c>
      <c r="BW759" s="6">
        <v>42</v>
      </c>
      <c r="BX759" s="6">
        <v>42</v>
      </c>
      <c r="BY759" s="6">
        <v>43</v>
      </c>
      <c r="BZ759" s="6">
        <v>45</v>
      </c>
      <c r="CA759" s="6">
        <v>44</v>
      </c>
      <c r="CB759" s="6">
        <v>40</v>
      </c>
      <c r="CC759" s="11">
        <v>38.75</v>
      </c>
      <c r="CD759" s="11">
        <v>-219.548</v>
      </c>
      <c r="CE759" s="11">
        <v>109.91200000000001</v>
      </c>
      <c r="CF759" s="11">
        <v>52.833799999999997</v>
      </c>
      <c r="CG759" s="11">
        <v>163</v>
      </c>
      <c r="CH759" s="20">
        <v>1.0724199999999999</v>
      </c>
      <c r="CI759" s="20">
        <v>1.1523099999999999</v>
      </c>
      <c r="CJ759" s="20">
        <v>1.06165</v>
      </c>
      <c r="CK759" s="20">
        <v>1.1390899999999999</v>
      </c>
      <c r="CL759" s="20">
        <v>1.0994600000000001</v>
      </c>
      <c r="CM759" s="20">
        <v>1.0616699999999999</v>
      </c>
      <c r="CN759" s="20">
        <v>1.1066100000000001</v>
      </c>
      <c r="CO759" s="20">
        <v>1.1062099999999999</v>
      </c>
      <c r="CP759" s="20">
        <v>1.07789</v>
      </c>
      <c r="CQ759" s="20">
        <v>1.1512899999999999</v>
      </c>
      <c r="CR759" s="20">
        <v>1.0335000000000001</v>
      </c>
      <c r="CS759" s="20">
        <v>1.00295</v>
      </c>
      <c r="CT759" s="20">
        <v>0.94545199999999996</v>
      </c>
      <c r="CU759" s="20">
        <v>0.90941499999999997</v>
      </c>
      <c r="CV759" s="20">
        <v>0.86838300000000002</v>
      </c>
      <c r="CW759" s="20">
        <v>0.837368</v>
      </c>
      <c r="CX759" s="20">
        <v>0.81013999999999997</v>
      </c>
      <c r="CY759" s="6" t="s">
        <v>511</v>
      </c>
      <c r="CZ759" s="6" t="s">
        <v>512</v>
      </c>
      <c r="DA759" s="6" t="s">
        <v>83</v>
      </c>
      <c r="DB759" s="6"/>
      <c r="DC759" s="6"/>
      <c r="DD759" s="6"/>
      <c r="DE759" s="6"/>
      <c r="DF759" s="6"/>
      <c r="DG759" s="6"/>
      <c r="DH759" s="6" t="s">
        <v>333</v>
      </c>
      <c r="DI759" s="6"/>
      <c r="DJ759" s="6"/>
      <c r="DK759" s="6"/>
      <c r="DL759" s="6">
        <v>4</v>
      </c>
      <c r="DM759" s="6" t="s">
        <v>446</v>
      </c>
      <c r="DN759" s="6">
        <v>6</v>
      </c>
      <c r="DO759" s="6" t="s">
        <v>393</v>
      </c>
      <c r="DP759" s="6"/>
      <c r="DQ759" s="6"/>
    </row>
    <row r="760" spans="1:121" x14ac:dyDescent="0.2">
      <c r="A760" s="6" t="s">
        <v>325</v>
      </c>
      <c r="B760" s="6" t="s">
        <v>325</v>
      </c>
      <c r="C760" s="6" t="s">
        <v>193</v>
      </c>
      <c r="D760" s="6" t="s">
        <v>83</v>
      </c>
      <c r="E760" s="6" t="s">
        <v>224</v>
      </c>
      <c r="F760" s="11">
        <v>-24</v>
      </c>
      <c r="G760" s="13">
        <v>-8.1355932203399997E-2</v>
      </c>
      <c r="H760" s="11">
        <v>98.43203476399998</v>
      </c>
      <c r="I760" s="13">
        <v>0.33421196017685301</v>
      </c>
      <c r="J760" s="11">
        <v>-51.197612908999986</v>
      </c>
      <c r="K760" s="13">
        <v>-0.1302897970991316</v>
      </c>
      <c r="L760" s="11">
        <v>-71.136435640999991</v>
      </c>
      <c r="M760" s="13">
        <v>-0.20815087026490064</v>
      </c>
      <c r="N760" s="11">
        <v>-122.33404854999998</v>
      </c>
      <c r="O760" s="13">
        <v>-0.31132073271121063</v>
      </c>
      <c r="P760" s="7">
        <v>294.519785324</v>
      </c>
      <c r="Q760" s="7">
        <v>301.307787222</v>
      </c>
      <c r="R760" s="7">
        <v>332.47819762300003</v>
      </c>
      <c r="S760" s="7">
        <v>382.08386776200001</v>
      </c>
      <c r="T760" s="7">
        <v>399.45006136900003</v>
      </c>
      <c r="U760" s="7">
        <v>392.635282539</v>
      </c>
      <c r="V760" s="7">
        <v>392.95182008799998</v>
      </c>
      <c r="W760" s="7">
        <v>321.90194050500003</v>
      </c>
      <c r="X760" s="7">
        <v>319.59532031800001</v>
      </c>
      <c r="Y760" s="7">
        <v>341.75420717899999</v>
      </c>
      <c r="Z760" s="7">
        <v>345.38613134399998</v>
      </c>
      <c r="AA760" s="7">
        <v>353.653852067</v>
      </c>
      <c r="AB760" s="7">
        <v>328.44464889400001</v>
      </c>
      <c r="AC760" s="7">
        <v>286.53074077100001</v>
      </c>
      <c r="AD760" s="7">
        <v>274.40635751999997</v>
      </c>
      <c r="AE760" s="7">
        <v>271.37741212700001</v>
      </c>
      <c r="AF760" s="7">
        <v>270.617771538</v>
      </c>
      <c r="AG760" s="9">
        <v>4739.8826624000012</v>
      </c>
      <c r="AH760" s="13">
        <v>0.30375341967611247</v>
      </c>
      <c r="AI760" s="9">
        <v>-1726.3478921999995</v>
      </c>
      <c r="AJ760" s="13">
        <v>-0.110632290534568</v>
      </c>
      <c r="AK760" s="9">
        <v>3287.7692239999978</v>
      </c>
      <c r="AL760" s="13">
        <v>0.23690463284032776</v>
      </c>
      <c r="AM760" s="9">
        <v>3178.4613306000028</v>
      </c>
      <c r="AN760" s="13">
        <v>0.18516246079358864</v>
      </c>
      <c r="AO760" s="9">
        <v>6466.2305546000007</v>
      </c>
      <c r="AP760" s="13">
        <v>0.46593293842403311</v>
      </c>
      <c r="AQ760" s="9">
        <v>15604.3762979</v>
      </c>
      <c r="AR760" s="9">
        <v>14834.86188</v>
      </c>
      <c r="AS760" s="9">
        <v>14798.693689600001</v>
      </c>
      <c r="AT760" s="9">
        <v>14551.3725242</v>
      </c>
      <c r="AU760" s="9">
        <v>14974.9695041</v>
      </c>
      <c r="AV760" s="9">
        <v>14119.1777509</v>
      </c>
      <c r="AW760" s="9">
        <v>13878.028405700001</v>
      </c>
      <c r="AX760" s="9">
        <v>16341.5167537</v>
      </c>
      <c r="AY760" s="9">
        <v>16005.969295700001</v>
      </c>
      <c r="AZ760" s="9">
        <v>17165.797629699999</v>
      </c>
      <c r="BA760" s="9">
        <v>17665.2604001</v>
      </c>
      <c r="BB760" s="9">
        <v>18459.740668800001</v>
      </c>
      <c r="BC760" s="9">
        <v>19607.1471853</v>
      </c>
      <c r="BD760" s="9">
        <v>20675.414092200001</v>
      </c>
      <c r="BE760" s="9">
        <v>20481.6678264</v>
      </c>
      <c r="BF760" s="9">
        <v>20344.258960300001</v>
      </c>
      <c r="BG760" s="11">
        <v>-27</v>
      </c>
      <c r="BH760" s="13">
        <v>-0.44262295081967212</v>
      </c>
      <c r="BI760" s="6">
        <v>3</v>
      </c>
      <c r="BJ760" s="13">
        <v>4.9180327868852458E-2</v>
      </c>
      <c r="BK760" s="6">
        <v>-2</v>
      </c>
      <c r="BL760" s="13">
        <v>-3.125E-2</v>
      </c>
      <c r="BM760" s="11">
        <v>-28</v>
      </c>
      <c r="BN760" s="13">
        <v>-0.45161290322580644</v>
      </c>
      <c r="BO760" s="11">
        <v>-30</v>
      </c>
      <c r="BP760" s="13">
        <v>-0.46875</v>
      </c>
      <c r="BQ760" s="6">
        <v>61</v>
      </c>
      <c r="BR760" s="6">
        <v>74</v>
      </c>
      <c r="BS760" s="6">
        <v>71</v>
      </c>
      <c r="BT760" s="6">
        <v>64</v>
      </c>
      <c r="BU760" s="6">
        <v>60</v>
      </c>
      <c r="BV760" s="6">
        <v>55</v>
      </c>
      <c r="BW760" s="6">
        <v>62</v>
      </c>
      <c r="BX760" s="6">
        <v>66</v>
      </c>
      <c r="BY760" s="6">
        <v>71</v>
      </c>
      <c r="BZ760" s="6">
        <v>38</v>
      </c>
      <c r="CA760" s="6">
        <v>34</v>
      </c>
      <c r="CB760" s="6">
        <v>33</v>
      </c>
      <c r="CC760" s="11">
        <v>34</v>
      </c>
      <c r="CD760" s="11">
        <v>-53.384300000000003</v>
      </c>
      <c r="CE760" s="11">
        <v>-2.71225</v>
      </c>
      <c r="CF760" s="11">
        <v>32.194600000000001</v>
      </c>
      <c r="CG760" s="11">
        <v>29</v>
      </c>
      <c r="CH760" s="20">
        <v>0.96206199999999997</v>
      </c>
      <c r="CI760" s="20">
        <v>0.99243199999999998</v>
      </c>
      <c r="CJ760" s="20">
        <v>1.0905800000000001</v>
      </c>
      <c r="CK760" s="20">
        <v>1.2431300000000001</v>
      </c>
      <c r="CL760" s="20">
        <v>1.2616499999999999</v>
      </c>
      <c r="CM760" s="20">
        <v>1.1881600000000001</v>
      </c>
      <c r="CN760" s="20">
        <v>1.18045</v>
      </c>
      <c r="CO760" s="20">
        <v>1.0378799999999999</v>
      </c>
      <c r="CP760" s="20">
        <v>1.0269999999999999</v>
      </c>
      <c r="CQ760" s="20">
        <v>1.13775</v>
      </c>
      <c r="CR760" s="20">
        <v>1.1593800000000001</v>
      </c>
      <c r="CS760" s="20">
        <v>1.17245</v>
      </c>
      <c r="CT760" s="20">
        <v>1.15479</v>
      </c>
      <c r="CU760" s="20">
        <v>0.99636199999999997</v>
      </c>
      <c r="CV760" s="20">
        <v>0.94940100000000005</v>
      </c>
      <c r="CW760" s="20">
        <v>0.93435400000000002</v>
      </c>
      <c r="CX760" s="20">
        <v>0.91948099999999999</v>
      </c>
      <c r="CY760" s="6" t="s">
        <v>511</v>
      </c>
      <c r="CZ760" s="6" t="s">
        <v>512</v>
      </c>
      <c r="DA760" s="6" t="s">
        <v>83</v>
      </c>
      <c r="DB760" s="6"/>
      <c r="DC760" s="6"/>
      <c r="DD760" s="6"/>
      <c r="DE760" s="6"/>
      <c r="DF760" s="6"/>
      <c r="DG760" s="6"/>
      <c r="DH760" s="6" t="s">
        <v>333</v>
      </c>
      <c r="DI760" s="6"/>
      <c r="DJ760" s="6"/>
      <c r="DK760" s="6"/>
      <c r="DL760" s="6">
        <v>4</v>
      </c>
      <c r="DM760" s="6" t="s">
        <v>446</v>
      </c>
      <c r="DN760" s="6">
        <v>6</v>
      </c>
      <c r="DO760" s="6" t="s">
        <v>393</v>
      </c>
      <c r="DP760" s="6"/>
      <c r="DQ760" s="6"/>
    </row>
    <row r="761" spans="1:121" x14ac:dyDescent="0.2">
      <c r="A761" s="6" t="s">
        <v>327</v>
      </c>
      <c r="B761" s="6" t="s">
        <v>327</v>
      </c>
      <c r="C761" s="6" t="s">
        <v>194</v>
      </c>
      <c r="D761" s="6" t="s">
        <v>83</v>
      </c>
      <c r="E761" s="6" t="s">
        <v>224</v>
      </c>
      <c r="F761" s="11">
        <v>30</v>
      </c>
      <c r="G761" s="13">
        <v>2.8011204481800001E-2</v>
      </c>
      <c r="H761" s="11">
        <v>79.776834999999892</v>
      </c>
      <c r="I761" s="13">
        <v>7.4499037063612231E-2</v>
      </c>
      <c r="J761" s="11">
        <v>3.7668129999999564</v>
      </c>
      <c r="K761" s="13">
        <v>3.2737226773073879E-3</v>
      </c>
      <c r="L761" s="11">
        <v>-53.596284550000064</v>
      </c>
      <c r="M761" s="13">
        <v>-4.6428331093945237E-2</v>
      </c>
      <c r="N761" s="11">
        <v>-49.829471550000108</v>
      </c>
      <c r="O761" s="13">
        <v>-4.3306601897009633E-2</v>
      </c>
      <c r="P761" s="7">
        <v>1070.8438410000001</v>
      </c>
      <c r="Q761" s="7">
        <v>1059.342877</v>
      </c>
      <c r="R761" s="7">
        <v>1056.4125630000001</v>
      </c>
      <c r="S761" s="7">
        <v>1054.2222159999999</v>
      </c>
      <c r="T761" s="7">
        <v>1097.4885790000001</v>
      </c>
      <c r="U761" s="7">
        <v>1138.245277</v>
      </c>
      <c r="V761" s="7">
        <v>1150.620676</v>
      </c>
      <c r="W761" s="7">
        <v>1135.063543</v>
      </c>
      <c r="X761" s="7">
        <v>1157.506079</v>
      </c>
      <c r="Y761" s="7">
        <v>1154.387489</v>
      </c>
      <c r="Z761" s="7">
        <v>1127.582519</v>
      </c>
      <c r="AA761" s="7">
        <v>1105.8109569999999</v>
      </c>
      <c r="AB761" s="7">
        <v>1102.219877</v>
      </c>
      <c r="AC761" s="7">
        <v>1092.509501</v>
      </c>
      <c r="AD761" s="7">
        <v>1123.304946</v>
      </c>
      <c r="AE761" s="7">
        <v>1102.1735914999999</v>
      </c>
      <c r="AF761" s="7">
        <v>1100.7912044499999</v>
      </c>
      <c r="AG761" s="9">
        <v>13929.603470000002</v>
      </c>
      <c r="AH761" s="13">
        <v>0.48624857704969437</v>
      </c>
      <c r="AI761" s="9">
        <v>10835.598847000001</v>
      </c>
      <c r="AJ761" s="13">
        <v>0.3782444010112988</v>
      </c>
      <c r="AK761" s="9">
        <v>2885.9907171000013</v>
      </c>
      <c r="AL761" s="13">
        <v>7.3095103051744992E-2</v>
      </c>
      <c r="AM761" s="9">
        <v>208.01390589999937</v>
      </c>
      <c r="AN761" s="13">
        <v>4.9096158093449461E-3</v>
      </c>
      <c r="AO761" s="9">
        <v>3094.0046230000007</v>
      </c>
      <c r="AP761" s="13">
        <v>7.8363587734618489E-2</v>
      </c>
      <c r="AQ761" s="9">
        <v>28647.0832563</v>
      </c>
      <c r="AR761" s="9">
        <v>30605.812542700001</v>
      </c>
      <c r="AS761" s="9">
        <v>33165.496062600003</v>
      </c>
      <c r="AT761" s="9">
        <v>34888.993480600002</v>
      </c>
      <c r="AU761" s="9">
        <v>36058.119264100002</v>
      </c>
      <c r="AV761" s="9">
        <v>37971.685950200001</v>
      </c>
      <c r="AW761" s="9">
        <v>39482.682103300001</v>
      </c>
      <c r="AX761" s="9">
        <v>40409.819650799996</v>
      </c>
      <c r="AY761" s="9">
        <v>41564.723793199999</v>
      </c>
      <c r="AZ761" s="9">
        <v>42368.672820400003</v>
      </c>
      <c r="BA761" s="9">
        <v>42614.692767499997</v>
      </c>
      <c r="BB761" s="9">
        <v>44030.361048999999</v>
      </c>
      <c r="BC761" s="9">
        <v>44081.815239399999</v>
      </c>
      <c r="BD761" s="9">
        <v>43354.061528600003</v>
      </c>
      <c r="BE761" s="9">
        <v>42305.325706600001</v>
      </c>
      <c r="BF761" s="9">
        <v>42576.686726300002</v>
      </c>
      <c r="BG761" s="11">
        <v>-1</v>
      </c>
      <c r="BH761" s="13">
        <v>-1.8867924528301886E-2</v>
      </c>
      <c r="BI761" s="6">
        <v>-1</v>
      </c>
      <c r="BJ761" s="13">
        <v>-1.8867924528301886E-2</v>
      </c>
      <c r="BK761" s="6">
        <v>1</v>
      </c>
      <c r="BL761" s="13">
        <v>1.9230769230769232E-2</v>
      </c>
      <c r="BM761" s="11">
        <v>-1</v>
      </c>
      <c r="BN761" s="13">
        <v>-1.8867924528301886E-2</v>
      </c>
      <c r="BO761" s="11">
        <v>0</v>
      </c>
      <c r="BP761" s="13">
        <v>0</v>
      </c>
      <c r="BQ761" s="6">
        <v>53</v>
      </c>
      <c r="BR761" s="6">
        <v>53</v>
      </c>
      <c r="BS761" s="6">
        <v>52</v>
      </c>
      <c r="BT761" s="6">
        <v>52</v>
      </c>
      <c r="BU761" s="6">
        <v>52</v>
      </c>
      <c r="BV761" s="6">
        <v>53</v>
      </c>
      <c r="BW761" s="6">
        <v>53</v>
      </c>
      <c r="BX761" s="6">
        <v>50</v>
      </c>
      <c r="BY761" s="6">
        <v>51</v>
      </c>
      <c r="BZ761" s="6">
        <v>52</v>
      </c>
      <c r="CA761" s="6">
        <v>51</v>
      </c>
      <c r="CB761" s="6">
        <v>52</v>
      </c>
      <c r="CC761" s="11">
        <v>52</v>
      </c>
      <c r="CD761" s="11">
        <v>-24.3309</v>
      </c>
      <c r="CE761" s="11">
        <v>-62.777799999999999</v>
      </c>
      <c r="CF761" s="11">
        <v>117.056</v>
      </c>
      <c r="CG761" s="11">
        <v>54</v>
      </c>
      <c r="CH761" s="20">
        <v>1.0530299999999999</v>
      </c>
      <c r="CI761" s="20">
        <v>1.04833</v>
      </c>
      <c r="CJ761" s="20">
        <v>1.0488</v>
      </c>
      <c r="CK761" s="20">
        <v>1.04565</v>
      </c>
      <c r="CL761" s="20">
        <v>1.0591900000000001</v>
      </c>
      <c r="CM761" s="20">
        <v>1.0594399999999999</v>
      </c>
      <c r="CN761" s="20">
        <v>1.07077</v>
      </c>
      <c r="CO761" s="20">
        <v>1.1223700000000001</v>
      </c>
      <c r="CP761" s="20">
        <v>1.12798</v>
      </c>
      <c r="CQ761" s="20">
        <v>1.1587700000000001</v>
      </c>
      <c r="CR761" s="20">
        <v>1.16804</v>
      </c>
      <c r="CS761" s="20">
        <v>1.1696899999999999</v>
      </c>
      <c r="CT761" s="20">
        <v>1.1744399999999999</v>
      </c>
      <c r="CU761" s="20">
        <v>1.1730799999999999</v>
      </c>
      <c r="CV761" s="20">
        <v>1.2103900000000001</v>
      </c>
      <c r="CW761" s="20">
        <v>1.1878200000000001</v>
      </c>
      <c r="CX761" s="20">
        <v>1.1789000000000001</v>
      </c>
      <c r="CY761" s="6" t="s">
        <v>511</v>
      </c>
      <c r="CZ761" s="6" t="s">
        <v>512</v>
      </c>
      <c r="DA761" s="6" t="s">
        <v>83</v>
      </c>
      <c r="DB761" s="6"/>
      <c r="DC761" s="6"/>
      <c r="DD761" s="6"/>
      <c r="DE761" s="6"/>
      <c r="DF761" s="6"/>
      <c r="DG761" s="6"/>
      <c r="DH761" s="6" t="s">
        <v>333</v>
      </c>
      <c r="DI761" s="6"/>
      <c r="DJ761" s="6"/>
      <c r="DK761" s="6"/>
      <c r="DL761" s="6">
        <v>4</v>
      </c>
      <c r="DM761" s="6" t="s">
        <v>446</v>
      </c>
      <c r="DN761" s="6">
        <v>6</v>
      </c>
      <c r="DO761" s="6" t="s">
        <v>393</v>
      </c>
      <c r="DP761" s="6"/>
      <c r="DQ761" s="6"/>
    </row>
    <row r="762" spans="1:121" x14ac:dyDescent="0.2">
      <c r="A762" s="6" t="s">
        <v>1</v>
      </c>
      <c r="B762" s="6" t="s">
        <v>1</v>
      </c>
      <c r="C762" s="6" t="s">
        <v>2</v>
      </c>
      <c r="D762" s="6" t="s">
        <v>136</v>
      </c>
      <c r="E762" s="6" t="s">
        <v>277</v>
      </c>
      <c r="F762" s="11">
        <v>-49</v>
      </c>
      <c r="G762" s="13">
        <v>-0.166666666667</v>
      </c>
      <c r="H762" s="11">
        <v>-117.17329265999999</v>
      </c>
      <c r="I762" s="13">
        <v>-0.39797660322425121</v>
      </c>
      <c r="J762" s="11">
        <v>60.221979543999993</v>
      </c>
      <c r="K762" s="13">
        <v>0.33975868260740372</v>
      </c>
      <c r="L762" s="11">
        <v>7.8698275090000038</v>
      </c>
      <c r="M762" s="13">
        <v>3.3140127148824375E-2</v>
      </c>
      <c r="N762" s="11">
        <v>68.091807052999997</v>
      </c>
      <c r="O762" s="13">
        <v>0.38415845569775459</v>
      </c>
      <c r="P762" s="7">
        <v>294.42256582599998</v>
      </c>
      <c r="Q762" s="7">
        <v>340.15593072299998</v>
      </c>
      <c r="R762" s="7">
        <v>310.29411451599998</v>
      </c>
      <c r="S762" s="7">
        <v>142.99277941599999</v>
      </c>
      <c r="T762" s="7">
        <v>111.99416776699999</v>
      </c>
      <c r="U762" s="7">
        <v>132.740944482</v>
      </c>
      <c r="V762" s="7">
        <v>177.24927316599999</v>
      </c>
      <c r="W762" s="7">
        <v>171.07209172</v>
      </c>
      <c r="X762" s="7">
        <v>210.49919445899999</v>
      </c>
      <c r="Y762" s="7">
        <v>237.47125270999999</v>
      </c>
      <c r="Z762" s="7">
        <v>214.571674086</v>
      </c>
      <c r="AA762" s="7">
        <v>242.46202939400001</v>
      </c>
      <c r="AB762" s="7">
        <v>245.867153167</v>
      </c>
      <c r="AC762" s="7">
        <v>265.64026684800001</v>
      </c>
      <c r="AD762" s="7">
        <v>248.40618280199999</v>
      </c>
      <c r="AE762" s="7">
        <v>241.00974338899999</v>
      </c>
      <c r="AF762" s="7">
        <v>245.34108021899999</v>
      </c>
      <c r="AG762" s="9">
        <v>12193.973672399999</v>
      </c>
      <c r="AH762" s="13">
        <v>0.59314381540793915</v>
      </c>
      <c r="AI762" s="9">
        <v>4229.6387452000017</v>
      </c>
      <c r="AJ762" s="13">
        <v>0.20573966538927271</v>
      </c>
      <c r="AK762" s="9">
        <v>1063.5631952999975</v>
      </c>
      <c r="AL762" s="13">
        <v>4.2906639892693985E-2</v>
      </c>
      <c r="AM762" s="9">
        <v>6900.7717319000003</v>
      </c>
      <c r="AN762" s="13">
        <v>0.26693986379061713</v>
      </c>
      <c r="AO762" s="9">
        <v>7964.3349271999978</v>
      </c>
      <c r="AP762" s="13">
        <v>0.32129999629197986</v>
      </c>
      <c r="AQ762" s="9">
        <v>20558.2075639</v>
      </c>
      <c r="AR762" s="9">
        <v>21563.947716400002</v>
      </c>
      <c r="AS762" s="9">
        <v>21415.347423800002</v>
      </c>
      <c r="AT762" s="9">
        <v>22637.942456000001</v>
      </c>
      <c r="AU762" s="9">
        <v>25146.096093799999</v>
      </c>
      <c r="AV762" s="9">
        <v>26653.774543899999</v>
      </c>
      <c r="AW762" s="9">
        <v>24787.846309100001</v>
      </c>
      <c r="AX762" s="9">
        <v>26641.626889499999</v>
      </c>
      <c r="AY762" s="9">
        <v>26412.6202495</v>
      </c>
      <c r="AZ762" s="9">
        <v>25851.409504399999</v>
      </c>
      <c r="BA762" s="9">
        <v>27376.473493599999</v>
      </c>
      <c r="BB762" s="9">
        <v>27685.124813400002</v>
      </c>
      <c r="BC762" s="9">
        <v>28984.7760423</v>
      </c>
      <c r="BD762" s="9">
        <v>30397.477473800001</v>
      </c>
      <c r="BE762" s="9">
        <v>32128.3781323</v>
      </c>
      <c r="BF762" s="9">
        <v>32752.181236299999</v>
      </c>
      <c r="BG762" s="11">
        <v>3</v>
      </c>
      <c r="BH762" s="13">
        <v>0.75</v>
      </c>
      <c r="BI762" s="6">
        <v>2</v>
      </c>
      <c r="BJ762" s="13">
        <v>0.5</v>
      </c>
      <c r="BK762" s="6">
        <v>2</v>
      </c>
      <c r="BL762" s="13">
        <v>0.33333333333333331</v>
      </c>
      <c r="BM762" s="11">
        <v>-1</v>
      </c>
      <c r="BN762" s="13">
        <v>-0.125</v>
      </c>
      <c r="BO762" s="11">
        <v>1</v>
      </c>
      <c r="BP762" s="13">
        <v>0.16666666666666666</v>
      </c>
      <c r="BQ762" s="6">
        <v>4</v>
      </c>
      <c r="BR762" s="6">
        <v>4</v>
      </c>
      <c r="BS762" s="6">
        <v>4</v>
      </c>
      <c r="BT762" s="6">
        <v>6</v>
      </c>
      <c r="BU762" s="6">
        <v>6</v>
      </c>
      <c r="BV762" s="6">
        <v>7</v>
      </c>
      <c r="BW762" s="6">
        <v>8</v>
      </c>
      <c r="BX762" s="6">
        <v>7</v>
      </c>
      <c r="BY762" s="6">
        <v>8</v>
      </c>
      <c r="BZ762" s="6">
        <v>8</v>
      </c>
      <c r="CA762" s="6">
        <v>8</v>
      </c>
      <c r="CB762" s="6">
        <v>8</v>
      </c>
      <c r="CC762" s="11">
        <v>7</v>
      </c>
      <c r="CD762" s="11">
        <v>-54.421799999999998</v>
      </c>
      <c r="CE762" s="11">
        <v>-26.843599999999999</v>
      </c>
      <c r="CF762" s="11">
        <v>32.183900000000001</v>
      </c>
      <c r="CG762" s="11">
        <v>5</v>
      </c>
      <c r="CH762" s="20">
        <v>8.1571400000000001</v>
      </c>
      <c r="CI762" s="20">
        <v>9.5851000000000006</v>
      </c>
      <c r="CJ762" s="20">
        <v>8.6950800000000008</v>
      </c>
      <c r="CK762" s="20">
        <v>4.3197000000000001</v>
      </c>
      <c r="CL762" s="20">
        <v>3.4935800000000001</v>
      </c>
      <c r="CM762" s="20">
        <v>4.0766600000000004</v>
      </c>
      <c r="CN762" s="20">
        <v>5.4230900000000002</v>
      </c>
      <c r="CO762" s="20">
        <v>5.3320699999999999</v>
      </c>
      <c r="CP762" s="20">
        <v>6.1004300000000002</v>
      </c>
      <c r="CQ762" s="20">
        <v>6.7830599999999999</v>
      </c>
      <c r="CR762" s="20">
        <v>6.21272</v>
      </c>
      <c r="CS762" s="20">
        <v>6.90625</v>
      </c>
      <c r="CT762" s="20">
        <v>7.1126100000000001</v>
      </c>
      <c r="CU762" s="20">
        <v>7.7625900000000003</v>
      </c>
      <c r="CV762" s="20">
        <v>7.3510099999999996</v>
      </c>
      <c r="CW762" s="20">
        <v>7.2877400000000003</v>
      </c>
      <c r="CX762" s="20">
        <v>7.3814500000000001</v>
      </c>
      <c r="CY762" s="6" t="s">
        <v>513</v>
      </c>
      <c r="CZ762" s="6" t="s">
        <v>514</v>
      </c>
      <c r="DA762" s="6" t="s">
        <v>136</v>
      </c>
      <c r="DB762" s="6"/>
      <c r="DC762" s="6"/>
      <c r="DD762" s="6"/>
      <c r="DE762" s="6"/>
      <c r="DF762" s="6"/>
      <c r="DG762" s="6"/>
      <c r="DH762" s="6" t="s">
        <v>333</v>
      </c>
      <c r="DI762" s="6"/>
      <c r="DJ762" s="6"/>
      <c r="DK762" s="6"/>
      <c r="DL762" s="6">
        <v>7</v>
      </c>
      <c r="DM762" s="6" t="s">
        <v>485</v>
      </c>
      <c r="DN762" s="6">
        <v>8</v>
      </c>
      <c r="DO762" s="6" t="s">
        <v>486</v>
      </c>
      <c r="DP762" s="6"/>
      <c r="DQ762" s="6"/>
    </row>
    <row r="763" spans="1:121" x14ac:dyDescent="0.2">
      <c r="A763" s="6" t="s">
        <v>310</v>
      </c>
      <c r="B763" s="6" t="s">
        <v>310</v>
      </c>
      <c r="C763" s="6" t="s">
        <v>173</v>
      </c>
      <c r="D763" s="6" t="s">
        <v>136</v>
      </c>
      <c r="E763" s="6" t="s">
        <v>277</v>
      </c>
      <c r="F763" s="11">
        <v>0</v>
      </c>
      <c r="G763" s="13">
        <v>0</v>
      </c>
      <c r="H763" s="11">
        <v>0</v>
      </c>
      <c r="I763" s="13"/>
      <c r="J763" s="11">
        <v>0</v>
      </c>
      <c r="K763" s="13"/>
      <c r="L763" s="11">
        <v>0</v>
      </c>
      <c r="M763" s="13"/>
      <c r="N763" s="11">
        <v>0</v>
      </c>
      <c r="O763" s="13"/>
      <c r="P763" s="7">
        <v>0</v>
      </c>
      <c r="Q763" s="7">
        <v>5</v>
      </c>
      <c r="R763" s="7">
        <v>5</v>
      </c>
      <c r="S763" s="7">
        <v>0</v>
      </c>
      <c r="T763" s="7">
        <v>0</v>
      </c>
      <c r="U763" s="7">
        <v>0</v>
      </c>
      <c r="V763" s="7">
        <v>0</v>
      </c>
      <c r="W763" s="7">
        <v>0</v>
      </c>
      <c r="X763" s="7">
        <v>0</v>
      </c>
      <c r="Y763" s="7">
        <v>0</v>
      </c>
      <c r="Z763" s="7">
        <v>0</v>
      </c>
      <c r="AA763" s="7">
        <v>0</v>
      </c>
      <c r="AB763" s="7">
        <v>0</v>
      </c>
      <c r="AC763" s="7">
        <v>5</v>
      </c>
      <c r="AD763" s="7">
        <v>0</v>
      </c>
      <c r="AE763" s="7">
        <v>0</v>
      </c>
      <c r="AF763" s="7">
        <v>0</v>
      </c>
      <c r="AG763" s="9">
        <v>0</v>
      </c>
      <c r="AH763" s="13"/>
      <c r="AI763" s="9">
        <v>0</v>
      </c>
      <c r="AJ763" s="13"/>
      <c r="AK763" s="9">
        <v>0</v>
      </c>
      <c r="AL763" s="13"/>
      <c r="AM763" s="9">
        <v>0</v>
      </c>
      <c r="AN763" s="13"/>
      <c r="AO763" s="9">
        <v>0</v>
      </c>
      <c r="AP763" s="13"/>
      <c r="AQ763" s="9">
        <v>0</v>
      </c>
      <c r="AR763" s="9">
        <v>1</v>
      </c>
      <c r="AS763" s="9">
        <v>1</v>
      </c>
      <c r="AT763" s="9">
        <v>0</v>
      </c>
      <c r="AU763" s="9">
        <v>0</v>
      </c>
      <c r="AV763" s="9">
        <v>0</v>
      </c>
      <c r="AW763" s="9">
        <v>0</v>
      </c>
      <c r="AX763" s="9">
        <v>0</v>
      </c>
      <c r="AY763" s="9">
        <v>0</v>
      </c>
      <c r="AZ763" s="9">
        <v>0</v>
      </c>
      <c r="BA763" s="9">
        <v>0</v>
      </c>
      <c r="BB763" s="9">
        <v>0</v>
      </c>
      <c r="BC763" s="9">
        <v>0</v>
      </c>
      <c r="BD763" s="9">
        <v>1</v>
      </c>
      <c r="BE763" s="9">
        <v>0</v>
      </c>
      <c r="BF763" s="9">
        <v>0</v>
      </c>
      <c r="BG763" s="11">
        <v>0</v>
      </c>
      <c r="BH763" s="13" t="e">
        <v>#DIV/0!</v>
      </c>
      <c r="BI763" s="6">
        <v>0</v>
      </c>
      <c r="BJ763" s="13" t="e">
        <v>#DIV/0!</v>
      </c>
      <c r="BK763" s="6">
        <v>0</v>
      </c>
      <c r="BL763" s="13" t="e">
        <v>#DIV/0!</v>
      </c>
      <c r="BM763" s="11">
        <v>0</v>
      </c>
      <c r="BN763" s="13" t="e">
        <v>#DIV/0!</v>
      </c>
      <c r="BO763" s="11">
        <v>0</v>
      </c>
      <c r="BP763" s="13" t="e">
        <v>#DIV/0!</v>
      </c>
      <c r="BQ763" s="6">
        <v>0</v>
      </c>
      <c r="BR763" s="6">
        <v>0</v>
      </c>
      <c r="BS763" s="6">
        <v>0</v>
      </c>
      <c r="BT763" s="6">
        <v>0</v>
      </c>
      <c r="BU763" s="6">
        <v>0</v>
      </c>
      <c r="BV763" s="6">
        <v>0</v>
      </c>
      <c r="BW763" s="6">
        <v>0</v>
      </c>
      <c r="BX763" s="6">
        <v>0</v>
      </c>
      <c r="BY763" s="6">
        <v>0</v>
      </c>
      <c r="BZ763" s="6">
        <v>0</v>
      </c>
      <c r="CA763" s="6">
        <v>0</v>
      </c>
      <c r="CB763" s="6">
        <v>0</v>
      </c>
      <c r="CC763" s="11">
        <v>0</v>
      </c>
      <c r="CD763" s="11">
        <v>0</v>
      </c>
      <c r="CE763" s="11">
        <v>0</v>
      </c>
      <c r="CF763" s="11">
        <v>0</v>
      </c>
      <c r="CG763" s="11">
        <v>0</v>
      </c>
      <c r="CH763" s="20">
        <v>0</v>
      </c>
      <c r="CI763" s="20">
        <v>0.317548</v>
      </c>
      <c r="CJ763" s="20">
        <v>0.31350600000000001</v>
      </c>
      <c r="CK763" s="20">
        <v>0</v>
      </c>
      <c r="CL763" s="20">
        <v>0</v>
      </c>
      <c r="CM763" s="20">
        <v>0</v>
      </c>
      <c r="CN763" s="20">
        <v>0</v>
      </c>
      <c r="CO763" s="20">
        <v>0</v>
      </c>
      <c r="CP763" s="20">
        <v>0</v>
      </c>
      <c r="CQ763" s="20">
        <v>0</v>
      </c>
      <c r="CR763" s="20">
        <v>0</v>
      </c>
      <c r="CS763" s="20">
        <v>0</v>
      </c>
      <c r="CT763" s="20">
        <v>0</v>
      </c>
      <c r="CU763" s="20">
        <v>4.3360700000000002E-2</v>
      </c>
      <c r="CV763" s="20">
        <v>0</v>
      </c>
      <c r="CW763" s="20">
        <v>0</v>
      </c>
      <c r="CX763" s="20">
        <v>0</v>
      </c>
      <c r="CY763" s="6" t="s">
        <v>513</v>
      </c>
      <c r="CZ763" s="6" t="s">
        <v>514</v>
      </c>
      <c r="DA763" s="6" t="s">
        <v>136</v>
      </c>
      <c r="DB763" s="6"/>
      <c r="DC763" s="6"/>
      <c r="DD763" s="6"/>
      <c r="DE763" s="6"/>
      <c r="DF763" s="6"/>
      <c r="DG763" s="6"/>
      <c r="DH763" s="6" t="s">
        <v>333</v>
      </c>
      <c r="DI763" s="6"/>
      <c r="DJ763" s="6"/>
      <c r="DK763" s="6"/>
      <c r="DL763" s="6">
        <v>7</v>
      </c>
      <c r="DM763" s="6" t="s">
        <v>485</v>
      </c>
      <c r="DN763" s="6">
        <v>8</v>
      </c>
      <c r="DO763" s="6" t="s">
        <v>486</v>
      </c>
      <c r="DP763" s="6"/>
      <c r="DQ763" s="6"/>
    </row>
    <row r="764" spans="1:121" x14ac:dyDescent="0.2">
      <c r="A764" s="6" t="s">
        <v>311</v>
      </c>
      <c r="B764" s="6" t="s">
        <v>311</v>
      </c>
      <c r="C764" s="6" t="s">
        <v>174</v>
      </c>
      <c r="D764" s="6" t="s">
        <v>136</v>
      </c>
      <c r="E764" s="6" t="s">
        <v>277</v>
      </c>
      <c r="F764" s="11">
        <v>1</v>
      </c>
      <c r="G764" s="13">
        <v>1</v>
      </c>
      <c r="H764" s="11">
        <v>5</v>
      </c>
      <c r="I764" s="13"/>
      <c r="J764" s="11">
        <v>0</v>
      </c>
      <c r="K764" s="13">
        <v>0</v>
      </c>
      <c r="L764" s="11">
        <v>0</v>
      </c>
      <c r="M764" s="13">
        <v>0</v>
      </c>
      <c r="N764" s="11">
        <v>0</v>
      </c>
      <c r="O764" s="13">
        <v>0</v>
      </c>
      <c r="P764" s="7">
        <v>0</v>
      </c>
      <c r="Q764" s="7">
        <v>0</v>
      </c>
      <c r="R764" s="7">
        <v>0</v>
      </c>
      <c r="S764" s="7">
        <v>5</v>
      </c>
      <c r="T764" s="7">
        <v>5</v>
      </c>
      <c r="U764" s="7">
        <v>5</v>
      </c>
      <c r="V764" s="7">
        <v>5</v>
      </c>
      <c r="W764" s="7">
        <v>5</v>
      </c>
      <c r="X764" s="7">
        <v>5</v>
      </c>
      <c r="Y764" s="7">
        <v>5</v>
      </c>
      <c r="Z764" s="7">
        <v>5</v>
      </c>
      <c r="AA764" s="7">
        <v>5</v>
      </c>
      <c r="AB764" s="7">
        <v>5</v>
      </c>
      <c r="AC764" s="7">
        <v>5</v>
      </c>
      <c r="AD764" s="7">
        <v>5</v>
      </c>
      <c r="AE764" s="7">
        <v>5</v>
      </c>
      <c r="AF764" s="7">
        <v>5</v>
      </c>
      <c r="AG764" s="9">
        <v>1</v>
      </c>
      <c r="AH764" s="13"/>
      <c r="AI764" s="9">
        <v>1</v>
      </c>
      <c r="AJ764" s="13"/>
      <c r="AK764" s="9">
        <v>0</v>
      </c>
      <c r="AL764" s="13">
        <v>0</v>
      </c>
      <c r="AM764" s="9">
        <v>0</v>
      </c>
      <c r="AN764" s="13">
        <v>0</v>
      </c>
      <c r="AO764" s="9">
        <v>0</v>
      </c>
      <c r="AP764" s="13">
        <v>0</v>
      </c>
      <c r="AQ764" s="9">
        <v>0</v>
      </c>
      <c r="AR764" s="9">
        <v>0</v>
      </c>
      <c r="AS764" s="9">
        <v>0</v>
      </c>
      <c r="AT764" s="9">
        <v>1</v>
      </c>
      <c r="AU764" s="9">
        <v>1</v>
      </c>
      <c r="AV764" s="9">
        <v>1</v>
      </c>
      <c r="AW764" s="9">
        <v>1</v>
      </c>
      <c r="AX764" s="9">
        <v>1</v>
      </c>
      <c r="AY764" s="9">
        <v>1</v>
      </c>
      <c r="AZ764" s="9">
        <v>1</v>
      </c>
      <c r="BA764" s="9">
        <v>1</v>
      </c>
      <c r="BB764" s="9">
        <v>1</v>
      </c>
      <c r="BC764" s="9">
        <v>1</v>
      </c>
      <c r="BD764" s="9">
        <v>1</v>
      </c>
      <c r="BE764" s="9">
        <v>1</v>
      </c>
      <c r="BF764" s="9">
        <v>1</v>
      </c>
      <c r="BG764" s="11">
        <v>0</v>
      </c>
      <c r="BH764" s="13">
        <v>0</v>
      </c>
      <c r="BI764" s="6">
        <v>0</v>
      </c>
      <c r="BJ764" s="13">
        <v>0</v>
      </c>
      <c r="BK764" s="6">
        <v>0</v>
      </c>
      <c r="BL764" s="13">
        <v>0</v>
      </c>
      <c r="BM764" s="11">
        <v>0</v>
      </c>
      <c r="BN764" s="13">
        <v>0</v>
      </c>
      <c r="BO764" s="11">
        <v>0</v>
      </c>
      <c r="BP764" s="13">
        <v>0</v>
      </c>
      <c r="BQ764" s="6">
        <v>1</v>
      </c>
      <c r="BR764" s="6">
        <v>1</v>
      </c>
      <c r="BS764" s="6">
        <v>1</v>
      </c>
      <c r="BT764" s="6">
        <v>1</v>
      </c>
      <c r="BU764" s="6">
        <v>1</v>
      </c>
      <c r="BV764" s="6">
        <v>1</v>
      </c>
      <c r="BW764" s="6">
        <v>1</v>
      </c>
      <c r="BX764" s="6">
        <v>1</v>
      </c>
      <c r="BY764" s="6">
        <v>1</v>
      </c>
      <c r="BZ764" s="6">
        <v>1</v>
      </c>
      <c r="CA764" s="6">
        <v>1</v>
      </c>
      <c r="CB764" s="6">
        <v>1</v>
      </c>
      <c r="CC764" s="11">
        <v>1</v>
      </c>
      <c r="CD764" s="11">
        <v>8.9446100000000008</v>
      </c>
      <c r="CE764" s="11">
        <v>-0.16284399999999999</v>
      </c>
      <c r="CF764" s="11">
        <v>0.10931200000000001</v>
      </c>
      <c r="CG764" s="11">
        <v>0</v>
      </c>
      <c r="CH764" s="20">
        <v>0</v>
      </c>
      <c r="CI764" s="20">
        <v>0</v>
      </c>
      <c r="CJ764" s="20">
        <v>0</v>
      </c>
      <c r="CK764" s="20">
        <v>0.32526500000000003</v>
      </c>
      <c r="CL764" s="20">
        <v>0.33770299999999998</v>
      </c>
      <c r="CM764" s="20">
        <v>2.72331E-2</v>
      </c>
      <c r="CN764" s="20">
        <v>3.4142899999999997E-2</v>
      </c>
      <c r="CO764" s="20">
        <v>6.06861E-2</v>
      </c>
      <c r="CP764" s="20">
        <v>0.161413</v>
      </c>
      <c r="CQ764" s="20">
        <v>0.21295500000000001</v>
      </c>
      <c r="CR764" s="20">
        <v>0.32424999999999998</v>
      </c>
      <c r="CS764" s="20">
        <v>0.246451</v>
      </c>
      <c r="CT764" s="20">
        <v>0.27370299999999997</v>
      </c>
      <c r="CU764" s="20">
        <v>0.47444900000000001</v>
      </c>
      <c r="CV764" s="20">
        <v>0.68932199999999999</v>
      </c>
      <c r="CW764" s="20">
        <v>0.83866600000000002</v>
      </c>
      <c r="CX764" s="20">
        <v>0.92568600000000001</v>
      </c>
      <c r="CY764" s="6" t="s">
        <v>513</v>
      </c>
      <c r="CZ764" s="6" t="s">
        <v>514</v>
      </c>
      <c r="DA764" s="6" t="s">
        <v>136</v>
      </c>
      <c r="DB764" s="6"/>
      <c r="DC764" s="6"/>
      <c r="DD764" s="6"/>
      <c r="DE764" s="6"/>
      <c r="DF764" s="6"/>
      <c r="DG764" s="6"/>
      <c r="DH764" s="6" t="s">
        <v>333</v>
      </c>
      <c r="DI764" s="6"/>
      <c r="DJ764" s="6"/>
      <c r="DK764" s="6"/>
      <c r="DL764" s="6">
        <v>7</v>
      </c>
      <c r="DM764" s="6" t="s">
        <v>485</v>
      </c>
      <c r="DN764" s="6">
        <v>8</v>
      </c>
      <c r="DO764" s="6" t="s">
        <v>486</v>
      </c>
      <c r="DP764" s="6"/>
      <c r="DQ764" s="6"/>
    </row>
    <row r="765" spans="1:121" x14ac:dyDescent="0.2">
      <c r="A765" s="6" t="s">
        <v>312</v>
      </c>
      <c r="B765" s="6" t="s">
        <v>312</v>
      </c>
      <c r="C765" s="6" t="s">
        <v>175</v>
      </c>
      <c r="D765" s="6" t="s">
        <v>136</v>
      </c>
      <c r="E765" s="6" t="s">
        <v>277</v>
      </c>
      <c r="F765" s="11">
        <v>19</v>
      </c>
      <c r="G765" s="13">
        <v>0.18627450980400001</v>
      </c>
      <c r="H765" s="11">
        <v>64.960827809999998</v>
      </c>
      <c r="I765" s="13">
        <v>0.6363337927282493</v>
      </c>
      <c r="J765" s="11">
        <v>47.092857924000015</v>
      </c>
      <c r="K765" s="13">
        <v>0.28191396162990057</v>
      </c>
      <c r="L765" s="11">
        <v>-92.833377038000009</v>
      </c>
      <c r="M765" s="13">
        <v>-0.43351767516222289</v>
      </c>
      <c r="N765" s="11">
        <v>-45.740519113999994</v>
      </c>
      <c r="O765" s="13">
        <v>-0.27381839877388886</v>
      </c>
      <c r="P765" s="7">
        <v>102.08608839</v>
      </c>
      <c r="Q765" s="7">
        <v>102.462320276</v>
      </c>
      <c r="R765" s="7">
        <v>112.69448183999999</v>
      </c>
      <c r="S765" s="7">
        <v>120.665070437</v>
      </c>
      <c r="T765" s="7">
        <v>116.389493444</v>
      </c>
      <c r="U765" s="7">
        <v>125.84223104199999</v>
      </c>
      <c r="V765" s="7">
        <v>167.0469162</v>
      </c>
      <c r="W765" s="7">
        <v>157.06655481799999</v>
      </c>
      <c r="X765" s="7">
        <v>218.09892295500001</v>
      </c>
      <c r="Y765" s="7">
        <v>214.13977412400001</v>
      </c>
      <c r="Z765" s="7">
        <v>139.49241270499999</v>
      </c>
      <c r="AA765" s="7">
        <v>147.00362856300001</v>
      </c>
      <c r="AB765" s="7">
        <v>127.371279954</v>
      </c>
      <c r="AC765" s="7">
        <v>123.472220769</v>
      </c>
      <c r="AD765" s="7">
        <v>119.943999957</v>
      </c>
      <c r="AE765" s="7">
        <v>121.559564396</v>
      </c>
      <c r="AF765" s="7">
        <v>121.306397086</v>
      </c>
      <c r="AG765" s="9">
        <v>3498.7211682999987</v>
      </c>
      <c r="AH765" s="13">
        <v>0.17107281393588267</v>
      </c>
      <c r="AI765" s="9">
        <v>15326.1742495</v>
      </c>
      <c r="AJ765" s="13">
        <v>0.74938574113569234</v>
      </c>
      <c r="AK765" s="9">
        <v>14165.675125100002</v>
      </c>
      <c r="AL765" s="13">
        <v>0.39593451424393322</v>
      </c>
      <c r="AM765" s="9">
        <v>-25993.128206300004</v>
      </c>
      <c r="AN765" s="13">
        <v>-0.5204506888482523</v>
      </c>
      <c r="AO765" s="9">
        <v>-11827.453081200001</v>
      </c>
      <c r="AP765" s="13">
        <v>-0.33058056528137231</v>
      </c>
      <c r="AQ765" s="9">
        <v>20451.6491417</v>
      </c>
      <c r="AR765" s="9">
        <v>22059.925615600001</v>
      </c>
      <c r="AS765" s="9">
        <v>22801.8869032</v>
      </c>
      <c r="AT765" s="9">
        <v>23080.8177971</v>
      </c>
      <c r="AU765" s="9">
        <v>24135.312198799998</v>
      </c>
      <c r="AV765" s="9">
        <v>26807.492304700001</v>
      </c>
      <c r="AW765" s="9">
        <v>35777.8233912</v>
      </c>
      <c r="AX765" s="9">
        <v>33224.230009300001</v>
      </c>
      <c r="AY765" s="9">
        <v>49608.040151699999</v>
      </c>
      <c r="AZ765" s="9">
        <v>49943.498516300002</v>
      </c>
      <c r="BA765" s="9">
        <v>23766.284112500001</v>
      </c>
      <c r="BB765" s="9">
        <v>23942.609592100001</v>
      </c>
      <c r="BC765" s="9">
        <v>24544.404198699998</v>
      </c>
      <c r="BD765" s="9">
        <v>25080.266095300001</v>
      </c>
      <c r="BE765" s="9">
        <v>23623.706057700001</v>
      </c>
      <c r="BF765" s="9">
        <v>23950.370309999998</v>
      </c>
      <c r="BG765" s="11">
        <v>3.5</v>
      </c>
      <c r="BH765" s="13">
        <v>0.19444444444444445</v>
      </c>
      <c r="BI765" s="6">
        <v>0</v>
      </c>
      <c r="BJ765" s="13">
        <v>0</v>
      </c>
      <c r="BK765" s="6">
        <v>9</v>
      </c>
      <c r="BL765" s="13">
        <v>0.5</v>
      </c>
      <c r="BM765" s="11">
        <v>-5.5</v>
      </c>
      <c r="BN765" s="13">
        <v>-0.20370370370370369</v>
      </c>
      <c r="BO765" s="11">
        <v>3.5</v>
      </c>
      <c r="BP765" s="13">
        <v>0.19444444444444445</v>
      </c>
      <c r="BQ765" s="6">
        <v>18</v>
      </c>
      <c r="BR765" s="6">
        <v>14</v>
      </c>
      <c r="BS765" s="6">
        <v>15</v>
      </c>
      <c r="BT765" s="6">
        <v>18</v>
      </c>
      <c r="BU765" s="6">
        <v>20</v>
      </c>
      <c r="BV765" s="6">
        <v>23</v>
      </c>
      <c r="BW765" s="6">
        <v>27</v>
      </c>
      <c r="BX765" s="6">
        <v>24</v>
      </c>
      <c r="BY765" s="6">
        <v>23</v>
      </c>
      <c r="BZ765" s="6">
        <v>23</v>
      </c>
      <c r="CA765" s="6">
        <v>24</v>
      </c>
      <c r="CB765" s="6">
        <v>21</v>
      </c>
      <c r="CC765" s="11">
        <v>21.5</v>
      </c>
      <c r="CD765" s="11">
        <v>20.426300000000001</v>
      </c>
      <c r="CE765" s="11">
        <v>-12.3652</v>
      </c>
      <c r="CF765" s="11">
        <v>11.1592</v>
      </c>
      <c r="CG765" s="11">
        <v>-1</v>
      </c>
      <c r="CH765" s="20">
        <v>0.62729400000000002</v>
      </c>
      <c r="CI765" s="20">
        <v>0.63804899999999998</v>
      </c>
      <c r="CJ765" s="20">
        <v>0.68863300000000005</v>
      </c>
      <c r="CK765" s="20">
        <v>0.76556800000000003</v>
      </c>
      <c r="CL765" s="20">
        <v>0.73270500000000005</v>
      </c>
      <c r="CM765" s="20">
        <v>0.74669200000000002</v>
      </c>
      <c r="CN765" s="20">
        <v>0.98726000000000003</v>
      </c>
      <c r="CO765" s="20">
        <v>0.97194100000000005</v>
      </c>
      <c r="CP765" s="20">
        <v>1.42761</v>
      </c>
      <c r="CQ765" s="20">
        <v>1.49353</v>
      </c>
      <c r="CR765" s="20">
        <v>1.00512</v>
      </c>
      <c r="CS765" s="20">
        <v>1.04579</v>
      </c>
      <c r="CT765" s="20">
        <v>0.90911799999999998</v>
      </c>
      <c r="CU765" s="20">
        <v>0.86967000000000005</v>
      </c>
      <c r="CV765" s="20">
        <v>0.83306500000000006</v>
      </c>
      <c r="CW765" s="20">
        <v>0.84383399999999997</v>
      </c>
      <c r="CX765" s="20">
        <v>0.83399100000000004</v>
      </c>
      <c r="CY765" s="6" t="s">
        <v>513</v>
      </c>
      <c r="CZ765" s="6" t="s">
        <v>514</v>
      </c>
      <c r="DA765" s="6" t="s">
        <v>136</v>
      </c>
      <c r="DB765" s="6"/>
      <c r="DC765" s="6"/>
      <c r="DD765" s="6"/>
      <c r="DE765" s="6"/>
      <c r="DF765" s="6"/>
      <c r="DG765" s="6"/>
      <c r="DH765" s="6" t="s">
        <v>333</v>
      </c>
      <c r="DI765" s="6"/>
      <c r="DJ765" s="6"/>
      <c r="DK765" s="6"/>
      <c r="DL765" s="6">
        <v>7</v>
      </c>
      <c r="DM765" s="6" t="s">
        <v>485</v>
      </c>
      <c r="DN765" s="6">
        <v>8</v>
      </c>
      <c r="DO765" s="6" t="s">
        <v>486</v>
      </c>
      <c r="DP765" s="6"/>
      <c r="DQ765" s="6"/>
    </row>
    <row r="766" spans="1:121" x14ac:dyDescent="0.2">
      <c r="A766" s="6" t="s">
        <v>792</v>
      </c>
      <c r="B766" s="6" t="s">
        <v>176</v>
      </c>
      <c r="C766" s="6" t="s">
        <v>177</v>
      </c>
      <c r="D766" s="6" t="s">
        <v>136</v>
      </c>
      <c r="E766" s="6" t="s">
        <v>277</v>
      </c>
      <c r="F766" s="11">
        <v>-119</v>
      </c>
      <c r="G766" s="13">
        <v>-0.37421383647799999</v>
      </c>
      <c r="H766" s="11">
        <v>-75.062421916999966</v>
      </c>
      <c r="I766" s="13">
        <v>-0.23581191730072973</v>
      </c>
      <c r="J766" s="11">
        <v>-45.204521835999998</v>
      </c>
      <c r="K766" s="13">
        <v>-0.1858338375837052</v>
      </c>
      <c r="L766" s="11">
        <v>0.5861129899999753</v>
      </c>
      <c r="M766" s="13">
        <v>2.9594514092611498E-3</v>
      </c>
      <c r="N766" s="11">
        <v>-44.618408846000023</v>
      </c>
      <c r="O766" s="13">
        <v>-0.18342435238696955</v>
      </c>
      <c r="P766" s="7">
        <v>318.31479416399998</v>
      </c>
      <c r="Q766" s="7">
        <v>257.60920529999999</v>
      </c>
      <c r="R766" s="7">
        <v>272.81607884599998</v>
      </c>
      <c r="S766" s="7">
        <v>281.40373163800001</v>
      </c>
      <c r="T766" s="7">
        <v>338.22733536599998</v>
      </c>
      <c r="U766" s="7">
        <v>287.16639295499999</v>
      </c>
      <c r="V766" s="7">
        <v>243.25237224700001</v>
      </c>
      <c r="W766" s="7">
        <v>215.872361076</v>
      </c>
      <c r="X766" s="7">
        <v>195.430426517</v>
      </c>
      <c r="Y766" s="7">
        <v>198.04785041100001</v>
      </c>
      <c r="Z766" s="7">
        <v>211.75617591899999</v>
      </c>
      <c r="AA766" s="7">
        <v>195.917555779</v>
      </c>
      <c r="AB766" s="7">
        <v>209.972702967</v>
      </c>
      <c r="AC766" s="7">
        <v>189.98683441700001</v>
      </c>
      <c r="AD766" s="7">
        <v>192.17631810200001</v>
      </c>
      <c r="AE766" s="7">
        <v>202.42936301699999</v>
      </c>
      <c r="AF766" s="7">
        <v>198.63396340099999</v>
      </c>
      <c r="AG766" s="9">
        <v>20750.497339299996</v>
      </c>
      <c r="AH766" s="13">
        <v>0.68409906195355563</v>
      </c>
      <c r="AI766" s="9">
        <v>6170.8255110999962</v>
      </c>
      <c r="AJ766" s="13">
        <v>0.20343878388049208</v>
      </c>
      <c r="AK766" s="9">
        <v>2877.7273948000002</v>
      </c>
      <c r="AL766" s="13">
        <v>7.8834466372601261E-2</v>
      </c>
      <c r="AM766" s="9">
        <v>11701.9444334</v>
      </c>
      <c r="AN766" s="13">
        <v>0.29714587101836298</v>
      </c>
      <c r="AO766" s="9">
        <v>14579.6718282</v>
      </c>
      <c r="AP766" s="13">
        <v>0.39940567356751872</v>
      </c>
      <c r="AQ766" s="9">
        <v>30332.5914233</v>
      </c>
      <c r="AR766" s="9">
        <v>31976.4403313</v>
      </c>
      <c r="AS766" s="9">
        <v>33430.735141700003</v>
      </c>
      <c r="AT766" s="9">
        <v>35287.661340799998</v>
      </c>
      <c r="AU766" s="9">
        <v>36828.7759123</v>
      </c>
      <c r="AV766" s="9">
        <v>35560.904604299998</v>
      </c>
      <c r="AW766" s="9">
        <v>36503.416934399997</v>
      </c>
      <c r="AX766" s="9">
        <v>37896.6400383</v>
      </c>
      <c r="AY766" s="9">
        <v>38372.350854099997</v>
      </c>
      <c r="AZ766" s="9">
        <v>39381.144329199997</v>
      </c>
      <c r="BA766" s="9">
        <v>40446.146644400003</v>
      </c>
      <c r="BB766" s="9">
        <v>40424.688348000003</v>
      </c>
      <c r="BC766" s="9">
        <v>41938.331365799997</v>
      </c>
      <c r="BD766" s="9">
        <v>43398.643330600004</v>
      </c>
      <c r="BE766" s="9">
        <v>49374.134811399999</v>
      </c>
      <c r="BF766" s="9">
        <v>51083.088762599997</v>
      </c>
      <c r="BG766" s="11">
        <v>-4</v>
      </c>
      <c r="BH766" s="13">
        <v>-0.4</v>
      </c>
      <c r="BI766" s="6">
        <v>-1</v>
      </c>
      <c r="BJ766" s="13">
        <v>-0.1</v>
      </c>
      <c r="BK766" s="6">
        <v>-1</v>
      </c>
      <c r="BL766" s="13">
        <v>-0.1111111111111111</v>
      </c>
      <c r="BM766" s="11">
        <v>-2</v>
      </c>
      <c r="BN766" s="13">
        <v>-0.25</v>
      </c>
      <c r="BO766" s="11">
        <v>-3</v>
      </c>
      <c r="BP766" s="13">
        <v>-0.33333333333333331</v>
      </c>
      <c r="BQ766" s="6">
        <v>10</v>
      </c>
      <c r="BR766" s="6">
        <v>8</v>
      </c>
      <c r="BS766" s="6">
        <v>9</v>
      </c>
      <c r="BT766" s="6">
        <v>9</v>
      </c>
      <c r="BU766" s="6">
        <v>9</v>
      </c>
      <c r="BV766" s="6">
        <v>9</v>
      </c>
      <c r="BW766" s="6">
        <v>8</v>
      </c>
      <c r="BX766" s="6">
        <v>8</v>
      </c>
      <c r="BY766" s="6">
        <v>7</v>
      </c>
      <c r="BZ766" s="6">
        <v>7</v>
      </c>
      <c r="CA766" s="6">
        <v>6</v>
      </c>
      <c r="CB766" s="6">
        <v>6</v>
      </c>
      <c r="CC766" s="11">
        <v>6</v>
      </c>
      <c r="CD766" s="11">
        <v>-42.118400000000001</v>
      </c>
      <c r="CE766" s="11">
        <v>-112.358</v>
      </c>
      <c r="CF766" s="11">
        <v>34.7956</v>
      </c>
      <c r="CG766" s="11">
        <v>-77</v>
      </c>
      <c r="CH766" s="20">
        <v>1.0216799999999999</v>
      </c>
      <c r="CI766" s="20">
        <v>0.89544699999999999</v>
      </c>
      <c r="CJ766" s="20">
        <v>0.99472700000000003</v>
      </c>
      <c r="CK766" s="20">
        <v>1.12836</v>
      </c>
      <c r="CL766" s="20">
        <v>1.4170100000000001</v>
      </c>
      <c r="CM766" s="20">
        <v>1.1885699999999999</v>
      </c>
      <c r="CN766" s="20">
        <v>1.0152699999999999</v>
      </c>
      <c r="CO766" s="20">
        <v>0.92299699999999996</v>
      </c>
      <c r="CP766" s="20">
        <v>0.87083600000000005</v>
      </c>
      <c r="CQ766" s="20">
        <v>0.88954299999999997</v>
      </c>
      <c r="CR766" s="20">
        <v>0.95335300000000001</v>
      </c>
      <c r="CS766" s="20">
        <v>0.86459699999999995</v>
      </c>
      <c r="CT766" s="20">
        <v>0.94432099999999997</v>
      </c>
      <c r="CU766" s="20">
        <v>0.86383900000000002</v>
      </c>
      <c r="CV766" s="20">
        <v>0.88577399999999995</v>
      </c>
      <c r="CW766" s="20">
        <v>0.95287599999999995</v>
      </c>
      <c r="CX766" s="20">
        <v>0.93198999999999999</v>
      </c>
      <c r="CY766" s="6" t="s">
        <v>513</v>
      </c>
      <c r="CZ766" s="6" t="s">
        <v>514</v>
      </c>
      <c r="DA766" s="6" t="s">
        <v>136</v>
      </c>
      <c r="DB766" s="6"/>
      <c r="DC766" s="6"/>
      <c r="DD766" s="6"/>
      <c r="DE766" s="6"/>
      <c r="DF766" s="6"/>
      <c r="DG766" s="6"/>
      <c r="DH766" s="6" t="s">
        <v>333</v>
      </c>
      <c r="DI766" s="6"/>
      <c r="DJ766" s="6"/>
      <c r="DK766" s="6"/>
      <c r="DL766" s="6">
        <v>7</v>
      </c>
      <c r="DM766" s="6" t="s">
        <v>485</v>
      </c>
      <c r="DN766" s="6">
        <v>8</v>
      </c>
      <c r="DO766" s="6" t="s">
        <v>486</v>
      </c>
      <c r="DP766" s="6"/>
      <c r="DQ766" s="6"/>
    </row>
    <row r="767" spans="1:121" x14ac:dyDescent="0.2">
      <c r="A767" s="6" t="s">
        <v>313</v>
      </c>
      <c r="B767" s="6" t="s">
        <v>313</v>
      </c>
      <c r="C767" s="6" t="s">
        <v>178</v>
      </c>
      <c r="D767" s="6" t="s">
        <v>136</v>
      </c>
      <c r="E767" s="6" t="s">
        <v>277</v>
      </c>
      <c r="F767" s="11">
        <v>44</v>
      </c>
      <c r="G767" s="13">
        <v>0.43137254902</v>
      </c>
      <c r="H767" s="11">
        <v>-24.315200868800005</v>
      </c>
      <c r="I767" s="13">
        <v>-0.23953978376475316</v>
      </c>
      <c r="J767" s="11">
        <v>30.208671539800008</v>
      </c>
      <c r="K767" s="13">
        <v>0.391340612083171</v>
      </c>
      <c r="L767" s="11">
        <v>39.037075343999987</v>
      </c>
      <c r="M767" s="13">
        <v>0.36346877201307343</v>
      </c>
      <c r="N767" s="11">
        <v>69.245746883799995</v>
      </c>
      <c r="O767" s="13">
        <v>0.897049475808959</v>
      </c>
      <c r="P767" s="7">
        <v>101.507985382</v>
      </c>
      <c r="Q767" s="7">
        <v>102.98297013200001</v>
      </c>
      <c r="R767" s="7">
        <v>122.58262926800001</v>
      </c>
      <c r="S767" s="7">
        <v>142.86492715200001</v>
      </c>
      <c r="T767" s="7">
        <v>63.951851112500002</v>
      </c>
      <c r="U767" s="7">
        <v>63.625270387999997</v>
      </c>
      <c r="V767" s="7">
        <v>77.192784513199996</v>
      </c>
      <c r="W767" s="7">
        <v>85.572531937400001</v>
      </c>
      <c r="X767" s="7">
        <v>90.982929551500007</v>
      </c>
      <c r="Y767" s="7">
        <v>107.401456053</v>
      </c>
      <c r="Z767" s="7">
        <v>107.51837276099999</v>
      </c>
      <c r="AA767" s="7">
        <v>105.334478484</v>
      </c>
      <c r="AB767" s="7">
        <v>108.730077932</v>
      </c>
      <c r="AC767" s="7">
        <v>133.159430302</v>
      </c>
      <c r="AD767" s="7">
        <v>144.89029551300001</v>
      </c>
      <c r="AE767" s="7">
        <v>137.90926337100001</v>
      </c>
      <c r="AF767" s="7">
        <v>146.43853139699999</v>
      </c>
      <c r="AG767" s="9">
        <v>49879.625307299997</v>
      </c>
      <c r="AH767" s="13">
        <v>1.6569640528107541</v>
      </c>
      <c r="AI767" s="9">
        <v>9621.2575660000002</v>
      </c>
      <c r="AJ767" s="13">
        <v>0.31961102016061721</v>
      </c>
      <c r="AK767" s="9">
        <v>6804.2338641999959</v>
      </c>
      <c r="AL767" s="13">
        <v>0.1712865265625666</v>
      </c>
      <c r="AM767" s="9">
        <v>33454.133877100001</v>
      </c>
      <c r="AN767" s="13">
        <v>0.71900285271941367</v>
      </c>
      <c r="AO767" s="9">
        <v>40258.367741299997</v>
      </c>
      <c r="AP767" s="13">
        <v>1.0134448805128653</v>
      </c>
      <c r="AQ767" s="9">
        <v>30103.021983300001</v>
      </c>
      <c r="AR767" s="9">
        <v>32730.949373300002</v>
      </c>
      <c r="AS767" s="9">
        <v>33550.084190599999</v>
      </c>
      <c r="AT767" s="9">
        <v>30505.941689300002</v>
      </c>
      <c r="AU767" s="9">
        <v>35526.547038299999</v>
      </c>
      <c r="AV767" s="9">
        <v>50486.2491477</v>
      </c>
      <c r="AW767" s="9">
        <v>39724.279549300001</v>
      </c>
      <c r="AX767" s="9">
        <v>39443.2959443</v>
      </c>
      <c r="AY767" s="9">
        <v>39975.715882900004</v>
      </c>
      <c r="AZ767" s="9">
        <v>46528.513413499997</v>
      </c>
      <c r="BA767" s="9">
        <v>50188.125651200004</v>
      </c>
      <c r="BB767" s="9">
        <v>58541.136713200001</v>
      </c>
      <c r="BC767" s="9">
        <v>70384.490038999997</v>
      </c>
      <c r="BD767" s="9">
        <v>65041.330550799998</v>
      </c>
      <c r="BE767" s="9">
        <v>75947.767186099998</v>
      </c>
      <c r="BF767" s="9">
        <v>79982.647290599998</v>
      </c>
      <c r="BG767" s="11">
        <v>-2.75</v>
      </c>
      <c r="BH767" s="13">
        <v>-0.18333333333333332</v>
      </c>
      <c r="BI767" s="6">
        <v>-2</v>
      </c>
      <c r="BJ767" s="13">
        <v>-0.13333333333333333</v>
      </c>
      <c r="BK767" s="6">
        <v>2</v>
      </c>
      <c r="BL767" s="13">
        <v>0.15384615384615385</v>
      </c>
      <c r="BM767" s="11">
        <v>-2.75</v>
      </c>
      <c r="BN767" s="13">
        <v>-0.18333333333333332</v>
      </c>
      <c r="BO767" s="11">
        <v>-0.75</v>
      </c>
      <c r="BP767" s="13">
        <v>-5.7692307692307696E-2</v>
      </c>
      <c r="BQ767" s="6">
        <v>15</v>
      </c>
      <c r="BR767" s="6">
        <v>12</v>
      </c>
      <c r="BS767" s="6">
        <v>13</v>
      </c>
      <c r="BT767" s="6">
        <v>13</v>
      </c>
      <c r="BU767" s="6">
        <v>13</v>
      </c>
      <c r="BV767" s="6">
        <v>13</v>
      </c>
      <c r="BW767" s="6">
        <v>15</v>
      </c>
      <c r="BX767" s="6">
        <v>15</v>
      </c>
      <c r="BY767" s="6">
        <v>15</v>
      </c>
      <c r="BZ767" s="6">
        <v>15</v>
      </c>
      <c r="CA767" s="6">
        <v>17</v>
      </c>
      <c r="CB767" s="6">
        <v>15</v>
      </c>
      <c r="CC767" s="11">
        <v>12.25</v>
      </c>
      <c r="CD767" s="11">
        <v>42.134599999999999</v>
      </c>
      <c r="CE767" s="11">
        <v>-8.3000600000000002</v>
      </c>
      <c r="CF767" s="11">
        <v>11.096</v>
      </c>
      <c r="CG767" s="11">
        <v>3</v>
      </c>
      <c r="CH767" s="20">
        <v>0.91498500000000005</v>
      </c>
      <c r="CI767" s="20">
        <v>0.954793</v>
      </c>
      <c r="CJ767" s="20">
        <v>1.1395900000000001</v>
      </c>
      <c r="CK767" s="20">
        <v>1.4260200000000001</v>
      </c>
      <c r="CL767" s="20">
        <v>0.65114499999999997</v>
      </c>
      <c r="CM767" s="20">
        <v>0.62269699999999994</v>
      </c>
      <c r="CN767" s="20">
        <v>0.73486099999999999</v>
      </c>
      <c r="CO767" s="20">
        <v>0.81314399999999998</v>
      </c>
      <c r="CP767" s="20">
        <v>0.85172199999999998</v>
      </c>
      <c r="CQ767" s="20">
        <v>1.00335</v>
      </c>
      <c r="CR767" s="20">
        <v>1.0112300000000001</v>
      </c>
      <c r="CS767" s="20">
        <v>0.96995200000000004</v>
      </c>
      <c r="CT767" s="20">
        <v>1.0145599999999999</v>
      </c>
      <c r="CU767" s="20">
        <v>1.2577499999999999</v>
      </c>
      <c r="CV767" s="20">
        <v>1.38822</v>
      </c>
      <c r="CW767" s="20">
        <v>1.3529199999999999</v>
      </c>
      <c r="CX767" s="20">
        <v>1.4202999999999999</v>
      </c>
      <c r="CY767" s="6" t="s">
        <v>513</v>
      </c>
      <c r="CZ767" s="6" t="s">
        <v>514</v>
      </c>
      <c r="DA767" s="6" t="s">
        <v>136</v>
      </c>
      <c r="DB767" s="6"/>
      <c r="DC767" s="6"/>
      <c r="DD767" s="6"/>
      <c r="DE767" s="6"/>
      <c r="DF767" s="6"/>
      <c r="DG767" s="6"/>
      <c r="DH767" s="6" t="s">
        <v>333</v>
      </c>
      <c r="DI767" s="6"/>
      <c r="DJ767" s="6"/>
      <c r="DK767" s="6"/>
      <c r="DL767" s="6">
        <v>7</v>
      </c>
      <c r="DM767" s="6" t="s">
        <v>485</v>
      </c>
      <c r="DN767" s="6">
        <v>8</v>
      </c>
      <c r="DO767" s="6" t="s">
        <v>486</v>
      </c>
      <c r="DP767" s="6"/>
      <c r="DQ767" s="6"/>
    </row>
    <row r="768" spans="1:121" x14ac:dyDescent="0.2">
      <c r="A768" s="6" t="s">
        <v>793</v>
      </c>
      <c r="B768" s="6" t="s">
        <v>179</v>
      </c>
      <c r="C768" s="6" t="s">
        <v>180</v>
      </c>
      <c r="D768" s="6" t="s">
        <v>136</v>
      </c>
      <c r="E768" s="6" t="s">
        <v>277</v>
      </c>
      <c r="F768" s="11">
        <v>-54</v>
      </c>
      <c r="G768" s="13">
        <v>-0.17</v>
      </c>
      <c r="H768" s="11">
        <v>-33</v>
      </c>
      <c r="I768" s="13">
        <v>-0.10610932475884244</v>
      </c>
      <c r="J768" s="11">
        <v>-22</v>
      </c>
      <c r="K768" s="13">
        <v>-7.9136690647482022E-2</v>
      </c>
      <c r="L768" s="11">
        <v>1</v>
      </c>
      <c r="M768" s="13">
        <v>3.90625E-3</v>
      </c>
      <c r="N768" s="11">
        <v>-21</v>
      </c>
      <c r="O768" s="13">
        <v>-7.5539568345323743E-2</v>
      </c>
      <c r="P768" s="7">
        <v>311</v>
      </c>
      <c r="Q768" s="7">
        <v>318</v>
      </c>
      <c r="R768" s="7">
        <v>313</v>
      </c>
      <c r="S768" s="7">
        <v>317</v>
      </c>
      <c r="T768" s="7">
        <v>288</v>
      </c>
      <c r="U768" s="7">
        <v>305</v>
      </c>
      <c r="V768" s="7">
        <v>278</v>
      </c>
      <c r="W768" s="7">
        <v>267</v>
      </c>
      <c r="X768" s="7">
        <v>256</v>
      </c>
      <c r="Y768" s="7">
        <v>256</v>
      </c>
      <c r="Z768" s="7">
        <v>270</v>
      </c>
      <c r="AA768" s="7">
        <v>274</v>
      </c>
      <c r="AB768" s="7">
        <v>270</v>
      </c>
      <c r="AC768" s="7">
        <v>279</v>
      </c>
      <c r="AD768" s="7">
        <v>270</v>
      </c>
      <c r="AE768" s="7">
        <v>257</v>
      </c>
      <c r="AF768" s="7">
        <v>257</v>
      </c>
      <c r="AG768" s="9">
        <v>10376</v>
      </c>
      <c r="AH768" s="13">
        <v>0.54279137894957108</v>
      </c>
      <c r="AI768" s="9">
        <v>3510</v>
      </c>
      <c r="AJ768" s="13">
        <v>0.18361581920903955</v>
      </c>
      <c r="AK768" s="9">
        <v>1441</v>
      </c>
      <c r="AL768" s="13">
        <v>6.3687792804737908E-2</v>
      </c>
      <c r="AM768" s="9">
        <v>5425</v>
      </c>
      <c r="AN768" s="13">
        <v>0.22541239041010511</v>
      </c>
      <c r="AO768" s="9">
        <v>6866</v>
      </c>
      <c r="AP768" s="13">
        <v>0.30345620083090252</v>
      </c>
      <c r="AQ768" s="9">
        <v>19116</v>
      </c>
      <c r="AR768" s="9">
        <v>20628</v>
      </c>
      <c r="AS768" s="9">
        <v>21418</v>
      </c>
      <c r="AT768" s="9">
        <v>21468</v>
      </c>
      <c r="AU768" s="9">
        <v>21844</v>
      </c>
      <c r="AV768" s="9">
        <v>22059</v>
      </c>
      <c r="AW768" s="9">
        <v>22626</v>
      </c>
      <c r="AX768" s="9">
        <v>24876</v>
      </c>
      <c r="AY768" s="9">
        <v>24116</v>
      </c>
      <c r="AZ768" s="9">
        <v>24067</v>
      </c>
      <c r="BA768" s="9">
        <v>23505</v>
      </c>
      <c r="BB768" s="9">
        <v>25830</v>
      </c>
      <c r="BC768" s="9">
        <v>24535</v>
      </c>
      <c r="BD768" s="9">
        <v>25416</v>
      </c>
      <c r="BE768" s="9">
        <v>28404</v>
      </c>
      <c r="BF768" s="9">
        <v>29492</v>
      </c>
      <c r="BG768" s="11">
        <v>-8</v>
      </c>
      <c r="BH768" s="13">
        <v>-0.2</v>
      </c>
      <c r="BI768" s="6">
        <v>-1</v>
      </c>
      <c r="BJ768" s="13">
        <v>-2.5000000000000001E-2</v>
      </c>
      <c r="BK768" s="6">
        <v>-5</v>
      </c>
      <c r="BL768" s="13">
        <v>-0.12820512820512819</v>
      </c>
      <c r="BM768" s="11">
        <v>-2</v>
      </c>
      <c r="BN768" s="13">
        <v>-5.8823529411764705E-2</v>
      </c>
      <c r="BO768" s="11">
        <v>-7</v>
      </c>
      <c r="BP768" s="13">
        <v>-0.17948717948717949</v>
      </c>
      <c r="BQ768" s="6">
        <v>40</v>
      </c>
      <c r="BR768" s="6">
        <v>38</v>
      </c>
      <c r="BS768" s="6">
        <v>40</v>
      </c>
      <c r="BT768" s="6">
        <v>39</v>
      </c>
      <c r="BU768" s="6">
        <v>35</v>
      </c>
      <c r="BV768" s="6">
        <v>35</v>
      </c>
      <c r="BW768" s="6">
        <v>34</v>
      </c>
      <c r="BX768" s="6">
        <v>35</v>
      </c>
      <c r="BY768" s="6">
        <v>33</v>
      </c>
      <c r="BZ768" s="6">
        <v>34</v>
      </c>
      <c r="CA768" s="6">
        <v>33</v>
      </c>
      <c r="CB768" s="6">
        <v>32</v>
      </c>
      <c r="CC768" s="11">
        <v>32</v>
      </c>
      <c r="CD768" s="11">
        <v>-67</v>
      </c>
      <c r="CE768" s="11">
        <v>-20</v>
      </c>
      <c r="CF768" s="11">
        <v>34</v>
      </c>
      <c r="CG768" s="11">
        <v>14</v>
      </c>
      <c r="CH768" s="20">
        <v>1.04</v>
      </c>
      <c r="CI768" s="20">
        <v>1.08</v>
      </c>
      <c r="CJ768" s="20">
        <v>1.07</v>
      </c>
      <c r="CK768" s="20">
        <v>1.17</v>
      </c>
      <c r="CL768" s="20">
        <v>1.0900000000000001</v>
      </c>
      <c r="CM768" s="20">
        <v>1.1200000000000001</v>
      </c>
      <c r="CN768" s="20">
        <v>1.01</v>
      </c>
      <c r="CO768" s="20">
        <v>0.97</v>
      </c>
      <c r="CP768" s="20">
        <v>0.9</v>
      </c>
      <c r="CQ768" s="20">
        <v>0.89</v>
      </c>
      <c r="CR768" s="20">
        <v>0.94</v>
      </c>
      <c r="CS768" s="20">
        <v>0.95</v>
      </c>
      <c r="CT768" s="20">
        <v>0.95</v>
      </c>
      <c r="CU768" s="20">
        <v>0.98</v>
      </c>
      <c r="CV768" s="20">
        <v>0.96</v>
      </c>
      <c r="CW768" s="20">
        <v>0.92</v>
      </c>
      <c r="CX768" s="20">
        <v>0.91</v>
      </c>
      <c r="CY768" s="6" t="s">
        <v>513</v>
      </c>
      <c r="CZ768" s="6" t="s">
        <v>514</v>
      </c>
      <c r="DA768" s="6" t="s">
        <v>136</v>
      </c>
      <c r="DB768" s="6"/>
      <c r="DC768" s="6"/>
      <c r="DD768" s="6"/>
      <c r="DE768" s="6"/>
      <c r="DF768" s="6"/>
      <c r="DG768" s="6"/>
      <c r="DH768" s="6" t="s">
        <v>333</v>
      </c>
      <c r="DI768" s="6"/>
      <c r="DJ768" s="6"/>
      <c r="DK768" s="6"/>
      <c r="DL768" s="6">
        <v>7</v>
      </c>
      <c r="DM768" s="6" t="s">
        <v>485</v>
      </c>
      <c r="DN768" s="6">
        <v>8</v>
      </c>
      <c r="DO768" s="6" t="s">
        <v>486</v>
      </c>
      <c r="DP768" s="6"/>
      <c r="DQ768" s="6"/>
    </row>
    <row r="769" spans="1:121" x14ac:dyDescent="0.2">
      <c r="A769" s="6" t="s">
        <v>794</v>
      </c>
      <c r="B769" s="6" t="s">
        <v>181</v>
      </c>
      <c r="C769" s="6" t="s">
        <v>182</v>
      </c>
      <c r="D769" s="6" t="s">
        <v>136</v>
      </c>
      <c r="E769" s="6" t="s">
        <v>277</v>
      </c>
      <c r="F769" s="11">
        <v>-26</v>
      </c>
      <c r="G769" s="13">
        <v>-0.29545454545499999</v>
      </c>
      <c r="H769" s="11">
        <v>-16.543826349200003</v>
      </c>
      <c r="I769" s="13">
        <v>-0.1874367908798325</v>
      </c>
      <c r="J769" s="11">
        <v>-2.0297995001999993</v>
      </c>
      <c r="K769" s="13">
        <v>-2.8301852533713191E-2</v>
      </c>
      <c r="L769" s="11">
        <v>-8.0795245085999952</v>
      </c>
      <c r="M769" s="13">
        <v>-0.11593542287546416</v>
      </c>
      <c r="N769" s="11">
        <v>-10.109324008799994</v>
      </c>
      <c r="O769" s="13">
        <v>-0.14095608816752228</v>
      </c>
      <c r="P769" s="7">
        <v>88.2634955045</v>
      </c>
      <c r="Q769" s="7">
        <v>88.187924226700005</v>
      </c>
      <c r="R769" s="7">
        <v>95.477776674899999</v>
      </c>
      <c r="S769" s="7">
        <v>73.566419575799998</v>
      </c>
      <c r="T769" s="7">
        <v>62.139558408200003</v>
      </c>
      <c r="U769" s="7">
        <v>74.290632208100007</v>
      </c>
      <c r="V769" s="7">
        <v>71.719669155299997</v>
      </c>
      <c r="W769" s="7">
        <v>67.745381806400005</v>
      </c>
      <c r="X769" s="7">
        <v>73.186528658900002</v>
      </c>
      <c r="Y769" s="7">
        <v>69.689869655099997</v>
      </c>
      <c r="Z769" s="7">
        <v>70.237438676099998</v>
      </c>
      <c r="AA769" s="7">
        <v>69.559643583400003</v>
      </c>
      <c r="AB769" s="7">
        <v>63.229255793199997</v>
      </c>
      <c r="AC769" s="7">
        <v>56.2631092337</v>
      </c>
      <c r="AD769" s="7">
        <v>60.3571572042</v>
      </c>
      <c r="AE769" s="7">
        <v>63.528219567000001</v>
      </c>
      <c r="AF769" s="7">
        <v>61.610345146500002</v>
      </c>
      <c r="AG769" s="9">
        <v>12732.075150200002</v>
      </c>
      <c r="AH769" s="13">
        <v>0.50370876563499278</v>
      </c>
      <c r="AI769" s="9">
        <v>5101.2229686999999</v>
      </c>
      <c r="AJ769" s="13">
        <v>0.2018155480925187</v>
      </c>
      <c r="AK769" s="9">
        <v>1544.9033244999991</v>
      </c>
      <c r="AL769" s="13">
        <v>5.0856188099908169E-2</v>
      </c>
      <c r="AM769" s="9">
        <v>6085.948857000003</v>
      </c>
      <c r="AN769" s="13">
        <v>0.19064591740112241</v>
      </c>
      <c r="AO769" s="9">
        <v>7630.8521815000022</v>
      </c>
      <c r="AP769" s="13">
        <v>0.25119763013686164</v>
      </c>
      <c r="AQ769" s="9">
        <v>25276.6598853</v>
      </c>
      <c r="AR769" s="9">
        <v>23519.775578699999</v>
      </c>
      <c r="AS769" s="9">
        <v>25680.1934759</v>
      </c>
      <c r="AT769" s="9">
        <v>23923.984750799998</v>
      </c>
      <c r="AU769" s="9">
        <v>25827.593320600001</v>
      </c>
      <c r="AV769" s="9">
        <v>28471.842384399999</v>
      </c>
      <c r="AW769" s="9">
        <v>30377.882853999999</v>
      </c>
      <c r="AX769" s="9">
        <v>32327.865180199999</v>
      </c>
      <c r="AY769" s="9">
        <v>32537.885194999999</v>
      </c>
      <c r="AZ769" s="9">
        <v>31922.786178499999</v>
      </c>
      <c r="BA769" s="9">
        <v>34173.1581228</v>
      </c>
      <c r="BB769" s="9">
        <v>33471.961951099998</v>
      </c>
      <c r="BC769" s="9">
        <v>34578.095498399998</v>
      </c>
      <c r="BD769" s="9">
        <v>34027.154137500002</v>
      </c>
      <c r="BE769" s="9">
        <v>37925.617913800001</v>
      </c>
      <c r="BF769" s="9">
        <v>38008.735035500002</v>
      </c>
      <c r="BG769" s="11">
        <v>1</v>
      </c>
      <c r="BH769" s="13">
        <v>0.1</v>
      </c>
      <c r="BI769" s="6">
        <v>2</v>
      </c>
      <c r="BJ769" s="13">
        <v>0.2</v>
      </c>
      <c r="BK769" s="6">
        <v>0</v>
      </c>
      <c r="BL769" s="13">
        <v>0</v>
      </c>
      <c r="BM769" s="11">
        <v>-1</v>
      </c>
      <c r="BN769" s="13">
        <v>-8.3333333333333329E-2</v>
      </c>
      <c r="BO769" s="11">
        <v>-1</v>
      </c>
      <c r="BP769" s="13">
        <v>-8.3333333333333329E-2</v>
      </c>
      <c r="BQ769" s="6">
        <v>10</v>
      </c>
      <c r="BR769" s="6">
        <v>10</v>
      </c>
      <c r="BS769" s="6">
        <v>11</v>
      </c>
      <c r="BT769" s="6">
        <v>12</v>
      </c>
      <c r="BU769" s="6">
        <v>13</v>
      </c>
      <c r="BV769" s="6">
        <v>14</v>
      </c>
      <c r="BW769" s="6">
        <v>12</v>
      </c>
      <c r="BX769" s="6">
        <v>12</v>
      </c>
      <c r="BY769" s="6">
        <v>13</v>
      </c>
      <c r="BZ769" s="6">
        <v>11</v>
      </c>
      <c r="CA769" s="6">
        <v>11</v>
      </c>
      <c r="CB769" s="6">
        <v>10</v>
      </c>
      <c r="CC769" s="11">
        <v>11</v>
      </c>
      <c r="CD769" s="11">
        <v>-41.864699999999999</v>
      </c>
      <c r="CE769" s="11">
        <v>5.5632799999999998</v>
      </c>
      <c r="CF769" s="11">
        <v>9.6482600000000005</v>
      </c>
      <c r="CG769" s="11">
        <v>16</v>
      </c>
      <c r="CH769" s="20">
        <v>1.00505</v>
      </c>
      <c r="CI769" s="20">
        <v>1.0416300000000001</v>
      </c>
      <c r="CJ769" s="20">
        <v>1.13317</v>
      </c>
      <c r="CK769" s="20">
        <v>0.92843100000000001</v>
      </c>
      <c r="CL769" s="20">
        <v>0.79515899999999995</v>
      </c>
      <c r="CM769" s="20">
        <v>0.91115500000000005</v>
      </c>
      <c r="CN769" s="20">
        <v>0.853773</v>
      </c>
      <c r="CO769" s="20">
        <v>0.80507300000000004</v>
      </c>
      <c r="CP769" s="20">
        <v>0.85432600000000003</v>
      </c>
      <c r="CQ769" s="20">
        <v>0.80693400000000004</v>
      </c>
      <c r="CR769" s="20">
        <v>0.80815400000000004</v>
      </c>
      <c r="CS769" s="20">
        <v>0.78054699999999999</v>
      </c>
      <c r="CT769" s="20">
        <v>0.71465000000000001</v>
      </c>
      <c r="CU769" s="20">
        <v>0.62937100000000001</v>
      </c>
      <c r="CV769" s="20">
        <v>0.66142100000000004</v>
      </c>
      <c r="CW769" s="20">
        <v>0.69459099999999996</v>
      </c>
      <c r="CX769" s="20">
        <v>0.66163099999999997</v>
      </c>
      <c r="CY769" s="6" t="s">
        <v>513</v>
      </c>
      <c r="CZ769" s="6" t="s">
        <v>514</v>
      </c>
      <c r="DA769" s="6" t="s">
        <v>136</v>
      </c>
      <c r="DB769" s="6"/>
      <c r="DC769" s="6"/>
      <c r="DD769" s="6"/>
      <c r="DE769" s="6"/>
      <c r="DF769" s="6"/>
      <c r="DG769" s="6"/>
      <c r="DH769" s="6" t="s">
        <v>333</v>
      </c>
      <c r="DI769" s="6"/>
      <c r="DJ769" s="6"/>
      <c r="DK769" s="6"/>
      <c r="DL769" s="6">
        <v>7</v>
      </c>
      <c r="DM769" s="6" t="s">
        <v>485</v>
      </c>
      <c r="DN769" s="6">
        <v>8</v>
      </c>
      <c r="DO769" s="6" t="s">
        <v>486</v>
      </c>
      <c r="DP769" s="6"/>
      <c r="DQ769" s="6"/>
    </row>
    <row r="770" spans="1:121" x14ac:dyDescent="0.2">
      <c r="A770" s="6" t="s">
        <v>314</v>
      </c>
      <c r="B770" s="6" t="s">
        <v>314</v>
      </c>
      <c r="C770" s="6" t="s">
        <v>183</v>
      </c>
      <c r="D770" s="6" t="s">
        <v>136</v>
      </c>
      <c r="E770" s="6" t="s">
        <v>277</v>
      </c>
      <c r="F770" s="11">
        <v>1</v>
      </c>
      <c r="G770" s="13">
        <v>1</v>
      </c>
      <c r="H770" s="11">
        <v>9.0940150021000008</v>
      </c>
      <c r="I770" s="13">
        <v>1.81880300042</v>
      </c>
      <c r="J770" s="11">
        <v>1.4061256106999984</v>
      </c>
      <c r="K770" s="13">
        <v>9.9767568751025631E-2</v>
      </c>
      <c r="L770" s="11">
        <v>-10.500140612799999</v>
      </c>
      <c r="M770" s="13">
        <v>-0.67742228119717796</v>
      </c>
      <c r="N770" s="11">
        <v>-9.0940150021000008</v>
      </c>
      <c r="O770" s="13">
        <v>-0.64523948645896834</v>
      </c>
      <c r="P770" s="7">
        <v>5</v>
      </c>
      <c r="Q770" s="7">
        <v>5</v>
      </c>
      <c r="R770" s="7">
        <v>5</v>
      </c>
      <c r="S770" s="7">
        <v>5</v>
      </c>
      <c r="T770" s="7">
        <v>5</v>
      </c>
      <c r="U770" s="7">
        <v>13.0584485388</v>
      </c>
      <c r="V770" s="7">
        <v>14.094015002100001</v>
      </c>
      <c r="W770" s="7">
        <v>14.0890370531</v>
      </c>
      <c r="X770" s="7">
        <v>14.686919037199999</v>
      </c>
      <c r="Y770" s="7">
        <v>15.500140612799999</v>
      </c>
      <c r="Z770" s="7">
        <v>14.025708</v>
      </c>
      <c r="AA770" s="7">
        <v>10.996397</v>
      </c>
      <c r="AB770" s="7">
        <v>11.9320069948</v>
      </c>
      <c r="AC770" s="7">
        <v>10.473126215400001</v>
      </c>
      <c r="AD770" s="7">
        <v>5</v>
      </c>
      <c r="AE770" s="7">
        <v>5</v>
      </c>
      <c r="AF770" s="7">
        <v>5</v>
      </c>
      <c r="AG770" s="9">
        <v>0</v>
      </c>
      <c r="AH770" s="13">
        <v>0</v>
      </c>
      <c r="AI770" s="9">
        <v>17941.828093200002</v>
      </c>
      <c r="AJ770" s="13">
        <v>17941.828093200002</v>
      </c>
      <c r="AK770" s="9">
        <v>-2998.305812200002</v>
      </c>
      <c r="AL770" s="13">
        <v>-0.16710330147655508</v>
      </c>
      <c r="AM770" s="9">
        <v>-14943.522281</v>
      </c>
      <c r="AN770" s="13">
        <v>-0.99993308585037388</v>
      </c>
      <c r="AO770" s="9">
        <v>-17941.828093200002</v>
      </c>
      <c r="AP770" s="13">
        <v>-0.99994426742569198</v>
      </c>
      <c r="AQ770" s="9">
        <v>1</v>
      </c>
      <c r="AR770" s="9">
        <v>1</v>
      </c>
      <c r="AS770" s="9">
        <v>1</v>
      </c>
      <c r="AT770" s="9">
        <v>1</v>
      </c>
      <c r="AU770" s="9">
        <v>1</v>
      </c>
      <c r="AV770" s="9">
        <v>26111.885605200001</v>
      </c>
      <c r="AW770" s="9">
        <v>17942.828093200002</v>
      </c>
      <c r="AX770" s="9">
        <v>16532.5358891</v>
      </c>
      <c r="AY770" s="9">
        <v>16545.479060500002</v>
      </c>
      <c r="AZ770" s="9">
        <v>14944.522281</v>
      </c>
      <c r="BA770" s="9">
        <v>14632.748373500001</v>
      </c>
      <c r="BB770" s="9">
        <v>15166.5890447</v>
      </c>
      <c r="BC770" s="9">
        <v>13844.490534799999</v>
      </c>
      <c r="BD770" s="9">
        <v>23154.222872900002</v>
      </c>
      <c r="BE770" s="9">
        <v>1</v>
      </c>
      <c r="BF770" s="9">
        <v>1</v>
      </c>
      <c r="BG770" s="11">
        <v>-2.5</v>
      </c>
      <c r="BH770" s="13">
        <v>-0.625</v>
      </c>
      <c r="BI770" s="6">
        <v>1</v>
      </c>
      <c r="BJ770" s="13">
        <v>0.25</v>
      </c>
      <c r="BK770" s="6">
        <v>-1</v>
      </c>
      <c r="BL770" s="13">
        <v>-0.2</v>
      </c>
      <c r="BM770" s="11">
        <v>-2.5</v>
      </c>
      <c r="BN770" s="13">
        <v>-0.625</v>
      </c>
      <c r="BO770" s="11">
        <v>-3.5</v>
      </c>
      <c r="BP770" s="13">
        <v>-0.7</v>
      </c>
      <c r="BQ770" s="6">
        <v>4</v>
      </c>
      <c r="BR770" s="6">
        <v>4</v>
      </c>
      <c r="BS770" s="6">
        <v>5</v>
      </c>
      <c r="BT770" s="6">
        <v>5</v>
      </c>
      <c r="BU770" s="6">
        <v>5</v>
      </c>
      <c r="BV770" s="6">
        <v>4</v>
      </c>
      <c r="BW770" s="6">
        <v>4</v>
      </c>
      <c r="BX770" s="6">
        <v>4</v>
      </c>
      <c r="BY770" s="6">
        <v>4</v>
      </c>
      <c r="BZ770" s="6">
        <v>3</v>
      </c>
      <c r="CA770" s="6">
        <v>3</v>
      </c>
      <c r="CB770" s="6">
        <v>3</v>
      </c>
      <c r="CC770" s="11">
        <v>1.5</v>
      </c>
      <c r="CD770" s="11">
        <v>4.3666799999999997</v>
      </c>
      <c r="CE770" s="11">
        <v>-2.0004400000000002</v>
      </c>
      <c r="CF770" s="11">
        <v>0.71393799999999996</v>
      </c>
      <c r="CG770" s="11">
        <v>-1</v>
      </c>
      <c r="CH770" s="20">
        <v>9.4440399999999994E-2</v>
      </c>
      <c r="CI770" s="20">
        <v>0.127079</v>
      </c>
      <c r="CJ770" s="20">
        <v>0.13774800000000001</v>
      </c>
      <c r="CK770" s="20">
        <v>0.15929599999999999</v>
      </c>
      <c r="CL770" s="20">
        <v>0.17863000000000001</v>
      </c>
      <c r="CM770" s="20">
        <v>0.243259</v>
      </c>
      <c r="CN770" s="20">
        <v>0.26067000000000001</v>
      </c>
      <c r="CO770" s="20">
        <v>0.26239099999999999</v>
      </c>
      <c r="CP770" s="20">
        <v>0.26740700000000001</v>
      </c>
      <c r="CQ770" s="20">
        <v>0.287136</v>
      </c>
      <c r="CR770" s="20">
        <v>0.26779599999999998</v>
      </c>
      <c r="CS770" s="20">
        <v>0.208897</v>
      </c>
      <c r="CT770" s="20">
        <v>0.230681</v>
      </c>
      <c r="CU770" s="20">
        <v>0.20469499999999999</v>
      </c>
      <c r="CV770" s="20">
        <v>0.186663</v>
      </c>
      <c r="CW770" s="20">
        <v>0.19204599999999999</v>
      </c>
      <c r="CX770" s="20">
        <v>0.191353</v>
      </c>
      <c r="CY770" s="6" t="s">
        <v>513</v>
      </c>
      <c r="CZ770" s="6" t="s">
        <v>514</v>
      </c>
      <c r="DA770" s="6" t="s">
        <v>136</v>
      </c>
      <c r="DB770" s="6"/>
      <c r="DC770" s="6"/>
      <c r="DD770" s="6"/>
      <c r="DE770" s="6"/>
      <c r="DF770" s="6"/>
      <c r="DG770" s="6"/>
      <c r="DH770" s="6" t="s">
        <v>333</v>
      </c>
      <c r="DI770" s="6"/>
      <c r="DJ770" s="6"/>
      <c r="DK770" s="6"/>
      <c r="DL770" s="6">
        <v>7</v>
      </c>
      <c r="DM770" s="6" t="s">
        <v>485</v>
      </c>
      <c r="DN770" s="6">
        <v>8</v>
      </c>
      <c r="DO770" s="6" t="s">
        <v>486</v>
      </c>
      <c r="DP770" s="6"/>
      <c r="DQ770" s="6"/>
    </row>
    <row r="771" spans="1:121" x14ac:dyDescent="0.2">
      <c r="A771" s="6" t="s">
        <v>315</v>
      </c>
      <c r="B771" s="6" t="s">
        <v>315</v>
      </c>
      <c r="C771" s="6" t="s">
        <v>184</v>
      </c>
      <c r="D771" s="6" t="s">
        <v>136</v>
      </c>
      <c r="E771" s="6" t="s">
        <v>277</v>
      </c>
      <c r="F771" s="11">
        <v>-79</v>
      </c>
      <c r="G771" s="13">
        <v>-0.54</v>
      </c>
      <c r="H771" s="11">
        <v>-74</v>
      </c>
      <c r="I771" s="13">
        <v>-0.50684931506849318</v>
      </c>
      <c r="J771" s="11">
        <v>-6</v>
      </c>
      <c r="K771" s="13">
        <v>-8.3333333333333329E-2</v>
      </c>
      <c r="L771" s="11">
        <v>1</v>
      </c>
      <c r="M771" s="13">
        <v>1.5151515151515152E-2</v>
      </c>
      <c r="N771" s="11">
        <v>-5</v>
      </c>
      <c r="O771" s="13">
        <v>-6.9444444444444448E-2</v>
      </c>
      <c r="P771" s="7">
        <v>146</v>
      </c>
      <c r="Q771" s="7">
        <v>82</v>
      </c>
      <c r="R771" s="7">
        <v>84</v>
      </c>
      <c r="S771" s="7">
        <v>71</v>
      </c>
      <c r="T771" s="7">
        <v>69</v>
      </c>
      <c r="U771" s="7">
        <v>70</v>
      </c>
      <c r="V771" s="7">
        <v>72</v>
      </c>
      <c r="W771" s="7">
        <v>70</v>
      </c>
      <c r="X771" s="7">
        <v>66</v>
      </c>
      <c r="Y771" s="7">
        <v>66</v>
      </c>
      <c r="Z771" s="7">
        <v>86</v>
      </c>
      <c r="AA771" s="7">
        <v>73</v>
      </c>
      <c r="AB771" s="7">
        <v>76</v>
      </c>
      <c r="AC771" s="7">
        <v>61</v>
      </c>
      <c r="AD771" s="7">
        <v>64</v>
      </c>
      <c r="AE771" s="7">
        <v>68</v>
      </c>
      <c r="AF771" s="7">
        <v>67</v>
      </c>
      <c r="AG771" s="9">
        <v>20556</v>
      </c>
      <c r="AH771" s="13">
        <v>0.80177860987596539</v>
      </c>
      <c r="AI771" s="9">
        <v>7792</v>
      </c>
      <c r="AJ771" s="13">
        <v>0.30392386301583585</v>
      </c>
      <c r="AK771" s="9">
        <v>10136</v>
      </c>
      <c r="AL771" s="13">
        <v>0.30320071791803771</v>
      </c>
      <c r="AM771" s="9">
        <v>2628</v>
      </c>
      <c r="AN771" s="13">
        <v>6.0322269659826469E-2</v>
      </c>
      <c r="AO771" s="9">
        <v>12764</v>
      </c>
      <c r="AP771" s="13">
        <v>0.38181274304516893</v>
      </c>
      <c r="AQ771" s="9">
        <v>25638</v>
      </c>
      <c r="AR771" s="9">
        <v>35492</v>
      </c>
      <c r="AS771" s="9">
        <v>35913</v>
      </c>
      <c r="AT771" s="9">
        <v>31998</v>
      </c>
      <c r="AU771" s="9">
        <v>32185</v>
      </c>
      <c r="AV771" s="9">
        <v>32915</v>
      </c>
      <c r="AW771" s="9">
        <v>33430</v>
      </c>
      <c r="AX771" s="9">
        <v>34348</v>
      </c>
      <c r="AY771" s="9">
        <v>42983</v>
      </c>
      <c r="AZ771" s="9">
        <v>43566</v>
      </c>
      <c r="BA771" s="9">
        <v>40825</v>
      </c>
      <c r="BB771" s="9">
        <v>45702</v>
      </c>
      <c r="BC771" s="9">
        <v>77698</v>
      </c>
      <c r="BD771" s="9">
        <v>43115</v>
      </c>
      <c r="BE771" s="9">
        <v>47578</v>
      </c>
      <c r="BF771" s="9">
        <v>46194</v>
      </c>
      <c r="BG771" s="11">
        <v>1</v>
      </c>
      <c r="BH771" s="13">
        <v>6.6666666666666666E-2</v>
      </c>
      <c r="BI771" s="6">
        <v>1</v>
      </c>
      <c r="BJ771" s="13">
        <v>6.6666666666666666E-2</v>
      </c>
      <c r="BK771" s="6">
        <v>-1</v>
      </c>
      <c r="BL771" s="13">
        <v>-6.25E-2</v>
      </c>
      <c r="BM771" s="11">
        <v>1</v>
      </c>
      <c r="BN771" s="13">
        <v>6.6666666666666666E-2</v>
      </c>
      <c r="BO771" s="11">
        <v>0</v>
      </c>
      <c r="BP771" s="13">
        <v>0</v>
      </c>
      <c r="BQ771" s="6">
        <v>15</v>
      </c>
      <c r="BR771" s="6">
        <v>16</v>
      </c>
      <c r="BS771" s="6">
        <v>16</v>
      </c>
      <c r="BT771" s="6">
        <v>16</v>
      </c>
      <c r="BU771" s="6">
        <v>16</v>
      </c>
      <c r="BV771" s="6">
        <v>15</v>
      </c>
      <c r="BW771" s="6">
        <v>15</v>
      </c>
      <c r="BX771" s="6">
        <v>17</v>
      </c>
      <c r="BY771" s="6">
        <v>16</v>
      </c>
      <c r="BZ771" s="6">
        <v>16</v>
      </c>
      <c r="CA771" s="6">
        <v>15</v>
      </c>
      <c r="CB771" s="6">
        <v>15</v>
      </c>
      <c r="CC771" s="11">
        <v>16</v>
      </c>
      <c r="CD771" s="11">
        <v>-84</v>
      </c>
      <c r="CE771" s="11">
        <v>-12</v>
      </c>
      <c r="CF771" s="11">
        <v>16</v>
      </c>
      <c r="CG771" s="11">
        <v>4</v>
      </c>
      <c r="CH771" s="20">
        <v>1.3</v>
      </c>
      <c r="CI771" s="20">
        <v>0.73</v>
      </c>
      <c r="CJ771" s="20">
        <v>0.74</v>
      </c>
      <c r="CK771" s="20">
        <v>0.67</v>
      </c>
      <c r="CL771" s="20">
        <v>0.67</v>
      </c>
      <c r="CM771" s="20">
        <v>0.65</v>
      </c>
      <c r="CN771" s="20">
        <v>0.66</v>
      </c>
      <c r="CO771" s="20">
        <v>0.66</v>
      </c>
      <c r="CP771" s="20">
        <v>0.6</v>
      </c>
      <c r="CQ771" s="20">
        <v>0.59</v>
      </c>
      <c r="CR771" s="20">
        <v>0.79</v>
      </c>
      <c r="CS771" s="20">
        <v>0.66</v>
      </c>
      <c r="CT771" s="20">
        <v>0.71</v>
      </c>
      <c r="CU771" s="20">
        <v>0.57999999999999996</v>
      </c>
      <c r="CV771" s="20">
        <v>0.61</v>
      </c>
      <c r="CW771" s="20">
        <v>0.65</v>
      </c>
      <c r="CX771" s="20">
        <v>0.63</v>
      </c>
      <c r="CY771" s="6" t="s">
        <v>513</v>
      </c>
      <c r="CZ771" s="6" t="s">
        <v>514</v>
      </c>
      <c r="DA771" s="6" t="s">
        <v>136</v>
      </c>
      <c r="DB771" s="6"/>
      <c r="DC771" s="6"/>
      <c r="DD771" s="6"/>
      <c r="DE771" s="6"/>
      <c r="DF771" s="6"/>
      <c r="DG771" s="6"/>
      <c r="DH771" s="6" t="s">
        <v>333</v>
      </c>
      <c r="DI771" s="6"/>
      <c r="DJ771" s="6"/>
      <c r="DK771" s="6"/>
      <c r="DL771" s="6">
        <v>7</v>
      </c>
      <c r="DM771" s="6" t="s">
        <v>485</v>
      </c>
      <c r="DN771" s="6">
        <v>8</v>
      </c>
      <c r="DO771" s="6" t="s">
        <v>486</v>
      </c>
      <c r="DP771" s="6"/>
      <c r="DQ771" s="6"/>
    </row>
    <row r="772" spans="1:121" x14ac:dyDescent="0.2">
      <c r="A772" s="6" t="s">
        <v>316</v>
      </c>
      <c r="B772" s="6" t="s">
        <v>316</v>
      </c>
      <c r="C772" s="6" t="s">
        <v>185</v>
      </c>
      <c r="D772" s="6" t="s">
        <v>136</v>
      </c>
      <c r="E772" s="6" t="s">
        <v>277</v>
      </c>
      <c r="F772" s="11">
        <v>18</v>
      </c>
      <c r="G772" s="13">
        <v>0.45</v>
      </c>
      <c r="H772" s="11">
        <v>-27</v>
      </c>
      <c r="I772" s="13">
        <v>-0.67500000000000004</v>
      </c>
      <c r="J772" s="11">
        <v>-1</v>
      </c>
      <c r="K772" s="13">
        <v>-7.6923076923076927E-2</v>
      </c>
      <c r="L772" s="11">
        <v>46</v>
      </c>
      <c r="M772" s="13">
        <v>3.8333333333333335</v>
      </c>
      <c r="N772" s="11">
        <v>45</v>
      </c>
      <c r="O772" s="13">
        <v>3.4615384615384617</v>
      </c>
      <c r="P772" s="7">
        <v>40</v>
      </c>
      <c r="Q772" s="7">
        <v>17</v>
      </c>
      <c r="R772" s="7">
        <v>5</v>
      </c>
      <c r="S772" s="7">
        <v>5</v>
      </c>
      <c r="T772" s="7">
        <v>10</v>
      </c>
      <c r="U772" s="7">
        <v>14</v>
      </c>
      <c r="V772" s="7">
        <v>13</v>
      </c>
      <c r="W772" s="7">
        <v>16</v>
      </c>
      <c r="X772" s="7">
        <v>12</v>
      </c>
      <c r="Y772" s="7">
        <v>12</v>
      </c>
      <c r="Z772" s="7">
        <v>63</v>
      </c>
      <c r="AA772" s="7">
        <v>72</v>
      </c>
      <c r="AB772" s="7">
        <v>63</v>
      </c>
      <c r="AC772" s="7">
        <v>73</v>
      </c>
      <c r="AD772" s="7">
        <v>58</v>
      </c>
      <c r="AE772" s="7">
        <v>55</v>
      </c>
      <c r="AF772" s="7">
        <v>58</v>
      </c>
      <c r="AG772" s="9">
        <v>6101</v>
      </c>
      <c r="AH772" s="13">
        <v>0.76205345990507123</v>
      </c>
      <c r="AI772" s="9">
        <v>16476</v>
      </c>
      <c r="AJ772" s="13">
        <v>2.0579565326005498</v>
      </c>
      <c r="AK772" s="9">
        <v>-541</v>
      </c>
      <c r="AL772" s="13">
        <v>-2.2097867821256435E-2</v>
      </c>
      <c r="AM772" s="9">
        <v>-9834</v>
      </c>
      <c r="AN772" s="13">
        <v>-0.41075978447015582</v>
      </c>
      <c r="AO772" s="9">
        <v>-10375</v>
      </c>
      <c r="AP772" s="13">
        <v>-0.42378073686790296</v>
      </c>
      <c r="AQ772" s="9">
        <v>8006</v>
      </c>
      <c r="AR772" s="9">
        <v>19508</v>
      </c>
      <c r="AS772" s="9">
        <v>1</v>
      </c>
      <c r="AT772" s="9">
        <v>1</v>
      </c>
      <c r="AU772" s="9">
        <v>22559</v>
      </c>
      <c r="AV772" s="9">
        <v>23460</v>
      </c>
      <c r="AW772" s="9">
        <v>24482</v>
      </c>
      <c r="AX772" s="9">
        <v>24138</v>
      </c>
      <c r="AY772" s="9">
        <v>24551</v>
      </c>
      <c r="AZ772" s="9">
        <v>23941</v>
      </c>
      <c r="BA772" s="9">
        <v>9698</v>
      </c>
      <c r="BB772" s="9">
        <v>9770</v>
      </c>
      <c r="BC772" s="9">
        <v>10493</v>
      </c>
      <c r="BD772" s="9">
        <v>14237</v>
      </c>
      <c r="BE772" s="9">
        <v>12894</v>
      </c>
      <c r="BF772" s="9">
        <v>14107</v>
      </c>
      <c r="BG772" s="11">
        <v>2</v>
      </c>
      <c r="BH772" s="13">
        <v>0.66666666666666663</v>
      </c>
      <c r="BI772" s="6">
        <v>2</v>
      </c>
      <c r="BJ772" s="13">
        <v>0.66666666666666663</v>
      </c>
      <c r="BK772" s="6">
        <v>-1</v>
      </c>
      <c r="BL772" s="13">
        <v>-0.2</v>
      </c>
      <c r="BM772" s="11">
        <v>1</v>
      </c>
      <c r="BN772" s="13">
        <v>0.25</v>
      </c>
      <c r="BO772" s="11">
        <v>0</v>
      </c>
      <c r="BP772" s="13">
        <v>0</v>
      </c>
      <c r="BQ772" s="6">
        <v>3</v>
      </c>
      <c r="BR772" s="6">
        <v>3</v>
      </c>
      <c r="BS772" s="6">
        <v>3</v>
      </c>
      <c r="BT772" s="6">
        <v>5</v>
      </c>
      <c r="BU772" s="6">
        <v>6</v>
      </c>
      <c r="BV772" s="6">
        <v>6</v>
      </c>
      <c r="BW772" s="6">
        <v>4</v>
      </c>
      <c r="BX772" s="6">
        <v>5</v>
      </c>
      <c r="BY772" s="6">
        <v>4</v>
      </c>
      <c r="BZ772" s="6">
        <v>4</v>
      </c>
      <c r="CA772" s="6">
        <v>6</v>
      </c>
      <c r="CB772" s="6">
        <v>5</v>
      </c>
      <c r="CC772" s="11">
        <v>5</v>
      </c>
      <c r="CD772" s="11">
        <v>16</v>
      </c>
      <c r="CE772" s="11">
        <v>-2</v>
      </c>
      <c r="CF772" s="11">
        <v>4</v>
      </c>
      <c r="CG772" s="11">
        <v>2</v>
      </c>
      <c r="CH772" s="20">
        <v>0.86</v>
      </c>
      <c r="CI772" s="20">
        <v>0.36</v>
      </c>
      <c r="CJ772" s="20">
        <v>0.21</v>
      </c>
      <c r="CK772" s="20">
        <v>0.15</v>
      </c>
      <c r="CL772" s="20">
        <v>0.22</v>
      </c>
      <c r="CM772" s="20">
        <v>0.28999999999999998</v>
      </c>
      <c r="CN772" s="20">
        <v>0.28000000000000003</v>
      </c>
      <c r="CO772" s="20">
        <v>0.35</v>
      </c>
      <c r="CP772" s="20">
        <v>0.26</v>
      </c>
      <c r="CQ772" s="20">
        <v>0.27</v>
      </c>
      <c r="CR772" s="20">
        <v>1.42</v>
      </c>
      <c r="CS772" s="20">
        <v>1.6</v>
      </c>
      <c r="CT772" s="20">
        <v>1.42</v>
      </c>
      <c r="CU772" s="20">
        <v>1.64</v>
      </c>
      <c r="CV772" s="20">
        <v>1.29</v>
      </c>
      <c r="CW772" s="20">
        <v>1.24</v>
      </c>
      <c r="CX772" s="20">
        <v>1.3</v>
      </c>
      <c r="CY772" s="6" t="s">
        <v>513</v>
      </c>
      <c r="CZ772" s="6" t="s">
        <v>514</v>
      </c>
      <c r="DA772" s="6" t="s">
        <v>136</v>
      </c>
      <c r="DB772" s="6"/>
      <c r="DC772" s="6"/>
      <c r="DD772" s="6"/>
      <c r="DE772" s="6"/>
      <c r="DF772" s="6"/>
      <c r="DG772" s="6"/>
      <c r="DH772" s="6" t="s">
        <v>333</v>
      </c>
      <c r="DI772" s="6"/>
      <c r="DJ772" s="6"/>
      <c r="DK772" s="6"/>
      <c r="DL772" s="6">
        <v>7</v>
      </c>
      <c r="DM772" s="6" t="s">
        <v>485</v>
      </c>
      <c r="DN772" s="6">
        <v>8</v>
      </c>
      <c r="DO772" s="6" t="s">
        <v>486</v>
      </c>
      <c r="DP772" s="6"/>
      <c r="DQ772" s="6"/>
    </row>
    <row r="773" spans="1:121" x14ac:dyDescent="0.2">
      <c r="A773" s="6" t="s">
        <v>317</v>
      </c>
      <c r="B773" s="6" t="s">
        <v>317</v>
      </c>
      <c r="C773" s="6" t="s">
        <v>186</v>
      </c>
      <c r="D773" s="6" t="s">
        <v>136</v>
      </c>
      <c r="E773" s="6" t="s">
        <v>277</v>
      </c>
      <c r="F773" s="11">
        <v>20</v>
      </c>
      <c r="G773" s="13">
        <v>1</v>
      </c>
      <c r="H773" s="11">
        <v>-5</v>
      </c>
      <c r="I773" s="13">
        <v>-0.25</v>
      </c>
      <c r="J773" s="11">
        <v>-3</v>
      </c>
      <c r="K773" s="13">
        <v>-0.2</v>
      </c>
      <c r="L773" s="11">
        <v>28</v>
      </c>
      <c r="M773" s="13">
        <v>2.3333333333333335</v>
      </c>
      <c r="N773" s="11">
        <v>25</v>
      </c>
      <c r="O773" s="13">
        <v>1.6666666666666667</v>
      </c>
      <c r="P773" s="7">
        <v>20</v>
      </c>
      <c r="Q773" s="7">
        <v>19</v>
      </c>
      <c r="R773" s="7">
        <v>19</v>
      </c>
      <c r="S773" s="7">
        <v>19</v>
      </c>
      <c r="T773" s="7">
        <v>24</v>
      </c>
      <c r="U773" s="7">
        <v>17</v>
      </c>
      <c r="V773" s="7">
        <v>15</v>
      </c>
      <c r="W773" s="7">
        <v>15</v>
      </c>
      <c r="X773" s="7">
        <v>12</v>
      </c>
      <c r="Y773" s="7">
        <v>12</v>
      </c>
      <c r="Z773" s="7">
        <v>15</v>
      </c>
      <c r="AA773" s="7">
        <v>15</v>
      </c>
      <c r="AB773" s="7">
        <v>26</v>
      </c>
      <c r="AC773" s="7">
        <v>28</v>
      </c>
      <c r="AD773" s="7">
        <v>34</v>
      </c>
      <c r="AE773" s="7">
        <v>36</v>
      </c>
      <c r="AF773" s="7">
        <v>40</v>
      </c>
      <c r="AG773" s="9">
        <v>24954</v>
      </c>
      <c r="AH773" s="13">
        <v>1.0868466898954705</v>
      </c>
      <c r="AI773" s="9">
        <v>24753</v>
      </c>
      <c r="AJ773" s="13">
        <v>1.0780923344947737</v>
      </c>
      <c r="AK773" s="9">
        <v>-27948</v>
      </c>
      <c r="AL773" s="13">
        <v>-0.58575231069100664</v>
      </c>
      <c r="AM773" s="9">
        <v>28149</v>
      </c>
      <c r="AN773" s="13">
        <v>1.4241841639261319</v>
      </c>
      <c r="AO773" s="9">
        <v>201</v>
      </c>
      <c r="AP773" s="13">
        <v>4.2126883658541699E-3</v>
      </c>
      <c r="AQ773" s="9">
        <v>22960</v>
      </c>
      <c r="AR773" s="9">
        <v>35887</v>
      </c>
      <c r="AS773" s="9">
        <v>32370</v>
      </c>
      <c r="AT773" s="9">
        <v>27656</v>
      </c>
      <c r="AU773" s="9">
        <v>40519</v>
      </c>
      <c r="AV773" s="9">
        <v>37961</v>
      </c>
      <c r="AW773" s="9">
        <v>47713</v>
      </c>
      <c r="AX773" s="9">
        <v>47785</v>
      </c>
      <c r="AY773" s="9">
        <v>52834</v>
      </c>
      <c r="AZ773" s="9">
        <v>19765</v>
      </c>
      <c r="BA773" s="9">
        <v>20754</v>
      </c>
      <c r="BB773" s="9">
        <v>27689</v>
      </c>
      <c r="BC773" s="9">
        <v>30160</v>
      </c>
      <c r="BD773" s="9">
        <v>30020</v>
      </c>
      <c r="BE773" s="9">
        <v>51514</v>
      </c>
      <c r="BF773" s="9">
        <v>47914</v>
      </c>
      <c r="BG773" s="11">
        <v>1</v>
      </c>
      <c r="BH773" s="13">
        <v>0.14285714285714285</v>
      </c>
      <c r="BI773" s="6">
        <v>0</v>
      </c>
      <c r="BJ773" s="13">
        <v>0</v>
      </c>
      <c r="BK773" s="6">
        <v>0</v>
      </c>
      <c r="BL773" s="13">
        <v>0</v>
      </c>
      <c r="BM773" s="11">
        <v>1</v>
      </c>
      <c r="BN773" s="13">
        <v>0.14285714285714285</v>
      </c>
      <c r="BO773" s="11">
        <v>1</v>
      </c>
      <c r="BP773" s="13">
        <v>0.14285714285714285</v>
      </c>
      <c r="BQ773" s="6">
        <v>7</v>
      </c>
      <c r="BR773" s="6">
        <v>7</v>
      </c>
      <c r="BS773" s="6">
        <v>6</v>
      </c>
      <c r="BT773" s="6">
        <v>7</v>
      </c>
      <c r="BU773" s="6">
        <v>6</v>
      </c>
      <c r="BV773" s="6">
        <v>6</v>
      </c>
      <c r="BW773" s="6">
        <v>7</v>
      </c>
      <c r="BX773" s="6">
        <v>7</v>
      </c>
      <c r="BY773" s="6">
        <v>7</v>
      </c>
      <c r="BZ773" s="6">
        <v>9</v>
      </c>
      <c r="CA773" s="6">
        <v>8</v>
      </c>
      <c r="CB773" s="6">
        <v>7</v>
      </c>
      <c r="CC773" s="11">
        <v>8</v>
      </c>
      <c r="CD773" s="11">
        <v>14</v>
      </c>
      <c r="CE773" s="11">
        <v>4</v>
      </c>
      <c r="CF773" s="11">
        <v>2</v>
      </c>
      <c r="CG773" s="11">
        <v>6</v>
      </c>
      <c r="CH773" s="20">
        <v>0.13</v>
      </c>
      <c r="CI773" s="20">
        <v>0.13</v>
      </c>
      <c r="CJ773" s="20">
        <v>0.13</v>
      </c>
      <c r="CK773" s="20">
        <v>0.14000000000000001</v>
      </c>
      <c r="CL773" s="20">
        <v>0.17</v>
      </c>
      <c r="CM773" s="20">
        <v>0.12</v>
      </c>
      <c r="CN773" s="20">
        <v>0.1</v>
      </c>
      <c r="CO773" s="20">
        <v>0.09</v>
      </c>
      <c r="CP773" s="20">
        <v>7.0000000000000007E-2</v>
      </c>
      <c r="CQ773" s="20">
        <v>7.0000000000000007E-2</v>
      </c>
      <c r="CR773" s="20">
        <v>0.09</v>
      </c>
      <c r="CS773" s="20">
        <v>0.09</v>
      </c>
      <c r="CT773" s="20">
        <v>0.15</v>
      </c>
      <c r="CU773" s="20">
        <v>0.16</v>
      </c>
      <c r="CV773" s="20">
        <v>0.2</v>
      </c>
      <c r="CW773" s="20">
        <v>0.21</v>
      </c>
      <c r="CX773" s="20">
        <v>0.23</v>
      </c>
      <c r="CY773" s="6" t="s">
        <v>513</v>
      </c>
      <c r="CZ773" s="6" t="s">
        <v>514</v>
      </c>
      <c r="DA773" s="6" t="s">
        <v>136</v>
      </c>
      <c r="DB773" s="6"/>
      <c r="DC773" s="6"/>
      <c r="DD773" s="6"/>
      <c r="DE773" s="6"/>
      <c r="DF773" s="6"/>
      <c r="DG773" s="6"/>
      <c r="DH773" s="6" t="s">
        <v>333</v>
      </c>
      <c r="DI773" s="6"/>
      <c r="DJ773" s="6"/>
      <c r="DK773" s="6"/>
      <c r="DL773" s="6">
        <v>7</v>
      </c>
      <c r="DM773" s="6" t="s">
        <v>485</v>
      </c>
      <c r="DN773" s="6">
        <v>8</v>
      </c>
      <c r="DO773" s="6" t="s">
        <v>486</v>
      </c>
      <c r="DP773" s="6"/>
      <c r="DQ773" s="6"/>
    </row>
    <row r="774" spans="1:121" x14ac:dyDescent="0.2">
      <c r="A774" s="6" t="s">
        <v>318</v>
      </c>
      <c r="B774" s="6" t="s">
        <v>318</v>
      </c>
      <c r="C774" s="6" t="s">
        <v>187</v>
      </c>
      <c r="D774" s="6" t="s">
        <v>136</v>
      </c>
      <c r="E774" s="6" t="s">
        <v>277</v>
      </c>
      <c r="F774" s="11">
        <v>0</v>
      </c>
      <c r="G774" s="13">
        <v>0</v>
      </c>
      <c r="H774" s="11">
        <v>14.230387</v>
      </c>
      <c r="I774" s="13"/>
      <c r="J774" s="11">
        <v>-3.8459450000000004</v>
      </c>
      <c r="K774" s="13">
        <v>-0.27026285370875719</v>
      </c>
      <c r="L774" s="11">
        <v>-10.384442</v>
      </c>
      <c r="M774" s="13">
        <v>-1</v>
      </c>
      <c r="N774" s="11">
        <v>-14.230387</v>
      </c>
      <c r="O774" s="13">
        <v>-1</v>
      </c>
      <c r="P774" s="7">
        <v>0</v>
      </c>
      <c r="Q774" s="7">
        <v>0</v>
      </c>
      <c r="R774" s="7">
        <v>0</v>
      </c>
      <c r="S774" s="7">
        <v>0</v>
      </c>
      <c r="T774" s="7">
        <v>5</v>
      </c>
      <c r="U774" s="7">
        <v>5</v>
      </c>
      <c r="V774" s="7">
        <v>14.230387</v>
      </c>
      <c r="W774" s="7">
        <v>15.411155000000001</v>
      </c>
      <c r="X774" s="7">
        <v>14.768841</v>
      </c>
      <c r="Y774" s="7">
        <v>10.384442</v>
      </c>
      <c r="Z774" s="7">
        <v>11.360436999999999</v>
      </c>
      <c r="AA774" s="7">
        <v>11.888287</v>
      </c>
      <c r="AB774" s="7">
        <v>5</v>
      </c>
      <c r="AC774" s="7">
        <v>5</v>
      </c>
      <c r="AD774" s="7">
        <v>0</v>
      </c>
      <c r="AE774" s="7">
        <v>0</v>
      </c>
      <c r="AF774" s="7">
        <v>0</v>
      </c>
      <c r="AG774" s="9">
        <v>0</v>
      </c>
      <c r="AH774" s="13"/>
      <c r="AI774" s="9">
        <v>22395.207573299998</v>
      </c>
      <c r="AJ774" s="13"/>
      <c r="AK774" s="9">
        <v>16266.7263594</v>
      </c>
      <c r="AL774" s="13">
        <v>0.72634854158679485</v>
      </c>
      <c r="AM774" s="9">
        <v>-38661.933932699998</v>
      </c>
      <c r="AN774" s="13">
        <v>-1</v>
      </c>
      <c r="AO774" s="9">
        <v>-22395.207573299998</v>
      </c>
      <c r="AP774" s="13">
        <v>-1</v>
      </c>
      <c r="AQ774" s="9">
        <v>0</v>
      </c>
      <c r="AR774" s="9">
        <v>0</v>
      </c>
      <c r="AS774" s="9">
        <v>0</v>
      </c>
      <c r="AT774" s="9">
        <v>0</v>
      </c>
      <c r="AU774" s="9">
        <v>1</v>
      </c>
      <c r="AV774" s="9">
        <v>1</v>
      </c>
      <c r="AW774" s="9">
        <v>22395.207573299998</v>
      </c>
      <c r="AX774" s="9">
        <v>31741.0542174</v>
      </c>
      <c r="AY774" s="9">
        <v>26676.865991999999</v>
      </c>
      <c r="AZ774" s="9">
        <v>38661.933932699998</v>
      </c>
      <c r="BA774" s="9">
        <v>37112.505292599999</v>
      </c>
      <c r="BB774" s="9">
        <v>39911.381254599997</v>
      </c>
      <c r="BC774" s="9">
        <v>1</v>
      </c>
      <c r="BD774" s="9">
        <v>1</v>
      </c>
      <c r="BE774" s="9">
        <v>0</v>
      </c>
      <c r="BF774" s="9">
        <v>0</v>
      </c>
      <c r="BG774" s="11">
        <v>0</v>
      </c>
      <c r="BH774" s="13" t="e">
        <v>#DIV/0!</v>
      </c>
      <c r="BI774" s="6">
        <v>1</v>
      </c>
      <c r="BJ774" s="13" t="e">
        <v>#DIV/0!</v>
      </c>
      <c r="BK774" s="6">
        <v>0</v>
      </c>
      <c r="BL774" s="13">
        <v>0</v>
      </c>
      <c r="BM774" s="11">
        <v>-1</v>
      </c>
      <c r="BN774" s="13">
        <v>-1</v>
      </c>
      <c r="BO774" s="11">
        <v>-1</v>
      </c>
      <c r="BP774" s="13">
        <v>-1</v>
      </c>
      <c r="BQ774" s="6">
        <v>0</v>
      </c>
      <c r="BR774" s="6">
        <v>0</v>
      </c>
      <c r="BS774" s="6">
        <v>1</v>
      </c>
      <c r="BT774" s="6">
        <v>1</v>
      </c>
      <c r="BU774" s="6">
        <v>1</v>
      </c>
      <c r="BV774" s="6">
        <v>1</v>
      </c>
      <c r="BW774" s="6">
        <v>1</v>
      </c>
      <c r="BX774" s="6">
        <v>1</v>
      </c>
      <c r="BY774" s="6">
        <v>2</v>
      </c>
      <c r="BZ774" s="6">
        <v>1</v>
      </c>
      <c r="CA774" s="6">
        <v>1</v>
      </c>
      <c r="CB774" s="6">
        <v>0</v>
      </c>
      <c r="CC774" s="11">
        <v>0</v>
      </c>
      <c r="CD774" s="11">
        <v>0</v>
      </c>
      <c r="CE774" s="11">
        <v>0</v>
      </c>
      <c r="CF774" s="11">
        <v>0</v>
      </c>
      <c r="CG774" s="11">
        <v>0</v>
      </c>
      <c r="CH774" s="20">
        <v>0</v>
      </c>
      <c r="CI774" s="20">
        <v>0</v>
      </c>
      <c r="CJ774" s="20">
        <v>0</v>
      </c>
      <c r="CK774" s="20">
        <v>0</v>
      </c>
      <c r="CL774" s="20">
        <v>1.6919099999999999E-2</v>
      </c>
      <c r="CM774" s="20">
        <v>0.28721999999999998</v>
      </c>
      <c r="CN774" s="20">
        <v>0.45510699999999998</v>
      </c>
      <c r="CO774" s="20">
        <v>0.47386499999999998</v>
      </c>
      <c r="CP774" s="20">
        <v>0.42756300000000003</v>
      </c>
      <c r="CQ774" s="20">
        <v>0.294545</v>
      </c>
      <c r="CR774" s="20">
        <v>0.31846799999999997</v>
      </c>
      <c r="CS774" s="20">
        <v>0.317577</v>
      </c>
      <c r="CT774" s="20">
        <v>0.190604</v>
      </c>
      <c r="CU774" s="20">
        <v>0.207367</v>
      </c>
      <c r="CV774" s="20">
        <v>0</v>
      </c>
      <c r="CW774" s="20">
        <v>0</v>
      </c>
      <c r="CX774" s="20">
        <v>0</v>
      </c>
      <c r="CY774" s="6" t="s">
        <v>513</v>
      </c>
      <c r="CZ774" s="6" t="s">
        <v>514</v>
      </c>
      <c r="DA774" s="6" t="s">
        <v>136</v>
      </c>
      <c r="DB774" s="6"/>
      <c r="DC774" s="6"/>
      <c r="DD774" s="6"/>
      <c r="DE774" s="6"/>
      <c r="DF774" s="6"/>
      <c r="DG774" s="6"/>
      <c r="DH774" s="6" t="s">
        <v>333</v>
      </c>
      <c r="DI774" s="6"/>
      <c r="DJ774" s="6"/>
      <c r="DK774" s="6"/>
      <c r="DL774" s="6">
        <v>7</v>
      </c>
      <c r="DM774" s="6" t="s">
        <v>485</v>
      </c>
      <c r="DN774" s="6">
        <v>8</v>
      </c>
      <c r="DO774" s="6" t="s">
        <v>486</v>
      </c>
      <c r="DP774" s="6"/>
      <c r="DQ774" s="6"/>
    </row>
    <row r="775" spans="1:121" x14ac:dyDescent="0.2">
      <c r="A775" s="6" t="s">
        <v>319</v>
      </c>
      <c r="B775" s="6" t="s">
        <v>319</v>
      </c>
      <c r="C775" s="6" t="s">
        <v>188</v>
      </c>
      <c r="D775" s="6" t="s">
        <v>136</v>
      </c>
      <c r="E775" s="6" t="s">
        <v>277</v>
      </c>
      <c r="F775" s="11">
        <v>42</v>
      </c>
      <c r="G775" s="13">
        <v>1.1351351351400001</v>
      </c>
      <c r="H775" s="11">
        <v>-1.6690060606999992</v>
      </c>
      <c r="I775" s="13">
        <v>-4.5083064013116077E-2</v>
      </c>
      <c r="J775" s="11">
        <v>17.419911055500002</v>
      </c>
      <c r="K775" s="13">
        <v>0.49276045577476096</v>
      </c>
      <c r="L775" s="11">
        <v>26.359618294000001</v>
      </c>
      <c r="M775" s="13">
        <v>0.49950393090936479</v>
      </c>
      <c r="N775" s="11">
        <v>43.779529349500002</v>
      </c>
      <c r="O775" s="13">
        <v>1.238400171340309</v>
      </c>
      <c r="P775" s="7">
        <v>37.0206883058</v>
      </c>
      <c r="Q775" s="7">
        <v>35.133322166600003</v>
      </c>
      <c r="R775" s="7">
        <v>32.203715177600003</v>
      </c>
      <c r="S775" s="7">
        <v>31.291493933800002</v>
      </c>
      <c r="T775" s="7">
        <v>32.651775067199999</v>
      </c>
      <c r="U775" s="7">
        <v>35.878882499100001</v>
      </c>
      <c r="V775" s="7">
        <v>35.351682245100001</v>
      </c>
      <c r="W775" s="7">
        <v>42.620819314400002</v>
      </c>
      <c r="X775" s="7">
        <v>49.624379875899997</v>
      </c>
      <c r="Y775" s="7">
        <v>52.771593300600003</v>
      </c>
      <c r="Z775" s="7">
        <v>63.013857229899997</v>
      </c>
      <c r="AA775" s="7">
        <v>67.235748914300004</v>
      </c>
      <c r="AB775" s="7">
        <v>68.211608618300005</v>
      </c>
      <c r="AC775" s="7">
        <v>62.797670443900003</v>
      </c>
      <c r="AD775" s="7">
        <v>67.281500233200006</v>
      </c>
      <c r="AE775" s="7">
        <v>75.243505842900007</v>
      </c>
      <c r="AF775" s="7">
        <v>79.131211594600003</v>
      </c>
      <c r="AG775" s="9">
        <v>7628.942422600001</v>
      </c>
      <c r="AH775" s="13">
        <v>0.54485240487150655</v>
      </c>
      <c r="AI775" s="9">
        <v>13810.3224276</v>
      </c>
      <c r="AJ775" s="13">
        <v>0.98632116614721121</v>
      </c>
      <c r="AK775" s="9">
        <v>-5267.7765781000016</v>
      </c>
      <c r="AL775" s="13">
        <v>-0.18940542388590301</v>
      </c>
      <c r="AM775" s="9">
        <v>-913.60342689999743</v>
      </c>
      <c r="AN775" s="13">
        <v>-4.0524633047359343E-2</v>
      </c>
      <c r="AO775" s="9">
        <v>-6181.3800049999991</v>
      </c>
      <c r="AP775" s="13">
        <v>-0.22225447163310655</v>
      </c>
      <c r="AQ775" s="9">
        <v>14001.851426900001</v>
      </c>
      <c r="AR775" s="9">
        <v>12587.445011</v>
      </c>
      <c r="AS775" s="9">
        <v>13844.658666900001</v>
      </c>
      <c r="AT775" s="9">
        <v>17907.8151014</v>
      </c>
      <c r="AU775" s="9">
        <v>11879.3519913</v>
      </c>
      <c r="AV775" s="9">
        <v>25371.280513199999</v>
      </c>
      <c r="AW775" s="9">
        <v>27812.173854500001</v>
      </c>
      <c r="AX775" s="9">
        <v>23248.243860899998</v>
      </c>
      <c r="AY775" s="9">
        <v>20973.600047399999</v>
      </c>
      <c r="AZ775" s="9">
        <v>22544.397276399999</v>
      </c>
      <c r="BA775" s="9">
        <v>22300.509166100001</v>
      </c>
      <c r="BB775" s="9">
        <v>24486.790999600002</v>
      </c>
      <c r="BC775" s="9">
        <v>24680.3226631</v>
      </c>
      <c r="BD775" s="9">
        <v>23339.037269500001</v>
      </c>
      <c r="BE775" s="9">
        <v>22137.7397494</v>
      </c>
      <c r="BF775" s="9">
        <v>21630.793849500002</v>
      </c>
      <c r="BG775" s="11">
        <v>0</v>
      </c>
      <c r="BH775" s="13">
        <v>0</v>
      </c>
      <c r="BI775" s="6">
        <v>-1</v>
      </c>
      <c r="BJ775" s="13">
        <v>-0.16666666666666666</v>
      </c>
      <c r="BK775" s="6">
        <v>0</v>
      </c>
      <c r="BL775" s="13">
        <v>0</v>
      </c>
      <c r="BM775" s="11">
        <v>1</v>
      </c>
      <c r="BN775" s="13">
        <v>0.2</v>
      </c>
      <c r="BO775" s="11">
        <v>1</v>
      </c>
      <c r="BP775" s="13">
        <v>0.2</v>
      </c>
      <c r="BQ775" s="6">
        <v>6</v>
      </c>
      <c r="BR775" s="6">
        <v>4</v>
      </c>
      <c r="BS775" s="6">
        <v>5</v>
      </c>
      <c r="BT775" s="6">
        <v>5</v>
      </c>
      <c r="BU775" s="6">
        <v>5</v>
      </c>
      <c r="BV775" s="6">
        <v>5</v>
      </c>
      <c r="BW775" s="6">
        <v>5</v>
      </c>
      <c r="BX775" s="6">
        <v>7</v>
      </c>
      <c r="BY775" s="6">
        <v>6</v>
      </c>
      <c r="BZ775" s="6">
        <v>8</v>
      </c>
      <c r="CA775" s="6">
        <v>5</v>
      </c>
      <c r="CB775" s="6">
        <v>6</v>
      </c>
      <c r="CC775" s="11">
        <v>6</v>
      </c>
      <c r="CD775" s="11">
        <v>34.732900000000001</v>
      </c>
      <c r="CE775" s="11">
        <v>3.3308499999999999</v>
      </c>
      <c r="CF775" s="11">
        <v>4.0468099999999998</v>
      </c>
      <c r="CG775" s="11">
        <v>7</v>
      </c>
      <c r="CH775" s="20">
        <v>0.23513500000000001</v>
      </c>
      <c r="CI775" s="20">
        <v>0.22528100000000001</v>
      </c>
      <c r="CJ775" s="20">
        <v>0.206871</v>
      </c>
      <c r="CK775" s="20">
        <v>0.210808</v>
      </c>
      <c r="CL775" s="20">
        <v>0.220885</v>
      </c>
      <c r="CM775" s="20">
        <v>0.23175799999999999</v>
      </c>
      <c r="CN775" s="20">
        <v>0.22359599999999999</v>
      </c>
      <c r="CO775" s="20">
        <v>0.27927600000000002</v>
      </c>
      <c r="CP775" s="20">
        <v>0.32958300000000001</v>
      </c>
      <c r="CQ775" s="20">
        <v>0.33378000000000002</v>
      </c>
      <c r="CR775" s="20">
        <v>0.39175900000000002</v>
      </c>
      <c r="CS775" s="20">
        <v>0.403449</v>
      </c>
      <c r="CT775" s="20">
        <v>0.40783999999999998</v>
      </c>
      <c r="CU775" s="20">
        <v>0.37232799999999999</v>
      </c>
      <c r="CV775" s="20">
        <v>0.399509</v>
      </c>
      <c r="CW775" s="20">
        <v>0.44970199999999999</v>
      </c>
      <c r="CX775" s="20">
        <v>0.46334999999999998</v>
      </c>
      <c r="CY775" s="6" t="s">
        <v>513</v>
      </c>
      <c r="CZ775" s="6" t="s">
        <v>514</v>
      </c>
      <c r="DA775" s="6" t="s">
        <v>136</v>
      </c>
      <c r="DB775" s="6"/>
      <c r="DC775" s="6"/>
      <c r="DD775" s="6"/>
      <c r="DE775" s="6"/>
      <c r="DF775" s="6"/>
      <c r="DG775" s="6"/>
      <c r="DH775" s="6" t="s">
        <v>333</v>
      </c>
      <c r="DI775" s="6"/>
      <c r="DJ775" s="6"/>
      <c r="DK775" s="6"/>
      <c r="DL775" s="6">
        <v>7</v>
      </c>
      <c r="DM775" s="6" t="s">
        <v>485</v>
      </c>
      <c r="DN775" s="6">
        <v>8</v>
      </c>
      <c r="DO775" s="6" t="s">
        <v>486</v>
      </c>
      <c r="DP775" s="6"/>
      <c r="DQ775" s="6"/>
    </row>
    <row r="776" spans="1:121" x14ac:dyDescent="0.2">
      <c r="A776" s="6" t="s">
        <v>320</v>
      </c>
      <c r="B776" s="6" t="s">
        <v>320</v>
      </c>
      <c r="C776" s="6" t="s">
        <v>189</v>
      </c>
      <c r="D776" s="6" t="s">
        <v>136</v>
      </c>
      <c r="E776" s="6" t="s">
        <v>277</v>
      </c>
      <c r="F776" s="11">
        <v>1</v>
      </c>
      <c r="G776" s="13">
        <v>1</v>
      </c>
      <c r="H776" s="11">
        <v>-5</v>
      </c>
      <c r="I776" s="13">
        <v>-1</v>
      </c>
      <c r="J776" s="11">
        <v>0</v>
      </c>
      <c r="K776" s="13"/>
      <c r="L776" s="11">
        <v>0</v>
      </c>
      <c r="M776" s="13"/>
      <c r="N776" s="11">
        <v>0</v>
      </c>
      <c r="O776" s="13"/>
      <c r="P776" s="7">
        <v>5</v>
      </c>
      <c r="Q776" s="7">
        <v>5</v>
      </c>
      <c r="R776" s="7">
        <v>5</v>
      </c>
      <c r="S776" s="7">
        <v>5</v>
      </c>
      <c r="T776" s="7">
        <v>0</v>
      </c>
      <c r="U776" s="7">
        <v>0</v>
      </c>
      <c r="V776" s="7">
        <v>0</v>
      </c>
      <c r="W776" s="7">
        <v>0</v>
      </c>
      <c r="X776" s="7">
        <v>0</v>
      </c>
      <c r="Y776" s="7">
        <v>0</v>
      </c>
      <c r="Z776" s="7">
        <v>5</v>
      </c>
      <c r="AA776" s="7">
        <v>5</v>
      </c>
      <c r="AB776" s="7">
        <v>5</v>
      </c>
      <c r="AC776" s="7">
        <v>0</v>
      </c>
      <c r="AD776" s="7">
        <v>0</v>
      </c>
      <c r="AE776" s="7">
        <v>0</v>
      </c>
      <c r="AF776" s="7">
        <v>0</v>
      </c>
      <c r="AG776" s="9">
        <v>-1</v>
      </c>
      <c r="AH776" s="13">
        <v>-1</v>
      </c>
      <c r="AI776" s="9">
        <v>-1</v>
      </c>
      <c r="AJ776" s="13">
        <v>-1</v>
      </c>
      <c r="AK776" s="9">
        <v>0</v>
      </c>
      <c r="AL776" s="13"/>
      <c r="AM776" s="9">
        <v>0</v>
      </c>
      <c r="AN776" s="13"/>
      <c r="AO776" s="9">
        <v>0</v>
      </c>
      <c r="AP776" s="13"/>
      <c r="AQ776" s="9">
        <v>1</v>
      </c>
      <c r="AR776" s="9">
        <v>1</v>
      </c>
      <c r="AS776" s="9">
        <v>1</v>
      </c>
      <c r="AT776" s="9">
        <v>1</v>
      </c>
      <c r="AU776" s="9">
        <v>0</v>
      </c>
      <c r="AV776" s="9">
        <v>0</v>
      </c>
      <c r="AW776" s="9">
        <v>0</v>
      </c>
      <c r="AX776" s="9">
        <v>0</v>
      </c>
      <c r="AY776" s="9">
        <v>0</v>
      </c>
      <c r="AZ776" s="9">
        <v>0</v>
      </c>
      <c r="BA776" s="9">
        <v>1</v>
      </c>
      <c r="BB776" s="9">
        <v>1</v>
      </c>
      <c r="BC776" s="9">
        <v>1</v>
      </c>
      <c r="BD776" s="9">
        <v>0</v>
      </c>
      <c r="BE776" s="9">
        <v>0</v>
      </c>
      <c r="BF776" s="9">
        <v>0</v>
      </c>
      <c r="BG776" s="11">
        <v>0</v>
      </c>
      <c r="BH776" s="13" t="e">
        <v>#DIV/0!</v>
      </c>
      <c r="BI776" s="6">
        <v>0</v>
      </c>
      <c r="BJ776" s="13" t="e">
        <v>#DIV/0!</v>
      </c>
      <c r="BK776" s="6">
        <v>0</v>
      </c>
      <c r="BL776" s="13" t="e">
        <v>#DIV/0!</v>
      </c>
      <c r="BM776" s="11">
        <v>0</v>
      </c>
      <c r="BN776" s="13" t="e">
        <v>#DIV/0!</v>
      </c>
      <c r="BO776" s="11">
        <v>0</v>
      </c>
      <c r="BP776" s="13" t="e">
        <v>#DIV/0!</v>
      </c>
      <c r="BQ776" s="6">
        <v>0</v>
      </c>
      <c r="BR776" s="6">
        <v>0</v>
      </c>
      <c r="BS776" s="6">
        <v>0</v>
      </c>
      <c r="BT776" s="6">
        <v>0</v>
      </c>
      <c r="BU776" s="6">
        <v>0</v>
      </c>
      <c r="BV776" s="6">
        <v>0</v>
      </c>
      <c r="BW776" s="6">
        <v>0</v>
      </c>
      <c r="BX776" s="6">
        <v>0</v>
      </c>
      <c r="BY776" s="6">
        <v>0</v>
      </c>
      <c r="BZ776" s="6">
        <v>0</v>
      </c>
      <c r="CA776" s="6">
        <v>0</v>
      </c>
      <c r="CB776" s="6">
        <v>0</v>
      </c>
      <c r="CC776" s="11">
        <v>0</v>
      </c>
      <c r="CD776" s="11">
        <v>-2.0500699999999998</v>
      </c>
      <c r="CE776" s="11">
        <v>0.50450799999999996</v>
      </c>
      <c r="CF776" s="11">
        <v>0.15230099999999999</v>
      </c>
      <c r="CG776" s="11">
        <v>1</v>
      </c>
      <c r="CH776" s="20">
        <v>2.6524300000000001E-2</v>
      </c>
      <c r="CI776" s="20">
        <v>1.00982E-2</v>
      </c>
      <c r="CJ776" s="20">
        <v>1.0124599999999999E-2</v>
      </c>
      <c r="CK776" s="20">
        <v>2.7079599999999999E-2</v>
      </c>
      <c r="CL776" s="20">
        <v>0</v>
      </c>
      <c r="CM776" s="20">
        <v>0</v>
      </c>
      <c r="CN776" s="20">
        <v>0</v>
      </c>
      <c r="CO776" s="20">
        <v>0</v>
      </c>
      <c r="CP776" s="20">
        <v>0</v>
      </c>
      <c r="CQ776" s="20">
        <v>0</v>
      </c>
      <c r="CR776" s="20">
        <v>2.2428E-2</v>
      </c>
      <c r="CS776" s="20">
        <v>7.4210700000000001E-3</v>
      </c>
      <c r="CT776" s="20">
        <v>3.5078900000000003E-2</v>
      </c>
      <c r="CU776" s="20">
        <v>0</v>
      </c>
      <c r="CV776" s="20">
        <v>0</v>
      </c>
      <c r="CW776" s="20">
        <v>0</v>
      </c>
      <c r="CX776" s="20">
        <v>0</v>
      </c>
      <c r="CY776" s="6" t="s">
        <v>513</v>
      </c>
      <c r="CZ776" s="6" t="s">
        <v>514</v>
      </c>
      <c r="DA776" s="6" t="s">
        <v>136</v>
      </c>
      <c r="DB776" s="6"/>
      <c r="DC776" s="6"/>
      <c r="DD776" s="6"/>
      <c r="DE776" s="6"/>
      <c r="DF776" s="6"/>
      <c r="DG776" s="6"/>
      <c r="DH776" s="6" t="s">
        <v>333</v>
      </c>
      <c r="DI776" s="6"/>
      <c r="DJ776" s="6"/>
      <c r="DK776" s="6"/>
      <c r="DL776" s="6">
        <v>7</v>
      </c>
      <c r="DM776" s="6" t="s">
        <v>485</v>
      </c>
      <c r="DN776" s="6">
        <v>8</v>
      </c>
      <c r="DO776" s="6" t="s">
        <v>486</v>
      </c>
      <c r="DP776" s="6"/>
      <c r="DQ776" s="6"/>
    </row>
    <row r="777" spans="1:121" x14ac:dyDescent="0.2">
      <c r="A777" s="6" t="s">
        <v>321</v>
      </c>
      <c r="B777" s="6" t="s">
        <v>321</v>
      </c>
      <c r="C777" s="6" t="s">
        <v>190</v>
      </c>
      <c r="D777" s="6" t="s">
        <v>136</v>
      </c>
      <c r="E777" s="6" t="s">
        <v>277</v>
      </c>
      <c r="F777" s="11">
        <v>278</v>
      </c>
      <c r="G777" s="13">
        <v>0.580375782881</v>
      </c>
      <c r="H777" s="11">
        <v>190.31232914100002</v>
      </c>
      <c r="I777" s="13">
        <v>0.39764977412699726</v>
      </c>
      <c r="J777" s="11">
        <v>53.659219926999981</v>
      </c>
      <c r="K777" s="13">
        <v>8.02194743424548E-2</v>
      </c>
      <c r="L777" s="11">
        <v>34.933801136000056</v>
      </c>
      <c r="M777" s="13">
        <v>4.834697411527248E-2</v>
      </c>
      <c r="N777" s="11">
        <v>88.593021063000037</v>
      </c>
      <c r="O777" s="13">
        <v>0.1324448173073027</v>
      </c>
      <c r="P777" s="7">
        <v>478.59282595799999</v>
      </c>
      <c r="Q777" s="7">
        <v>563.53332105200002</v>
      </c>
      <c r="R777" s="7">
        <v>565.89314235899997</v>
      </c>
      <c r="S777" s="7">
        <v>561.53674966100004</v>
      </c>
      <c r="T777" s="7">
        <v>588.66134074599995</v>
      </c>
      <c r="U777" s="7">
        <v>645.72156105700003</v>
      </c>
      <c r="V777" s="7">
        <v>668.90515509900001</v>
      </c>
      <c r="W777" s="7">
        <v>721.33139098200002</v>
      </c>
      <c r="X777" s="7">
        <v>730.06293920400003</v>
      </c>
      <c r="Y777" s="7">
        <v>722.56437502599999</v>
      </c>
      <c r="Z777" s="7">
        <v>724.30644290800001</v>
      </c>
      <c r="AA777" s="7">
        <v>769.57996482199997</v>
      </c>
      <c r="AB777" s="7">
        <v>746.35722146600006</v>
      </c>
      <c r="AC777" s="7">
        <v>739.55996660300002</v>
      </c>
      <c r="AD777" s="7">
        <v>729.14092389899997</v>
      </c>
      <c r="AE777" s="7">
        <v>731.55301893399997</v>
      </c>
      <c r="AF777" s="7">
        <v>757.49817616200005</v>
      </c>
      <c r="AG777" s="9">
        <v>14466.745929500001</v>
      </c>
      <c r="AH777" s="13">
        <v>0.68695657252444631</v>
      </c>
      <c r="AI777" s="9">
        <v>1464.8906904999967</v>
      </c>
      <c r="AJ777" s="13">
        <v>6.9560652600997711E-2</v>
      </c>
      <c r="AK777" s="9">
        <v>3155.0007072000008</v>
      </c>
      <c r="AL777" s="13">
        <v>0.1400723684609386</v>
      </c>
      <c r="AM777" s="9">
        <v>9846.8545318000033</v>
      </c>
      <c r="AN777" s="13">
        <v>0.38345827420779799</v>
      </c>
      <c r="AO777" s="9">
        <v>13001.855239000004</v>
      </c>
      <c r="AP777" s="13">
        <v>0.57724255134296687</v>
      </c>
      <c r="AQ777" s="9">
        <v>21059.185555700002</v>
      </c>
      <c r="AR777" s="9">
        <v>20062.1861445</v>
      </c>
      <c r="AS777" s="9">
        <v>20898.6466258</v>
      </c>
      <c r="AT777" s="9">
        <v>21807.913556300002</v>
      </c>
      <c r="AU777" s="9">
        <v>22303.176034700002</v>
      </c>
      <c r="AV777" s="9">
        <v>22143.3614939</v>
      </c>
      <c r="AW777" s="9">
        <v>22524.076246199998</v>
      </c>
      <c r="AX777" s="9">
        <v>23169.170411700001</v>
      </c>
      <c r="AY777" s="9">
        <v>24432.389541100001</v>
      </c>
      <c r="AZ777" s="9">
        <v>25679.076953399999</v>
      </c>
      <c r="BA777" s="9">
        <v>25698.8837542</v>
      </c>
      <c r="BB777" s="9">
        <v>26299.457724</v>
      </c>
      <c r="BC777" s="9">
        <v>27806.6113496</v>
      </c>
      <c r="BD777" s="9">
        <v>28962.755274499999</v>
      </c>
      <c r="BE777" s="9">
        <v>36201.342013399997</v>
      </c>
      <c r="BF777" s="9">
        <v>35525.931485200002</v>
      </c>
      <c r="BG777" s="11">
        <v>14.25</v>
      </c>
      <c r="BH777" s="13">
        <v>0.5089285714285714</v>
      </c>
      <c r="BI777" s="6">
        <v>3</v>
      </c>
      <c r="BJ777" s="13">
        <v>0.10714285714285714</v>
      </c>
      <c r="BK777" s="6">
        <v>7</v>
      </c>
      <c r="BL777" s="13">
        <v>0.22580645161290322</v>
      </c>
      <c r="BM777" s="11">
        <v>4.25</v>
      </c>
      <c r="BN777" s="13">
        <v>0.1118421052631579</v>
      </c>
      <c r="BO777" s="11">
        <v>11.25</v>
      </c>
      <c r="BP777" s="13">
        <v>0.36290322580645162</v>
      </c>
      <c r="BQ777" s="6">
        <v>28</v>
      </c>
      <c r="BR777" s="6">
        <v>29</v>
      </c>
      <c r="BS777" s="6">
        <v>29</v>
      </c>
      <c r="BT777" s="6">
        <v>31</v>
      </c>
      <c r="BU777" s="6">
        <v>38</v>
      </c>
      <c r="BV777" s="6">
        <v>39</v>
      </c>
      <c r="BW777" s="6">
        <v>38</v>
      </c>
      <c r="BX777" s="6">
        <v>36</v>
      </c>
      <c r="BY777" s="6">
        <v>35</v>
      </c>
      <c r="BZ777" s="6">
        <v>44</v>
      </c>
      <c r="CA777" s="6">
        <v>41</v>
      </c>
      <c r="CB777" s="6">
        <v>42</v>
      </c>
      <c r="CC777" s="11">
        <v>42.25</v>
      </c>
      <c r="CD777" s="11">
        <v>52.301900000000003</v>
      </c>
      <c r="CE777" s="11">
        <v>174.28700000000001</v>
      </c>
      <c r="CF777" s="11">
        <v>52.316000000000003</v>
      </c>
      <c r="CG777" s="11">
        <v>226</v>
      </c>
      <c r="CH777" s="20">
        <v>1.8448500000000001</v>
      </c>
      <c r="CI777" s="20">
        <v>2.1109599999999999</v>
      </c>
      <c r="CJ777" s="20">
        <v>2.0587800000000001</v>
      </c>
      <c r="CK777" s="20">
        <v>2.1689799999999999</v>
      </c>
      <c r="CL777" s="20">
        <v>2.30905</v>
      </c>
      <c r="CM777" s="20">
        <v>2.4226800000000002</v>
      </c>
      <c r="CN777" s="20">
        <v>2.41371</v>
      </c>
      <c r="CO777" s="20">
        <v>2.51471</v>
      </c>
      <c r="CP777" s="20">
        <v>2.30138</v>
      </c>
      <c r="CQ777" s="20">
        <v>2.1991999999999998</v>
      </c>
      <c r="CR777" s="20">
        <v>2.2216999999999998</v>
      </c>
      <c r="CS777" s="20">
        <v>2.2624599999999999</v>
      </c>
      <c r="CT777" s="20">
        <v>2.2032500000000002</v>
      </c>
      <c r="CU777" s="20">
        <v>2.19536</v>
      </c>
      <c r="CV777" s="20">
        <v>2.1692499999999999</v>
      </c>
      <c r="CW777" s="20">
        <v>2.1802899999999998</v>
      </c>
      <c r="CX777" s="20">
        <v>2.1910099999999999</v>
      </c>
      <c r="CY777" s="6" t="s">
        <v>513</v>
      </c>
      <c r="CZ777" s="6" t="s">
        <v>514</v>
      </c>
      <c r="DA777" s="6" t="s">
        <v>136</v>
      </c>
      <c r="DB777" s="6"/>
      <c r="DC777" s="6"/>
      <c r="DD777" s="6"/>
      <c r="DE777" s="6"/>
      <c r="DF777" s="6"/>
      <c r="DG777" s="6"/>
      <c r="DH777" s="6" t="s">
        <v>333</v>
      </c>
      <c r="DI777" s="6"/>
      <c r="DJ777" s="6"/>
      <c r="DK777" s="6"/>
      <c r="DL777" s="6">
        <v>7</v>
      </c>
      <c r="DM777" s="6" t="s">
        <v>485</v>
      </c>
      <c r="DN777" s="6">
        <v>8</v>
      </c>
      <c r="DO777" s="6" t="s">
        <v>486</v>
      </c>
      <c r="DP777" s="6"/>
      <c r="DQ777" s="6"/>
    </row>
    <row r="778" spans="1:121" x14ac:dyDescent="0.2">
      <c r="A778" s="6" t="s">
        <v>322</v>
      </c>
      <c r="B778" s="6" t="s">
        <v>322</v>
      </c>
      <c r="C778" s="6" t="s">
        <v>191</v>
      </c>
      <c r="D778" s="6" t="s">
        <v>136</v>
      </c>
      <c r="E778" s="6" t="s">
        <v>277</v>
      </c>
      <c r="F778" s="11">
        <v>1</v>
      </c>
      <c r="G778" s="13">
        <v>1</v>
      </c>
      <c r="H778" s="11">
        <v>0</v>
      </c>
      <c r="I778" s="13">
        <v>0</v>
      </c>
      <c r="J778" s="11">
        <v>0</v>
      </c>
      <c r="K778" s="13">
        <v>0</v>
      </c>
      <c r="L778" s="11">
        <v>0</v>
      </c>
      <c r="M778" s="13">
        <v>0</v>
      </c>
      <c r="N778" s="11">
        <v>0</v>
      </c>
      <c r="O778" s="13">
        <v>0</v>
      </c>
      <c r="P778" s="7">
        <v>5</v>
      </c>
      <c r="Q778" s="7">
        <v>5</v>
      </c>
      <c r="R778" s="7">
        <v>11</v>
      </c>
      <c r="S778" s="7">
        <v>11</v>
      </c>
      <c r="T778" s="7">
        <v>11</v>
      </c>
      <c r="U778" s="7">
        <v>5</v>
      </c>
      <c r="V778" s="7">
        <v>5</v>
      </c>
      <c r="W778" s="7">
        <v>5</v>
      </c>
      <c r="X778" s="7">
        <v>5</v>
      </c>
      <c r="Y778" s="7">
        <v>5</v>
      </c>
      <c r="Z778" s="7">
        <v>5</v>
      </c>
      <c r="AA778" s="7">
        <v>5</v>
      </c>
      <c r="AB778" s="7">
        <v>5</v>
      </c>
      <c r="AC778" s="7">
        <v>5</v>
      </c>
      <c r="AD778" s="7">
        <v>5</v>
      </c>
      <c r="AE778" s="7">
        <v>5</v>
      </c>
      <c r="AF778" s="7">
        <v>5</v>
      </c>
      <c r="AG778" s="9">
        <v>0</v>
      </c>
      <c r="AH778" s="13">
        <v>0</v>
      </c>
      <c r="AI778" s="9">
        <v>0</v>
      </c>
      <c r="AJ778" s="13">
        <v>0</v>
      </c>
      <c r="AK778" s="9">
        <v>0</v>
      </c>
      <c r="AL778" s="13">
        <v>0</v>
      </c>
      <c r="AM778" s="9">
        <v>0</v>
      </c>
      <c r="AN778" s="13">
        <v>0</v>
      </c>
      <c r="AO778" s="9">
        <v>0</v>
      </c>
      <c r="AP778" s="13">
        <v>0</v>
      </c>
      <c r="AQ778" s="9">
        <v>1</v>
      </c>
      <c r="AR778" s="9">
        <v>1</v>
      </c>
      <c r="AS778" s="9">
        <v>11628</v>
      </c>
      <c r="AT778" s="9">
        <v>9700</v>
      </c>
      <c r="AU778" s="9">
        <v>10338</v>
      </c>
      <c r="AV778" s="9">
        <v>1</v>
      </c>
      <c r="AW778" s="9">
        <v>1</v>
      </c>
      <c r="AX778" s="9">
        <v>1</v>
      </c>
      <c r="AY778" s="9">
        <v>1</v>
      </c>
      <c r="AZ778" s="9">
        <v>1</v>
      </c>
      <c r="BA778" s="9">
        <v>1</v>
      </c>
      <c r="BB778" s="9">
        <v>1</v>
      </c>
      <c r="BC778" s="9">
        <v>1</v>
      </c>
      <c r="BD778" s="9">
        <v>1</v>
      </c>
      <c r="BE778" s="9">
        <v>1</v>
      </c>
      <c r="BF778" s="9">
        <v>1</v>
      </c>
      <c r="BG778" s="11">
        <v>-1</v>
      </c>
      <c r="BH778" s="13">
        <v>-0.25</v>
      </c>
      <c r="BI778" s="6">
        <v>-1</v>
      </c>
      <c r="BJ778" s="13">
        <v>-0.25</v>
      </c>
      <c r="BK778" s="6">
        <v>0</v>
      </c>
      <c r="BL778" s="13">
        <v>0</v>
      </c>
      <c r="BM778" s="11">
        <v>0</v>
      </c>
      <c r="BN778" s="13">
        <v>0</v>
      </c>
      <c r="BO778" s="11">
        <v>0</v>
      </c>
      <c r="BP778" s="13">
        <v>0</v>
      </c>
      <c r="BQ778" s="6">
        <v>4</v>
      </c>
      <c r="BR778" s="6">
        <v>4</v>
      </c>
      <c r="BS778" s="6">
        <v>3</v>
      </c>
      <c r="BT778" s="6">
        <v>3</v>
      </c>
      <c r="BU778" s="6">
        <v>2</v>
      </c>
      <c r="BV778" s="6">
        <v>3</v>
      </c>
      <c r="BW778" s="6">
        <v>3</v>
      </c>
      <c r="BX778" s="6">
        <v>3</v>
      </c>
      <c r="BY778" s="6">
        <v>3</v>
      </c>
      <c r="BZ778" s="6">
        <v>3</v>
      </c>
      <c r="CA778" s="6">
        <v>3</v>
      </c>
      <c r="CB778" s="6">
        <v>3</v>
      </c>
      <c r="CC778" s="11">
        <v>3</v>
      </c>
      <c r="CD778" s="11">
        <v>-5</v>
      </c>
      <c r="CE778" s="11">
        <v>2</v>
      </c>
      <c r="CF778" s="11">
        <v>1</v>
      </c>
      <c r="CG778" s="11">
        <v>3</v>
      </c>
      <c r="CH778" s="20">
        <v>0.22</v>
      </c>
      <c r="CI778" s="20">
        <v>0.18</v>
      </c>
      <c r="CJ778" s="20">
        <v>0.26</v>
      </c>
      <c r="CK778" s="20">
        <v>0.3</v>
      </c>
      <c r="CL778" s="20">
        <v>0.28999999999999998</v>
      </c>
      <c r="CM778" s="20">
        <v>0.19</v>
      </c>
      <c r="CN778" s="20">
        <v>0.17</v>
      </c>
      <c r="CO778" s="20">
        <v>0.1</v>
      </c>
      <c r="CP778" s="20">
        <v>0.13</v>
      </c>
      <c r="CQ778" s="20">
        <v>0.13</v>
      </c>
      <c r="CR778" s="20">
        <v>0.12</v>
      </c>
      <c r="CS778" s="20">
        <v>0.12</v>
      </c>
      <c r="CT778" s="20">
        <v>0.13</v>
      </c>
      <c r="CU778" s="20">
        <v>0.16</v>
      </c>
      <c r="CV778" s="20">
        <v>0.13</v>
      </c>
      <c r="CW778" s="20">
        <v>0.14000000000000001</v>
      </c>
      <c r="CX778" s="20">
        <v>0.14000000000000001</v>
      </c>
      <c r="CY778" s="6" t="s">
        <v>513</v>
      </c>
      <c r="CZ778" s="6" t="s">
        <v>514</v>
      </c>
      <c r="DA778" s="6" t="s">
        <v>136</v>
      </c>
      <c r="DB778" s="6"/>
      <c r="DC778" s="6"/>
      <c r="DD778" s="6"/>
      <c r="DE778" s="6"/>
      <c r="DF778" s="6"/>
      <c r="DG778" s="6"/>
      <c r="DH778" s="6" t="s">
        <v>333</v>
      </c>
      <c r="DI778" s="6"/>
      <c r="DJ778" s="6"/>
      <c r="DK778" s="6"/>
      <c r="DL778" s="6">
        <v>7</v>
      </c>
      <c r="DM778" s="6" t="s">
        <v>485</v>
      </c>
      <c r="DN778" s="6">
        <v>8</v>
      </c>
      <c r="DO778" s="6" t="s">
        <v>486</v>
      </c>
      <c r="DP778" s="6"/>
      <c r="DQ778" s="6"/>
    </row>
    <row r="779" spans="1:121" x14ac:dyDescent="0.2">
      <c r="A779" s="6" t="s">
        <v>323</v>
      </c>
      <c r="B779" s="6" t="s">
        <v>323</v>
      </c>
      <c r="C779" s="6" t="s">
        <v>192</v>
      </c>
      <c r="D779" s="6" t="s">
        <v>136</v>
      </c>
      <c r="E779" s="6" t="s">
        <v>277</v>
      </c>
      <c r="F779" s="11">
        <v>-10</v>
      </c>
      <c r="G779" s="13">
        <v>-8.77192982456E-2</v>
      </c>
      <c r="H779" s="11">
        <v>-31.253606001500003</v>
      </c>
      <c r="I779" s="13">
        <v>-0.27310829955369398</v>
      </c>
      <c r="J779" s="11">
        <v>21.262447753499998</v>
      </c>
      <c r="K779" s="13">
        <v>0.25561027913643175</v>
      </c>
      <c r="L779" s="11">
        <v>-0.59516700999999728</v>
      </c>
      <c r="M779" s="13">
        <v>-5.6983489818209698E-3</v>
      </c>
      <c r="N779" s="11">
        <v>20.667280743500001</v>
      </c>
      <c r="O779" s="13">
        <v>0.2484553735807507</v>
      </c>
      <c r="P779" s="7">
        <v>114.436676046</v>
      </c>
      <c r="Q779" s="7">
        <v>110.384275781</v>
      </c>
      <c r="R779" s="7">
        <v>80.241060407600003</v>
      </c>
      <c r="S779" s="7">
        <v>76.127993061699996</v>
      </c>
      <c r="T779" s="7">
        <v>88.261476961100001</v>
      </c>
      <c r="U779" s="7">
        <v>105.255583937</v>
      </c>
      <c r="V779" s="7">
        <v>83.183070044499999</v>
      </c>
      <c r="W779" s="7">
        <v>92.775587857299996</v>
      </c>
      <c r="X779" s="7">
        <v>102.60802307500001</v>
      </c>
      <c r="Y779" s="7">
        <v>104.445517798</v>
      </c>
      <c r="Z779" s="7">
        <v>98.275410324700005</v>
      </c>
      <c r="AA779" s="7">
        <v>94.656340752199995</v>
      </c>
      <c r="AB779" s="7">
        <v>95.772857271800007</v>
      </c>
      <c r="AC779" s="7">
        <v>81.095104169699994</v>
      </c>
      <c r="AD779" s="7">
        <v>115.129530899</v>
      </c>
      <c r="AE779" s="7">
        <v>101.750162284</v>
      </c>
      <c r="AF779" s="7">
        <v>103.850350788</v>
      </c>
      <c r="AG779" s="9">
        <v>3127.8009479399998</v>
      </c>
      <c r="AH779" s="13">
        <v>0.39102190168913542</v>
      </c>
      <c r="AI779" s="9">
        <v>1012.413383170001</v>
      </c>
      <c r="AJ779" s="13">
        <v>0.12656681578263246</v>
      </c>
      <c r="AK779" s="9">
        <v>944.72716889999901</v>
      </c>
      <c r="AL779" s="13">
        <v>0.10483623780402068</v>
      </c>
      <c r="AM779" s="9">
        <v>1170.6603958699998</v>
      </c>
      <c r="AN779" s="13">
        <v>0.11758124054985172</v>
      </c>
      <c r="AO779" s="9">
        <v>2115.3875647699988</v>
      </c>
      <c r="AP779" s="13">
        <v>0.23474425324944839</v>
      </c>
      <c r="AQ779" s="9">
        <v>7999.0428526599999</v>
      </c>
      <c r="AR779" s="9">
        <v>7958.5556698500004</v>
      </c>
      <c r="AS779" s="9">
        <v>9241.0662138700009</v>
      </c>
      <c r="AT779" s="9">
        <v>11370.7680243</v>
      </c>
      <c r="AU779" s="9">
        <v>7728.7335236999998</v>
      </c>
      <c r="AV779" s="9">
        <v>7941.5492843000002</v>
      </c>
      <c r="AW779" s="9">
        <v>9011.4562358300009</v>
      </c>
      <c r="AX779" s="9">
        <v>10099.929950199999</v>
      </c>
      <c r="AY779" s="9">
        <v>9373.8278346000006</v>
      </c>
      <c r="AZ779" s="9">
        <v>9956.1834047299999</v>
      </c>
      <c r="BA779" s="9">
        <v>9858.8444982100009</v>
      </c>
      <c r="BB779" s="9">
        <v>9935.8731356600001</v>
      </c>
      <c r="BC779" s="9">
        <v>9918.8633300300007</v>
      </c>
      <c r="BD779" s="9">
        <v>10522.710716699999</v>
      </c>
      <c r="BE779" s="9">
        <v>10234.947457099999</v>
      </c>
      <c r="BF779" s="9">
        <v>11126.8438006</v>
      </c>
      <c r="BG779" s="11">
        <v>0.5</v>
      </c>
      <c r="BH779" s="13">
        <v>0.05</v>
      </c>
      <c r="BI779" s="6">
        <v>3</v>
      </c>
      <c r="BJ779" s="13">
        <v>0.3</v>
      </c>
      <c r="BK779" s="6">
        <v>1</v>
      </c>
      <c r="BL779" s="13">
        <v>7.6923076923076927E-2</v>
      </c>
      <c r="BM779" s="11">
        <v>-3.5</v>
      </c>
      <c r="BN779" s="13">
        <v>-0.25</v>
      </c>
      <c r="BO779" s="11">
        <v>-2.5</v>
      </c>
      <c r="BP779" s="13">
        <v>-0.19230769230769232</v>
      </c>
      <c r="BQ779" s="6">
        <v>10</v>
      </c>
      <c r="BR779" s="6">
        <v>11</v>
      </c>
      <c r="BS779" s="6">
        <v>14</v>
      </c>
      <c r="BT779" s="6">
        <v>13</v>
      </c>
      <c r="BU779" s="6">
        <v>14</v>
      </c>
      <c r="BV779" s="6">
        <v>16</v>
      </c>
      <c r="BW779" s="6">
        <v>14</v>
      </c>
      <c r="BX779" s="6">
        <v>15</v>
      </c>
      <c r="BY779" s="6">
        <v>13</v>
      </c>
      <c r="BZ779" s="6">
        <v>14</v>
      </c>
      <c r="CA779" s="6">
        <v>14</v>
      </c>
      <c r="CB779" s="6">
        <v>13</v>
      </c>
      <c r="CC779" s="11">
        <v>10.5</v>
      </c>
      <c r="CD779" s="11">
        <v>-49.119199999999999</v>
      </c>
      <c r="CE779" s="11">
        <v>26.023499999999999</v>
      </c>
      <c r="CF779" s="11">
        <v>12.5093</v>
      </c>
      <c r="CG779" s="11">
        <v>39</v>
      </c>
      <c r="CH779" s="20">
        <v>0.59440800000000005</v>
      </c>
      <c r="CI779" s="20">
        <v>0.57134399999999996</v>
      </c>
      <c r="CJ779" s="20">
        <v>0.40830699999999998</v>
      </c>
      <c r="CK779" s="20">
        <v>0.40912999999999999</v>
      </c>
      <c r="CL779" s="20">
        <v>0.48134199999999999</v>
      </c>
      <c r="CM779" s="20">
        <v>0.55122099999999996</v>
      </c>
      <c r="CN779" s="20">
        <v>0.42131999999999997</v>
      </c>
      <c r="CO779" s="20">
        <v>0.46438200000000002</v>
      </c>
      <c r="CP779" s="20">
        <v>0.48742799999999997</v>
      </c>
      <c r="CQ779" s="20">
        <v>0.485315</v>
      </c>
      <c r="CR779" s="20">
        <v>0.45516899999999999</v>
      </c>
      <c r="CS779" s="20">
        <v>0.422792</v>
      </c>
      <c r="CT779" s="20">
        <v>0.42496200000000001</v>
      </c>
      <c r="CU779" s="20">
        <v>0.35803000000000001</v>
      </c>
      <c r="CV779" s="20">
        <v>0.50454200000000005</v>
      </c>
      <c r="CW779" s="20">
        <v>0.44565100000000002</v>
      </c>
      <c r="CX779" s="20">
        <v>0.44616899999999998</v>
      </c>
      <c r="CY779" s="6" t="s">
        <v>513</v>
      </c>
      <c r="CZ779" s="6" t="s">
        <v>514</v>
      </c>
      <c r="DA779" s="6" t="s">
        <v>136</v>
      </c>
      <c r="DB779" s="6"/>
      <c r="DC779" s="6"/>
      <c r="DD779" s="6"/>
      <c r="DE779" s="6"/>
      <c r="DF779" s="6"/>
      <c r="DG779" s="6"/>
      <c r="DH779" s="6" t="s">
        <v>333</v>
      </c>
      <c r="DI779" s="6"/>
      <c r="DJ779" s="6"/>
      <c r="DK779" s="6"/>
      <c r="DL779" s="6">
        <v>7</v>
      </c>
      <c r="DM779" s="6" t="s">
        <v>485</v>
      </c>
      <c r="DN779" s="6">
        <v>8</v>
      </c>
      <c r="DO779" s="6" t="s">
        <v>486</v>
      </c>
      <c r="DP779" s="6"/>
      <c r="DQ779" s="6"/>
    </row>
    <row r="780" spans="1:121" x14ac:dyDescent="0.2">
      <c r="A780" s="6" t="s">
        <v>325</v>
      </c>
      <c r="B780" s="6" t="s">
        <v>325</v>
      </c>
      <c r="C780" s="6" t="s">
        <v>193</v>
      </c>
      <c r="D780" s="6" t="s">
        <v>136</v>
      </c>
      <c r="E780" s="6" t="s">
        <v>277</v>
      </c>
      <c r="F780" s="11">
        <v>-25</v>
      </c>
      <c r="G780" s="13">
        <v>-0.19230769230799999</v>
      </c>
      <c r="H780" s="11">
        <v>2.3258998169999927</v>
      </c>
      <c r="I780" s="13">
        <v>1.7883142739384138E-2</v>
      </c>
      <c r="J780" s="11">
        <v>11.811914135000023</v>
      </c>
      <c r="K780" s="13">
        <v>8.9222666363999059E-2</v>
      </c>
      <c r="L780" s="11">
        <v>-38.745435175000011</v>
      </c>
      <c r="M780" s="13">
        <v>-0.26869450771327058</v>
      </c>
      <c r="N780" s="11">
        <v>-26.933521039999988</v>
      </c>
      <c r="O780" s="13">
        <v>-0.20344548176481159</v>
      </c>
      <c r="P780" s="7">
        <v>130.061021762</v>
      </c>
      <c r="Q780" s="7">
        <v>109.024640957</v>
      </c>
      <c r="R780" s="7">
        <v>128.775722132</v>
      </c>
      <c r="S780" s="7">
        <v>135.06171932300001</v>
      </c>
      <c r="T780" s="7">
        <v>126.904446095</v>
      </c>
      <c r="U780" s="7">
        <v>120.563739919</v>
      </c>
      <c r="V780" s="7">
        <v>132.38692157899999</v>
      </c>
      <c r="W780" s="7">
        <v>112.349646705</v>
      </c>
      <c r="X780" s="7">
        <v>127.897144801</v>
      </c>
      <c r="Y780" s="7">
        <v>144.19883571400001</v>
      </c>
      <c r="Z780" s="7">
        <v>127.188320495</v>
      </c>
      <c r="AA780" s="7">
        <v>138.54193623500001</v>
      </c>
      <c r="AB780" s="7">
        <v>115.401575378</v>
      </c>
      <c r="AC780" s="7">
        <v>111.42177285699999</v>
      </c>
      <c r="AD780" s="7">
        <v>108.097819175</v>
      </c>
      <c r="AE780" s="7">
        <v>106.879399436</v>
      </c>
      <c r="AF780" s="7">
        <v>105.453400539</v>
      </c>
      <c r="AG780" s="9">
        <v>15855.130080100002</v>
      </c>
      <c r="AH780" s="13">
        <v>1.0029017240122542</v>
      </c>
      <c r="AI780" s="9">
        <v>2672.6265212999988</v>
      </c>
      <c r="AJ780" s="13">
        <v>0.16905454148350554</v>
      </c>
      <c r="AK780" s="9">
        <v>-2776.6579724999992</v>
      </c>
      <c r="AL780" s="13">
        <v>-0.15023675060936695</v>
      </c>
      <c r="AM780" s="9">
        <v>15959.161531300002</v>
      </c>
      <c r="AN780" s="13">
        <v>1.0161689506313989</v>
      </c>
      <c r="AO780" s="9">
        <v>13182.503558800003</v>
      </c>
      <c r="AP780" s="13">
        <v>0.71326627880904003</v>
      </c>
      <c r="AQ780" s="9">
        <v>15809.2559824</v>
      </c>
      <c r="AR780" s="9">
        <v>17037.321146400001</v>
      </c>
      <c r="AS780" s="9">
        <v>17360.5602889</v>
      </c>
      <c r="AT780" s="9">
        <v>17369.877564800001</v>
      </c>
      <c r="AU780" s="9">
        <v>16884.967356000001</v>
      </c>
      <c r="AV780" s="9">
        <v>19212.539763500001</v>
      </c>
      <c r="AW780" s="9">
        <v>18481.882503699999</v>
      </c>
      <c r="AX780" s="9">
        <v>19994.704898100001</v>
      </c>
      <c r="AY780" s="9">
        <v>20099.847533</v>
      </c>
      <c r="AZ780" s="9">
        <v>15705.2245312</v>
      </c>
      <c r="BA780" s="9">
        <v>26259.101022999999</v>
      </c>
      <c r="BB780" s="9">
        <v>25193.499563199999</v>
      </c>
      <c r="BC780" s="9">
        <v>29633.0823452</v>
      </c>
      <c r="BD780" s="9">
        <v>31687.2447398</v>
      </c>
      <c r="BE780" s="9">
        <v>32369.151815699999</v>
      </c>
      <c r="BF780" s="9">
        <v>31664.386062500002</v>
      </c>
      <c r="BG780" s="11">
        <v>-5</v>
      </c>
      <c r="BH780" s="13">
        <v>-0.27777777777777779</v>
      </c>
      <c r="BI780" s="6">
        <v>6</v>
      </c>
      <c r="BJ780" s="13">
        <v>0.33333333333333331</v>
      </c>
      <c r="BK780" s="6">
        <v>-2</v>
      </c>
      <c r="BL780" s="13">
        <v>-8.3333333333333329E-2</v>
      </c>
      <c r="BM780" s="11">
        <v>-9</v>
      </c>
      <c r="BN780" s="13">
        <v>-0.40909090909090912</v>
      </c>
      <c r="BO780" s="11">
        <v>-11</v>
      </c>
      <c r="BP780" s="13">
        <v>-0.45833333333333331</v>
      </c>
      <c r="BQ780" s="6">
        <v>18</v>
      </c>
      <c r="BR780" s="6">
        <v>21</v>
      </c>
      <c r="BS780" s="6">
        <v>23</v>
      </c>
      <c r="BT780" s="6">
        <v>24</v>
      </c>
      <c r="BU780" s="6">
        <v>24</v>
      </c>
      <c r="BV780" s="6">
        <v>20</v>
      </c>
      <c r="BW780" s="6">
        <v>22</v>
      </c>
      <c r="BX780" s="6">
        <v>21</v>
      </c>
      <c r="BY780" s="6">
        <v>18</v>
      </c>
      <c r="BZ780" s="6">
        <v>13</v>
      </c>
      <c r="CA780" s="6">
        <v>12</v>
      </c>
      <c r="CB780" s="6">
        <v>13</v>
      </c>
      <c r="CC780" s="11">
        <v>13</v>
      </c>
      <c r="CD780" s="11">
        <v>-37.627099999999999</v>
      </c>
      <c r="CE780" s="11">
        <v>-1.19774</v>
      </c>
      <c r="CF780" s="11">
        <v>14.2172</v>
      </c>
      <c r="CG780" s="11">
        <v>13</v>
      </c>
      <c r="CH780" s="20">
        <v>0.99456699999999998</v>
      </c>
      <c r="CI780" s="20">
        <v>0.82732700000000003</v>
      </c>
      <c r="CJ780" s="20">
        <v>0.96621299999999999</v>
      </c>
      <c r="CK780" s="20">
        <v>1.0896600000000001</v>
      </c>
      <c r="CL780" s="20">
        <v>1.05619</v>
      </c>
      <c r="CM780" s="20">
        <v>0.97257499999999997</v>
      </c>
      <c r="CN780" s="20">
        <v>1.03799</v>
      </c>
      <c r="CO780" s="20">
        <v>0.869699</v>
      </c>
      <c r="CP780" s="20">
        <v>0.92045399999999999</v>
      </c>
      <c r="CQ780" s="20">
        <v>1.0226200000000001</v>
      </c>
      <c r="CR780" s="20">
        <v>0.91219300000000003</v>
      </c>
      <c r="CS780" s="20">
        <v>0.965638</v>
      </c>
      <c r="CT780" s="20">
        <v>0.871641</v>
      </c>
      <c r="CU780" s="20">
        <v>0.84627399999999997</v>
      </c>
      <c r="CV780" s="20">
        <v>0.83110399999999995</v>
      </c>
      <c r="CW780" s="20">
        <v>0.829986</v>
      </c>
      <c r="CX780" s="20">
        <v>0.81044899999999997</v>
      </c>
      <c r="CY780" s="6" t="s">
        <v>513</v>
      </c>
      <c r="CZ780" s="6" t="s">
        <v>514</v>
      </c>
      <c r="DA780" s="6" t="s">
        <v>136</v>
      </c>
      <c r="DB780" s="6"/>
      <c r="DC780" s="6"/>
      <c r="DD780" s="6"/>
      <c r="DE780" s="6"/>
      <c r="DF780" s="6"/>
      <c r="DG780" s="6"/>
      <c r="DH780" s="6" t="s">
        <v>333</v>
      </c>
      <c r="DI780" s="6"/>
      <c r="DJ780" s="6"/>
      <c r="DK780" s="6"/>
      <c r="DL780" s="6">
        <v>7</v>
      </c>
      <c r="DM780" s="6" t="s">
        <v>485</v>
      </c>
      <c r="DN780" s="6">
        <v>8</v>
      </c>
      <c r="DO780" s="6" t="s">
        <v>486</v>
      </c>
      <c r="DP780" s="6"/>
      <c r="DQ780" s="6"/>
    </row>
    <row r="781" spans="1:121" x14ac:dyDescent="0.2">
      <c r="A781" s="6" t="s">
        <v>327</v>
      </c>
      <c r="B781" s="6" t="s">
        <v>327</v>
      </c>
      <c r="C781" s="6" t="s">
        <v>194</v>
      </c>
      <c r="D781" s="6" t="s">
        <v>136</v>
      </c>
      <c r="E781" s="6" t="s">
        <v>277</v>
      </c>
      <c r="F781" s="11">
        <v>-59</v>
      </c>
      <c r="G781" s="13">
        <v>-0.11568627451000001</v>
      </c>
      <c r="H781" s="11">
        <v>11.189456999999948</v>
      </c>
      <c r="I781" s="13">
        <v>2.19265255305756E-2</v>
      </c>
      <c r="J781" s="11">
        <v>-11.138257999999951</v>
      </c>
      <c r="K781" s="13">
        <v>-2.1357893111708923E-2</v>
      </c>
      <c r="L781" s="11">
        <v>-59.407653122999989</v>
      </c>
      <c r="M781" s="13">
        <v>-0.11640178324897392</v>
      </c>
      <c r="N781" s="11">
        <v>-70.545911122999939</v>
      </c>
      <c r="O781" s="13">
        <v>-0.13527357951603894</v>
      </c>
      <c r="P781" s="7">
        <v>510.31600900000001</v>
      </c>
      <c r="Q781" s="7">
        <v>510.81691799999999</v>
      </c>
      <c r="R781" s="7">
        <v>507.85029400000002</v>
      </c>
      <c r="S781" s="7">
        <v>498.14708300000001</v>
      </c>
      <c r="T781" s="7">
        <v>505.52761500000003</v>
      </c>
      <c r="U781" s="7">
        <v>511.22157700000002</v>
      </c>
      <c r="V781" s="7">
        <v>521.50546599999996</v>
      </c>
      <c r="W781" s="7">
        <v>531.50735999999995</v>
      </c>
      <c r="X781" s="7">
        <v>526.04200000000003</v>
      </c>
      <c r="Y781" s="7">
        <v>510.36720800000001</v>
      </c>
      <c r="Z781" s="7">
        <v>489.521771</v>
      </c>
      <c r="AA781" s="7">
        <v>477.42464799999999</v>
      </c>
      <c r="AB781" s="7">
        <v>487.504411</v>
      </c>
      <c r="AC781" s="7">
        <v>484.40496899999999</v>
      </c>
      <c r="AD781" s="7">
        <v>470.74570399999999</v>
      </c>
      <c r="AE781" s="7">
        <v>457.41611849999998</v>
      </c>
      <c r="AF781" s="7">
        <v>450.95955487700002</v>
      </c>
      <c r="AG781" s="9">
        <v>10890.038785300003</v>
      </c>
      <c r="AH781" s="13">
        <v>0.35881640304864121</v>
      </c>
      <c r="AI781" s="9">
        <v>4255.6716026000031</v>
      </c>
      <c r="AJ781" s="13">
        <v>0.14022032493239767</v>
      </c>
      <c r="AK781" s="9">
        <v>4399.0459859999974</v>
      </c>
      <c r="AL781" s="13">
        <v>0.12711961986944637</v>
      </c>
      <c r="AM781" s="9">
        <v>2235.3211967000025</v>
      </c>
      <c r="AN781" s="13">
        <v>5.7309155697295985E-2</v>
      </c>
      <c r="AO781" s="9">
        <v>6634.3671826999998</v>
      </c>
      <c r="AP781" s="13">
        <v>0.19171389365402153</v>
      </c>
      <c r="AQ781" s="9">
        <v>30349.891177699999</v>
      </c>
      <c r="AR781" s="9">
        <v>30598.943667399999</v>
      </c>
      <c r="AS781" s="9">
        <v>31250.130146399999</v>
      </c>
      <c r="AT781" s="9">
        <v>32858.8045107</v>
      </c>
      <c r="AU781" s="9">
        <v>33088.813246700003</v>
      </c>
      <c r="AV781" s="9">
        <v>34110.424955199996</v>
      </c>
      <c r="AW781" s="9">
        <v>34605.562780300002</v>
      </c>
      <c r="AX781" s="9">
        <v>35553.081257999998</v>
      </c>
      <c r="AY781" s="9">
        <v>37867.121544299996</v>
      </c>
      <c r="AZ781" s="9">
        <v>39004.6087663</v>
      </c>
      <c r="BA781" s="9">
        <v>40103.5612721</v>
      </c>
      <c r="BB781" s="9">
        <v>39757.398705599997</v>
      </c>
      <c r="BC781" s="9">
        <v>39585.373694499998</v>
      </c>
      <c r="BD781" s="9">
        <v>40239.445263900001</v>
      </c>
      <c r="BE781" s="9">
        <v>40947.631905000002</v>
      </c>
      <c r="BF781" s="9">
        <v>41239.929963000002</v>
      </c>
      <c r="BG781" s="11">
        <v>2</v>
      </c>
      <c r="BH781" s="13">
        <v>5.128205128205128E-2</v>
      </c>
      <c r="BI781" s="6">
        <v>5</v>
      </c>
      <c r="BJ781" s="13">
        <v>0.12820512820512819</v>
      </c>
      <c r="BK781" s="6">
        <v>0</v>
      </c>
      <c r="BL781" s="13">
        <v>0</v>
      </c>
      <c r="BM781" s="11">
        <v>-3</v>
      </c>
      <c r="BN781" s="13">
        <v>-6.8181818181818177E-2</v>
      </c>
      <c r="BO781" s="11">
        <v>-3</v>
      </c>
      <c r="BP781" s="13">
        <v>-6.8181818181818177E-2</v>
      </c>
      <c r="BQ781" s="6">
        <v>39</v>
      </c>
      <c r="BR781" s="6">
        <v>40</v>
      </c>
      <c r="BS781" s="6">
        <v>42</v>
      </c>
      <c r="BT781" s="6">
        <v>44</v>
      </c>
      <c r="BU781" s="6">
        <v>43</v>
      </c>
      <c r="BV781" s="6">
        <v>44</v>
      </c>
      <c r="BW781" s="6">
        <v>44</v>
      </c>
      <c r="BX781" s="6">
        <v>43</v>
      </c>
      <c r="BY781" s="6">
        <v>41</v>
      </c>
      <c r="BZ781" s="6">
        <v>42</v>
      </c>
      <c r="CA781" s="6">
        <v>42</v>
      </c>
      <c r="CB781" s="6">
        <v>41</v>
      </c>
      <c r="CC781" s="11">
        <v>41</v>
      </c>
      <c r="CD781" s="11">
        <v>-85.222999999999999</v>
      </c>
      <c r="CE781" s="11">
        <v>-29.917100000000001</v>
      </c>
      <c r="CF781" s="11">
        <v>55.783700000000003</v>
      </c>
      <c r="CG781" s="11">
        <v>26</v>
      </c>
      <c r="CH781" s="20">
        <v>1.1747700000000001</v>
      </c>
      <c r="CI781" s="20">
        <v>1.1646300000000001</v>
      </c>
      <c r="CJ781" s="20">
        <v>1.1532800000000001</v>
      </c>
      <c r="CK781" s="20">
        <v>1.22522</v>
      </c>
      <c r="CL781" s="20">
        <v>1.2856000000000001</v>
      </c>
      <c r="CM781" s="20">
        <v>1.26844</v>
      </c>
      <c r="CN781" s="20">
        <v>1.26667</v>
      </c>
      <c r="CO781" s="20">
        <v>1.2618199999999999</v>
      </c>
      <c r="CP781" s="20">
        <v>1.1480699999999999</v>
      </c>
      <c r="CQ781" s="20">
        <v>1.09131</v>
      </c>
      <c r="CR781" s="20">
        <v>1.0834299999999999</v>
      </c>
      <c r="CS781" s="20">
        <v>1.0617300000000001</v>
      </c>
      <c r="CT781" s="20">
        <v>1.1158999999999999</v>
      </c>
      <c r="CU781" s="20">
        <v>1.13608</v>
      </c>
      <c r="CV781" s="20">
        <v>1.1271899999999999</v>
      </c>
      <c r="CW781" s="20">
        <v>1.1118600000000001</v>
      </c>
      <c r="CX781" s="20">
        <v>1.0924199999999999</v>
      </c>
      <c r="CY781" s="6" t="s">
        <v>513</v>
      </c>
      <c r="CZ781" s="6" t="s">
        <v>514</v>
      </c>
      <c r="DA781" s="6" t="s">
        <v>136</v>
      </c>
      <c r="DB781" s="6"/>
      <c r="DC781" s="6"/>
      <c r="DD781" s="6"/>
      <c r="DE781" s="6"/>
      <c r="DF781" s="6"/>
      <c r="DG781" s="6"/>
      <c r="DH781" s="6" t="s">
        <v>333</v>
      </c>
      <c r="DI781" s="6"/>
      <c r="DJ781" s="6"/>
      <c r="DK781" s="6"/>
      <c r="DL781" s="6">
        <v>7</v>
      </c>
      <c r="DM781" s="6" t="s">
        <v>485</v>
      </c>
      <c r="DN781" s="6">
        <v>8</v>
      </c>
      <c r="DO781" s="6" t="s">
        <v>486</v>
      </c>
      <c r="DP781" s="6"/>
      <c r="DQ781" s="6"/>
    </row>
    <row r="782" spans="1:121" x14ac:dyDescent="0.2">
      <c r="A782" s="6" t="s">
        <v>1</v>
      </c>
      <c r="B782" s="6" t="s">
        <v>1</v>
      </c>
      <c r="C782" s="6" t="s">
        <v>2</v>
      </c>
      <c r="D782" s="6" t="s">
        <v>103</v>
      </c>
      <c r="E782" s="6" t="s">
        <v>244</v>
      </c>
      <c r="F782" s="11">
        <v>25</v>
      </c>
      <c r="G782" s="13">
        <v>3.8819875776399997E-2</v>
      </c>
      <c r="H782" s="11">
        <v>-36.982981685000027</v>
      </c>
      <c r="I782" s="13">
        <v>-5.7449006666310143E-2</v>
      </c>
      <c r="J782" s="11">
        <v>-119.90545726899995</v>
      </c>
      <c r="K782" s="13">
        <v>-0.19761262882470751</v>
      </c>
      <c r="L782" s="11">
        <v>182.26952862500002</v>
      </c>
      <c r="M782" s="13">
        <v>0.37437404484316977</v>
      </c>
      <c r="N782" s="11">
        <v>62.364071356000068</v>
      </c>
      <c r="O782" s="13">
        <v>0.10278037685326448</v>
      </c>
      <c r="P782" s="7">
        <v>643.75319663599998</v>
      </c>
      <c r="Q782" s="7">
        <v>700.45374328699995</v>
      </c>
      <c r="R782" s="7">
        <v>657.45869356699995</v>
      </c>
      <c r="S782" s="7">
        <v>610.29091967800002</v>
      </c>
      <c r="T782" s="7">
        <v>610.203155745</v>
      </c>
      <c r="U782" s="7">
        <v>658.22769169200001</v>
      </c>
      <c r="V782" s="7">
        <v>606.77021495099996</v>
      </c>
      <c r="W782" s="7">
        <v>682.06694303100005</v>
      </c>
      <c r="X782" s="7">
        <v>448.183375313</v>
      </c>
      <c r="Y782" s="7">
        <v>486.864757682</v>
      </c>
      <c r="Z782" s="7">
        <v>482.94620152099998</v>
      </c>
      <c r="AA782" s="7">
        <v>523.62513837400002</v>
      </c>
      <c r="AB782" s="7">
        <v>611.00092231799999</v>
      </c>
      <c r="AC782" s="7">
        <v>654.14069876099995</v>
      </c>
      <c r="AD782" s="7">
        <v>661.20634228200004</v>
      </c>
      <c r="AE782" s="7">
        <v>656.53820485899996</v>
      </c>
      <c r="AF782" s="7">
        <v>669.13428630700002</v>
      </c>
      <c r="AG782" s="9">
        <v>10698.817861699998</v>
      </c>
      <c r="AH782" s="13">
        <v>0.5749434094551541</v>
      </c>
      <c r="AI782" s="9">
        <v>1814.108984399998</v>
      </c>
      <c r="AJ782" s="13">
        <v>9.7488341057563516E-2</v>
      </c>
      <c r="AK782" s="9">
        <v>2061.6535788000001</v>
      </c>
      <c r="AL782" s="13">
        <v>0.10094971168085916</v>
      </c>
      <c r="AM782" s="9">
        <v>6823.0552984999995</v>
      </c>
      <c r="AN782" s="13">
        <v>0.30345954316958851</v>
      </c>
      <c r="AO782" s="9">
        <v>8884.7088772999996</v>
      </c>
      <c r="AP782" s="13">
        <v>0.43504340824022286</v>
      </c>
      <c r="AQ782" s="9">
        <v>18608.471174300001</v>
      </c>
      <c r="AR782" s="9">
        <v>18920.730261299999</v>
      </c>
      <c r="AS782" s="9">
        <v>18773.045978499998</v>
      </c>
      <c r="AT782" s="9">
        <v>19008.679789099999</v>
      </c>
      <c r="AU782" s="9">
        <v>19703.395118100001</v>
      </c>
      <c r="AV782" s="9">
        <v>20057.342452199999</v>
      </c>
      <c r="AW782" s="9">
        <v>20422.580158699999</v>
      </c>
      <c r="AX782" s="9">
        <v>22792.670491600002</v>
      </c>
      <c r="AY782" s="9">
        <v>22554.040151500001</v>
      </c>
      <c r="AZ782" s="9">
        <v>22484.233737499999</v>
      </c>
      <c r="BA782" s="9">
        <v>23786.746332899998</v>
      </c>
      <c r="BB782" s="9">
        <v>24913.415075000001</v>
      </c>
      <c r="BC782" s="9">
        <v>26892.530630500001</v>
      </c>
      <c r="BD782" s="9">
        <v>28045.9104749</v>
      </c>
      <c r="BE782" s="9">
        <v>28814.268371999999</v>
      </c>
      <c r="BF782" s="9">
        <v>29307.289035999998</v>
      </c>
      <c r="BG782" s="11">
        <v>7.5</v>
      </c>
      <c r="BH782" s="13">
        <v>0.44117647058823528</v>
      </c>
      <c r="BI782" s="6">
        <v>1</v>
      </c>
      <c r="BJ782" s="13">
        <v>5.8823529411764705E-2</v>
      </c>
      <c r="BK782" s="6">
        <v>1</v>
      </c>
      <c r="BL782" s="13">
        <v>5.5555555555555552E-2</v>
      </c>
      <c r="BM782" s="11">
        <v>5.5</v>
      </c>
      <c r="BN782" s="13">
        <v>0.28947368421052633</v>
      </c>
      <c r="BO782" s="11">
        <v>6.5</v>
      </c>
      <c r="BP782" s="13">
        <v>0.3611111111111111</v>
      </c>
      <c r="BQ782" s="6">
        <v>17</v>
      </c>
      <c r="BR782" s="6">
        <v>17</v>
      </c>
      <c r="BS782" s="6">
        <v>18</v>
      </c>
      <c r="BT782" s="6">
        <v>18</v>
      </c>
      <c r="BU782" s="6">
        <v>18</v>
      </c>
      <c r="BV782" s="6">
        <v>16</v>
      </c>
      <c r="BW782" s="6">
        <v>19</v>
      </c>
      <c r="BX782" s="6">
        <v>20</v>
      </c>
      <c r="BY782" s="6">
        <v>22</v>
      </c>
      <c r="BZ782" s="6">
        <v>22</v>
      </c>
      <c r="CA782" s="6">
        <v>21</v>
      </c>
      <c r="CB782" s="6">
        <v>22</v>
      </c>
      <c r="CC782" s="11">
        <v>24.5</v>
      </c>
      <c r="CD782" s="11">
        <v>13.704499999999999</v>
      </c>
      <c r="CE782" s="11">
        <v>-58.693399999999997</v>
      </c>
      <c r="CF782" s="11">
        <v>70.37</v>
      </c>
      <c r="CG782" s="11">
        <v>11</v>
      </c>
      <c r="CH782" s="20">
        <v>0.31143599999999999</v>
      </c>
      <c r="CI782" s="20">
        <v>0.33809899999999998</v>
      </c>
      <c r="CJ782" s="20">
        <v>0.30998700000000001</v>
      </c>
      <c r="CK782" s="20">
        <v>0.28725800000000001</v>
      </c>
      <c r="CL782" s="20">
        <v>0.28213100000000002</v>
      </c>
      <c r="CM782" s="20">
        <v>0.30252600000000002</v>
      </c>
      <c r="CN782" s="20">
        <v>0.27816200000000002</v>
      </c>
      <c r="CO782" s="20">
        <v>0.32337399999999999</v>
      </c>
      <c r="CP782" s="20">
        <v>0.21394199999999999</v>
      </c>
      <c r="CQ782" s="20">
        <v>0.23497499999999999</v>
      </c>
      <c r="CR782" s="20">
        <v>0.23146600000000001</v>
      </c>
      <c r="CS782" s="20">
        <v>0.243893</v>
      </c>
      <c r="CT782" s="20">
        <v>0.28532400000000002</v>
      </c>
      <c r="CU782" s="20">
        <v>0.30095</v>
      </c>
      <c r="CV782" s="20">
        <v>0.30032999999999999</v>
      </c>
      <c r="CW782" s="20">
        <v>0.29990699999999998</v>
      </c>
      <c r="CX782" s="20">
        <v>0.30440400000000001</v>
      </c>
      <c r="CY782" s="6" t="s">
        <v>515</v>
      </c>
      <c r="CZ782" s="6" t="s">
        <v>516</v>
      </c>
      <c r="DA782" s="6" t="s">
        <v>103</v>
      </c>
      <c r="DB782" s="6" t="s">
        <v>345</v>
      </c>
      <c r="DC782" s="6">
        <v>44180</v>
      </c>
      <c r="DD782" s="6">
        <v>520</v>
      </c>
      <c r="DE782" s="6" t="s">
        <v>460</v>
      </c>
      <c r="DF782" s="6" t="s">
        <v>375</v>
      </c>
      <c r="DG782" s="6" t="s">
        <v>364</v>
      </c>
      <c r="DH782" s="6" t="s">
        <v>419</v>
      </c>
      <c r="DI782" s="6" t="s">
        <v>461</v>
      </c>
      <c r="DJ782" s="6">
        <v>29</v>
      </c>
      <c r="DK782" s="6">
        <v>77</v>
      </c>
      <c r="DL782" s="6">
        <v>2</v>
      </c>
      <c r="DM782" s="6" t="s">
        <v>379</v>
      </c>
      <c r="DN782" s="6">
        <v>2</v>
      </c>
      <c r="DO782" s="6" t="s">
        <v>463</v>
      </c>
      <c r="DP782" s="6"/>
      <c r="DQ782" s="6"/>
    </row>
    <row r="783" spans="1:121" x14ac:dyDescent="0.2">
      <c r="A783" s="6" t="s">
        <v>310</v>
      </c>
      <c r="B783" s="6" t="s">
        <v>310</v>
      </c>
      <c r="C783" s="6" t="s">
        <v>173</v>
      </c>
      <c r="D783" s="6" t="s">
        <v>103</v>
      </c>
      <c r="E783" s="6" t="s">
        <v>244</v>
      </c>
      <c r="F783" s="11">
        <v>-13</v>
      </c>
      <c r="G783" s="13">
        <v>-0.203125</v>
      </c>
      <c r="H783" s="11">
        <v>19.872496865199992</v>
      </c>
      <c r="I783" s="13">
        <v>0.30954102222940111</v>
      </c>
      <c r="J783" s="11">
        <v>-8.4851390696999971</v>
      </c>
      <c r="K783" s="13">
        <v>-0.10092659754854348</v>
      </c>
      <c r="L783" s="11">
        <v>-24.565928204499997</v>
      </c>
      <c r="M783" s="13">
        <v>-0.32500099909509811</v>
      </c>
      <c r="N783" s="11">
        <v>-33.051067274199994</v>
      </c>
      <c r="O783" s="13">
        <v>-0.39312635160509607</v>
      </c>
      <c r="P783" s="7">
        <v>64.199881237300005</v>
      </c>
      <c r="Q783" s="7">
        <v>54.543579752299998</v>
      </c>
      <c r="R783" s="7">
        <v>77.676922063899994</v>
      </c>
      <c r="S783" s="7">
        <v>76.511597722199994</v>
      </c>
      <c r="T783" s="7">
        <v>91.584757070699993</v>
      </c>
      <c r="U783" s="7">
        <v>81.899045636400004</v>
      </c>
      <c r="V783" s="7">
        <v>84.072378102499997</v>
      </c>
      <c r="W783" s="7">
        <v>39.224569880499999</v>
      </c>
      <c r="X783" s="7">
        <v>70.443890185499995</v>
      </c>
      <c r="Y783" s="7">
        <v>75.587239032799999</v>
      </c>
      <c r="Z783" s="7">
        <v>61.821056910800003</v>
      </c>
      <c r="AA783" s="7">
        <v>61.612476141599998</v>
      </c>
      <c r="AB783" s="7">
        <v>48.296545050600002</v>
      </c>
      <c r="AC783" s="7">
        <v>55.319639735400003</v>
      </c>
      <c r="AD783" s="7">
        <v>59.9665218966</v>
      </c>
      <c r="AE783" s="7">
        <v>52.807514640400001</v>
      </c>
      <c r="AF783" s="7">
        <v>51.021310828300003</v>
      </c>
      <c r="AG783" s="9">
        <v>14747.654146999994</v>
      </c>
      <c r="AH783" s="13">
        <v>0.28995612531910175</v>
      </c>
      <c r="AI783" s="9">
        <v>-9421.0085523000016</v>
      </c>
      <c r="AJ783" s="13">
        <v>-0.18522804435163093</v>
      </c>
      <c r="AK783" s="9">
        <v>1991.0652410000039</v>
      </c>
      <c r="AL783" s="13">
        <v>4.8046168707052243E-2</v>
      </c>
      <c r="AM783" s="9">
        <v>22177.597458299992</v>
      </c>
      <c r="AN783" s="13">
        <v>0.51063120689334129</v>
      </c>
      <c r="AO783" s="9">
        <v>24168.662699299995</v>
      </c>
      <c r="AP783" s="13">
        <v>0.58321124871387664</v>
      </c>
      <c r="AQ783" s="9">
        <v>50861.674781900001</v>
      </c>
      <c r="AR783" s="9">
        <v>54524.310602199999</v>
      </c>
      <c r="AS783" s="9">
        <v>42561.083747500001</v>
      </c>
      <c r="AT783" s="9">
        <v>43343.867454400002</v>
      </c>
      <c r="AU783" s="9">
        <v>43266.863223400003</v>
      </c>
      <c r="AV783" s="9">
        <v>49132.245267500002</v>
      </c>
      <c r="AW783" s="9">
        <v>41440.666229599999</v>
      </c>
      <c r="AX783" s="9">
        <v>58115.804707000003</v>
      </c>
      <c r="AY783" s="9">
        <v>40350.043722599999</v>
      </c>
      <c r="AZ783" s="9">
        <v>43431.731470600003</v>
      </c>
      <c r="BA783" s="9">
        <v>45379.602330000002</v>
      </c>
      <c r="BB783" s="9">
        <v>46709.388833199999</v>
      </c>
      <c r="BC783" s="9">
        <v>50291.209555000001</v>
      </c>
      <c r="BD783" s="9">
        <v>53681.873613199998</v>
      </c>
      <c r="BE783" s="9">
        <v>59092.793206800001</v>
      </c>
      <c r="BF783" s="9">
        <v>65609.328928899995</v>
      </c>
      <c r="BG783" s="11">
        <v>2</v>
      </c>
      <c r="BH783" s="13">
        <v>0.66666666666666663</v>
      </c>
      <c r="BI783" s="6">
        <v>0</v>
      </c>
      <c r="BJ783" s="13">
        <v>0</v>
      </c>
      <c r="BK783" s="6">
        <v>2</v>
      </c>
      <c r="BL783" s="13">
        <v>0.66666666666666663</v>
      </c>
      <c r="BM783" s="11">
        <v>0</v>
      </c>
      <c r="BN783" s="13">
        <v>0</v>
      </c>
      <c r="BO783" s="11">
        <v>2</v>
      </c>
      <c r="BP783" s="13">
        <v>0.66666666666666663</v>
      </c>
      <c r="BQ783" s="6">
        <v>3</v>
      </c>
      <c r="BR783" s="6">
        <v>3</v>
      </c>
      <c r="BS783" s="6">
        <v>3</v>
      </c>
      <c r="BT783" s="6">
        <v>3</v>
      </c>
      <c r="BU783" s="6">
        <v>4</v>
      </c>
      <c r="BV783" s="6">
        <v>4</v>
      </c>
      <c r="BW783" s="6">
        <v>5</v>
      </c>
      <c r="BX783" s="6">
        <v>5</v>
      </c>
      <c r="BY783" s="6">
        <v>5</v>
      </c>
      <c r="BZ783" s="6">
        <v>4</v>
      </c>
      <c r="CA783" s="6">
        <v>4</v>
      </c>
      <c r="CB783" s="6">
        <v>5</v>
      </c>
      <c r="CC783" s="11">
        <v>5</v>
      </c>
      <c r="CD783" s="11">
        <v>-26.856999999999999</v>
      </c>
      <c r="CE783" s="11">
        <v>6.6605999999999996</v>
      </c>
      <c r="CF783" s="11">
        <v>7.0178200000000004</v>
      </c>
      <c r="CG783" s="11">
        <v>14</v>
      </c>
      <c r="CH783" s="20">
        <v>0.109469</v>
      </c>
      <c r="CI783" s="20">
        <v>9.6929799999999997E-2</v>
      </c>
      <c r="CJ783" s="20">
        <v>0.13674900000000001</v>
      </c>
      <c r="CK783" s="20">
        <v>0.13011400000000001</v>
      </c>
      <c r="CL783" s="20">
        <v>0.142737</v>
      </c>
      <c r="CM783" s="20">
        <v>0.115179</v>
      </c>
      <c r="CN783" s="20">
        <v>0.10943799999999999</v>
      </c>
      <c r="CO783" s="20">
        <v>4.7642700000000003E-2</v>
      </c>
      <c r="CP783" s="20">
        <v>9.4634999999999997E-2</v>
      </c>
      <c r="CQ783" s="20">
        <v>0.100678</v>
      </c>
      <c r="CR783" s="20">
        <v>7.3610800000000004E-2</v>
      </c>
      <c r="CS783" s="20">
        <v>6.6162100000000001E-2</v>
      </c>
      <c r="CT783" s="20">
        <v>5.1603299999999998E-2</v>
      </c>
      <c r="CU783" s="20">
        <v>5.7147400000000001E-2</v>
      </c>
      <c r="CV783" s="20">
        <v>6.9129200000000002E-2</v>
      </c>
      <c r="CW783" s="20">
        <v>7.2064900000000001E-2</v>
      </c>
      <c r="CX783" s="20">
        <v>6.8662699999999993E-2</v>
      </c>
      <c r="CY783" s="6" t="s">
        <v>515</v>
      </c>
      <c r="CZ783" s="6" t="s">
        <v>516</v>
      </c>
      <c r="DA783" s="6" t="s">
        <v>103</v>
      </c>
      <c r="DB783" s="6" t="s">
        <v>345</v>
      </c>
      <c r="DC783" s="6">
        <v>44180</v>
      </c>
      <c r="DD783" s="6">
        <v>520</v>
      </c>
      <c r="DE783" s="6" t="s">
        <v>460</v>
      </c>
      <c r="DF783" s="6" t="s">
        <v>375</v>
      </c>
      <c r="DG783" s="6" t="s">
        <v>364</v>
      </c>
      <c r="DH783" s="6" t="s">
        <v>419</v>
      </c>
      <c r="DI783" s="6" t="s">
        <v>461</v>
      </c>
      <c r="DJ783" s="6">
        <v>29</v>
      </c>
      <c r="DK783" s="6">
        <v>77</v>
      </c>
      <c r="DL783" s="6">
        <v>2</v>
      </c>
      <c r="DM783" s="6" t="s">
        <v>379</v>
      </c>
      <c r="DN783" s="6">
        <v>2</v>
      </c>
      <c r="DO783" s="6" t="s">
        <v>463</v>
      </c>
      <c r="DP783" s="6"/>
      <c r="DQ783" s="6"/>
    </row>
    <row r="784" spans="1:121" x14ac:dyDescent="0.2">
      <c r="A784" s="6" t="s">
        <v>311</v>
      </c>
      <c r="B784" s="6" t="s">
        <v>311</v>
      </c>
      <c r="C784" s="6" t="s">
        <v>174</v>
      </c>
      <c r="D784" s="6" t="s">
        <v>103</v>
      </c>
      <c r="E784" s="6" t="s">
        <v>244</v>
      </c>
      <c r="F784" s="11">
        <v>10</v>
      </c>
      <c r="G784" s="13">
        <v>0.45454545454500001</v>
      </c>
      <c r="H784" s="11">
        <v>6.9057330000000015</v>
      </c>
      <c r="I784" s="13">
        <v>0.30700367542864265</v>
      </c>
      <c r="J784" s="11">
        <v>-11.24991</v>
      </c>
      <c r="K784" s="13">
        <v>-0.38265380050713427</v>
      </c>
      <c r="L784" s="11">
        <v>13.770608302300001</v>
      </c>
      <c r="M784" s="13">
        <v>0.75871964538117731</v>
      </c>
      <c r="N784" s="11">
        <v>2.5206983023000014</v>
      </c>
      <c r="O784" s="13">
        <v>8.5738889049510339E-2</v>
      </c>
      <c r="P784" s="7">
        <v>22.493974999999999</v>
      </c>
      <c r="Q784" s="7">
        <v>28.456665999999998</v>
      </c>
      <c r="R784" s="7">
        <v>26.986581999999999</v>
      </c>
      <c r="S784" s="7">
        <v>26.758655000000001</v>
      </c>
      <c r="T784" s="7">
        <v>27.989121999999998</v>
      </c>
      <c r="U784" s="7">
        <v>29.576689999999999</v>
      </c>
      <c r="V784" s="7">
        <v>29.399708</v>
      </c>
      <c r="W784" s="7">
        <v>27.820965000000001</v>
      </c>
      <c r="X784" s="7">
        <v>29.948708</v>
      </c>
      <c r="Y784" s="7">
        <v>18.149798000000001</v>
      </c>
      <c r="Z784" s="7">
        <v>19.7160439311</v>
      </c>
      <c r="AA784" s="7">
        <v>19.883024785500002</v>
      </c>
      <c r="AB784" s="7">
        <v>23.136673105300002</v>
      </c>
      <c r="AC784" s="7">
        <v>25.128387590799999</v>
      </c>
      <c r="AD784" s="7">
        <v>33.196926465600001</v>
      </c>
      <c r="AE784" s="7">
        <v>31.033629768899999</v>
      </c>
      <c r="AF784" s="7">
        <v>31.920406302300002</v>
      </c>
      <c r="AG784" s="9">
        <v>-1026.1324992000009</v>
      </c>
      <c r="AH784" s="13">
        <v>-1.593056132169204E-2</v>
      </c>
      <c r="AI784" s="9">
        <v>22289.308093000007</v>
      </c>
      <c r="AJ784" s="13">
        <v>0.34603834268035916</v>
      </c>
      <c r="AK784" s="9">
        <v>10389.794931199998</v>
      </c>
      <c r="AL784" s="13">
        <v>0.11983320657632436</v>
      </c>
      <c r="AM784" s="9">
        <v>-33705.235523400006</v>
      </c>
      <c r="AN784" s="13">
        <v>-0.34714764990071595</v>
      </c>
      <c r="AO784" s="9">
        <v>-23315.440592200008</v>
      </c>
      <c r="AP784" s="13">
        <v>-0.26891425936742963</v>
      </c>
      <c r="AQ784" s="9">
        <v>64412.8275507</v>
      </c>
      <c r="AR784" s="9">
        <v>65553.929861500001</v>
      </c>
      <c r="AS784" s="9">
        <v>73440.554663600007</v>
      </c>
      <c r="AT784" s="9">
        <v>78713.829625800005</v>
      </c>
      <c r="AU784" s="9">
        <v>79858.842309300002</v>
      </c>
      <c r="AV784" s="9">
        <v>81495.323258300006</v>
      </c>
      <c r="AW784" s="9">
        <v>86702.135643700007</v>
      </c>
      <c r="AX784" s="9">
        <v>122074.208669</v>
      </c>
      <c r="AY784" s="9">
        <v>91706.355802699996</v>
      </c>
      <c r="AZ784" s="9">
        <v>97091.930574900005</v>
      </c>
      <c r="BA784" s="9">
        <v>97479.074305899994</v>
      </c>
      <c r="BB784" s="9">
        <v>94109.101148899994</v>
      </c>
      <c r="BC784" s="9">
        <v>94164.828975900004</v>
      </c>
      <c r="BD784" s="9">
        <v>52872.292424300002</v>
      </c>
      <c r="BE784" s="9">
        <v>39611.403297199999</v>
      </c>
      <c r="BF784" s="9">
        <v>63386.695051499999</v>
      </c>
      <c r="BG784" s="11">
        <v>-0.75</v>
      </c>
      <c r="BH784" s="13">
        <v>-0.125</v>
      </c>
      <c r="BI784" s="6">
        <v>-1</v>
      </c>
      <c r="BJ784" s="13">
        <v>-0.16666666666666666</v>
      </c>
      <c r="BK784" s="6">
        <v>1</v>
      </c>
      <c r="BL784" s="13">
        <v>0.2</v>
      </c>
      <c r="BM784" s="11">
        <v>-0.75</v>
      </c>
      <c r="BN784" s="13">
        <v>-0.125</v>
      </c>
      <c r="BO784" s="11">
        <v>0.25</v>
      </c>
      <c r="BP784" s="13">
        <v>0.05</v>
      </c>
      <c r="BQ784" s="6">
        <v>6</v>
      </c>
      <c r="BR784" s="6">
        <v>5</v>
      </c>
      <c r="BS784" s="6">
        <v>5</v>
      </c>
      <c r="BT784" s="6">
        <v>5</v>
      </c>
      <c r="BU784" s="6">
        <v>5</v>
      </c>
      <c r="BV784" s="6">
        <v>6</v>
      </c>
      <c r="BW784" s="6">
        <v>6</v>
      </c>
      <c r="BX784" s="6">
        <v>5</v>
      </c>
      <c r="BY784" s="6">
        <v>5</v>
      </c>
      <c r="BZ784" s="6">
        <v>6</v>
      </c>
      <c r="CA784" s="6">
        <v>6</v>
      </c>
      <c r="CB784" s="6">
        <v>6</v>
      </c>
      <c r="CC784" s="11">
        <v>5.25</v>
      </c>
      <c r="CD784" s="11">
        <v>10.630599999999999</v>
      </c>
      <c r="CE784" s="11">
        <v>-3.6629999999999998</v>
      </c>
      <c r="CF784" s="11">
        <v>2.45886</v>
      </c>
      <c r="CG784" s="11">
        <v>-2</v>
      </c>
      <c r="CH784" s="20">
        <v>3.5006799999999998E-2</v>
      </c>
      <c r="CI784" s="20">
        <v>4.4333499999999998E-2</v>
      </c>
      <c r="CJ784" s="20">
        <v>4.24065E-2</v>
      </c>
      <c r="CK784" s="20">
        <v>4.3118900000000002E-2</v>
      </c>
      <c r="CL784" s="20">
        <v>4.5661899999999998E-2</v>
      </c>
      <c r="CM784" s="20">
        <v>4.82164E-2</v>
      </c>
      <c r="CN784" s="20">
        <v>4.7160500000000001E-2</v>
      </c>
      <c r="CO784" s="20">
        <v>4.4201400000000002E-2</v>
      </c>
      <c r="CP784" s="20">
        <v>4.7249600000000003E-2</v>
      </c>
      <c r="CQ784" s="20">
        <v>2.9255E-2</v>
      </c>
      <c r="CR784" s="20">
        <v>3.1829799999999998E-2</v>
      </c>
      <c r="CS784" s="20">
        <v>3.1605099999999997E-2</v>
      </c>
      <c r="CT784" s="20">
        <v>3.7328300000000002E-2</v>
      </c>
      <c r="CU784" s="20">
        <v>4.02408E-2</v>
      </c>
      <c r="CV784" s="20">
        <v>5.2562699999999997E-2</v>
      </c>
      <c r="CW784" s="20">
        <v>4.9354299999999997E-2</v>
      </c>
      <c r="CX784" s="20">
        <v>5.0250799999999998E-2</v>
      </c>
      <c r="CY784" s="6" t="s">
        <v>515</v>
      </c>
      <c r="CZ784" s="6" t="s">
        <v>516</v>
      </c>
      <c r="DA784" s="6" t="s">
        <v>103</v>
      </c>
      <c r="DB784" s="6" t="s">
        <v>345</v>
      </c>
      <c r="DC784" s="6">
        <v>44180</v>
      </c>
      <c r="DD784" s="6">
        <v>520</v>
      </c>
      <c r="DE784" s="6" t="s">
        <v>460</v>
      </c>
      <c r="DF784" s="6" t="s">
        <v>375</v>
      </c>
      <c r="DG784" s="6" t="s">
        <v>364</v>
      </c>
      <c r="DH784" s="6" t="s">
        <v>419</v>
      </c>
      <c r="DI784" s="6" t="s">
        <v>461</v>
      </c>
      <c r="DJ784" s="6">
        <v>29</v>
      </c>
      <c r="DK784" s="6">
        <v>77</v>
      </c>
      <c r="DL784" s="6">
        <v>2</v>
      </c>
      <c r="DM784" s="6" t="s">
        <v>379</v>
      </c>
      <c r="DN784" s="6">
        <v>2</v>
      </c>
      <c r="DO784" s="6" t="s">
        <v>463</v>
      </c>
      <c r="DP784" s="6"/>
      <c r="DQ784" s="6"/>
    </row>
    <row r="785" spans="1:121" x14ac:dyDescent="0.2">
      <c r="A785" s="6" t="s">
        <v>312</v>
      </c>
      <c r="B785" s="6" t="s">
        <v>312</v>
      </c>
      <c r="C785" s="6" t="s">
        <v>175</v>
      </c>
      <c r="D785" s="6" t="s">
        <v>103</v>
      </c>
      <c r="E785" s="6" t="s">
        <v>244</v>
      </c>
      <c r="F785" s="11">
        <v>-230</v>
      </c>
      <c r="G785" s="13">
        <v>-2.9392971245999999E-2</v>
      </c>
      <c r="H785" s="11">
        <v>1787.8211617099987</v>
      </c>
      <c r="I785" s="13">
        <v>0.22848868168758552</v>
      </c>
      <c r="J785" s="11">
        <v>-2627.5874991899991</v>
      </c>
      <c r="K785" s="13">
        <v>-0.27335476317598306</v>
      </c>
      <c r="L785" s="11">
        <v>610.52147387999958</v>
      </c>
      <c r="M785" s="13">
        <v>8.7407353647758812E-2</v>
      </c>
      <c r="N785" s="11">
        <v>-2017.0660253099995</v>
      </c>
      <c r="O785" s="13">
        <v>-0.20984062598444672</v>
      </c>
      <c r="P785" s="7">
        <v>7824.5502075000004</v>
      </c>
      <c r="Q785" s="7">
        <v>7935.2151277700004</v>
      </c>
      <c r="R785" s="7">
        <v>8500.1394807399993</v>
      </c>
      <c r="S785" s="7">
        <v>8872.1201352400003</v>
      </c>
      <c r="T785" s="7">
        <v>9267.4323836500007</v>
      </c>
      <c r="U785" s="7">
        <v>9821.3573254200001</v>
      </c>
      <c r="V785" s="7">
        <v>9612.3713692099991</v>
      </c>
      <c r="W785" s="7">
        <v>8982.9069233999999</v>
      </c>
      <c r="X785" s="7">
        <v>7741.6712017299997</v>
      </c>
      <c r="Y785" s="7">
        <v>6984.78387002</v>
      </c>
      <c r="Z785" s="7">
        <v>6686.18433921</v>
      </c>
      <c r="AA785" s="7">
        <v>6968.9096595499996</v>
      </c>
      <c r="AB785" s="7">
        <v>6752.1031082</v>
      </c>
      <c r="AC785" s="7">
        <v>7016.7952683499998</v>
      </c>
      <c r="AD785" s="7">
        <v>7375.8748097999996</v>
      </c>
      <c r="AE785" s="7">
        <v>7615.4476836900003</v>
      </c>
      <c r="AF785" s="7">
        <v>7595.3053438999996</v>
      </c>
      <c r="AG785" s="9">
        <v>16446.413133800001</v>
      </c>
      <c r="AH785" s="13">
        <v>0.50359068588459277</v>
      </c>
      <c r="AI785" s="9">
        <v>6468.2800458999991</v>
      </c>
      <c r="AJ785" s="13">
        <v>0.19805933113245225</v>
      </c>
      <c r="AK785" s="9">
        <v>4482.4287487000038</v>
      </c>
      <c r="AL785" s="13">
        <v>0.11456225733264204</v>
      </c>
      <c r="AM785" s="9">
        <v>5495.7043391999978</v>
      </c>
      <c r="AN785" s="13">
        <v>0.12602224018608532</v>
      </c>
      <c r="AO785" s="9">
        <v>9978.1330879000016</v>
      </c>
      <c r="AP785" s="13">
        <v>0.25502188982856167</v>
      </c>
      <c r="AQ785" s="9">
        <v>32658.294910500001</v>
      </c>
      <c r="AR785" s="9">
        <v>33264.693442399999</v>
      </c>
      <c r="AS785" s="9">
        <v>33122.220846600001</v>
      </c>
      <c r="AT785" s="9">
        <v>34568.925555100002</v>
      </c>
      <c r="AU785" s="9">
        <v>35075.2521136</v>
      </c>
      <c r="AV785" s="9">
        <v>36587.140675100003</v>
      </c>
      <c r="AW785" s="9">
        <v>39126.5749564</v>
      </c>
      <c r="AX785" s="9">
        <v>41054.343586900002</v>
      </c>
      <c r="AY785" s="9">
        <v>41198.598109300001</v>
      </c>
      <c r="AZ785" s="9">
        <v>43609.003705100004</v>
      </c>
      <c r="BA785" s="9">
        <v>42259.997562199998</v>
      </c>
      <c r="BB785" s="9">
        <v>43464.455333799997</v>
      </c>
      <c r="BC785" s="9">
        <v>43581.697991699999</v>
      </c>
      <c r="BD785" s="9">
        <v>45702.213550799999</v>
      </c>
      <c r="BE785" s="9">
        <v>47124.605940100002</v>
      </c>
      <c r="BF785" s="9">
        <v>49104.708044300001</v>
      </c>
      <c r="BG785" s="11">
        <v>-197.25</v>
      </c>
      <c r="BH785" s="13">
        <v>-0.23679471788715487</v>
      </c>
      <c r="BI785" s="6">
        <v>48</v>
      </c>
      <c r="BJ785" s="13">
        <v>5.7623049219687875E-2</v>
      </c>
      <c r="BK785" s="6">
        <v>-161</v>
      </c>
      <c r="BL785" s="13">
        <v>-0.18274687854710556</v>
      </c>
      <c r="BM785" s="11">
        <v>-84.25</v>
      </c>
      <c r="BN785" s="13">
        <v>-0.11701388888888889</v>
      </c>
      <c r="BO785" s="11">
        <v>-245.25</v>
      </c>
      <c r="BP785" s="13">
        <v>-0.27837684449489219</v>
      </c>
      <c r="BQ785" s="6">
        <v>833</v>
      </c>
      <c r="BR785" s="6">
        <v>842</v>
      </c>
      <c r="BS785" s="6">
        <v>876</v>
      </c>
      <c r="BT785" s="6">
        <v>881</v>
      </c>
      <c r="BU785" s="6">
        <v>855</v>
      </c>
      <c r="BV785" s="6">
        <v>785</v>
      </c>
      <c r="BW785" s="6">
        <v>720</v>
      </c>
      <c r="BX785" s="6">
        <v>673</v>
      </c>
      <c r="BY785" s="6">
        <v>645</v>
      </c>
      <c r="BZ785" s="6">
        <v>632</v>
      </c>
      <c r="CA785" s="6">
        <v>626</v>
      </c>
      <c r="CB785" s="6">
        <v>634</v>
      </c>
      <c r="CC785" s="11">
        <v>635.75</v>
      </c>
      <c r="CD785" s="11">
        <v>-136.81</v>
      </c>
      <c r="CE785" s="11">
        <v>-947.75199999999995</v>
      </c>
      <c r="CF785" s="11">
        <v>855.31799999999998</v>
      </c>
      <c r="CG785" s="11">
        <v>-93</v>
      </c>
      <c r="CH785" s="20">
        <v>0.83955100000000005</v>
      </c>
      <c r="CI785" s="20">
        <v>0.84643800000000002</v>
      </c>
      <c r="CJ785" s="20">
        <v>0.87394799999999995</v>
      </c>
      <c r="CK785" s="20">
        <v>0.87705</v>
      </c>
      <c r="CL785" s="20">
        <v>0.86472000000000004</v>
      </c>
      <c r="CM785" s="20">
        <v>0.87211700000000003</v>
      </c>
      <c r="CN785" s="20">
        <v>0.85120499999999999</v>
      </c>
      <c r="CO785" s="20">
        <v>0.84553999999999996</v>
      </c>
      <c r="CP785" s="20">
        <v>0.83468100000000001</v>
      </c>
      <c r="CQ785" s="20">
        <v>0.823129</v>
      </c>
      <c r="CR785" s="20">
        <v>0.79749000000000003</v>
      </c>
      <c r="CS785" s="20">
        <v>0.81070600000000004</v>
      </c>
      <c r="CT785" s="20">
        <v>0.77795599999999998</v>
      </c>
      <c r="CU785" s="20">
        <v>0.77809799999999996</v>
      </c>
      <c r="CV785" s="20">
        <v>0.786304</v>
      </c>
      <c r="CW785" s="20">
        <v>0.79860600000000004</v>
      </c>
      <c r="CX785" s="20">
        <v>0.78956700000000002</v>
      </c>
      <c r="CY785" s="6" t="s">
        <v>515</v>
      </c>
      <c r="CZ785" s="6" t="s">
        <v>516</v>
      </c>
      <c r="DA785" s="6" t="s">
        <v>103</v>
      </c>
      <c r="DB785" s="6" t="s">
        <v>345</v>
      </c>
      <c r="DC785" s="6">
        <v>44180</v>
      </c>
      <c r="DD785" s="6">
        <v>520</v>
      </c>
      <c r="DE785" s="6" t="s">
        <v>460</v>
      </c>
      <c r="DF785" s="6" t="s">
        <v>375</v>
      </c>
      <c r="DG785" s="6" t="s">
        <v>364</v>
      </c>
      <c r="DH785" s="6" t="s">
        <v>419</v>
      </c>
      <c r="DI785" s="6" t="s">
        <v>461</v>
      </c>
      <c r="DJ785" s="6">
        <v>29</v>
      </c>
      <c r="DK785" s="6">
        <v>77</v>
      </c>
      <c r="DL785" s="6">
        <v>2</v>
      </c>
      <c r="DM785" s="6" t="s">
        <v>379</v>
      </c>
      <c r="DN785" s="6">
        <v>2</v>
      </c>
      <c r="DO785" s="6" t="s">
        <v>463</v>
      </c>
      <c r="DP785" s="6"/>
      <c r="DQ785" s="6"/>
    </row>
    <row r="786" spans="1:121" x14ac:dyDescent="0.2">
      <c r="A786" s="6" t="s">
        <v>792</v>
      </c>
      <c r="B786" s="6" t="s">
        <v>176</v>
      </c>
      <c r="C786" s="6" t="s">
        <v>177</v>
      </c>
      <c r="D786" s="6" t="s">
        <v>103</v>
      </c>
      <c r="E786" s="6" t="s">
        <v>244</v>
      </c>
      <c r="F786" s="11">
        <v>-4666</v>
      </c>
      <c r="G786" s="13">
        <v>-0.275817225276</v>
      </c>
      <c r="H786" s="11">
        <v>-2278.3978289000006</v>
      </c>
      <c r="I786" s="13">
        <v>-0.1346778003340553</v>
      </c>
      <c r="J786" s="11">
        <v>-4107.1103014</v>
      </c>
      <c r="K786" s="13">
        <v>-0.2805594989892361</v>
      </c>
      <c r="L786" s="11">
        <v>1718.7741007000004</v>
      </c>
      <c r="M786" s="13">
        <v>0.16319713448657081</v>
      </c>
      <c r="N786" s="11">
        <v>-2388.3362006999996</v>
      </c>
      <c r="O786" s="13">
        <v>-0.16314887079069659</v>
      </c>
      <c r="P786" s="7">
        <v>16917.3971007</v>
      </c>
      <c r="Q786" s="7">
        <v>15463.658324</v>
      </c>
      <c r="R786" s="7">
        <v>14908.8150924</v>
      </c>
      <c r="S786" s="7">
        <v>14232.491205</v>
      </c>
      <c r="T786" s="7">
        <v>14020.350030899999</v>
      </c>
      <c r="U786" s="7">
        <v>13892.3850571</v>
      </c>
      <c r="V786" s="7">
        <v>14638.999271799999</v>
      </c>
      <c r="W786" s="7">
        <v>13996.0580837</v>
      </c>
      <c r="X786" s="7">
        <v>11529.075678499999</v>
      </c>
      <c r="Y786" s="7">
        <v>10531.888970399999</v>
      </c>
      <c r="Z786" s="7">
        <v>11138.5644013</v>
      </c>
      <c r="AA786" s="7">
        <v>11496.143202699999</v>
      </c>
      <c r="AB786" s="7">
        <v>11772.684514</v>
      </c>
      <c r="AC786" s="7">
        <v>11984.030654100001</v>
      </c>
      <c r="AD786" s="7">
        <v>12011.653568600001</v>
      </c>
      <c r="AE786" s="7">
        <v>12030.1893115</v>
      </c>
      <c r="AF786" s="7">
        <v>12250.6630711</v>
      </c>
      <c r="AG786" s="9">
        <v>20758.064384199999</v>
      </c>
      <c r="AH786" s="13">
        <v>0.53477055649471694</v>
      </c>
      <c r="AI786" s="9">
        <v>10762.827882500002</v>
      </c>
      <c r="AJ786" s="13">
        <v>0.27727264689294873</v>
      </c>
      <c r="AK786" s="9">
        <v>3297.223776699997</v>
      </c>
      <c r="AL786" s="13">
        <v>6.650364424955911E-2</v>
      </c>
      <c r="AM786" s="9">
        <v>6698.0127250000005</v>
      </c>
      <c r="AN786" s="13">
        <v>0.12667200533493167</v>
      </c>
      <c r="AO786" s="9">
        <v>9995.2365016999975</v>
      </c>
      <c r="AP786" s="13">
        <v>0.20159979956366331</v>
      </c>
      <c r="AQ786" s="9">
        <v>38816.767550299999</v>
      </c>
      <c r="AR786" s="9">
        <v>41172.781807500003</v>
      </c>
      <c r="AS786" s="9">
        <v>43249.186667000002</v>
      </c>
      <c r="AT786" s="9">
        <v>45097.671059599998</v>
      </c>
      <c r="AU786" s="9">
        <v>46826.549182100003</v>
      </c>
      <c r="AV786" s="9">
        <v>48352.7051144</v>
      </c>
      <c r="AW786" s="9">
        <v>49579.595432800001</v>
      </c>
      <c r="AX786" s="9">
        <v>50333.256895799997</v>
      </c>
      <c r="AY786" s="9">
        <v>51210.309047700001</v>
      </c>
      <c r="AZ786" s="9">
        <v>52876.819209499998</v>
      </c>
      <c r="BA786" s="9">
        <v>54186.909601200001</v>
      </c>
      <c r="BB786" s="9">
        <v>56125.726899000001</v>
      </c>
      <c r="BC786" s="9">
        <v>55436.842254800002</v>
      </c>
      <c r="BD786" s="9">
        <v>57291.0692242</v>
      </c>
      <c r="BE786" s="9">
        <v>59067.305710000001</v>
      </c>
      <c r="BF786" s="9">
        <v>59574.831934499998</v>
      </c>
      <c r="BG786" s="11">
        <v>-55.25</v>
      </c>
      <c r="BH786" s="13">
        <v>-0.14972899728997291</v>
      </c>
      <c r="BI786" s="6">
        <v>6</v>
      </c>
      <c r="BJ786" s="13">
        <v>1.6260162601626018E-2</v>
      </c>
      <c r="BK786" s="6">
        <v>-37</v>
      </c>
      <c r="BL786" s="13">
        <v>-9.8666666666666666E-2</v>
      </c>
      <c r="BM786" s="11">
        <v>-24.25</v>
      </c>
      <c r="BN786" s="13">
        <v>-7.174556213017752E-2</v>
      </c>
      <c r="BO786" s="11">
        <v>-61.25</v>
      </c>
      <c r="BP786" s="13">
        <v>-0.16333333333333333</v>
      </c>
      <c r="BQ786" s="6">
        <v>369</v>
      </c>
      <c r="BR786" s="6">
        <v>367</v>
      </c>
      <c r="BS786" s="6">
        <v>371</v>
      </c>
      <c r="BT786" s="6">
        <v>375</v>
      </c>
      <c r="BU786" s="6">
        <v>369</v>
      </c>
      <c r="BV786" s="6">
        <v>347</v>
      </c>
      <c r="BW786" s="6">
        <v>338</v>
      </c>
      <c r="BX786" s="6">
        <v>332</v>
      </c>
      <c r="BY786" s="6">
        <v>323</v>
      </c>
      <c r="BZ786" s="6">
        <v>323</v>
      </c>
      <c r="CA786" s="6">
        <v>331</v>
      </c>
      <c r="CB786" s="6">
        <v>320</v>
      </c>
      <c r="CC786" s="11">
        <v>313.75</v>
      </c>
      <c r="CD786" s="11">
        <v>-544.54499999999996</v>
      </c>
      <c r="CE786" s="11">
        <v>-5971.46</v>
      </c>
      <c r="CF786" s="11">
        <v>1849.28</v>
      </c>
      <c r="CG786" s="11">
        <v>-4122</v>
      </c>
      <c r="CH786" s="20">
        <v>0.94814900000000002</v>
      </c>
      <c r="CI786" s="20">
        <v>0.92074</v>
      </c>
      <c r="CJ786" s="20">
        <v>0.91464199999999996</v>
      </c>
      <c r="CK786" s="20">
        <v>0.889185</v>
      </c>
      <c r="CL786" s="20">
        <v>0.87061200000000005</v>
      </c>
      <c r="CM786" s="20">
        <v>0.86050899999999997</v>
      </c>
      <c r="CN786" s="20">
        <v>0.91547800000000001</v>
      </c>
      <c r="CO786" s="20">
        <v>0.91027000000000002</v>
      </c>
      <c r="CP786" s="20">
        <v>0.84619200000000006</v>
      </c>
      <c r="CQ786" s="20">
        <v>0.79928399999999999</v>
      </c>
      <c r="CR786" s="20">
        <v>0.83009200000000005</v>
      </c>
      <c r="CS786" s="20">
        <v>0.82960800000000001</v>
      </c>
      <c r="CT786" s="20">
        <v>0.85467199999999999</v>
      </c>
      <c r="CU786" s="20">
        <v>0.85787199999999997</v>
      </c>
      <c r="CV786" s="20">
        <v>0.84977199999999997</v>
      </c>
      <c r="CW786" s="20">
        <v>0.85546900000000003</v>
      </c>
      <c r="CX786" s="20">
        <v>0.86912800000000001</v>
      </c>
      <c r="CY786" s="6" t="s">
        <v>515</v>
      </c>
      <c r="CZ786" s="6" t="s">
        <v>516</v>
      </c>
      <c r="DA786" s="6" t="s">
        <v>103</v>
      </c>
      <c r="DB786" s="6" t="s">
        <v>345</v>
      </c>
      <c r="DC786" s="6">
        <v>44180</v>
      </c>
      <c r="DD786" s="6">
        <v>520</v>
      </c>
      <c r="DE786" s="6" t="s">
        <v>460</v>
      </c>
      <c r="DF786" s="6" t="s">
        <v>375</v>
      </c>
      <c r="DG786" s="6" t="s">
        <v>364</v>
      </c>
      <c r="DH786" s="6" t="s">
        <v>419</v>
      </c>
      <c r="DI786" s="6" t="s">
        <v>461</v>
      </c>
      <c r="DJ786" s="6">
        <v>29</v>
      </c>
      <c r="DK786" s="6">
        <v>77</v>
      </c>
      <c r="DL786" s="6">
        <v>2</v>
      </c>
      <c r="DM786" s="6" t="s">
        <v>379</v>
      </c>
      <c r="DN786" s="6">
        <v>2</v>
      </c>
      <c r="DO786" s="6" t="s">
        <v>463</v>
      </c>
      <c r="DP786" s="6"/>
      <c r="DQ786" s="6"/>
    </row>
    <row r="787" spans="1:121" x14ac:dyDescent="0.2">
      <c r="A787" s="6" t="s">
        <v>313</v>
      </c>
      <c r="B787" s="6" t="s">
        <v>313</v>
      </c>
      <c r="C787" s="6" t="s">
        <v>178</v>
      </c>
      <c r="D787" s="6" t="s">
        <v>103</v>
      </c>
      <c r="E787" s="6" t="s">
        <v>244</v>
      </c>
      <c r="F787" s="11">
        <v>449</v>
      </c>
      <c r="G787" s="13">
        <v>5.4622871046199999E-2</v>
      </c>
      <c r="H787" s="11">
        <v>619.97966805999931</v>
      </c>
      <c r="I787" s="13">
        <v>7.542725245431775E-2</v>
      </c>
      <c r="J787" s="11">
        <v>-459.0323971100006</v>
      </c>
      <c r="K787" s="13">
        <v>-5.1929380423569427E-2</v>
      </c>
      <c r="L787" s="11">
        <v>288.58383404000051</v>
      </c>
      <c r="M787" s="13">
        <v>3.4435081412297529E-2</v>
      </c>
      <c r="N787" s="11">
        <v>-170.44856307000009</v>
      </c>
      <c r="O787" s="13">
        <v>-1.928249145384768E-2</v>
      </c>
      <c r="P787" s="7">
        <v>8219.5711481800008</v>
      </c>
      <c r="Q787" s="7">
        <v>8399.7980019700008</v>
      </c>
      <c r="R787" s="7">
        <v>8426.4593114599993</v>
      </c>
      <c r="S787" s="7">
        <v>8495.4516211699993</v>
      </c>
      <c r="T787" s="7">
        <v>8658.7669306799999</v>
      </c>
      <c r="U787" s="7">
        <v>8873.28748576</v>
      </c>
      <c r="V787" s="7">
        <v>8839.5508162400001</v>
      </c>
      <c r="W787" s="7">
        <v>8646.3287456100006</v>
      </c>
      <c r="X787" s="7">
        <v>8510.3218115700001</v>
      </c>
      <c r="Y787" s="7">
        <v>8380.5184191299995</v>
      </c>
      <c r="Z787" s="7">
        <v>8098.2203758100004</v>
      </c>
      <c r="AA787" s="7">
        <v>7875.8712545999997</v>
      </c>
      <c r="AB787" s="7">
        <v>7999.60657894</v>
      </c>
      <c r="AC787" s="7">
        <v>8070.9314048899996</v>
      </c>
      <c r="AD787" s="7">
        <v>8535.5530376499992</v>
      </c>
      <c r="AE787" s="7">
        <v>8581.8450329400002</v>
      </c>
      <c r="AF787" s="7">
        <v>8669.10225317</v>
      </c>
      <c r="AG787" s="9">
        <v>21262.624602100004</v>
      </c>
      <c r="AH787" s="13">
        <v>0.53469270467893781</v>
      </c>
      <c r="AI787" s="9">
        <v>12055.855619600006</v>
      </c>
      <c r="AJ787" s="13">
        <v>0.30316944258264528</v>
      </c>
      <c r="AK787" s="9">
        <v>-597.03241740000522</v>
      </c>
      <c r="AL787" s="13">
        <v>-1.1520847077602992E-2</v>
      </c>
      <c r="AM787" s="9">
        <v>9803.8013999000032</v>
      </c>
      <c r="AN787" s="13">
        <v>0.19138746481358601</v>
      </c>
      <c r="AO787" s="9">
        <v>9206.7689824999979</v>
      </c>
      <c r="AP787" s="13">
        <v>0.17766167202129554</v>
      </c>
      <c r="AQ787" s="9">
        <v>39766.064537699996</v>
      </c>
      <c r="AR787" s="9">
        <v>41341.487504999997</v>
      </c>
      <c r="AS787" s="9">
        <v>42356.753984399998</v>
      </c>
      <c r="AT787" s="9">
        <v>45674.083455400003</v>
      </c>
      <c r="AU787" s="9">
        <v>48118.207749499998</v>
      </c>
      <c r="AV787" s="9">
        <v>49930.257006799999</v>
      </c>
      <c r="AW787" s="9">
        <v>51821.920157300003</v>
      </c>
      <c r="AX787" s="9">
        <v>53117.992791899997</v>
      </c>
      <c r="AY787" s="9">
        <v>48857.839136900002</v>
      </c>
      <c r="AZ787" s="9">
        <v>51224.887739899998</v>
      </c>
      <c r="BA787" s="9">
        <v>52449.9417197</v>
      </c>
      <c r="BB787" s="9">
        <v>54052.785329799997</v>
      </c>
      <c r="BC787" s="9">
        <v>54893.564108400002</v>
      </c>
      <c r="BD787" s="9">
        <v>56522.524882999998</v>
      </c>
      <c r="BE787" s="9">
        <v>59156.478160699997</v>
      </c>
      <c r="BF787" s="9">
        <v>61028.689139800001</v>
      </c>
      <c r="BG787" s="11">
        <v>-64</v>
      </c>
      <c r="BH787" s="13">
        <v>-0.11636363636363636</v>
      </c>
      <c r="BI787" s="6">
        <v>-28</v>
      </c>
      <c r="BJ787" s="13">
        <v>-5.0909090909090911E-2</v>
      </c>
      <c r="BK787" s="6">
        <v>-12</v>
      </c>
      <c r="BL787" s="13">
        <v>-2.2988505747126436E-2</v>
      </c>
      <c r="BM787" s="11">
        <v>-24</v>
      </c>
      <c r="BN787" s="13">
        <v>-4.7058823529411764E-2</v>
      </c>
      <c r="BO787" s="11">
        <v>-36</v>
      </c>
      <c r="BP787" s="13">
        <v>-6.8965517241379309E-2</v>
      </c>
      <c r="BQ787" s="6">
        <v>550</v>
      </c>
      <c r="BR787" s="6">
        <v>530</v>
      </c>
      <c r="BS787" s="6">
        <v>529</v>
      </c>
      <c r="BT787" s="6">
        <v>522</v>
      </c>
      <c r="BU787" s="6">
        <v>521</v>
      </c>
      <c r="BV787" s="6">
        <v>511</v>
      </c>
      <c r="BW787" s="6">
        <v>510</v>
      </c>
      <c r="BX787" s="6">
        <v>500</v>
      </c>
      <c r="BY787" s="6">
        <v>503</v>
      </c>
      <c r="BZ787" s="6">
        <v>500</v>
      </c>
      <c r="CA787" s="6">
        <v>499</v>
      </c>
      <c r="CB787" s="6">
        <v>498</v>
      </c>
      <c r="CC787" s="11">
        <v>486</v>
      </c>
      <c r="CD787" s="11">
        <v>223.12700000000001</v>
      </c>
      <c r="CE787" s="11">
        <v>-672.09400000000005</v>
      </c>
      <c r="CF787" s="11">
        <v>898.49800000000005</v>
      </c>
      <c r="CG787" s="11">
        <v>226</v>
      </c>
      <c r="CH787" s="20">
        <v>1.2937399999999999</v>
      </c>
      <c r="CI787" s="20">
        <v>1.3340099999999999</v>
      </c>
      <c r="CJ787" s="20">
        <v>1.3180700000000001</v>
      </c>
      <c r="CK787" s="20">
        <v>1.32124</v>
      </c>
      <c r="CL787" s="20">
        <v>1.3067200000000001</v>
      </c>
      <c r="CM787" s="20">
        <v>1.2996300000000001</v>
      </c>
      <c r="CN787" s="20">
        <v>1.2608699999999999</v>
      </c>
      <c r="CO787" s="20">
        <v>1.24976</v>
      </c>
      <c r="CP787" s="20">
        <v>1.3122400000000001</v>
      </c>
      <c r="CQ787" s="20">
        <v>1.3228599999999999</v>
      </c>
      <c r="CR787" s="20">
        <v>1.2607699999999999</v>
      </c>
      <c r="CS787" s="20">
        <v>1.1859299999999999</v>
      </c>
      <c r="CT787" s="20">
        <v>1.2049300000000001</v>
      </c>
      <c r="CU787" s="20">
        <v>1.20021</v>
      </c>
      <c r="CV787" s="20">
        <v>1.2552399999999999</v>
      </c>
      <c r="CW787" s="20">
        <v>1.27183</v>
      </c>
      <c r="CX787" s="20">
        <v>1.27135</v>
      </c>
      <c r="CY787" s="6" t="s">
        <v>515</v>
      </c>
      <c r="CZ787" s="6" t="s">
        <v>516</v>
      </c>
      <c r="DA787" s="6" t="s">
        <v>103</v>
      </c>
      <c r="DB787" s="6" t="s">
        <v>345</v>
      </c>
      <c r="DC787" s="6">
        <v>44180</v>
      </c>
      <c r="DD787" s="6">
        <v>520</v>
      </c>
      <c r="DE787" s="6" t="s">
        <v>460</v>
      </c>
      <c r="DF787" s="6" t="s">
        <v>375</v>
      </c>
      <c r="DG787" s="6" t="s">
        <v>364</v>
      </c>
      <c r="DH787" s="6" t="s">
        <v>419</v>
      </c>
      <c r="DI787" s="6" t="s">
        <v>461</v>
      </c>
      <c r="DJ787" s="6">
        <v>29</v>
      </c>
      <c r="DK787" s="6">
        <v>77</v>
      </c>
      <c r="DL787" s="6">
        <v>2</v>
      </c>
      <c r="DM787" s="6" t="s">
        <v>379</v>
      </c>
      <c r="DN787" s="6">
        <v>2</v>
      </c>
      <c r="DO787" s="6" t="s">
        <v>463</v>
      </c>
      <c r="DP787" s="6"/>
      <c r="DQ787" s="6"/>
    </row>
    <row r="788" spans="1:121" x14ac:dyDescent="0.2">
      <c r="A788" s="6" t="s">
        <v>793</v>
      </c>
      <c r="B788" s="6" t="s">
        <v>179</v>
      </c>
      <c r="C788" s="6" t="s">
        <v>180</v>
      </c>
      <c r="D788" s="6" t="s">
        <v>103</v>
      </c>
      <c r="E788" s="6" t="s">
        <v>244</v>
      </c>
      <c r="F788" s="11">
        <v>735</v>
      </c>
      <c r="G788" s="13">
        <v>0.04</v>
      </c>
      <c r="H788" s="11">
        <v>671</v>
      </c>
      <c r="I788" s="13">
        <v>3.3037912358444117E-2</v>
      </c>
      <c r="J788" s="11">
        <v>-1599</v>
      </c>
      <c r="K788" s="13">
        <v>-7.6211810685858639E-2</v>
      </c>
      <c r="L788" s="11">
        <v>1663</v>
      </c>
      <c r="M788" s="13">
        <v>8.5801258900010322E-2</v>
      </c>
      <c r="N788" s="11">
        <v>64</v>
      </c>
      <c r="O788" s="13">
        <v>3.0503789142557552E-3</v>
      </c>
      <c r="P788" s="7">
        <v>20310</v>
      </c>
      <c r="Q788" s="7">
        <v>20608</v>
      </c>
      <c r="R788" s="7">
        <v>20473</v>
      </c>
      <c r="S788" s="7">
        <v>20693</v>
      </c>
      <c r="T788" s="7">
        <v>21100</v>
      </c>
      <c r="U788" s="7">
        <v>20894</v>
      </c>
      <c r="V788" s="7">
        <v>20981</v>
      </c>
      <c r="W788" s="7">
        <v>20624</v>
      </c>
      <c r="X788" s="7">
        <v>19365</v>
      </c>
      <c r="Y788" s="7">
        <v>19382</v>
      </c>
      <c r="Z788" s="7">
        <v>19742</v>
      </c>
      <c r="AA788" s="7">
        <v>20012</v>
      </c>
      <c r="AB788" s="7">
        <v>20203</v>
      </c>
      <c r="AC788" s="7">
        <v>20307</v>
      </c>
      <c r="AD788" s="7">
        <v>20677</v>
      </c>
      <c r="AE788" s="7">
        <v>20910</v>
      </c>
      <c r="AF788" s="7">
        <v>21045</v>
      </c>
      <c r="AG788" s="9">
        <v>9289</v>
      </c>
      <c r="AH788" s="13">
        <v>0.3810402822216753</v>
      </c>
      <c r="AI788" s="9">
        <v>4363</v>
      </c>
      <c r="AJ788" s="13">
        <v>0.17897284436787267</v>
      </c>
      <c r="AK788" s="9">
        <v>689</v>
      </c>
      <c r="AL788" s="13">
        <v>2.3972721895549911E-2</v>
      </c>
      <c r="AM788" s="9">
        <v>4237</v>
      </c>
      <c r="AN788" s="13">
        <v>0.14396873938158342</v>
      </c>
      <c r="AO788" s="9">
        <v>4926</v>
      </c>
      <c r="AP788" s="13">
        <v>0.17139278382798093</v>
      </c>
      <c r="AQ788" s="9">
        <v>24378</v>
      </c>
      <c r="AR788" s="9">
        <v>24683</v>
      </c>
      <c r="AS788" s="9">
        <v>25919</v>
      </c>
      <c r="AT788" s="9">
        <v>26426</v>
      </c>
      <c r="AU788" s="9">
        <v>27329</v>
      </c>
      <c r="AV788" s="9">
        <v>28279</v>
      </c>
      <c r="AW788" s="9">
        <v>28741</v>
      </c>
      <c r="AX788" s="9">
        <v>28968</v>
      </c>
      <c r="AY788" s="9">
        <v>28949</v>
      </c>
      <c r="AZ788" s="9">
        <v>29430</v>
      </c>
      <c r="BA788" s="9">
        <v>29710</v>
      </c>
      <c r="BB788" s="9">
        <v>30322</v>
      </c>
      <c r="BC788" s="9">
        <v>31760</v>
      </c>
      <c r="BD788" s="9">
        <v>31884</v>
      </c>
      <c r="BE788" s="9">
        <v>33102</v>
      </c>
      <c r="BF788" s="9">
        <v>33667</v>
      </c>
      <c r="BG788" s="11">
        <v>-62</v>
      </c>
      <c r="BH788" s="13">
        <v>-5.2409129332206254E-2</v>
      </c>
      <c r="BI788" s="6">
        <v>-9</v>
      </c>
      <c r="BJ788" s="13">
        <v>-7.6077768385460695E-3</v>
      </c>
      <c r="BK788" s="6">
        <v>-46</v>
      </c>
      <c r="BL788" s="13">
        <v>-3.9182282793867124E-2</v>
      </c>
      <c r="BM788" s="11">
        <v>-7</v>
      </c>
      <c r="BN788" s="13">
        <v>-6.2056737588652485E-3</v>
      </c>
      <c r="BO788" s="11">
        <v>-53</v>
      </c>
      <c r="BP788" s="13">
        <v>-4.5144804088586031E-2</v>
      </c>
      <c r="BQ788" s="6">
        <v>1183</v>
      </c>
      <c r="BR788" s="6">
        <v>1179</v>
      </c>
      <c r="BS788" s="6">
        <v>1177</v>
      </c>
      <c r="BT788" s="6">
        <v>1174</v>
      </c>
      <c r="BU788" s="6">
        <v>1171</v>
      </c>
      <c r="BV788" s="6">
        <v>1144</v>
      </c>
      <c r="BW788" s="6">
        <v>1128</v>
      </c>
      <c r="BX788" s="6">
        <v>1108</v>
      </c>
      <c r="BY788" s="6">
        <v>1113</v>
      </c>
      <c r="BZ788" s="6">
        <v>1117</v>
      </c>
      <c r="CA788" s="6">
        <v>1111</v>
      </c>
      <c r="CB788" s="6">
        <v>1143</v>
      </c>
      <c r="CC788" s="11">
        <v>1121</v>
      </c>
      <c r="CD788" s="11">
        <v>-184</v>
      </c>
      <c r="CE788" s="11">
        <v>-1302</v>
      </c>
      <c r="CF788" s="11">
        <v>2220</v>
      </c>
      <c r="CG788" s="11">
        <v>918</v>
      </c>
      <c r="CH788" s="20">
        <v>1.19</v>
      </c>
      <c r="CI788" s="20">
        <v>1.2</v>
      </c>
      <c r="CJ788" s="20">
        <v>1.18</v>
      </c>
      <c r="CK788" s="20">
        <v>1.19</v>
      </c>
      <c r="CL788" s="20">
        <v>1.18</v>
      </c>
      <c r="CM788" s="20">
        <v>1.1499999999999999</v>
      </c>
      <c r="CN788" s="20">
        <v>1.1399999999999999</v>
      </c>
      <c r="CO788" s="20">
        <v>1.1399999999999999</v>
      </c>
      <c r="CP788" s="20">
        <v>1.1200000000000001</v>
      </c>
      <c r="CQ788" s="20">
        <v>1.1399999999999999</v>
      </c>
      <c r="CR788" s="20">
        <v>1.1399999999999999</v>
      </c>
      <c r="CS788" s="20">
        <v>1.1299999999999999</v>
      </c>
      <c r="CT788" s="20">
        <v>1.1399999999999999</v>
      </c>
      <c r="CU788" s="20">
        <v>1.1299999999999999</v>
      </c>
      <c r="CV788" s="20">
        <v>1.1200000000000001</v>
      </c>
      <c r="CW788" s="20">
        <v>1.1299999999999999</v>
      </c>
      <c r="CX788" s="20">
        <v>1.1299999999999999</v>
      </c>
      <c r="CY788" s="6" t="s">
        <v>515</v>
      </c>
      <c r="CZ788" s="6" t="s">
        <v>516</v>
      </c>
      <c r="DA788" s="6" t="s">
        <v>103</v>
      </c>
      <c r="DB788" s="6" t="s">
        <v>345</v>
      </c>
      <c r="DC788" s="6">
        <v>44180</v>
      </c>
      <c r="DD788" s="6">
        <v>520</v>
      </c>
      <c r="DE788" s="6" t="s">
        <v>460</v>
      </c>
      <c r="DF788" s="6" t="s">
        <v>375</v>
      </c>
      <c r="DG788" s="6" t="s">
        <v>364</v>
      </c>
      <c r="DH788" s="6" t="s">
        <v>419</v>
      </c>
      <c r="DI788" s="6" t="s">
        <v>461</v>
      </c>
      <c r="DJ788" s="6">
        <v>29</v>
      </c>
      <c r="DK788" s="6">
        <v>77</v>
      </c>
      <c r="DL788" s="6">
        <v>2</v>
      </c>
      <c r="DM788" s="6" t="s">
        <v>379</v>
      </c>
      <c r="DN788" s="6">
        <v>2</v>
      </c>
      <c r="DO788" s="6" t="s">
        <v>463</v>
      </c>
      <c r="DP788" s="6"/>
      <c r="DQ788" s="6"/>
    </row>
    <row r="789" spans="1:121" x14ac:dyDescent="0.2">
      <c r="A789" s="6" t="s">
        <v>794</v>
      </c>
      <c r="B789" s="6" t="s">
        <v>181</v>
      </c>
      <c r="C789" s="6" t="s">
        <v>182</v>
      </c>
      <c r="D789" s="6" t="s">
        <v>103</v>
      </c>
      <c r="E789" s="6" t="s">
        <v>244</v>
      </c>
      <c r="F789" s="11">
        <v>1583</v>
      </c>
      <c r="G789" s="13">
        <v>0.175596228508</v>
      </c>
      <c r="H789" s="11">
        <v>161.32573863000107</v>
      </c>
      <c r="I789" s="13">
        <v>1.7895913683359153E-2</v>
      </c>
      <c r="J789" s="11">
        <v>-1665.2112972400009</v>
      </c>
      <c r="K789" s="13">
        <v>-0.18147474376428105</v>
      </c>
      <c r="L789" s="11">
        <v>3087.5360196199999</v>
      </c>
      <c r="M789" s="13">
        <v>0.41108042008108558</v>
      </c>
      <c r="N789" s="11">
        <v>1422.324722379999</v>
      </c>
      <c r="O789" s="13">
        <v>0.15500496241607661</v>
      </c>
      <c r="P789" s="7">
        <v>9014.6690179899997</v>
      </c>
      <c r="Q789" s="7">
        <v>8908.8739749399992</v>
      </c>
      <c r="R789" s="7">
        <v>8964.2538813600004</v>
      </c>
      <c r="S789" s="7">
        <v>8968.2469956599998</v>
      </c>
      <c r="T789" s="7">
        <v>8956.6195943500006</v>
      </c>
      <c r="U789" s="7">
        <v>9237.3520574300001</v>
      </c>
      <c r="V789" s="7">
        <v>9175.9947566200008</v>
      </c>
      <c r="W789" s="7">
        <v>9136.3183222099997</v>
      </c>
      <c r="X789" s="7">
        <v>8811.1352362899997</v>
      </c>
      <c r="Y789" s="7">
        <v>7510.7834593799998</v>
      </c>
      <c r="Z789" s="7">
        <v>7367.3540563300003</v>
      </c>
      <c r="AA789" s="7">
        <v>8865.5752015399994</v>
      </c>
      <c r="AB789" s="7">
        <v>9115.2458433400006</v>
      </c>
      <c r="AC789" s="7">
        <v>9448.2915615399997</v>
      </c>
      <c r="AD789" s="7">
        <v>10214.188309200001</v>
      </c>
      <c r="AE789" s="7">
        <v>10341.6593988</v>
      </c>
      <c r="AF789" s="7">
        <v>10598.319479</v>
      </c>
      <c r="AG789" s="9">
        <v>17810.897820999999</v>
      </c>
      <c r="AH789" s="13">
        <v>0.46551435908748545</v>
      </c>
      <c r="AI789" s="9">
        <v>7738.3341392000002</v>
      </c>
      <c r="AJ789" s="13">
        <v>0.20225289558211859</v>
      </c>
      <c r="AK789" s="9">
        <v>2184.9116490000015</v>
      </c>
      <c r="AL789" s="13">
        <v>4.749909311709518E-2</v>
      </c>
      <c r="AM789" s="9">
        <v>7887.652032799997</v>
      </c>
      <c r="AN789" s="13">
        <v>0.16369881113369403</v>
      </c>
      <c r="AO789" s="9">
        <v>10072.563681799998</v>
      </c>
      <c r="AP789" s="13">
        <v>0.2189734493239863</v>
      </c>
      <c r="AQ789" s="9">
        <v>38260.684065499998</v>
      </c>
      <c r="AR789" s="9">
        <v>38453.671176700002</v>
      </c>
      <c r="AS789" s="9">
        <v>40788.761667799998</v>
      </c>
      <c r="AT789" s="9">
        <v>42364.581258699996</v>
      </c>
      <c r="AU789" s="9">
        <v>44220.680572600002</v>
      </c>
      <c r="AV789" s="9">
        <v>44905.906299299997</v>
      </c>
      <c r="AW789" s="9">
        <v>45999.018204699998</v>
      </c>
      <c r="AX789" s="9">
        <v>46528.466386300002</v>
      </c>
      <c r="AY789" s="9">
        <v>46239.7673307</v>
      </c>
      <c r="AZ789" s="9">
        <v>48183.9298537</v>
      </c>
      <c r="BA789" s="9">
        <v>50312.725609100002</v>
      </c>
      <c r="BB789" s="9">
        <v>51591.306065199999</v>
      </c>
      <c r="BC789" s="9">
        <v>52712.664400599999</v>
      </c>
      <c r="BD789" s="9">
        <v>53042.501205200002</v>
      </c>
      <c r="BE789" s="9">
        <v>53611.062181100002</v>
      </c>
      <c r="BF789" s="9">
        <v>56071.581886499996</v>
      </c>
      <c r="BG789" s="11">
        <v>-24.5</v>
      </c>
      <c r="BH789" s="13">
        <v>-8.1395348837209308E-2</v>
      </c>
      <c r="BI789" s="6">
        <v>-30</v>
      </c>
      <c r="BJ789" s="13">
        <v>-9.9667774086378738E-2</v>
      </c>
      <c r="BK789" s="6">
        <v>-10</v>
      </c>
      <c r="BL789" s="13">
        <v>-3.6900369003690037E-2</v>
      </c>
      <c r="BM789" s="11">
        <v>15.5</v>
      </c>
      <c r="BN789" s="13">
        <v>5.938697318007663E-2</v>
      </c>
      <c r="BO789" s="11">
        <v>5.5</v>
      </c>
      <c r="BP789" s="13">
        <v>2.0295202952029519E-2</v>
      </c>
      <c r="BQ789" s="6">
        <v>301</v>
      </c>
      <c r="BR789" s="6">
        <v>280</v>
      </c>
      <c r="BS789" s="6">
        <v>270</v>
      </c>
      <c r="BT789" s="6">
        <v>271</v>
      </c>
      <c r="BU789" s="6">
        <v>273</v>
      </c>
      <c r="BV789" s="6">
        <v>267</v>
      </c>
      <c r="BW789" s="6">
        <v>261</v>
      </c>
      <c r="BX789" s="6">
        <v>251</v>
      </c>
      <c r="BY789" s="6">
        <v>249</v>
      </c>
      <c r="BZ789" s="6">
        <v>255</v>
      </c>
      <c r="CA789" s="6">
        <v>261</v>
      </c>
      <c r="CB789" s="6">
        <v>272</v>
      </c>
      <c r="CC789" s="11">
        <v>276.5</v>
      </c>
      <c r="CD789" s="11">
        <v>30.040500000000002</v>
      </c>
      <c r="CE789" s="11">
        <v>568.19799999999998</v>
      </c>
      <c r="CF789" s="11">
        <v>985.41200000000003</v>
      </c>
      <c r="CG789" s="11">
        <v>1553</v>
      </c>
      <c r="CH789" s="20">
        <v>1.7924100000000001</v>
      </c>
      <c r="CI789" s="20">
        <v>1.8025</v>
      </c>
      <c r="CJ789" s="20">
        <v>1.7901100000000001</v>
      </c>
      <c r="CK789" s="20">
        <v>1.76349</v>
      </c>
      <c r="CL789" s="20">
        <v>1.69876</v>
      </c>
      <c r="CM789" s="20">
        <v>1.6954800000000001</v>
      </c>
      <c r="CN789" s="20">
        <v>1.63669</v>
      </c>
      <c r="CO789" s="20">
        <v>1.65154</v>
      </c>
      <c r="CP789" s="20">
        <v>1.6941600000000001</v>
      </c>
      <c r="CQ789" s="20">
        <v>1.4694400000000001</v>
      </c>
      <c r="CR789" s="20">
        <v>1.4031899999999999</v>
      </c>
      <c r="CS789" s="20">
        <v>1.6267799999999999</v>
      </c>
      <c r="CT789" s="20">
        <v>1.66307</v>
      </c>
      <c r="CU789" s="20">
        <v>1.6639699999999999</v>
      </c>
      <c r="CV789" s="20">
        <v>1.7180299999999999</v>
      </c>
      <c r="CW789" s="20">
        <v>1.7081299999999999</v>
      </c>
      <c r="CX789" s="20">
        <v>1.7209399999999999</v>
      </c>
      <c r="CY789" s="6" t="s">
        <v>515</v>
      </c>
      <c r="CZ789" s="6" t="s">
        <v>516</v>
      </c>
      <c r="DA789" s="6" t="s">
        <v>103</v>
      </c>
      <c r="DB789" s="6" t="s">
        <v>345</v>
      </c>
      <c r="DC789" s="6">
        <v>44180</v>
      </c>
      <c r="DD789" s="6">
        <v>520</v>
      </c>
      <c r="DE789" s="6" t="s">
        <v>460</v>
      </c>
      <c r="DF789" s="6" t="s">
        <v>375</v>
      </c>
      <c r="DG789" s="6" t="s">
        <v>364</v>
      </c>
      <c r="DH789" s="6" t="s">
        <v>419</v>
      </c>
      <c r="DI789" s="6" t="s">
        <v>461</v>
      </c>
      <c r="DJ789" s="6">
        <v>29</v>
      </c>
      <c r="DK789" s="6">
        <v>77</v>
      </c>
      <c r="DL789" s="6">
        <v>2</v>
      </c>
      <c r="DM789" s="6" t="s">
        <v>379</v>
      </c>
      <c r="DN789" s="6">
        <v>2</v>
      </c>
      <c r="DO789" s="6" t="s">
        <v>463</v>
      </c>
      <c r="DP789" s="6"/>
      <c r="DQ789" s="6"/>
    </row>
    <row r="790" spans="1:121" x14ac:dyDescent="0.2">
      <c r="A790" s="6" t="s">
        <v>314</v>
      </c>
      <c r="B790" s="6" t="s">
        <v>314</v>
      </c>
      <c r="C790" s="6" t="s">
        <v>183</v>
      </c>
      <c r="D790" s="6" t="s">
        <v>103</v>
      </c>
      <c r="E790" s="6" t="s">
        <v>244</v>
      </c>
      <c r="F790" s="11">
        <v>266</v>
      </c>
      <c r="G790" s="13">
        <v>8.3333333333299994E-2</v>
      </c>
      <c r="H790" s="11">
        <v>681.44707354999991</v>
      </c>
      <c r="I790" s="13">
        <v>0.21349493801719424</v>
      </c>
      <c r="J790" s="11">
        <v>-479.40058197999997</v>
      </c>
      <c r="K790" s="13">
        <v>-0.12377018479940335</v>
      </c>
      <c r="L790" s="11">
        <v>63.874067839999952</v>
      </c>
      <c r="M790" s="13">
        <v>1.8820191188701683E-2</v>
      </c>
      <c r="N790" s="11">
        <v>-415.52651414000002</v>
      </c>
      <c r="O790" s="13">
        <v>-0.1072793721520874</v>
      </c>
      <c r="P790" s="7">
        <v>3191.8652492599999</v>
      </c>
      <c r="Q790" s="7">
        <v>4003.3491000700001</v>
      </c>
      <c r="R790" s="7">
        <v>4295.1020623000004</v>
      </c>
      <c r="S790" s="7">
        <v>4136.7941810800003</v>
      </c>
      <c r="T790" s="7">
        <v>3972.94038985</v>
      </c>
      <c r="U790" s="7">
        <v>3792.5025624300001</v>
      </c>
      <c r="V790" s="7">
        <v>3873.3123228099998</v>
      </c>
      <c r="W790" s="7">
        <v>3725.6367483099998</v>
      </c>
      <c r="X790" s="7">
        <v>3619.5958375499999</v>
      </c>
      <c r="Y790" s="7">
        <v>3393.9117408299999</v>
      </c>
      <c r="Z790" s="7">
        <v>3371.6205944200001</v>
      </c>
      <c r="AA790" s="7">
        <v>3000.9153550599999</v>
      </c>
      <c r="AB790" s="7">
        <v>3135.1360181099999</v>
      </c>
      <c r="AC790" s="7">
        <v>3362.21340848</v>
      </c>
      <c r="AD790" s="7">
        <v>3615.4498997400001</v>
      </c>
      <c r="AE790" s="7">
        <v>3362.5281830200001</v>
      </c>
      <c r="AF790" s="7">
        <v>3457.7858086699998</v>
      </c>
      <c r="AG790" s="9">
        <v>12302.629471</v>
      </c>
      <c r="AH790" s="13">
        <v>0.34610353184786563</v>
      </c>
      <c r="AI790" s="9">
        <v>8085.5061165000006</v>
      </c>
      <c r="AJ790" s="13">
        <v>0.22746537480419665</v>
      </c>
      <c r="AK790" s="9">
        <v>4622.1586582000018</v>
      </c>
      <c r="AL790" s="13">
        <v>0.1059360280798103</v>
      </c>
      <c r="AM790" s="9">
        <v>-405.03530370000226</v>
      </c>
      <c r="AN790" s="13">
        <v>-8.3938597681011504E-3</v>
      </c>
      <c r="AO790" s="9">
        <v>4217.1233544999996</v>
      </c>
      <c r="AP790" s="13">
        <v>9.6652956147617583E-2</v>
      </c>
      <c r="AQ790" s="9">
        <v>35546.096294700001</v>
      </c>
      <c r="AR790" s="9">
        <v>35706.391943499999</v>
      </c>
      <c r="AS790" s="9">
        <v>35349.079861999999</v>
      </c>
      <c r="AT790" s="9">
        <v>40229.8378304</v>
      </c>
      <c r="AU790" s="9">
        <v>42492.502773499997</v>
      </c>
      <c r="AV790" s="9">
        <v>43323.168553399999</v>
      </c>
      <c r="AW790" s="9">
        <v>43631.602411200001</v>
      </c>
      <c r="AX790" s="9">
        <v>46754.8470906</v>
      </c>
      <c r="AY790" s="9">
        <v>46741.877587399998</v>
      </c>
      <c r="AZ790" s="9">
        <v>48253.761069400003</v>
      </c>
      <c r="BA790" s="9">
        <v>48122.4678795</v>
      </c>
      <c r="BB790" s="9">
        <v>45612.197870999997</v>
      </c>
      <c r="BC790" s="9">
        <v>47657.7789806</v>
      </c>
      <c r="BD790" s="9">
        <v>47754.457739099998</v>
      </c>
      <c r="BE790" s="9">
        <v>45975.973689300001</v>
      </c>
      <c r="BF790" s="9">
        <v>47848.725765700001</v>
      </c>
      <c r="BG790" s="11">
        <v>-33</v>
      </c>
      <c r="BH790" s="13">
        <v>-0.24444444444444444</v>
      </c>
      <c r="BI790" s="6">
        <v>-11</v>
      </c>
      <c r="BJ790" s="13">
        <v>-8.1481481481481488E-2</v>
      </c>
      <c r="BK790" s="6">
        <v>-21</v>
      </c>
      <c r="BL790" s="13">
        <v>-0.16935483870967741</v>
      </c>
      <c r="BM790" s="11">
        <v>-1</v>
      </c>
      <c r="BN790" s="13">
        <v>-9.7087378640776691E-3</v>
      </c>
      <c r="BO790" s="11">
        <v>-22</v>
      </c>
      <c r="BP790" s="13">
        <v>-0.17741935483870969</v>
      </c>
      <c r="BQ790" s="6">
        <v>135</v>
      </c>
      <c r="BR790" s="6">
        <v>125</v>
      </c>
      <c r="BS790" s="6">
        <v>122</v>
      </c>
      <c r="BT790" s="6">
        <v>124</v>
      </c>
      <c r="BU790" s="6">
        <v>124</v>
      </c>
      <c r="BV790" s="6">
        <v>114</v>
      </c>
      <c r="BW790" s="6">
        <v>103</v>
      </c>
      <c r="BX790" s="6">
        <v>102</v>
      </c>
      <c r="BY790" s="6">
        <v>103</v>
      </c>
      <c r="BZ790" s="6">
        <v>99</v>
      </c>
      <c r="CA790" s="6">
        <v>105</v>
      </c>
      <c r="CB790" s="6">
        <v>106</v>
      </c>
      <c r="CC790" s="11">
        <v>102</v>
      </c>
      <c r="CD790" s="11">
        <v>894.649</v>
      </c>
      <c r="CE790" s="11">
        <v>-977.63800000000003</v>
      </c>
      <c r="CF790" s="11">
        <v>348.90899999999999</v>
      </c>
      <c r="CG790" s="11">
        <v>-629</v>
      </c>
      <c r="CH790" s="20">
        <v>0.805921</v>
      </c>
      <c r="CI790" s="20">
        <v>1.05759</v>
      </c>
      <c r="CJ790" s="20">
        <v>1.16937</v>
      </c>
      <c r="CK790" s="20">
        <v>1.15594</v>
      </c>
      <c r="CL790" s="20">
        <v>1.1113900000000001</v>
      </c>
      <c r="CM790" s="20">
        <v>1.05728</v>
      </c>
      <c r="CN790" s="20">
        <v>1.0733699999999999</v>
      </c>
      <c r="CO790" s="20">
        <v>1.0554300000000001</v>
      </c>
      <c r="CP790" s="20">
        <v>1.08551</v>
      </c>
      <c r="CQ790" s="20">
        <v>1.0623100000000001</v>
      </c>
      <c r="CR790" s="20">
        <v>1.0656099999999999</v>
      </c>
      <c r="CS790" s="20">
        <v>0.93221299999999996</v>
      </c>
      <c r="CT790" s="20">
        <v>0.97841100000000003</v>
      </c>
      <c r="CU790" s="20">
        <v>1.0345800000000001</v>
      </c>
      <c r="CV790" s="20">
        <v>1.1013200000000001</v>
      </c>
      <c r="CW790" s="20">
        <v>1.0167900000000001</v>
      </c>
      <c r="CX790" s="20">
        <v>1.04091</v>
      </c>
      <c r="CY790" s="6" t="s">
        <v>515</v>
      </c>
      <c r="CZ790" s="6" t="s">
        <v>516</v>
      </c>
      <c r="DA790" s="6" t="s">
        <v>103</v>
      </c>
      <c r="DB790" s="6" t="s">
        <v>345</v>
      </c>
      <c r="DC790" s="6">
        <v>44180</v>
      </c>
      <c r="DD790" s="6">
        <v>520</v>
      </c>
      <c r="DE790" s="6" t="s">
        <v>460</v>
      </c>
      <c r="DF790" s="6" t="s">
        <v>375</v>
      </c>
      <c r="DG790" s="6" t="s">
        <v>364</v>
      </c>
      <c r="DH790" s="6" t="s">
        <v>419</v>
      </c>
      <c r="DI790" s="6" t="s">
        <v>461</v>
      </c>
      <c r="DJ790" s="6">
        <v>29</v>
      </c>
      <c r="DK790" s="6">
        <v>77</v>
      </c>
      <c r="DL790" s="6">
        <v>2</v>
      </c>
      <c r="DM790" s="6" t="s">
        <v>379</v>
      </c>
      <c r="DN790" s="6">
        <v>2</v>
      </c>
      <c r="DO790" s="6" t="s">
        <v>463</v>
      </c>
      <c r="DP790" s="6"/>
      <c r="DQ790" s="6"/>
    </row>
    <row r="791" spans="1:121" x14ac:dyDescent="0.2">
      <c r="A791" s="6" t="s">
        <v>315</v>
      </c>
      <c r="B791" s="6" t="s">
        <v>315</v>
      </c>
      <c r="C791" s="6" t="s">
        <v>184</v>
      </c>
      <c r="D791" s="6" t="s">
        <v>103</v>
      </c>
      <c r="E791" s="6" t="s">
        <v>244</v>
      </c>
      <c r="F791" s="11">
        <v>2</v>
      </c>
      <c r="G791" s="13">
        <v>0</v>
      </c>
      <c r="H791" s="11">
        <v>921</v>
      </c>
      <c r="I791" s="13">
        <v>0.13025031820110311</v>
      </c>
      <c r="J791" s="11">
        <v>-400</v>
      </c>
      <c r="K791" s="13">
        <v>-5.0050050050050053E-2</v>
      </c>
      <c r="L791" s="11">
        <v>-519</v>
      </c>
      <c r="M791" s="13">
        <v>-6.8361433087460483E-2</v>
      </c>
      <c r="N791" s="11">
        <v>-919</v>
      </c>
      <c r="O791" s="13">
        <v>-0.11498998998998999</v>
      </c>
      <c r="P791" s="7">
        <v>7071</v>
      </c>
      <c r="Q791" s="7">
        <v>7225</v>
      </c>
      <c r="R791" s="7">
        <v>7619</v>
      </c>
      <c r="S791" s="7">
        <v>7601</v>
      </c>
      <c r="T791" s="7">
        <v>7973</v>
      </c>
      <c r="U791" s="7">
        <v>7913</v>
      </c>
      <c r="V791" s="7">
        <v>7992</v>
      </c>
      <c r="W791" s="7">
        <v>7959</v>
      </c>
      <c r="X791" s="7">
        <v>7816</v>
      </c>
      <c r="Y791" s="7">
        <v>7592</v>
      </c>
      <c r="Z791" s="7">
        <v>7421</v>
      </c>
      <c r="AA791" s="7">
        <v>7641</v>
      </c>
      <c r="AB791" s="7">
        <v>7235</v>
      </c>
      <c r="AC791" s="7">
        <v>7331</v>
      </c>
      <c r="AD791" s="7">
        <v>7375</v>
      </c>
      <c r="AE791" s="7">
        <v>7137</v>
      </c>
      <c r="AF791" s="7">
        <v>7073</v>
      </c>
      <c r="AG791" s="9">
        <v>20143</v>
      </c>
      <c r="AH791" s="13">
        <v>0.49116090804905999</v>
      </c>
      <c r="AI791" s="9">
        <v>9376</v>
      </c>
      <c r="AJ791" s="13">
        <v>0.22862158932969204</v>
      </c>
      <c r="AK791" s="9">
        <v>3372</v>
      </c>
      <c r="AL791" s="13">
        <v>6.6922023537817288E-2</v>
      </c>
      <c r="AM791" s="9">
        <v>7395</v>
      </c>
      <c r="AN791" s="13">
        <v>0.13755836232072768</v>
      </c>
      <c r="AO791" s="9">
        <v>10767</v>
      </c>
      <c r="AP791" s="13">
        <v>0.21368606981959631</v>
      </c>
      <c r="AQ791" s="9">
        <v>41011</v>
      </c>
      <c r="AR791" s="9">
        <v>41783</v>
      </c>
      <c r="AS791" s="9">
        <v>43105</v>
      </c>
      <c r="AT791" s="9">
        <v>43881</v>
      </c>
      <c r="AU791" s="9">
        <v>46355</v>
      </c>
      <c r="AV791" s="9">
        <v>48943</v>
      </c>
      <c r="AW791" s="9">
        <v>50387</v>
      </c>
      <c r="AX791" s="9">
        <v>52153</v>
      </c>
      <c r="AY791" s="9">
        <v>52172</v>
      </c>
      <c r="AZ791" s="9">
        <v>53759</v>
      </c>
      <c r="BA791" s="9">
        <v>54317</v>
      </c>
      <c r="BB791" s="9">
        <v>55173</v>
      </c>
      <c r="BC791" s="9">
        <v>56768</v>
      </c>
      <c r="BD791" s="9">
        <v>57186</v>
      </c>
      <c r="BE791" s="9">
        <v>59669</v>
      </c>
      <c r="BF791" s="9">
        <v>61154</v>
      </c>
      <c r="BG791" s="11">
        <v>8</v>
      </c>
      <c r="BH791" s="13">
        <v>1.3559322033898305E-2</v>
      </c>
      <c r="BI791" s="6">
        <v>-17</v>
      </c>
      <c r="BJ791" s="13">
        <v>-2.8813559322033899E-2</v>
      </c>
      <c r="BK791" s="6">
        <v>-8</v>
      </c>
      <c r="BL791" s="13">
        <v>-1.3961605584642234E-2</v>
      </c>
      <c r="BM791" s="11">
        <v>33</v>
      </c>
      <c r="BN791" s="13">
        <v>5.8407079646017698E-2</v>
      </c>
      <c r="BO791" s="11">
        <v>25</v>
      </c>
      <c r="BP791" s="13">
        <v>4.3630017452006981E-2</v>
      </c>
      <c r="BQ791" s="6">
        <v>590</v>
      </c>
      <c r="BR791" s="6">
        <v>591</v>
      </c>
      <c r="BS791" s="6">
        <v>577</v>
      </c>
      <c r="BT791" s="6">
        <v>573</v>
      </c>
      <c r="BU791" s="6">
        <v>575</v>
      </c>
      <c r="BV791" s="6">
        <v>569</v>
      </c>
      <c r="BW791" s="6">
        <v>565</v>
      </c>
      <c r="BX791" s="6">
        <v>572</v>
      </c>
      <c r="BY791" s="6">
        <v>595</v>
      </c>
      <c r="BZ791" s="6">
        <v>607</v>
      </c>
      <c r="CA791" s="6">
        <v>599</v>
      </c>
      <c r="CB791" s="6">
        <v>601</v>
      </c>
      <c r="CC791" s="11">
        <v>598</v>
      </c>
      <c r="CD791" s="11">
        <v>-209</v>
      </c>
      <c r="CE791" s="11">
        <v>-562</v>
      </c>
      <c r="CF791" s="11">
        <v>773</v>
      </c>
      <c r="CG791" s="11">
        <v>211</v>
      </c>
      <c r="CH791" s="20">
        <v>1.0900000000000001</v>
      </c>
      <c r="CI791" s="20">
        <v>1.1100000000000001</v>
      </c>
      <c r="CJ791" s="20">
        <v>1.1200000000000001</v>
      </c>
      <c r="CK791" s="20">
        <v>1.1200000000000001</v>
      </c>
      <c r="CL791" s="20">
        <v>1.1399999999999999</v>
      </c>
      <c r="CM791" s="20">
        <v>1.1000000000000001</v>
      </c>
      <c r="CN791" s="20">
        <v>1.1100000000000001</v>
      </c>
      <c r="CO791" s="20">
        <v>1.1399999999999999</v>
      </c>
      <c r="CP791" s="20">
        <v>1.1599999999999999</v>
      </c>
      <c r="CQ791" s="20">
        <v>1.1599999999999999</v>
      </c>
      <c r="CR791" s="20">
        <v>1.1299999999999999</v>
      </c>
      <c r="CS791" s="20">
        <v>1.1299999999999999</v>
      </c>
      <c r="CT791" s="20">
        <v>1.08</v>
      </c>
      <c r="CU791" s="20">
        <v>1.0900000000000001</v>
      </c>
      <c r="CV791" s="20">
        <v>1.08</v>
      </c>
      <c r="CW791" s="20">
        <v>1.04</v>
      </c>
      <c r="CX791" s="20">
        <v>1.02</v>
      </c>
      <c r="CY791" s="6" t="s">
        <v>515</v>
      </c>
      <c r="CZ791" s="6" t="s">
        <v>516</v>
      </c>
      <c r="DA791" s="6" t="s">
        <v>103</v>
      </c>
      <c r="DB791" s="6" t="s">
        <v>345</v>
      </c>
      <c r="DC791" s="6">
        <v>44180</v>
      </c>
      <c r="DD791" s="6">
        <v>520</v>
      </c>
      <c r="DE791" s="6" t="s">
        <v>460</v>
      </c>
      <c r="DF791" s="6" t="s">
        <v>375</v>
      </c>
      <c r="DG791" s="6" t="s">
        <v>364</v>
      </c>
      <c r="DH791" s="6" t="s">
        <v>419</v>
      </c>
      <c r="DI791" s="6" t="s">
        <v>461</v>
      </c>
      <c r="DJ791" s="6">
        <v>29</v>
      </c>
      <c r="DK791" s="6">
        <v>77</v>
      </c>
      <c r="DL791" s="6">
        <v>2</v>
      </c>
      <c r="DM791" s="6" t="s">
        <v>379</v>
      </c>
      <c r="DN791" s="6">
        <v>2</v>
      </c>
      <c r="DO791" s="6" t="s">
        <v>463</v>
      </c>
      <c r="DP791" s="6"/>
      <c r="DQ791" s="6"/>
    </row>
    <row r="792" spans="1:121" x14ac:dyDescent="0.2">
      <c r="A792" s="6" t="s">
        <v>316</v>
      </c>
      <c r="B792" s="6" t="s">
        <v>316</v>
      </c>
      <c r="C792" s="6" t="s">
        <v>185</v>
      </c>
      <c r="D792" s="6" t="s">
        <v>103</v>
      </c>
      <c r="E792" s="6" t="s">
        <v>244</v>
      </c>
      <c r="F792" s="11">
        <v>443</v>
      </c>
      <c r="G792" s="13">
        <v>0.18</v>
      </c>
      <c r="H792" s="11">
        <v>550</v>
      </c>
      <c r="I792" s="13">
        <v>0.22079486150140509</v>
      </c>
      <c r="J792" s="11">
        <v>-289</v>
      </c>
      <c r="K792" s="13">
        <v>-9.5034528115751402E-2</v>
      </c>
      <c r="L792" s="11">
        <v>182</v>
      </c>
      <c r="M792" s="13">
        <v>6.6133720930232565E-2</v>
      </c>
      <c r="N792" s="11">
        <v>-107</v>
      </c>
      <c r="O792" s="13">
        <v>-3.5185794146662279E-2</v>
      </c>
      <c r="P792" s="7">
        <v>2491</v>
      </c>
      <c r="Q792" s="7">
        <v>2581</v>
      </c>
      <c r="R792" s="7">
        <v>2588</v>
      </c>
      <c r="S792" s="7">
        <v>2695</v>
      </c>
      <c r="T792" s="7">
        <v>2794</v>
      </c>
      <c r="U792" s="7">
        <v>2916</v>
      </c>
      <c r="V792" s="7">
        <v>3041</v>
      </c>
      <c r="W792" s="7">
        <v>2987</v>
      </c>
      <c r="X792" s="7">
        <v>2904</v>
      </c>
      <c r="Y792" s="7">
        <v>2752</v>
      </c>
      <c r="Z792" s="7">
        <v>2942</v>
      </c>
      <c r="AA792" s="7">
        <v>2944</v>
      </c>
      <c r="AB792" s="7">
        <v>2744</v>
      </c>
      <c r="AC792" s="7">
        <v>2696</v>
      </c>
      <c r="AD792" s="7">
        <v>2847</v>
      </c>
      <c r="AE792" s="7">
        <v>2915</v>
      </c>
      <c r="AF792" s="7">
        <v>2934</v>
      </c>
      <c r="AG792" s="9">
        <v>12903</v>
      </c>
      <c r="AH792" s="13">
        <v>0.48025458741206689</v>
      </c>
      <c r="AI792" s="9">
        <v>4619</v>
      </c>
      <c r="AJ792" s="13">
        <v>0.17192094390888452</v>
      </c>
      <c r="AK792" s="9">
        <v>2552</v>
      </c>
      <c r="AL792" s="13">
        <v>8.1051896080797811E-2</v>
      </c>
      <c r="AM792" s="9">
        <v>5732</v>
      </c>
      <c r="AN792" s="13">
        <v>0.16840002350314354</v>
      </c>
      <c r="AO792" s="9">
        <v>8284</v>
      </c>
      <c r="AP792" s="13">
        <v>0.26310106078892204</v>
      </c>
      <c r="AQ792" s="9">
        <v>26867</v>
      </c>
      <c r="AR792" s="9">
        <v>27959</v>
      </c>
      <c r="AS792" s="9">
        <v>28272</v>
      </c>
      <c r="AT792" s="9">
        <v>28557</v>
      </c>
      <c r="AU792" s="9">
        <v>30845</v>
      </c>
      <c r="AV792" s="9">
        <v>30748</v>
      </c>
      <c r="AW792" s="9">
        <v>31486</v>
      </c>
      <c r="AX792" s="9">
        <v>32362</v>
      </c>
      <c r="AY792" s="9">
        <v>33317</v>
      </c>
      <c r="AZ792" s="9">
        <v>34038</v>
      </c>
      <c r="BA792" s="9">
        <v>32652</v>
      </c>
      <c r="BB792" s="9">
        <v>34588</v>
      </c>
      <c r="BC792" s="9">
        <v>36520</v>
      </c>
      <c r="BD792" s="9">
        <v>37150</v>
      </c>
      <c r="BE792" s="9">
        <v>39007</v>
      </c>
      <c r="BF792" s="9">
        <v>39770</v>
      </c>
      <c r="BG792" s="11">
        <v>-1</v>
      </c>
      <c r="BH792" s="13">
        <v>-2.4691358024691358E-3</v>
      </c>
      <c r="BI792" s="6">
        <v>44</v>
      </c>
      <c r="BJ792" s="13">
        <v>0.10864197530864197</v>
      </c>
      <c r="BK792" s="6">
        <v>-22</v>
      </c>
      <c r="BL792" s="13">
        <v>-4.8997772828507792E-2</v>
      </c>
      <c r="BM792" s="11">
        <v>-23</v>
      </c>
      <c r="BN792" s="13">
        <v>-5.3864168618266976E-2</v>
      </c>
      <c r="BO792" s="11">
        <v>-45</v>
      </c>
      <c r="BP792" s="13">
        <v>-0.10022271714922049</v>
      </c>
      <c r="BQ792" s="6">
        <v>405</v>
      </c>
      <c r="BR792" s="6">
        <v>421</v>
      </c>
      <c r="BS792" s="6">
        <v>433</v>
      </c>
      <c r="BT792" s="6">
        <v>449</v>
      </c>
      <c r="BU792" s="6">
        <v>443</v>
      </c>
      <c r="BV792" s="6">
        <v>439</v>
      </c>
      <c r="BW792" s="6">
        <v>427</v>
      </c>
      <c r="BX792" s="6">
        <v>422</v>
      </c>
      <c r="BY792" s="6">
        <v>416</v>
      </c>
      <c r="BZ792" s="6">
        <v>407</v>
      </c>
      <c r="CA792" s="6">
        <v>391</v>
      </c>
      <c r="CB792" s="6">
        <v>400</v>
      </c>
      <c r="CC792" s="11">
        <v>404</v>
      </c>
      <c r="CD792" s="11">
        <v>297</v>
      </c>
      <c r="CE792" s="11">
        <v>-126</v>
      </c>
      <c r="CF792" s="11">
        <v>272</v>
      </c>
      <c r="CG792" s="11">
        <v>146</v>
      </c>
      <c r="CH792" s="20">
        <v>0.94</v>
      </c>
      <c r="CI792" s="20">
        <v>0.95</v>
      </c>
      <c r="CJ792" s="20">
        <v>0.92</v>
      </c>
      <c r="CK792" s="20">
        <v>0.93</v>
      </c>
      <c r="CL792" s="20">
        <v>0.92</v>
      </c>
      <c r="CM792" s="20">
        <v>0.94</v>
      </c>
      <c r="CN792" s="20">
        <v>0.98</v>
      </c>
      <c r="CO792" s="20">
        <v>0.99</v>
      </c>
      <c r="CP792" s="20">
        <v>1.02</v>
      </c>
      <c r="CQ792" s="20">
        <v>1.02</v>
      </c>
      <c r="CR792" s="20">
        <v>1.1000000000000001</v>
      </c>
      <c r="CS792" s="20">
        <v>1.07</v>
      </c>
      <c r="CT792" s="20">
        <v>0.99</v>
      </c>
      <c r="CU792" s="20">
        <v>0.95</v>
      </c>
      <c r="CV792" s="20">
        <v>0.98</v>
      </c>
      <c r="CW792" s="20">
        <v>1</v>
      </c>
      <c r="CX792" s="20">
        <v>1</v>
      </c>
      <c r="CY792" s="6" t="s">
        <v>515</v>
      </c>
      <c r="CZ792" s="6" t="s">
        <v>516</v>
      </c>
      <c r="DA792" s="6" t="s">
        <v>103</v>
      </c>
      <c r="DB792" s="6" t="s">
        <v>345</v>
      </c>
      <c r="DC792" s="6">
        <v>44180</v>
      </c>
      <c r="DD792" s="6">
        <v>520</v>
      </c>
      <c r="DE792" s="6" t="s">
        <v>460</v>
      </c>
      <c r="DF792" s="6" t="s">
        <v>375</v>
      </c>
      <c r="DG792" s="6" t="s">
        <v>364</v>
      </c>
      <c r="DH792" s="6" t="s">
        <v>419</v>
      </c>
      <c r="DI792" s="6" t="s">
        <v>461</v>
      </c>
      <c r="DJ792" s="6">
        <v>29</v>
      </c>
      <c r="DK792" s="6">
        <v>77</v>
      </c>
      <c r="DL792" s="6">
        <v>2</v>
      </c>
      <c r="DM792" s="6" t="s">
        <v>379</v>
      </c>
      <c r="DN792" s="6">
        <v>2</v>
      </c>
      <c r="DO792" s="6" t="s">
        <v>463</v>
      </c>
      <c r="DP792" s="6"/>
      <c r="DQ792" s="6"/>
    </row>
    <row r="793" spans="1:121" x14ac:dyDescent="0.2">
      <c r="A793" s="6" t="s">
        <v>317</v>
      </c>
      <c r="B793" s="6" t="s">
        <v>317</v>
      </c>
      <c r="C793" s="6" t="s">
        <v>186</v>
      </c>
      <c r="D793" s="6" t="s">
        <v>103</v>
      </c>
      <c r="E793" s="6" t="s">
        <v>244</v>
      </c>
      <c r="F793" s="11">
        <v>3606</v>
      </c>
      <c r="G793" s="13">
        <v>0.76</v>
      </c>
      <c r="H793" s="11">
        <v>1058</v>
      </c>
      <c r="I793" s="13">
        <v>0.22245584524810769</v>
      </c>
      <c r="J793" s="11">
        <v>-621</v>
      </c>
      <c r="K793" s="13">
        <v>-0.10681114551083593</v>
      </c>
      <c r="L793" s="11">
        <v>3169</v>
      </c>
      <c r="M793" s="13">
        <v>0.61024455998459459</v>
      </c>
      <c r="N793" s="11">
        <v>2548</v>
      </c>
      <c r="O793" s="13">
        <v>0.43825249398004817</v>
      </c>
      <c r="P793" s="7">
        <v>4756</v>
      </c>
      <c r="Q793" s="7">
        <v>4803</v>
      </c>
      <c r="R793" s="7">
        <v>5046</v>
      </c>
      <c r="S793" s="7">
        <v>5161</v>
      </c>
      <c r="T793" s="7">
        <v>5312</v>
      </c>
      <c r="U793" s="7">
        <v>5656</v>
      </c>
      <c r="V793" s="7">
        <v>5814</v>
      </c>
      <c r="W793" s="7">
        <v>5830</v>
      </c>
      <c r="X793" s="7">
        <v>5449</v>
      </c>
      <c r="Y793" s="7">
        <v>5193</v>
      </c>
      <c r="Z793" s="7">
        <v>5407</v>
      </c>
      <c r="AA793" s="7">
        <v>6577</v>
      </c>
      <c r="AB793" s="7">
        <v>6822</v>
      </c>
      <c r="AC793" s="7">
        <v>7129</v>
      </c>
      <c r="AD793" s="7">
        <v>7503</v>
      </c>
      <c r="AE793" s="7">
        <v>8034</v>
      </c>
      <c r="AF793" s="7">
        <v>8362</v>
      </c>
      <c r="AG793" s="9">
        <v>15918</v>
      </c>
      <c r="AH793" s="13">
        <v>0.34844471685309636</v>
      </c>
      <c r="AI793" s="9">
        <v>3153</v>
      </c>
      <c r="AJ793" s="13">
        <v>6.9019109953374347E-2</v>
      </c>
      <c r="AK793" s="9">
        <v>3726</v>
      </c>
      <c r="AL793" s="13">
        <v>7.6296174952903598E-2</v>
      </c>
      <c r="AM793" s="9">
        <v>9039</v>
      </c>
      <c r="AN793" s="13">
        <v>0.17196834214832007</v>
      </c>
      <c r="AO793" s="9">
        <v>12765</v>
      </c>
      <c r="AP793" s="13">
        <v>0.26138504382013267</v>
      </c>
      <c r="AQ793" s="9">
        <v>45683</v>
      </c>
      <c r="AR793" s="9">
        <v>47212</v>
      </c>
      <c r="AS793" s="9">
        <v>45081</v>
      </c>
      <c r="AT793" s="9">
        <v>46881</v>
      </c>
      <c r="AU793" s="9">
        <v>47681</v>
      </c>
      <c r="AV793" s="9">
        <v>47711</v>
      </c>
      <c r="AW793" s="9">
        <v>48836</v>
      </c>
      <c r="AX793" s="9">
        <v>50522</v>
      </c>
      <c r="AY793" s="9">
        <v>50887</v>
      </c>
      <c r="AZ793" s="9">
        <v>52562</v>
      </c>
      <c r="BA793" s="9">
        <v>53765</v>
      </c>
      <c r="BB793" s="9">
        <v>54057</v>
      </c>
      <c r="BC793" s="9">
        <v>57231</v>
      </c>
      <c r="BD793" s="9">
        <v>60054</v>
      </c>
      <c r="BE793" s="9">
        <v>61936</v>
      </c>
      <c r="BF793" s="9">
        <v>61601</v>
      </c>
      <c r="BG793" s="11">
        <v>149</v>
      </c>
      <c r="BH793" s="13">
        <v>0.20608575380359612</v>
      </c>
      <c r="BI793" s="6">
        <v>44</v>
      </c>
      <c r="BJ793" s="13">
        <v>6.0857538035961271E-2</v>
      </c>
      <c r="BK793" s="6">
        <v>-5</v>
      </c>
      <c r="BL793" s="13">
        <v>-6.51890482398957E-3</v>
      </c>
      <c r="BM793" s="11">
        <v>110</v>
      </c>
      <c r="BN793" s="13">
        <v>0.14435695538057744</v>
      </c>
      <c r="BO793" s="11">
        <v>105</v>
      </c>
      <c r="BP793" s="13">
        <v>0.13689700130378096</v>
      </c>
      <c r="BQ793" s="6">
        <v>723</v>
      </c>
      <c r="BR793" s="6">
        <v>728</v>
      </c>
      <c r="BS793" s="6">
        <v>752</v>
      </c>
      <c r="BT793" s="6">
        <v>767</v>
      </c>
      <c r="BU793" s="6">
        <v>779</v>
      </c>
      <c r="BV793" s="6">
        <v>769</v>
      </c>
      <c r="BW793" s="6">
        <v>762</v>
      </c>
      <c r="BX793" s="6">
        <v>750</v>
      </c>
      <c r="BY793" s="6">
        <v>767</v>
      </c>
      <c r="BZ793" s="6">
        <v>795</v>
      </c>
      <c r="CA793" s="6">
        <v>813</v>
      </c>
      <c r="CB793" s="6">
        <v>865</v>
      </c>
      <c r="CC793" s="11">
        <v>872</v>
      </c>
      <c r="CD793" s="11">
        <v>2134</v>
      </c>
      <c r="CE793" s="11">
        <v>952</v>
      </c>
      <c r="CF793" s="11">
        <v>520</v>
      </c>
      <c r="CG793" s="11">
        <v>1472</v>
      </c>
      <c r="CH793" s="20">
        <v>0.56000000000000005</v>
      </c>
      <c r="CI793" s="20">
        <v>0.56999999999999995</v>
      </c>
      <c r="CJ793" s="20">
        <v>0.59</v>
      </c>
      <c r="CK793" s="20">
        <v>0.59</v>
      </c>
      <c r="CL793" s="20">
        <v>0.57999999999999996</v>
      </c>
      <c r="CM793" s="20">
        <v>0.59</v>
      </c>
      <c r="CN793" s="20">
        <v>0.57999999999999996</v>
      </c>
      <c r="CO793" s="20">
        <v>0.56999999999999995</v>
      </c>
      <c r="CP793" s="20">
        <v>0.55000000000000004</v>
      </c>
      <c r="CQ793" s="20">
        <v>0.53</v>
      </c>
      <c r="CR793" s="20">
        <v>0.54</v>
      </c>
      <c r="CS793" s="20">
        <v>0.63</v>
      </c>
      <c r="CT793" s="20">
        <v>0.65</v>
      </c>
      <c r="CU793" s="20">
        <v>0.66</v>
      </c>
      <c r="CV793" s="20">
        <v>0.67</v>
      </c>
      <c r="CW793" s="20">
        <v>0.71</v>
      </c>
      <c r="CX793" s="20">
        <v>0.72</v>
      </c>
      <c r="CY793" s="6" t="s">
        <v>515</v>
      </c>
      <c r="CZ793" s="6" t="s">
        <v>516</v>
      </c>
      <c r="DA793" s="6" t="s">
        <v>103</v>
      </c>
      <c r="DB793" s="6" t="s">
        <v>345</v>
      </c>
      <c r="DC793" s="6">
        <v>44180</v>
      </c>
      <c r="DD793" s="6">
        <v>520</v>
      </c>
      <c r="DE793" s="6" t="s">
        <v>460</v>
      </c>
      <c r="DF793" s="6" t="s">
        <v>375</v>
      </c>
      <c r="DG793" s="6" t="s">
        <v>364</v>
      </c>
      <c r="DH793" s="6" t="s">
        <v>419</v>
      </c>
      <c r="DI793" s="6" t="s">
        <v>461</v>
      </c>
      <c r="DJ793" s="6">
        <v>29</v>
      </c>
      <c r="DK793" s="6">
        <v>77</v>
      </c>
      <c r="DL793" s="6">
        <v>2</v>
      </c>
      <c r="DM793" s="6" t="s">
        <v>379</v>
      </c>
      <c r="DN793" s="6">
        <v>2</v>
      </c>
      <c r="DO793" s="6" t="s">
        <v>463</v>
      </c>
      <c r="DP793" s="6"/>
      <c r="DQ793" s="6"/>
    </row>
    <row r="794" spans="1:121" x14ac:dyDescent="0.2">
      <c r="A794" s="6" t="s">
        <v>318</v>
      </c>
      <c r="B794" s="6" t="s">
        <v>318</v>
      </c>
      <c r="C794" s="6" t="s">
        <v>187</v>
      </c>
      <c r="D794" s="6" t="s">
        <v>103</v>
      </c>
      <c r="E794" s="6" t="s">
        <v>244</v>
      </c>
      <c r="F794" s="11">
        <v>1305</v>
      </c>
      <c r="G794" s="13">
        <v>0.54239401496299999</v>
      </c>
      <c r="H794" s="11">
        <v>784.25515300000006</v>
      </c>
      <c r="I794" s="13">
        <v>0.32589153980371377</v>
      </c>
      <c r="J794" s="11">
        <v>-81.873409000000265</v>
      </c>
      <c r="K794" s="13">
        <v>-2.565964121111498E-2</v>
      </c>
      <c r="L794" s="11">
        <v>602.36949715000037</v>
      </c>
      <c r="M794" s="13">
        <v>0.19375815286791989</v>
      </c>
      <c r="N794" s="11">
        <v>520.49608815000011</v>
      </c>
      <c r="O794" s="13">
        <v>0.16312674697248572</v>
      </c>
      <c r="P794" s="7">
        <v>2406.491293</v>
      </c>
      <c r="Q794" s="7">
        <v>1905.491802</v>
      </c>
      <c r="R794" s="7">
        <v>1962.5102569999999</v>
      </c>
      <c r="S794" s="7">
        <v>2284.9973500000001</v>
      </c>
      <c r="T794" s="7">
        <v>2487.0486059999998</v>
      </c>
      <c r="U794" s="7">
        <v>2835.0110500000001</v>
      </c>
      <c r="V794" s="7">
        <v>3190.7464460000001</v>
      </c>
      <c r="W794" s="7">
        <v>3154.0439409999999</v>
      </c>
      <c r="X794" s="7">
        <v>2972.9245639999999</v>
      </c>
      <c r="Y794" s="7">
        <v>3108.8730369999998</v>
      </c>
      <c r="Z794" s="7">
        <v>3043.9607970000002</v>
      </c>
      <c r="AA794" s="7">
        <v>3229.8390559999998</v>
      </c>
      <c r="AB794" s="7">
        <v>3569.0446179999999</v>
      </c>
      <c r="AC794" s="7">
        <v>3501.9938670000001</v>
      </c>
      <c r="AD794" s="7">
        <v>3614.9374929999999</v>
      </c>
      <c r="AE794" s="7">
        <v>3634.8541252499999</v>
      </c>
      <c r="AF794" s="7">
        <v>3711.2425341500002</v>
      </c>
      <c r="AG794" s="9">
        <v>29641.492152999999</v>
      </c>
      <c r="AH794" s="13">
        <v>0.52042158318142862</v>
      </c>
      <c r="AI794" s="9">
        <v>-975.46730430000025</v>
      </c>
      <c r="AJ794" s="13">
        <v>-1.712647380318022E-2</v>
      </c>
      <c r="AK794" s="9">
        <v>10967.166746399998</v>
      </c>
      <c r="AL794" s="13">
        <v>0.19590794381413204</v>
      </c>
      <c r="AM794" s="9">
        <v>19649.792710900001</v>
      </c>
      <c r="AN794" s="13">
        <v>0.29350656680103093</v>
      </c>
      <c r="AO794" s="9">
        <v>30616.959457299999</v>
      </c>
      <c r="AP794" s="13">
        <v>0.54691477861309823</v>
      </c>
      <c r="AQ794" s="9">
        <v>56956.692633300001</v>
      </c>
      <c r="AR794" s="9">
        <v>56439.878549399997</v>
      </c>
      <c r="AS794" s="9">
        <v>58859.845238800001</v>
      </c>
      <c r="AT794" s="9">
        <v>58175.9181475</v>
      </c>
      <c r="AU794" s="9">
        <v>59919.763804800001</v>
      </c>
      <c r="AV794" s="9">
        <v>59270.282332000002</v>
      </c>
      <c r="AW794" s="9">
        <v>55981.225329000001</v>
      </c>
      <c r="AX794" s="9">
        <v>57663.640390499997</v>
      </c>
      <c r="AY794" s="9">
        <v>62317.026245599998</v>
      </c>
      <c r="AZ794" s="9">
        <v>66948.392075399999</v>
      </c>
      <c r="BA794" s="9">
        <v>69774.311500199998</v>
      </c>
      <c r="BB794" s="9">
        <v>82333.3568543</v>
      </c>
      <c r="BC794" s="9">
        <v>70856.181470299998</v>
      </c>
      <c r="BD794" s="9">
        <v>84757.963264200007</v>
      </c>
      <c r="BE794" s="9">
        <v>88058.951101500003</v>
      </c>
      <c r="BF794" s="9">
        <v>86598.1847863</v>
      </c>
      <c r="BG794" s="11">
        <v>20</v>
      </c>
      <c r="BH794" s="13">
        <v>0.24691358024691357</v>
      </c>
      <c r="BI794" s="6">
        <v>10</v>
      </c>
      <c r="BJ794" s="13">
        <v>0.12345679012345678</v>
      </c>
      <c r="BK794" s="6">
        <v>9</v>
      </c>
      <c r="BL794" s="13">
        <v>9.8901098901098897E-2</v>
      </c>
      <c r="BM794" s="11">
        <v>1</v>
      </c>
      <c r="BN794" s="13">
        <v>0.01</v>
      </c>
      <c r="BO794" s="11">
        <v>10</v>
      </c>
      <c r="BP794" s="13">
        <v>0.10989010989010989</v>
      </c>
      <c r="BQ794" s="6">
        <v>81</v>
      </c>
      <c r="BR794" s="6">
        <v>80</v>
      </c>
      <c r="BS794" s="6">
        <v>86</v>
      </c>
      <c r="BT794" s="6">
        <v>91</v>
      </c>
      <c r="BU794" s="6">
        <v>97</v>
      </c>
      <c r="BV794" s="6">
        <v>97</v>
      </c>
      <c r="BW794" s="6">
        <v>100</v>
      </c>
      <c r="BX794" s="6">
        <v>101</v>
      </c>
      <c r="BY794" s="6">
        <v>102</v>
      </c>
      <c r="BZ794" s="6">
        <v>102</v>
      </c>
      <c r="CA794" s="6">
        <v>106</v>
      </c>
      <c r="CB794" s="6">
        <v>103</v>
      </c>
      <c r="CC794" s="11">
        <v>101</v>
      </c>
      <c r="CD794" s="11">
        <v>526.44399999999996</v>
      </c>
      <c r="CE794" s="11">
        <v>515.24900000000002</v>
      </c>
      <c r="CF794" s="11">
        <v>263.05799999999999</v>
      </c>
      <c r="CG794" s="11">
        <v>778</v>
      </c>
      <c r="CH794" s="20">
        <v>1.30918</v>
      </c>
      <c r="CI794" s="20">
        <v>1.0367500000000001</v>
      </c>
      <c r="CJ794" s="20">
        <v>1.06975</v>
      </c>
      <c r="CK794" s="20">
        <v>1.2239100000000001</v>
      </c>
      <c r="CL794" s="20">
        <v>1.2815300000000001</v>
      </c>
      <c r="CM794" s="20">
        <v>1.4148400000000001</v>
      </c>
      <c r="CN794" s="20">
        <v>1.5289699999999999</v>
      </c>
      <c r="CO794" s="20">
        <v>1.47519</v>
      </c>
      <c r="CP794" s="20">
        <v>1.4176500000000001</v>
      </c>
      <c r="CQ794" s="20">
        <v>1.48994</v>
      </c>
      <c r="CR794" s="20">
        <v>1.4125099999999999</v>
      </c>
      <c r="CS794" s="20">
        <v>1.4108799999999999</v>
      </c>
      <c r="CT794" s="20">
        <v>1.5162500000000001</v>
      </c>
      <c r="CU794" s="20">
        <v>1.44072</v>
      </c>
      <c r="CV794" s="20">
        <v>1.456</v>
      </c>
      <c r="CW794" s="20">
        <v>1.45689</v>
      </c>
      <c r="CX794" s="20">
        <v>1.4605999999999999</v>
      </c>
      <c r="CY794" s="6" t="s">
        <v>515</v>
      </c>
      <c r="CZ794" s="6" t="s">
        <v>516</v>
      </c>
      <c r="DA794" s="6" t="s">
        <v>103</v>
      </c>
      <c r="DB794" s="6" t="s">
        <v>345</v>
      </c>
      <c r="DC794" s="6">
        <v>44180</v>
      </c>
      <c r="DD794" s="6">
        <v>520</v>
      </c>
      <c r="DE794" s="6" t="s">
        <v>460</v>
      </c>
      <c r="DF794" s="6" t="s">
        <v>375</v>
      </c>
      <c r="DG794" s="6" t="s">
        <v>364</v>
      </c>
      <c r="DH794" s="6" t="s">
        <v>419</v>
      </c>
      <c r="DI794" s="6" t="s">
        <v>461</v>
      </c>
      <c r="DJ794" s="6">
        <v>29</v>
      </c>
      <c r="DK794" s="6">
        <v>77</v>
      </c>
      <c r="DL794" s="6">
        <v>2</v>
      </c>
      <c r="DM794" s="6" t="s">
        <v>379</v>
      </c>
      <c r="DN794" s="6">
        <v>2</v>
      </c>
      <c r="DO794" s="6" t="s">
        <v>463</v>
      </c>
      <c r="DP794" s="6"/>
      <c r="DQ794" s="6"/>
    </row>
    <row r="795" spans="1:121" x14ac:dyDescent="0.2">
      <c r="A795" s="6" t="s">
        <v>319</v>
      </c>
      <c r="B795" s="6" t="s">
        <v>319</v>
      </c>
      <c r="C795" s="6" t="s">
        <v>188</v>
      </c>
      <c r="D795" s="6" t="s">
        <v>103</v>
      </c>
      <c r="E795" s="6" t="s">
        <v>244</v>
      </c>
      <c r="F795" s="11">
        <v>3439</v>
      </c>
      <c r="G795" s="13">
        <v>0.50865256618800003</v>
      </c>
      <c r="H795" s="11">
        <v>2379.3078575600011</v>
      </c>
      <c r="I795" s="13">
        <v>0.35189853588232722</v>
      </c>
      <c r="J795" s="11">
        <v>153.84999137999876</v>
      </c>
      <c r="K795" s="13">
        <v>1.6831398389566793E-2</v>
      </c>
      <c r="L795" s="11">
        <v>905.38371632000053</v>
      </c>
      <c r="M795" s="13">
        <v>9.7410652948611745E-2</v>
      </c>
      <c r="N795" s="11">
        <v>1059.2337076999993</v>
      </c>
      <c r="O795" s="13">
        <v>0.11588160884534446</v>
      </c>
      <c r="P795" s="7">
        <v>6761.3462829399996</v>
      </c>
      <c r="Q795" s="7">
        <v>6430.48027344</v>
      </c>
      <c r="R795" s="7">
        <v>6598.8306161700002</v>
      </c>
      <c r="S795" s="7">
        <v>6467.2248323599997</v>
      </c>
      <c r="T795" s="7">
        <v>7070.5925125499998</v>
      </c>
      <c r="U795" s="7">
        <v>8431.0327885900006</v>
      </c>
      <c r="V795" s="7">
        <v>9140.6541405000007</v>
      </c>
      <c r="W795" s="7">
        <v>9020.8774024899994</v>
      </c>
      <c r="X795" s="7">
        <v>8149.1879629900004</v>
      </c>
      <c r="Y795" s="7">
        <v>9294.5041318799995</v>
      </c>
      <c r="Z795" s="7">
        <v>10093.2197612</v>
      </c>
      <c r="AA795" s="7">
        <v>10460.691303899999</v>
      </c>
      <c r="AB795" s="7">
        <v>10616.0844712</v>
      </c>
      <c r="AC795" s="7">
        <v>11026.3536367</v>
      </c>
      <c r="AD795" s="7">
        <v>10501.4088412</v>
      </c>
      <c r="AE795" s="7">
        <v>10035.169005</v>
      </c>
      <c r="AF795" s="7">
        <v>10199.8878482</v>
      </c>
      <c r="AG795" s="9">
        <v>12290.349130299997</v>
      </c>
      <c r="AH795" s="13">
        <v>0.58707198008316019</v>
      </c>
      <c r="AI795" s="9">
        <v>3613.8932599999971</v>
      </c>
      <c r="AJ795" s="13">
        <v>0.17262450801555043</v>
      </c>
      <c r="AK795" s="9">
        <v>2364.9403707000019</v>
      </c>
      <c r="AL795" s="13">
        <v>9.6335944787706865E-2</v>
      </c>
      <c r="AM795" s="9">
        <v>6311.5154995999983</v>
      </c>
      <c r="AN795" s="13">
        <v>0.23450827161178409</v>
      </c>
      <c r="AO795" s="9">
        <v>8676.4558703000002</v>
      </c>
      <c r="AP795" s="13">
        <v>0.35343579230574435</v>
      </c>
      <c r="AQ795" s="9">
        <v>20934.995277000002</v>
      </c>
      <c r="AR795" s="9">
        <v>20947.189853600001</v>
      </c>
      <c r="AS795" s="9">
        <v>21645.3831011</v>
      </c>
      <c r="AT795" s="9">
        <v>23284.6835503</v>
      </c>
      <c r="AU795" s="9">
        <v>22740.3160742</v>
      </c>
      <c r="AV795" s="9">
        <v>21671.519488599999</v>
      </c>
      <c r="AW795" s="9">
        <v>24548.888536999999</v>
      </c>
      <c r="AX795" s="9">
        <v>26837.705420599999</v>
      </c>
      <c r="AY795" s="9">
        <v>26363.9162024</v>
      </c>
      <c r="AZ795" s="9">
        <v>26913.828907700001</v>
      </c>
      <c r="BA795" s="9">
        <v>27263.798279499999</v>
      </c>
      <c r="BB795" s="9">
        <v>28376.042242799998</v>
      </c>
      <c r="BC795" s="9">
        <v>28649.4220737</v>
      </c>
      <c r="BD795" s="9">
        <v>29599.992026399999</v>
      </c>
      <c r="BE795" s="9">
        <v>31666.439585799999</v>
      </c>
      <c r="BF795" s="9">
        <v>33225.344407299999</v>
      </c>
      <c r="BG795" s="11">
        <v>85</v>
      </c>
      <c r="BH795" s="13">
        <v>0.21573604060913706</v>
      </c>
      <c r="BI795" s="6">
        <v>19</v>
      </c>
      <c r="BJ795" s="13">
        <v>4.8223350253807105E-2</v>
      </c>
      <c r="BK795" s="6">
        <v>17</v>
      </c>
      <c r="BL795" s="13">
        <v>4.1162227602905568E-2</v>
      </c>
      <c r="BM795" s="11">
        <v>49</v>
      </c>
      <c r="BN795" s="13">
        <v>0.11395348837209303</v>
      </c>
      <c r="BO795" s="11">
        <v>66</v>
      </c>
      <c r="BP795" s="13">
        <v>0.15980629539951574</v>
      </c>
      <c r="BQ795" s="6">
        <v>394</v>
      </c>
      <c r="BR795" s="6">
        <v>397</v>
      </c>
      <c r="BS795" s="6">
        <v>401</v>
      </c>
      <c r="BT795" s="6">
        <v>413</v>
      </c>
      <c r="BU795" s="6">
        <v>425</v>
      </c>
      <c r="BV795" s="6">
        <v>415</v>
      </c>
      <c r="BW795" s="6">
        <v>430</v>
      </c>
      <c r="BX795" s="6">
        <v>440</v>
      </c>
      <c r="BY795" s="6">
        <v>454</v>
      </c>
      <c r="BZ795" s="6">
        <v>459</v>
      </c>
      <c r="CA795" s="6">
        <v>453</v>
      </c>
      <c r="CB795" s="6">
        <v>472</v>
      </c>
      <c r="CC795" s="11">
        <v>479</v>
      </c>
      <c r="CD795" s="11">
        <v>2091.11</v>
      </c>
      <c r="CE795" s="11">
        <v>608.33600000000001</v>
      </c>
      <c r="CF795" s="11">
        <v>739.09699999999998</v>
      </c>
      <c r="CG795" s="11">
        <v>1347</v>
      </c>
      <c r="CH795" s="20">
        <v>0.74987400000000004</v>
      </c>
      <c r="CI795" s="20">
        <v>0.70630899999999996</v>
      </c>
      <c r="CJ795" s="20">
        <v>0.71323800000000004</v>
      </c>
      <c r="CK795" s="20">
        <v>0.67884900000000004</v>
      </c>
      <c r="CL795" s="20">
        <v>0.708951</v>
      </c>
      <c r="CM795" s="20">
        <v>0.81501199999999996</v>
      </c>
      <c r="CN795" s="20">
        <v>0.86624500000000004</v>
      </c>
      <c r="CO795" s="20">
        <v>0.89912899999999996</v>
      </c>
      <c r="CP795" s="20">
        <v>0.89148700000000003</v>
      </c>
      <c r="CQ795" s="20">
        <v>0.993309</v>
      </c>
      <c r="CR795" s="20">
        <v>1.03871</v>
      </c>
      <c r="CS795" s="20">
        <v>1.02643</v>
      </c>
      <c r="CT795" s="20">
        <v>1.0246200000000001</v>
      </c>
      <c r="CU795" s="20">
        <v>1.0292600000000001</v>
      </c>
      <c r="CV795" s="20">
        <v>0.957094</v>
      </c>
      <c r="CW795" s="20">
        <v>0.90604399999999996</v>
      </c>
      <c r="CX795" s="20">
        <v>0.90307300000000001</v>
      </c>
      <c r="CY795" s="6" t="s">
        <v>515</v>
      </c>
      <c r="CZ795" s="6" t="s">
        <v>516</v>
      </c>
      <c r="DA795" s="6" t="s">
        <v>103</v>
      </c>
      <c r="DB795" s="6" t="s">
        <v>345</v>
      </c>
      <c r="DC795" s="6">
        <v>44180</v>
      </c>
      <c r="DD795" s="6">
        <v>520</v>
      </c>
      <c r="DE795" s="6" t="s">
        <v>460</v>
      </c>
      <c r="DF795" s="6" t="s">
        <v>375</v>
      </c>
      <c r="DG795" s="6" t="s">
        <v>364</v>
      </c>
      <c r="DH795" s="6" t="s">
        <v>419</v>
      </c>
      <c r="DI795" s="6" t="s">
        <v>461</v>
      </c>
      <c r="DJ795" s="6">
        <v>29</v>
      </c>
      <c r="DK795" s="6">
        <v>77</v>
      </c>
      <c r="DL795" s="6">
        <v>2</v>
      </c>
      <c r="DM795" s="6" t="s">
        <v>379</v>
      </c>
      <c r="DN795" s="6">
        <v>2</v>
      </c>
      <c r="DO795" s="6" t="s">
        <v>463</v>
      </c>
      <c r="DP795" s="6"/>
      <c r="DQ795" s="6"/>
    </row>
    <row r="796" spans="1:121" x14ac:dyDescent="0.2">
      <c r="A796" s="6" t="s">
        <v>320</v>
      </c>
      <c r="B796" s="6" t="s">
        <v>320</v>
      </c>
      <c r="C796" s="6" t="s">
        <v>189</v>
      </c>
      <c r="D796" s="6" t="s">
        <v>103</v>
      </c>
      <c r="E796" s="6" t="s">
        <v>244</v>
      </c>
      <c r="F796" s="11">
        <v>-227</v>
      </c>
      <c r="G796" s="13">
        <v>-6.3301728945899999E-2</v>
      </c>
      <c r="H796" s="11">
        <v>446.04624273000036</v>
      </c>
      <c r="I796" s="13">
        <v>0.12437026809989957</v>
      </c>
      <c r="J796" s="11">
        <v>-168.89528710000013</v>
      </c>
      <c r="K796" s="13">
        <v>-4.1883682926516855E-2</v>
      </c>
      <c r="L796" s="11">
        <v>-504.30471994000027</v>
      </c>
      <c r="M796" s="13">
        <v>-0.13052753261838343</v>
      </c>
      <c r="N796" s="11">
        <v>-673.2000070400004</v>
      </c>
      <c r="O796" s="13">
        <v>-0.16694424175553133</v>
      </c>
      <c r="P796" s="7">
        <v>3586.4378966499999</v>
      </c>
      <c r="Q796" s="7">
        <v>3559.0639649499999</v>
      </c>
      <c r="R796" s="7">
        <v>3785.34624704</v>
      </c>
      <c r="S796" s="7">
        <v>3767.4279555799999</v>
      </c>
      <c r="T796" s="7">
        <v>4024.0243234300001</v>
      </c>
      <c r="U796" s="7">
        <v>4049.69780932</v>
      </c>
      <c r="V796" s="7">
        <v>4032.4841393800002</v>
      </c>
      <c r="W796" s="7">
        <v>3890.3069828100001</v>
      </c>
      <c r="X796" s="7">
        <v>3725.86845954</v>
      </c>
      <c r="Y796" s="7">
        <v>3863.5888522800001</v>
      </c>
      <c r="Z796" s="7">
        <v>4262.6476127300002</v>
      </c>
      <c r="AA796" s="7">
        <v>4099.5915767699998</v>
      </c>
      <c r="AB796" s="7">
        <v>3523.3848239399999</v>
      </c>
      <c r="AC796" s="7">
        <v>3586.2698429299999</v>
      </c>
      <c r="AD796" s="7">
        <v>3532.6041734999999</v>
      </c>
      <c r="AE796" s="7">
        <v>3440.0608652999999</v>
      </c>
      <c r="AF796" s="7">
        <v>3359.2841323399998</v>
      </c>
      <c r="AG796" s="9">
        <v>12941.018064099999</v>
      </c>
      <c r="AH796" s="13">
        <v>0.88350604654035891</v>
      </c>
      <c r="AI796" s="9">
        <v>6595.7951800999999</v>
      </c>
      <c r="AJ796" s="13">
        <v>0.45030652878277871</v>
      </c>
      <c r="AK796" s="9">
        <v>4630.801354700001</v>
      </c>
      <c r="AL796" s="13">
        <v>0.21799043212792416</v>
      </c>
      <c r="AM796" s="9">
        <v>1714.4215292999979</v>
      </c>
      <c r="AN796" s="13">
        <v>6.6260546839446655E-2</v>
      </c>
      <c r="AO796" s="9">
        <v>6345.2228839999989</v>
      </c>
      <c r="AP796" s="13">
        <v>0.29869514420593435</v>
      </c>
      <c r="AQ796" s="9">
        <v>14647.345216</v>
      </c>
      <c r="AR796" s="9">
        <v>16436.142260100001</v>
      </c>
      <c r="AS796" s="9">
        <v>17384.232225100001</v>
      </c>
      <c r="AT796" s="9">
        <v>19131.832765800002</v>
      </c>
      <c r="AU796" s="9">
        <v>18999.331381600001</v>
      </c>
      <c r="AV796" s="9">
        <v>20220.336867599999</v>
      </c>
      <c r="AW796" s="9">
        <v>21243.1403961</v>
      </c>
      <c r="AX796" s="9">
        <v>22750.888682699999</v>
      </c>
      <c r="AY796" s="9">
        <v>26250.034423100002</v>
      </c>
      <c r="AZ796" s="9">
        <v>25873.941750800001</v>
      </c>
      <c r="BA796" s="9">
        <v>24301.121925799998</v>
      </c>
      <c r="BB796" s="9">
        <v>24814.5539039</v>
      </c>
      <c r="BC796" s="9">
        <v>29602.854882</v>
      </c>
      <c r="BD796" s="9">
        <v>28057.688575299999</v>
      </c>
      <c r="BE796" s="9">
        <v>27722.166323900001</v>
      </c>
      <c r="BF796" s="9">
        <v>27588.363280099999</v>
      </c>
      <c r="BG796" s="11">
        <v>30</v>
      </c>
      <c r="BH796" s="13">
        <v>0.50847457627118642</v>
      </c>
      <c r="BI796" s="6">
        <v>1</v>
      </c>
      <c r="BJ796" s="13">
        <v>1.6949152542372881E-2</v>
      </c>
      <c r="BK796" s="6">
        <v>12</v>
      </c>
      <c r="BL796" s="13">
        <v>0.2</v>
      </c>
      <c r="BM796" s="11">
        <v>17</v>
      </c>
      <c r="BN796" s="13">
        <v>0.2361111111111111</v>
      </c>
      <c r="BO796" s="11">
        <v>29</v>
      </c>
      <c r="BP796" s="13">
        <v>0.48333333333333334</v>
      </c>
      <c r="BQ796" s="6">
        <v>59</v>
      </c>
      <c r="BR796" s="6">
        <v>57</v>
      </c>
      <c r="BS796" s="6">
        <v>59</v>
      </c>
      <c r="BT796" s="6">
        <v>60</v>
      </c>
      <c r="BU796" s="6">
        <v>67</v>
      </c>
      <c r="BV796" s="6">
        <v>71</v>
      </c>
      <c r="BW796" s="6">
        <v>72</v>
      </c>
      <c r="BX796" s="6">
        <v>75</v>
      </c>
      <c r="BY796" s="6">
        <v>80</v>
      </c>
      <c r="BZ796" s="6">
        <v>78</v>
      </c>
      <c r="CA796" s="6">
        <v>82</v>
      </c>
      <c r="CB796" s="6">
        <v>87</v>
      </c>
      <c r="CC796" s="11">
        <v>89</v>
      </c>
      <c r="CD796" s="11">
        <v>-1917.86</v>
      </c>
      <c r="CE796" s="11">
        <v>1298.67</v>
      </c>
      <c r="CF796" s="11">
        <v>392.041</v>
      </c>
      <c r="CG796" s="11">
        <v>1691</v>
      </c>
      <c r="CH796" s="20">
        <v>1.1922200000000001</v>
      </c>
      <c r="CI796" s="20">
        <v>1.11972</v>
      </c>
      <c r="CJ796" s="20">
        <v>1.13809</v>
      </c>
      <c r="CK796" s="20">
        <v>1.0958300000000001</v>
      </c>
      <c r="CL796" s="20">
        <v>1.1430899999999999</v>
      </c>
      <c r="CM796" s="20">
        <v>1.11453</v>
      </c>
      <c r="CN796" s="20">
        <v>1.07101</v>
      </c>
      <c r="CO796" s="20">
        <v>1.0100100000000001</v>
      </c>
      <c r="CP796" s="20">
        <v>0.93992200000000004</v>
      </c>
      <c r="CQ796" s="20">
        <v>0.95930899999999997</v>
      </c>
      <c r="CR796" s="20">
        <v>1.02664</v>
      </c>
      <c r="CS796" s="20">
        <v>0.95051099999999999</v>
      </c>
      <c r="CT796" s="20">
        <v>0.81403700000000001</v>
      </c>
      <c r="CU796" s="20">
        <v>0.81095200000000001</v>
      </c>
      <c r="CV796" s="20">
        <v>0.78837199999999996</v>
      </c>
      <c r="CW796" s="20">
        <v>0.76152699999999995</v>
      </c>
      <c r="CX796" s="20">
        <v>0.72660400000000003</v>
      </c>
      <c r="CY796" s="6" t="s">
        <v>515</v>
      </c>
      <c r="CZ796" s="6" t="s">
        <v>516</v>
      </c>
      <c r="DA796" s="6" t="s">
        <v>103</v>
      </c>
      <c r="DB796" s="6" t="s">
        <v>345</v>
      </c>
      <c r="DC796" s="6">
        <v>44180</v>
      </c>
      <c r="DD796" s="6">
        <v>520</v>
      </c>
      <c r="DE796" s="6" t="s">
        <v>460</v>
      </c>
      <c r="DF796" s="6" t="s">
        <v>375</v>
      </c>
      <c r="DG796" s="6" t="s">
        <v>364</v>
      </c>
      <c r="DH796" s="6" t="s">
        <v>419</v>
      </c>
      <c r="DI796" s="6" t="s">
        <v>461</v>
      </c>
      <c r="DJ796" s="6">
        <v>29</v>
      </c>
      <c r="DK796" s="6">
        <v>77</v>
      </c>
      <c r="DL796" s="6">
        <v>2</v>
      </c>
      <c r="DM796" s="6" t="s">
        <v>379</v>
      </c>
      <c r="DN796" s="6">
        <v>2</v>
      </c>
      <c r="DO796" s="6" t="s">
        <v>463</v>
      </c>
      <c r="DP796" s="6"/>
      <c r="DQ796" s="6"/>
    </row>
    <row r="797" spans="1:121" x14ac:dyDescent="0.2">
      <c r="A797" s="6" t="s">
        <v>321</v>
      </c>
      <c r="B797" s="6" t="s">
        <v>321</v>
      </c>
      <c r="C797" s="6" t="s">
        <v>190</v>
      </c>
      <c r="D797" s="6" t="s">
        <v>103</v>
      </c>
      <c r="E797" s="6" t="s">
        <v>244</v>
      </c>
      <c r="F797" s="11">
        <v>9605</v>
      </c>
      <c r="G797" s="13">
        <v>0.43328220858900002</v>
      </c>
      <c r="H797" s="11">
        <v>4828.0202547000008</v>
      </c>
      <c r="I797" s="13">
        <v>0.21778835672293043</v>
      </c>
      <c r="J797" s="11">
        <v>2500.0905038000019</v>
      </c>
      <c r="K797" s="13">
        <v>9.2608209526590698E-2</v>
      </c>
      <c r="L797" s="11">
        <v>2276.7871734</v>
      </c>
      <c r="M797" s="13">
        <v>7.7188345823766671E-2</v>
      </c>
      <c r="N797" s="11">
        <v>4776.8776772000019</v>
      </c>
      <c r="O797" s="13">
        <v>0.1769448298534157</v>
      </c>
      <c r="P797" s="7">
        <v>22168.403891499998</v>
      </c>
      <c r="Q797" s="7">
        <v>23190.7142045</v>
      </c>
      <c r="R797" s="7">
        <v>23939.119331000002</v>
      </c>
      <c r="S797" s="7">
        <v>24715.211898599999</v>
      </c>
      <c r="T797" s="7">
        <v>26068.482356100001</v>
      </c>
      <c r="U797" s="7">
        <v>26672.207480599998</v>
      </c>
      <c r="V797" s="7">
        <v>26996.424146199999</v>
      </c>
      <c r="W797" s="7">
        <v>27565.510494499998</v>
      </c>
      <c r="X797" s="7">
        <v>29317.446625600001</v>
      </c>
      <c r="Y797" s="7">
        <v>29496.514650000001</v>
      </c>
      <c r="Z797" s="7">
        <v>29443.802609900002</v>
      </c>
      <c r="AA797" s="7">
        <v>30769.253631899999</v>
      </c>
      <c r="AB797" s="7">
        <v>30280.388554699999</v>
      </c>
      <c r="AC797" s="7">
        <v>30749.824602299999</v>
      </c>
      <c r="AD797" s="7">
        <v>31194.561800899999</v>
      </c>
      <c r="AE797" s="7">
        <v>31133.495302399999</v>
      </c>
      <c r="AF797" s="7">
        <v>31773.301823400001</v>
      </c>
      <c r="AG797" s="9">
        <v>19582.398895900005</v>
      </c>
      <c r="AH797" s="13">
        <v>0.49272909896344558</v>
      </c>
      <c r="AI797" s="9">
        <v>8246.9689374000009</v>
      </c>
      <c r="AJ797" s="13">
        <v>0.20750887546037133</v>
      </c>
      <c r="AK797" s="9">
        <v>4483.6263003999993</v>
      </c>
      <c r="AL797" s="13">
        <v>9.3428934175969397E-2</v>
      </c>
      <c r="AM797" s="9">
        <v>6851.8036581000051</v>
      </c>
      <c r="AN797" s="13">
        <v>0.1305768940428445</v>
      </c>
      <c r="AO797" s="9">
        <v>11335.429958500004</v>
      </c>
      <c r="AP797" s="13">
        <v>0.23620548825724536</v>
      </c>
      <c r="AQ797" s="9">
        <v>39742.728686199996</v>
      </c>
      <c r="AR797" s="9">
        <v>41980.262407800001</v>
      </c>
      <c r="AS797" s="9">
        <v>42734.052576200003</v>
      </c>
      <c r="AT797" s="9">
        <v>44632.338772199997</v>
      </c>
      <c r="AU797" s="9">
        <v>45612.744850000003</v>
      </c>
      <c r="AV797" s="9">
        <v>47114.209576399997</v>
      </c>
      <c r="AW797" s="9">
        <v>47989.697623599997</v>
      </c>
      <c r="AX797" s="9">
        <v>49660.766778199999</v>
      </c>
      <c r="AY797" s="9">
        <v>51498.387200600002</v>
      </c>
      <c r="AZ797" s="9">
        <v>52473.323923999997</v>
      </c>
      <c r="BA797" s="9">
        <v>53416.762043499999</v>
      </c>
      <c r="BB797" s="9">
        <v>53014.505670400002</v>
      </c>
      <c r="BC797" s="9">
        <v>55017.970246199999</v>
      </c>
      <c r="BD797" s="9">
        <v>55443.600608100001</v>
      </c>
      <c r="BE797" s="9">
        <v>57729.998405099999</v>
      </c>
      <c r="BF797" s="9">
        <v>59325.127582100002</v>
      </c>
      <c r="BG797" s="11">
        <v>611.5</v>
      </c>
      <c r="BH797" s="13">
        <v>1.0709281961471104</v>
      </c>
      <c r="BI797" s="6">
        <v>16</v>
      </c>
      <c r="BJ797" s="13">
        <v>2.8021015761821366E-2</v>
      </c>
      <c r="BK797" s="6">
        <v>44</v>
      </c>
      <c r="BL797" s="13">
        <v>7.4957410562180582E-2</v>
      </c>
      <c r="BM797" s="11">
        <v>551.5</v>
      </c>
      <c r="BN797" s="13">
        <v>0.87400950871632332</v>
      </c>
      <c r="BO797" s="11">
        <v>595.5</v>
      </c>
      <c r="BP797" s="13">
        <v>1.014480408858603</v>
      </c>
      <c r="BQ797" s="6">
        <v>571</v>
      </c>
      <c r="BR797" s="6">
        <v>578</v>
      </c>
      <c r="BS797" s="6">
        <v>583</v>
      </c>
      <c r="BT797" s="6">
        <v>587</v>
      </c>
      <c r="BU797" s="6">
        <v>605</v>
      </c>
      <c r="BV797" s="6">
        <v>615</v>
      </c>
      <c r="BW797" s="6">
        <v>631</v>
      </c>
      <c r="BX797" s="6">
        <v>645</v>
      </c>
      <c r="BY797" s="6">
        <v>673</v>
      </c>
      <c r="BZ797" s="6">
        <v>957</v>
      </c>
      <c r="CA797" s="6">
        <v>1011</v>
      </c>
      <c r="CB797" s="6">
        <v>1135</v>
      </c>
      <c r="CC797" s="11">
        <v>1182.5</v>
      </c>
      <c r="CD797" s="11">
        <v>-891.36699999999996</v>
      </c>
      <c r="CE797" s="11">
        <v>8072.99</v>
      </c>
      <c r="CF797" s="11">
        <v>2423.27</v>
      </c>
      <c r="CG797" s="11">
        <v>10496</v>
      </c>
      <c r="CH797" s="20">
        <v>1.4921500000000001</v>
      </c>
      <c r="CI797" s="20">
        <v>1.4880599999999999</v>
      </c>
      <c r="CJ797" s="20">
        <v>1.4654100000000001</v>
      </c>
      <c r="CK797" s="20">
        <v>1.48743</v>
      </c>
      <c r="CL797" s="20">
        <v>1.5156000000000001</v>
      </c>
      <c r="CM797" s="20">
        <v>1.4976100000000001</v>
      </c>
      <c r="CN797" s="20">
        <v>1.4596100000000001</v>
      </c>
      <c r="CO797" s="20">
        <v>1.46177</v>
      </c>
      <c r="CP797" s="20">
        <v>1.5222500000000001</v>
      </c>
      <c r="CQ797" s="20">
        <v>1.5168999999999999</v>
      </c>
      <c r="CR797" s="20">
        <v>1.49498</v>
      </c>
      <c r="CS797" s="20">
        <v>1.47919</v>
      </c>
      <c r="CT797" s="20">
        <v>1.44293</v>
      </c>
      <c r="CU797" s="20">
        <v>1.43709</v>
      </c>
      <c r="CV797" s="20">
        <v>1.4244699999999999</v>
      </c>
      <c r="CW797" s="20">
        <v>1.40174</v>
      </c>
      <c r="CX797" s="20">
        <v>1.38961</v>
      </c>
      <c r="CY797" s="6" t="s">
        <v>515</v>
      </c>
      <c r="CZ797" s="6" t="s">
        <v>516</v>
      </c>
      <c r="DA797" s="6" t="s">
        <v>103</v>
      </c>
      <c r="DB797" s="6" t="s">
        <v>345</v>
      </c>
      <c r="DC797" s="6">
        <v>44180</v>
      </c>
      <c r="DD797" s="6">
        <v>520</v>
      </c>
      <c r="DE797" s="6" t="s">
        <v>460</v>
      </c>
      <c r="DF797" s="6" t="s">
        <v>375</v>
      </c>
      <c r="DG797" s="6" t="s">
        <v>364</v>
      </c>
      <c r="DH797" s="6" t="s">
        <v>419</v>
      </c>
      <c r="DI797" s="6" t="s">
        <v>461</v>
      </c>
      <c r="DJ797" s="6">
        <v>29</v>
      </c>
      <c r="DK797" s="6">
        <v>77</v>
      </c>
      <c r="DL797" s="6">
        <v>2</v>
      </c>
      <c r="DM797" s="6" t="s">
        <v>379</v>
      </c>
      <c r="DN797" s="6">
        <v>2</v>
      </c>
      <c r="DO797" s="6" t="s">
        <v>463</v>
      </c>
      <c r="DP797" s="6"/>
      <c r="DQ797" s="6"/>
    </row>
    <row r="798" spans="1:121" x14ac:dyDescent="0.2">
      <c r="A798" s="6" t="s">
        <v>322</v>
      </c>
      <c r="B798" s="6" t="s">
        <v>322</v>
      </c>
      <c r="C798" s="6" t="s">
        <v>191</v>
      </c>
      <c r="D798" s="6" t="s">
        <v>103</v>
      </c>
      <c r="E798" s="6" t="s">
        <v>244</v>
      </c>
      <c r="F798" s="11">
        <v>364</v>
      </c>
      <c r="G798" s="13">
        <v>0.26</v>
      </c>
      <c r="H798" s="11">
        <v>178</v>
      </c>
      <c r="I798" s="13">
        <v>0.12651030561478319</v>
      </c>
      <c r="J798" s="11">
        <v>-36</v>
      </c>
      <c r="K798" s="13">
        <v>-2.2712933753943215E-2</v>
      </c>
      <c r="L798" s="11">
        <v>222</v>
      </c>
      <c r="M798" s="13">
        <v>0.1433182698515171</v>
      </c>
      <c r="N798" s="11">
        <v>186</v>
      </c>
      <c r="O798" s="13">
        <v>0.11735015772870662</v>
      </c>
      <c r="P798" s="7">
        <v>1407</v>
      </c>
      <c r="Q798" s="7">
        <v>1464</v>
      </c>
      <c r="R798" s="7">
        <v>1495</v>
      </c>
      <c r="S798" s="7">
        <v>1476</v>
      </c>
      <c r="T798" s="7">
        <v>1522</v>
      </c>
      <c r="U798" s="7">
        <v>1611</v>
      </c>
      <c r="V798" s="7">
        <v>1585</v>
      </c>
      <c r="W798" s="7">
        <v>1666</v>
      </c>
      <c r="X798" s="7">
        <v>1645</v>
      </c>
      <c r="Y798" s="7">
        <v>1549</v>
      </c>
      <c r="Z798" s="7">
        <v>1501</v>
      </c>
      <c r="AA798" s="7">
        <v>1553</v>
      </c>
      <c r="AB798" s="7">
        <v>1550</v>
      </c>
      <c r="AC798" s="7">
        <v>1622</v>
      </c>
      <c r="AD798" s="7">
        <v>1650</v>
      </c>
      <c r="AE798" s="7">
        <v>1749</v>
      </c>
      <c r="AF798" s="7">
        <v>1771</v>
      </c>
      <c r="AG798" s="9">
        <v>5408</v>
      </c>
      <c r="AH798" s="13">
        <v>0.34406413029647537</v>
      </c>
      <c r="AI798" s="9">
        <v>3016</v>
      </c>
      <c r="AJ798" s="13">
        <v>0.1918819188191882</v>
      </c>
      <c r="AK798" s="9">
        <v>-62</v>
      </c>
      <c r="AL798" s="13">
        <v>-3.3094907654531865E-3</v>
      </c>
      <c r="AM798" s="9">
        <v>2454</v>
      </c>
      <c r="AN798" s="13">
        <v>0.13142673521850901</v>
      </c>
      <c r="AO798" s="9">
        <v>2392</v>
      </c>
      <c r="AP798" s="13">
        <v>0.1276822888865165</v>
      </c>
      <c r="AQ798" s="9">
        <v>15718</v>
      </c>
      <c r="AR798" s="9">
        <v>16717</v>
      </c>
      <c r="AS798" s="9">
        <v>16880</v>
      </c>
      <c r="AT798" s="9">
        <v>17169</v>
      </c>
      <c r="AU798" s="9">
        <v>18070</v>
      </c>
      <c r="AV798" s="9">
        <v>18371</v>
      </c>
      <c r="AW798" s="9">
        <v>18734</v>
      </c>
      <c r="AX798" s="9">
        <v>18163</v>
      </c>
      <c r="AY798" s="9">
        <v>18304</v>
      </c>
      <c r="AZ798" s="9">
        <v>18672</v>
      </c>
      <c r="BA798" s="9">
        <v>18757</v>
      </c>
      <c r="BB798" s="9">
        <v>19081</v>
      </c>
      <c r="BC798" s="9">
        <v>19051</v>
      </c>
      <c r="BD798" s="9">
        <v>20576</v>
      </c>
      <c r="BE798" s="9">
        <v>21082</v>
      </c>
      <c r="BF798" s="9">
        <v>21126</v>
      </c>
      <c r="BG798" s="11">
        <v>5</v>
      </c>
      <c r="BH798" s="13">
        <v>5.2631578947368418E-2</v>
      </c>
      <c r="BI798" s="6">
        <v>3</v>
      </c>
      <c r="BJ798" s="13">
        <v>3.1578947368421054E-2</v>
      </c>
      <c r="BK798" s="6">
        <v>-3</v>
      </c>
      <c r="BL798" s="13">
        <v>-3.0612244897959183E-2</v>
      </c>
      <c r="BM798" s="11">
        <v>5</v>
      </c>
      <c r="BN798" s="13">
        <v>5.2631578947368418E-2</v>
      </c>
      <c r="BO798" s="11">
        <v>2</v>
      </c>
      <c r="BP798" s="13">
        <v>2.0408163265306121E-2</v>
      </c>
      <c r="BQ798" s="6">
        <v>95</v>
      </c>
      <c r="BR798" s="6">
        <v>100</v>
      </c>
      <c r="BS798" s="6">
        <v>100</v>
      </c>
      <c r="BT798" s="6">
        <v>98</v>
      </c>
      <c r="BU798" s="6">
        <v>103</v>
      </c>
      <c r="BV798" s="6">
        <v>100</v>
      </c>
      <c r="BW798" s="6">
        <v>95</v>
      </c>
      <c r="BX798" s="6">
        <v>94</v>
      </c>
      <c r="BY798" s="6">
        <v>95</v>
      </c>
      <c r="BZ798" s="6">
        <v>100</v>
      </c>
      <c r="CA798" s="6">
        <v>98</v>
      </c>
      <c r="CB798" s="6">
        <v>103</v>
      </c>
      <c r="CC798" s="11">
        <v>100</v>
      </c>
      <c r="CD798" s="11">
        <v>-47</v>
      </c>
      <c r="CE798" s="11">
        <v>256</v>
      </c>
      <c r="CF798" s="11">
        <v>154</v>
      </c>
      <c r="CG798" s="11">
        <v>410</v>
      </c>
      <c r="CH798" s="20">
        <v>0.62</v>
      </c>
      <c r="CI798" s="20">
        <v>0.62</v>
      </c>
      <c r="CJ798" s="20">
        <v>0.62</v>
      </c>
      <c r="CK798" s="20">
        <v>0.6</v>
      </c>
      <c r="CL798" s="20">
        <v>0.6</v>
      </c>
      <c r="CM798" s="20">
        <v>0.62</v>
      </c>
      <c r="CN798" s="20">
        <v>0.59</v>
      </c>
      <c r="CO798" s="20">
        <v>0.62</v>
      </c>
      <c r="CP798" s="20">
        <v>0.62</v>
      </c>
      <c r="CQ798" s="20">
        <v>0.59</v>
      </c>
      <c r="CR798" s="20">
        <v>0.56999999999999995</v>
      </c>
      <c r="CS798" s="20">
        <v>0.56000000000000005</v>
      </c>
      <c r="CT798" s="20">
        <v>0.56000000000000005</v>
      </c>
      <c r="CU798" s="20">
        <v>0.56999999999999995</v>
      </c>
      <c r="CV798" s="20">
        <v>0.56000000000000005</v>
      </c>
      <c r="CW798" s="20">
        <v>0.57999999999999996</v>
      </c>
      <c r="CX798" s="20">
        <v>0.57999999999999996</v>
      </c>
      <c r="CY798" s="6" t="s">
        <v>515</v>
      </c>
      <c r="CZ798" s="6" t="s">
        <v>516</v>
      </c>
      <c r="DA798" s="6" t="s">
        <v>103</v>
      </c>
      <c r="DB798" s="6" t="s">
        <v>345</v>
      </c>
      <c r="DC798" s="6">
        <v>44180</v>
      </c>
      <c r="DD798" s="6">
        <v>520</v>
      </c>
      <c r="DE798" s="6" t="s">
        <v>460</v>
      </c>
      <c r="DF798" s="6" t="s">
        <v>375</v>
      </c>
      <c r="DG798" s="6" t="s">
        <v>364</v>
      </c>
      <c r="DH798" s="6" t="s">
        <v>419</v>
      </c>
      <c r="DI798" s="6" t="s">
        <v>461</v>
      </c>
      <c r="DJ798" s="6">
        <v>29</v>
      </c>
      <c r="DK798" s="6">
        <v>77</v>
      </c>
      <c r="DL798" s="6">
        <v>2</v>
      </c>
      <c r="DM798" s="6" t="s">
        <v>379</v>
      </c>
      <c r="DN798" s="6">
        <v>2</v>
      </c>
      <c r="DO798" s="6" t="s">
        <v>463</v>
      </c>
      <c r="DP798" s="6"/>
      <c r="DQ798" s="6"/>
    </row>
    <row r="799" spans="1:121" x14ac:dyDescent="0.2">
      <c r="A799" s="6" t="s">
        <v>323</v>
      </c>
      <c r="B799" s="6" t="s">
        <v>323</v>
      </c>
      <c r="C799" s="6" t="s">
        <v>192</v>
      </c>
      <c r="D799" s="6" t="s">
        <v>103</v>
      </c>
      <c r="E799" s="6" t="s">
        <v>244</v>
      </c>
      <c r="F799" s="11">
        <v>3575</v>
      </c>
      <c r="G799" s="13">
        <v>0.29001379086599999</v>
      </c>
      <c r="H799" s="11">
        <v>2140.5751900000014</v>
      </c>
      <c r="I799" s="13">
        <v>0.17365486410320727</v>
      </c>
      <c r="J799" s="11">
        <v>-755.05526060000011</v>
      </c>
      <c r="K799" s="13">
        <v>-5.2190901638982705E-2</v>
      </c>
      <c r="L799" s="11">
        <v>2190.069126299999</v>
      </c>
      <c r="M799" s="13">
        <v>0.15971768676884901</v>
      </c>
      <c r="N799" s="11">
        <v>1435.0138656999989</v>
      </c>
      <c r="O799" s="13">
        <v>9.9190975049707461E-2</v>
      </c>
      <c r="P799" s="7">
        <v>12326.606577099999</v>
      </c>
      <c r="Q799" s="7">
        <v>12505.9119906</v>
      </c>
      <c r="R799" s="7">
        <v>12884.2691822</v>
      </c>
      <c r="S799" s="7">
        <v>13224.506233399999</v>
      </c>
      <c r="T799" s="7">
        <v>13774.2719996</v>
      </c>
      <c r="U799" s="7">
        <v>14061.2596319</v>
      </c>
      <c r="V799" s="7">
        <v>14467.181767100001</v>
      </c>
      <c r="W799" s="7">
        <v>14065.318146400001</v>
      </c>
      <c r="X799" s="7">
        <v>13394.906107299999</v>
      </c>
      <c r="Y799" s="7">
        <v>13712.126506500001</v>
      </c>
      <c r="Z799" s="7">
        <v>13878.226779500001</v>
      </c>
      <c r="AA799" s="7">
        <v>14167.182793399999</v>
      </c>
      <c r="AB799" s="7">
        <v>14274.126055000001</v>
      </c>
      <c r="AC799" s="7">
        <v>14701.456386100001</v>
      </c>
      <c r="AD799" s="7">
        <v>15050.688117399999</v>
      </c>
      <c r="AE799" s="7">
        <v>15704.402869899999</v>
      </c>
      <c r="AF799" s="7">
        <v>15902.1956328</v>
      </c>
      <c r="AG799" s="9">
        <v>5188.9915971999999</v>
      </c>
      <c r="AH799" s="13">
        <v>0.40458544488059323</v>
      </c>
      <c r="AI799" s="9">
        <v>2037.1707148000005</v>
      </c>
      <c r="AJ799" s="13">
        <v>0.15883811035458625</v>
      </c>
      <c r="AK799" s="9">
        <v>731.65786459999981</v>
      </c>
      <c r="AL799" s="13">
        <v>4.9228042096039842E-2</v>
      </c>
      <c r="AM799" s="9">
        <v>2420.1630177999996</v>
      </c>
      <c r="AN799" s="13">
        <v>0.15519554456828272</v>
      </c>
      <c r="AO799" s="9">
        <v>3151.8208823999994</v>
      </c>
      <c r="AP799" s="13">
        <v>0.2120635594654478</v>
      </c>
      <c r="AQ799" s="9">
        <v>12825.4529738</v>
      </c>
      <c r="AR799" s="9">
        <v>13135.1721511</v>
      </c>
      <c r="AS799" s="9">
        <v>13280.7797753</v>
      </c>
      <c r="AT799" s="9">
        <v>13556.7145681</v>
      </c>
      <c r="AU799" s="9">
        <v>15330.5751057</v>
      </c>
      <c r="AV799" s="9">
        <v>13653.949309899999</v>
      </c>
      <c r="AW799" s="9">
        <v>14862.623688600001</v>
      </c>
      <c r="AX799" s="9">
        <v>14916.7671768</v>
      </c>
      <c r="AY799" s="9">
        <v>15130.028000599999</v>
      </c>
      <c r="AZ799" s="9">
        <v>15594.2815532</v>
      </c>
      <c r="BA799" s="9">
        <v>15553.5208002</v>
      </c>
      <c r="BB799" s="9">
        <v>16312.9401502</v>
      </c>
      <c r="BC799" s="9">
        <v>16228.173729100001</v>
      </c>
      <c r="BD799" s="9">
        <v>16859.6687361</v>
      </c>
      <c r="BE799" s="9">
        <v>17637.0225512</v>
      </c>
      <c r="BF799" s="9">
        <v>18014.444571</v>
      </c>
      <c r="BG799" s="11">
        <v>113.75</v>
      </c>
      <c r="BH799" s="13">
        <v>0.18864013266998342</v>
      </c>
      <c r="BI799" s="6">
        <v>21</v>
      </c>
      <c r="BJ799" s="13">
        <v>3.482587064676617E-2</v>
      </c>
      <c r="BK799" s="6">
        <v>37</v>
      </c>
      <c r="BL799" s="13">
        <v>5.9294871794871792E-2</v>
      </c>
      <c r="BM799" s="11">
        <v>55.75</v>
      </c>
      <c r="BN799" s="13">
        <v>8.4341906202723152E-2</v>
      </c>
      <c r="BO799" s="11">
        <v>92.75</v>
      </c>
      <c r="BP799" s="13">
        <v>0.14863782051282051</v>
      </c>
      <c r="BQ799" s="6">
        <v>603</v>
      </c>
      <c r="BR799" s="6">
        <v>615</v>
      </c>
      <c r="BS799" s="6">
        <v>620</v>
      </c>
      <c r="BT799" s="6">
        <v>624</v>
      </c>
      <c r="BU799" s="6">
        <v>636</v>
      </c>
      <c r="BV799" s="6">
        <v>648</v>
      </c>
      <c r="BW799" s="6">
        <v>661</v>
      </c>
      <c r="BX799" s="6">
        <v>683</v>
      </c>
      <c r="BY799" s="6">
        <v>689</v>
      </c>
      <c r="BZ799" s="6">
        <v>690</v>
      </c>
      <c r="CA799" s="6">
        <v>699</v>
      </c>
      <c r="CB799" s="6">
        <v>703</v>
      </c>
      <c r="CC799" s="11">
        <v>716.75</v>
      </c>
      <c r="CD799" s="11">
        <v>-574.99699999999996</v>
      </c>
      <c r="CE799" s="11">
        <v>2803.14</v>
      </c>
      <c r="CF799" s="11">
        <v>1347.45</v>
      </c>
      <c r="CG799" s="11">
        <v>4150</v>
      </c>
      <c r="CH799" s="20">
        <v>1.1180099999999999</v>
      </c>
      <c r="CI799" s="20">
        <v>1.1088</v>
      </c>
      <c r="CJ799" s="20">
        <v>1.1031200000000001</v>
      </c>
      <c r="CK799" s="20">
        <v>1.10737</v>
      </c>
      <c r="CL799" s="20">
        <v>1.1133999999999999</v>
      </c>
      <c r="CM799" s="20">
        <v>1.1020300000000001</v>
      </c>
      <c r="CN799" s="20">
        <v>1.09792</v>
      </c>
      <c r="CO799" s="20">
        <v>1.07091</v>
      </c>
      <c r="CP799" s="20">
        <v>1.04809</v>
      </c>
      <c r="CQ799" s="20">
        <v>1.07656</v>
      </c>
      <c r="CR799" s="20">
        <v>1.0640000000000001</v>
      </c>
      <c r="CS799" s="20">
        <v>1.0347599999999999</v>
      </c>
      <c r="CT799" s="20">
        <v>1.02241</v>
      </c>
      <c r="CU799" s="20">
        <v>1.0218700000000001</v>
      </c>
      <c r="CV799" s="20">
        <v>1.0123800000000001</v>
      </c>
      <c r="CW799" s="20">
        <v>1.03908</v>
      </c>
      <c r="CX799" s="20">
        <v>1.0330299999999999</v>
      </c>
      <c r="CY799" s="6" t="s">
        <v>515</v>
      </c>
      <c r="CZ799" s="6" t="s">
        <v>516</v>
      </c>
      <c r="DA799" s="6" t="s">
        <v>103</v>
      </c>
      <c r="DB799" s="6" t="s">
        <v>345</v>
      </c>
      <c r="DC799" s="6">
        <v>44180</v>
      </c>
      <c r="DD799" s="6">
        <v>520</v>
      </c>
      <c r="DE799" s="6" t="s">
        <v>460</v>
      </c>
      <c r="DF799" s="6" t="s">
        <v>375</v>
      </c>
      <c r="DG799" s="6" t="s">
        <v>364</v>
      </c>
      <c r="DH799" s="6" t="s">
        <v>419</v>
      </c>
      <c r="DI799" s="6" t="s">
        <v>461</v>
      </c>
      <c r="DJ799" s="6">
        <v>29</v>
      </c>
      <c r="DK799" s="6">
        <v>77</v>
      </c>
      <c r="DL799" s="6">
        <v>2</v>
      </c>
      <c r="DM799" s="6" t="s">
        <v>379</v>
      </c>
      <c r="DN799" s="6">
        <v>2</v>
      </c>
      <c r="DO799" s="6" t="s">
        <v>463</v>
      </c>
      <c r="DP799" s="6"/>
      <c r="DQ799" s="6"/>
    </row>
    <row r="800" spans="1:121" x14ac:dyDescent="0.2">
      <c r="A800" s="6" t="s">
        <v>325</v>
      </c>
      <c r="B800" s="6" t="s">
        <v>325</v>
      </c>
      <c r="C800" s="6" t="s">
        <v>193</v>
      </c>
      <c r="D800" s="6" t="s">
        <v>103</v>
      </c>
      <c r="E800" s="6" t="s">
        <v>244</v>
      </c>
      <c r="F800" s="11">
        <v>488</v>
      </c>
      <c r="G800" s="13">
        <v>6.1022883581300001E-2</v>
      </c>
      <c r="H800" s="11">
        <v>569.68995402000019</v>
      </c>
      <c r="I800" s="13">
        <v>7.1236972345159882E-2</v>
      </c>
      <c r="J800" s="11">
        <v>-607.78347745999963</v>
      </c>
      <c r="K800" s="13">
        <v>-7.0946377972839605E-2</v>
      </c>
      <c r="L800" s="11">
        <v>525.96762284000033</v>
      </c>
      <c r="M800" s="13">
        <v>6.6084493970395328E-2</v>
      </c>
      <c r="N800" s="11">
        <v>-81.8158546199993</v>
      </c>
      <c r="O800" s="13">
        <v>-9.5503394898117863E-3</v>
      </c>
      <c r="P800" s="7">
        <v>7997.1107034099996</v>
      </c>
      <c r="Q800" s="7">
        <v>8029.4983015400003</v>
      </c>
      <c r="R800" s="7">
        <v>8098.7129032499997</v>
      </c>
      <c r="S800" s="7">
        <v>8231.7014680499997</v>
      </c>
      <c r="T800" s="7">
        <v>8264.6078369299994</v>
      </c>
      <c r="U800" s="7">
        <v>8342.6135118799994</v>
      </c>
      <c r="V800" s="7">
        <v>8566.8006574299998</v>
      </c>
      <c r="W800" s="7">
        <v>8276.1863259900001</v>
      </c>
      <c r="X800" s="7">
        <v>7815.7345907600002</v>
      </c>
      <c r="Y800" s="7">
        <v>7959.0171799700001</v>
      </c>
      <c r="Z800" s="7">
        <v>8015.6137790599996</v>
      </c>
      <c r="AA800" s="7">
        <v>8178.2594570499996</v>
      </c>
      <c r="AB800" s="7">
        <v>7930.9328470800001</v>
      </c>
      <c r="AC800" s="7">
        <v>8037.4683327100001</v>
      </c>
      <c r="AD800" s="7">
        <v>8214.8776356599992</v>
      </c>
      <c r="AE800" s="7">
        <v>8417.5082824399997</v>
      </c>
      <c r="AF800" s="7">
        <v>8484.9848028100005</v>
      </c>
      <c r="AG800" s="9">
        <v>6491.5891391999976</v>
      </c>
      <c r="AH800" s="13">
        <v>0.33360106161765729</v>
      </c>
      <c r="AI800" s="9">
        <v>2009.5155784999988</v>
      </c>
      <c r="AJ800" s="13">
        <v>0.10326847801822456</v>
      </c>
      <c r="AK800" s="9">
        <v>-113.94867599999998</v>
      </c>
      <c r="AL800" s="13">
        <v>-5.3076768358830424E-3</v>
      </c>
      <c r="AM800" s="9">
        <v>4596.0222366999988</v>
      </c>
      <c r="AN800" s="13">
        <v>0.21522293233016676</v>
      </c>
      <c r="AO800" s="9">
        <v>4482.0735606999988</v>
      </c>
      <c r="AP800" s="13">
        <v>0.20877292172180409</v>
      </c>
      <c r="AQ800" s="9">
        <v>19459.138132600001</v>
      </c>
      <c r="AR800" s="9">
        <v>19813.238159</v>
      </c>
      <c r="AS800" s="9">
        <v>19703.290111099999</v>
      </c>
      <c r="AT800" s="9">
        <v>20018.309461699999</v>
      </c>
      <c r="AU800" s="9">
        <v>20804.283938299999</v>
      </c>
      <c r="AV800" s="9">
        <v>20921.064227499999</v>
      </c>
      <c r="AW800" s="9">
        <v>21468.6537111</v>
      </c>
      <c r="AX800" s="9">
        <v>21894.578999000001</v>
      </c>
      <c r="AY800" s="9">
        <v>21714.828870400001</v>
      </c>
      <c r="AZ800" s="9">
        <v>21354.7050351</v>
      </c>
      <c r="BA800" s="9">
        <v>21447.132278100002</v>
      </c>
      <c r="BB800" s="9">
        <v>21889.3051046</v>
      </c>
      <c r="BC800" s="9">
        <v>22616.1576389</v>
      </c>
      <c r="BD800" s="9">
        <v>23811.055916099998</v>
      </c>
      <c r="BE800" s="9">
        <v>25028.522061600001</v>
      </c>
      <c r="BF800" s="9">
        <v>25950.727271799999</v>
      </c>
      <c r="BG800" s="11">
        <v>-113.75</v>
      </c>
      <c r="BH800" s="13">
        <v>-0.1373792270531401</v>
      </c>
      <c r="BI800" s="6">
        <v>93</v>
      </c>
      <c r="BJ800" s="13">
        <v>0.11231884057971014</v>
      </c>
      <c r="BK800" s="6">
        <v>13</v>
      </c>
      <c r="BL800" s="13">
        <v>1.4115092290988056E-2</v>
      </c>
      <c r="BM800" s="11">
        <v>-219.75</v>
      </c>
      <c r="BN800" s="13">
        <v>-0.23527837259100642</v>
      </c>
      <c r="BO800" s="11">
        <v>-206.75</v>
      </c>
      <c r="BP800" s="13">
        <v>-0.22448425624321389</v>
      </c>
      <c r="BQ800" s="6">
        <v>828</v>
      </c>
      <c r="BR800" s="6">
        <v>855</v>
      </c>
      <c r="BS800" s="6">
        <v>881</v>
      </c>
      <c r="BT800" s="6">
        <v>921</v>
      </c>
      <c r="BU800" s="6">
        <v>936</v>
      </c>
      <c r="BV800" s="6">
        <v>907</v>
      </c>
      <c r="BW800" s="6">
        <v>934</v>
      </c>
      <c r="BX800" s="6">
        <v>955</v>
      </c>
      <c r="BY800" s="6">
        <v>971</v>
      </c>
      <c r="BZ800" s="6">
        <v>715</v>
      </c>
      <c r="CA800" s="6">
        <v>728</v>
      </c>
      <c r="CB800" s="6">
        <v>725</v>
      </c>
      <c r="CC800" s="11">
        <v>714.25</v>
      </c>
      <c r="CD800" s="11">
        <v>-312.661</v>
      </c>
      <c r="CE800" s="11">
        <v>-73.645799999999994</v>
      </c>
      <c r="CF800" s="11">
        <v>874.18100000000004</v>
      </c>
      <c r="CG800" s="11">
        <v>800</v>
      </c>
      <c r="CH800" s="20">
        <v>1.0678300000000001</v>
      </c>
      <c r="CI800" s="20">
        <v>1.04373</v>
      </c>
      <c r="CJ800" s="20">
        <v>1.0224200000000001</v>
      </c>
      <c r="CK800" s="20">
        <v>1.03477</v>
      </c>
      <c r="CL800" s="20">
        <v>1.0195000000000001</v>
      </c>
      <c r="CM800" s="20">
        <v>1.0071600000000001</v>
      </c>
      <c r="CN800" s="20">
        <v>1.00641</v>
      </c>
      <c r="CO800" s="20">
        <v>0.97451500000000002</v>
      </c>
      <c r="CP800" s="20">
        <v>0.92649199999999998</v>
      </c>
      <c r="CQ800" s="20">
        <v>0.95369700000000002</v>
      </c>
      <c r="CR800" s="20">
        <v>0.95160299999999998</v>
      </c>
      <c r="CS800" s="20">
        <v>0.93212600000000001</v>
      </c>
      <c r="CT800" s="20">
        <v>0.96697900000000003</v>
      </c>
      <c r="CU800" s="20">
        <v>0.96110399999999996</v>
      </c>
      <c r="CV800" s="20">
        <v>0.96943000000000001</v>
      </c>
      <c r="CW800" s="20">
        <v>0.987483</v>
      </c>
      <c r="CX800" s="20">
        <v>0.986012</v>
      </c>
      <c r="CY800" s="6" t="s">
        <v>515</v>
      </c>
      <c r="CZ800" s="6" t="s">
        <v>516</v>
      </c>
      <c r="DA800" s="6" t="s">
        <v>103</v>
      </c>
      <c r="DB800" s="6" t="s">
        <v>345</v>
      </c>
      <c r="DC800" s="6">
        <v>44180</v>
      </c>
      <c r="DD800" s="6">
        <v>520</v>
      </c>
      <c r="DE800" s="6" t="s">
        <v>460</v>
      </c>
      <c r="DF800" s="6" t="s">
        <v>375</v>
      </c>
      <c r="DG800" s="6" t="s">
        <v>364</v>
      </c>
      <c r="DH800" s="6" t="s">
        <v>419</v>
      </c>
      <c r="DI800" s="6" t="s">
        <v>461</v>
      </c>
      <c r="DJ800" s="6">
        <v>29</v>
      </c>
      <c r="DK800" s="6">
        <v>77</v>
      </c>
      <c r="DL800" s="6">
        <v>2</v>
      </c>
      <c r="DM800" s="6" t="s">
        <v>379</v>
      </c>
      <c r="DN800" s="6">
        <v>2</v>
      </c>
      <c r="DO800" s="6" t="s">
        <v>463</v>
      </c>
      <c r="DP800" s="6"/>
      <c r="DQ800" s="6"/>
    </row>
    <row r="801" spans="1:121" x14ac:dyDescent="0.2">
      <c r="A801" s="6" t="s">
        <v>327</v>
      </c>
      <c r="B801" s="6" t="s">
        <v>327</v>
      </c>
      <c r="C801" s="6" t="s">
        <v>194</v>
      </c>
      <c r="D801" s="6" t="s">
        <v>103</v>
      </c>
      <c r="E801" s="6" t="s">
        <v>244</v>
      </c>
      <c r="F801" s="11">
        <v>3851</v>
      </c>
      <c r="G801" s="13">
        <v>0.21505556486300001</v>
      </c>
      <c r="H801" s="11">
        <v>2369.3720479999974</v>
      </c>
      <c r="I801" s="13">
        <v>0.13231283874444294</v>
      </c>
      <c r="J801" s="11">
        <v>665.74633900000117</v>
      </c>
      <c r="K801" s="13">
        <v>3.283303894760501E-2</v>
      </c>
      <c r="L801" s="11">
        <v>815.57032339999932</v>
      </c>
      <c r="M801" s="13">
        <v>3.8943375073728179E-2</v>
      </c>
      <c r="N801" s="11">
        <v>1481.3166624000005</v>
      </c>
      <c r="O801" s="13">
        <v>7.3055043371880096E-2</v>
      </c>
      <c r="P801" s="7">
        <v>17907.347998000001</v>
      </c>
      <c r="Q801" s="7">
        <v>18326.462025000001</v>
      </c>
      <c r="R801" s="7">
        <v>18800.857287999999</v>
      </c>
      <c r="S801" s="7">
        <v>18831.452778999999</v>
      </c>
      <c r="T801" s="7">
        <v>19252.649075000001</v>
      </c>
      <c r="U801" s="7">
        <v>19710.193673000002</v>
      </c>
      <c r="V801" s="7">
        <v>20276.720045999999</v>
      </c>
      <c r="W801" s="7">
        <v>20666.025560999999</v>
      </c>
      <c r="X801" s="7">
        <v>21066.686460000001</v>
      </c>
      <c r="Y801" s="7">
        <v>20942.466385</v>
      </c>
      <c r="Z801" s="7">
        <v>21025.114627999999</v>
      </c>
      <c r="AA801" s="7">
        <v>21192.118082000001</v>
      </c>
      <c r="AB801" s="7">
        <v>21190.331265000001</v>
      </c>
      <c r="AC801" s="7">
        <v>21426.437604999999</v>
      </c>
      <c r="AD801" s="7">
        <v>21506.691079</v>
      </c>
      <c r="AE801" s="7">
        <v>21529.2414675</v>
      </c>
      <c r="AF801" s="7">
        <v>21758.036708399999</v>
      </c>
      <c r="AG801" s="9">
        <v>15554.559848199999</v>
      </c>
      <c r="AH801" s="13">
        <v>0.38013482818073002</v>
      </c>
      <c r="AI801" s="9">
        <v>9301.4598778</v>
      </c>
      <c r="AJ801" s="13">
        <v>0.22731654813663055</v>
      </c>
      <c r="AK801" s="9">
        <v>2853.870731300005</v>
      </c>
      <c r="AL801" s="13">
        <v>5.6827381236185526E-2</v>
      </c>
      <c r="AM801" s="9">
        <v>3399.2292390999937</v>
      </c>
      <c r="AN801" s="13">
        <v>6.4047140177769038E-2</v>
      </c>
      <c r="AO801" s="9">
        <v>6253.0999703999987</v>
      </c>
      <c r="AP801" s="13">
        <v>0.12451415266592404</v>
      </c>
      <c r="AQ801" s="9">
        <v>40918.533886099998</v>
      </c>
      <c r="AR801" s="9">
        <v>42137.194925700001</v>
      </c>
      <c r="AS801" s="9">
        <v>43909.0391743</v>
      </c>
      <c r="AT801" s="9">
        <v>46164.376121599998</v>
      </c>
      <c r="AU801" s="9">
        <v>46828.0869647</v>
      </c>
      <c r="AV801" s="9">
        <v>48046.934558599998</v>
      </c>
      <c r="AW801" s="9">
        <v>50219.993763899998</v>
      </c>
      <c r="AX801" s="9">
        <v>51702.546140300001</v>
      </c>
      <c r="AY801" s="9">
        <v>55017.319000299998</v>
      </c>
      <c r="AZ801" s="9">
        <v>53073.864495200003</v>
      </c>
      <c r="BA801" s="9">
        <v>52263.1281906</v>
      </c>
      <c r="BB801" s="9">
        <v>52214.620830599997</v>
      </c>
      <c r="BC801" s="9">
        <v>53518.0787547</v>
      </c>
      <c r="BD801" s="9">
        <v>53630.231748799997</v>
      </c>
      <c r="BE801" s="9">
        <v>54999.272537999997</v>
      </c>
      <c r="BF801" s="9">
        <v>56473.093734299997</v>
      </c>
      <c r="BG801" s="11">
        <v>15.75</v>
      </c>
      <c r="BH801" s="13">
        <v>6.0810810810810814E-2</v>
      </c>
      <c r="BI801" s="6">
        <v>1</v>
      </c>
      <c r="BJ801" s="13">
        <v>3.8610038610038611E-3</v>
      </c>
      <c r="BK801" s="6">
        <v>9</v>
      </c>
      <c r="BL801" s="13">
        <v>3.4615384615384617E-2</v>
      </c>
      <c r="BM801" s="11">
        <v>5.75</v>
      </c>
      <c r="BN801" s="13">
        <v>2.1375464684014869E-2</v>
      </c>
      <c r="BO801" s="11">
        <v>14.75</v>
      </c>
      <c r="BP801" s="13">
        <v>5.673076923076923E-2</v>
      </c>
      <c r="BQ801" s="6">
        <v>259</v>
      </c>
      <c r="BR801" s="6">
        <v>257</v>
      </c>
      <c r="BS801" s="6">
        <v>255</v>
      </c>
      <c r="BT801" s="6">
        <v>260</v>
      </c>
      <c r="BU801" s="6">
        <v>264</v>
      </c>
      <c r="BV801" s="6">
        <v>268</v>
      </c>
      <c r="BW801" s="6">
        <v>269</v>
      </c>
      <c r="BX801" s="6">
        <v>268</v>
      </c>
      <c r="BY801" s="6">
        <v>268</v>
      </c>
      <c r="BZ801" s="6">
        <v>271</v>
      </c>
      <c r="CA801" s="6">
        <v>273</v>
      </c>
      <c r="CB801" s="6">
        <v>275</v>
      </c>
      <c r="CC801" s="11">
        <v>274.75</v>
      </c>
      <c r="CD801" s="11">
        <v>2943.01</v>
      </c>
      <c r="CE801" s="11">
        <v>-1049.81</v>
      </c>
      <c r="CF801" s="11">
        <v>1957.49</v>
      </c>
      <c r="CG801" s="11">
        <v>907</v>
      </c>
      <c r="CH801" s="20">
        <v>0.71982699999999999</v>
      </c>
      <c r="CI801" s="20">
        <v>0.715727</v>
      </c>
      <c r="CJ801" s="20">
        <v>0.71837799999999996</v>
      </c>
      <c r="CK801" s="20">
        <v>0.72166200000000003</v>
      </c>
      <c r="CL801" s="20">
        <v>0.72569399999999995</v>
      </c>
      <c r="CM801" s="20">
        <v>0.731877</v>
      </c>
      <c r="CN801" s="20">
        <v>0.73792599999999997</v>
      </c>
      <c r="CO801" s="20">
        <v>0.74628799999999995</v>
      </c>
      <c r="CP801" s="20">
        <v>0.75731199999999999</v>
      </c>
      <c r="CQ801" s="20">
        <v>0.75664299999999995</v>
      </c>
      <c r="CR801" s="20">
        <v>0.77027699999999999</v>
      </c>
      <c r="CS801" s="20">
        <v>0.77066100000000004</v>
      </c>
      <c r="CT801" s="20">
        <v>0.78298400000000001</v>
      </c>
      <c r="CU801" s="20">
        <v>0.79115000000000002</v>
      </c>
      <c r="CV801" s="20">
        <v>0.79042800000000002</v>
      </c>
      <c r="CW801" s="20">
        <v>0.79056300000000002</v>
      </c>
      <c r="CX801" s="20">
        <v>0.79696199999999995</v>
      </c>
      <c r="CY801" s="6" t="s">
        <v>515</v>
      </c>
      <c r="CZ801" s="6" t="s">
        <v>516</v>
      </c>
      <c r="DA801" s="6" t="s">
        <v>103</v>
      </c>
      <c r="DB801" s="6" t="s">
        <v>345</v>
      </c>
      <c r="DC801" s="6">
        <v>44180</v>
      </c>
      <c r="DD801" s="6">
        <v>520</v>
      </c>
      <c r="DE801" s="6" t="s">
        <v>460</v>
      </c>
      <c r="DF801" s="6" t="s">
        <v>375</v>
      </c>
      <c r="DG801" s="6" t="s">
        <v>364</v>
      </c>
      <c r="DH801" s="6" t="s">
        <v>419</v>
      </c>
      <c r="DI801" s="6" t="s">
        <v>461</v>
      </c>
      <c r="DJ801" s="6">
        <v>29</v>
      </c>
      <c r="DK801" s="6">
        <v>77</v>
      </c>
      <c r="DL801" s="6">
        <v>2</v>
      </c>
      <c r="DM801" s="6" t="s">
        <v>379</v>
      </c>
      <c r="DN801" s="6">
        <v>2</v>
      </c>
      <c r="DO801" s="6" t="s">
        <v>463</v>
      </c>
      <c r="DP801" s="6"/>
      <c r="DQ801" s="6"/>
    </row>
    <row r="802" spans="1:121" x14ac:dyDescent="0.2">
      <c r="A802" s="6" t="s">
        <v>1</v>
      </c>
      <c r="B802" s="6" t="s">
        <v>1</v>
      </c>
      <c r="C802" s="6" t="s">
        <v>2</v>
      </c>
      <c r="D802" s="6" t="s">
        <v>95</v>
      </c>
      <c r="E802" s="6" t="s">
        <v>236</v>
      </c>
      <c r="F802" s="11">
        <v>35</v>
      </c>
      <c r="G802" s="13">
        <v>0.178571428571</v>
      </c>
      <c r="H802" s="11">
        <v>-31.573009479000007</v>
      </c>
      <c r="I802" s="13">
        <v>-0.16125786572927486</v>
      </c>
      <c r="J802" s="11">
        <v>24.177974734000003</v>
      </c>
      <c r="K802" s="13">
        <v>0.14723002525872159</v>
      </c>
      <c r="L802" s="11">
        <v>42.843562381999988</v>
      </c>
      <c r="M802" s="13">
        <v>0.22741103617306815</v>
      </c>
      <c r="N802" s="11">
        <v>67.02153711599999</v>
      </c>
      <c r="O802" s="13">
        <v>0.40812279403166263</v>
      </c>
      <c r="P802" s="7">
        <v>195.79205849100001</v>
      </c>
      <c r="Q802" s="7">
        <v>172.99720619000001</v>
      </c>
      <c r="R802" s="7">
        <v>143.028501855</v>
      </c>
      <c r="S802" s="7">
        <v>121.114409963</v>
      </c>
      <c r="T802" s="7">
        <v>175.50939969699999</v>
      </c>
      <c r="U802" s="7">
        <v>156.657569784</v>
      </c>
      <c r="V802" s="7">
        <v>164.219049012</v>
      </c>
      <c r="W802" s="7">
        <v>152.76877486399999</v>
      </c>
      <c r="X802" s="7">
        <v>209.256416328</v>
      </c>
      <c r="Y802" s="7">
        <v>188.397023746</v>
      </c>
      <c r="Z802" s="7">
        <v>204.41382211000001</v>
      </c>
      <c r="AA802" s="7">
        <v>190.68444262099999</v>
      </c>
      <c r="AB802" s="7">
        <v>195.227927757</v>
      </c>
      <c r="AC802" s="7">
        <v>191.59685619999999</v>
      </c>
      <c r="AD802" s="7">
        <v>224.77023449800001</v>
      </c>
      <c r="AE802" s="7">
        <v>226.631916614</v>
      </c>
      <c r="AF802" s="7">
        <v>231.24058612799999</v>
      </c>
      <c r="AG802" s="9">
        <v>7784.4138665999999</v>
      </c>
      <c r="AH802" s="13">
        <v>0.42620441677377202</v>
      </c>
      <c r="AI802" s="9">
        <v>848.04812410000159</v>
      </c>
      <c r="AJ802" s="13">
        <v>4.6431479918988383E-2</v>
      </c>
      <c r="AK802" s="9">
        <v>3594.6282833000005</v>
      </c>
      <c r="AL802" s="13">
        <v>0.18807679673576191</v>
      </c>
      <c r="AM802" s="9">
        <v>3341.7374591999978</v>
      </c>
      <c r="AN802" s="13">
        <v>0.14716652836969055</v>
      </c>
      <c r="AO802" s="9">
        <v>6936.3657424999983</v>
      </c>
      <c r="AP802" s="13">
        <v>0.36292193434794656</v>
      </c>
      <c r="AQ802" s="9">
        <v>18264.507734399998</v>
      </c>
      <c r="AR802" s="9">
        <v>18719.219422300001</v>
      </c>
      <c r="AS802" s="9">
        <v>18615.7389023</v>
      </c>
      <c r="AT802" s="9">
        <v>20582.462738499999</v>
      </c>
      <c r="AU802" s="9">
        <v>17806.6752853</v>
      </c>
      <c r="AV802" s="9">
        <v>18644.744425100002</v>
      </c>
      <c r="AW802" s="9">
        <v>19112.5558585</v>
      </c>
      <c r="AX802" s="9">
        <v>23030.552186600002</v>
      </c>
      <c r="AY802" s="9">
        <v>23286.741965500001</v>
      </c>
      <c r="AZ802" s="9">
        <v>22707.1841418</v>
      </c>
      <c r="BA802" s="9">
        <v>22776.217549699999</v>
      </c>
      <c r="BB802" s="9">
        <v>24912.527974000001</v>
      </c>
      <c r="BC802" s="9">
        <v>26413.091584500002</v>
      </c>
      <c r="BD802" s="9">
        <v>26648.1089617</v>
      </c>
      <c r="BE802" s="9">
        <v>26070.507141099999</v>
      </c>
      <c r="BF802" s="9">
        <v>26048.921600999998</v>
      </c>
      <c r="BG802" s="11">
        <v>5</v>
      </c>
      <c r="BH802" s="13">
        <v>1</v>
      </c>
      <c r="BI802" s="6">
        <v>-1</v>
      </c>
      <c r="BJ802" s="13">
        <v>-0.2</v>
      </c>
      <c r="BK802" s="6">
        <v>4</v>
      </c>
      <c r="BL802" s="13">
        <v>1</v>
      </c>
      <c r="BM802" s="11">
        <v>2</v>
      </c>
      <c r="BN802" s="13">
        <v>0.25</v>
      </c>
      <c r="BO802" s="11">
        <v>6</v>
      </c>
      <c r="BP802" s="13">
        <v>1.5</v>
      </c>
      <c r="BQ802" s="6">
        <v>5</v>
      </c>
      <c r="BR802" s="6">
        <v>4</v>
      </c>
      <c r="BS802" s="6">
        <v>4</v>
      </c>
      <c r="BT802" s="6">
        <v>4</v>
      </c>
      <c r="BU802" s="6">
        <v>6</v>
      </c>
      <c r="BV802" s="6">
        <v>8</v>
      </c>
      <c r="BW802" s="6">
        <v>8</v>
      </c>
      <c r="BX802" s="6">
        <v>9</v>
      </c>
      <c r="BY802" s="6">
        <v>10</v>
      </c>
      <c r="BZ802" s="6">
        <v>10</v>
      </c>
      <c r="CA802" s="6">
        <v>9</v>
      </c>
      <c r="CB802" s="6">
        <v>10</v>
      </c>
      <c r="CC802" s="11">
        <v>10</v>
      </c>
      <c r="CD802" s="11">
        <v>31.897200000000002</v>
      </c>
      <c r="CE802" s="11">
        <v>-17.851099999999999</v>
      </c>
      <c r="CF802" s="11">
        <v>21.4024</v>
      </c>
      <c r="CG802" s="11">
        <v>3</v>
      </c>
      <c r="CH802" s="20">
        <v>3.32578</v>
      </c>
      <c r="CI802" s="20">
        <v>3.0184700000000002</v>
      </c>
      <c r="CJ802" s="20">
        <v>2.5570599999999999</v>
      </c>
      <c r="CK802" s="20">
        <v>2.2015699999999998</v>
      </c>
      <c r="CL802" s="20">
        <v>3.12229</v>
      </c>
      <c r="CM802" s="20">
        <v>2.8871799999999999</v>
      </c>
      <c r="CN802" s="20">
        <v>3.09795</v>
      </c>
      <c r="CO802" s="20">
        <v>2.6062500000000002</v>
      </c>
      <c r="CP802" s="20">
        <v>4.00305</v>
      </c>
      <c r="CQ802" s="20">
        <v>3.6010499999999999</v>
      </c>
      <c r="CR802" s="20">
        <v>3.8255300000000001</v>
      </c>
      <c r="CS802" s="20">
        <v>3.5890900000000001</v>
      </c>
      <c r="CT802" s="20">
        <v>3.7507100000000002</v>
      </c>
      <c r="CU802" s="20">
        <v>3.6911800000000001</v>
      </c>
      <c r="CV802" s="20">
        <v>4.2999299999999998</v>
      </c>
      <c r="CW802" s="20">
        <v>4.43886</v>
      </c>
      <c r="CX802" s="20">
        <v>4.5549299999999997</v>
      </c>
      <c r="CY802" s="6" t="s">
        <v>518</v>
      </c>
      <c r="CZ802" s="6" t="s">
        <v>519</v>
      </c>
      <c r="DA802" s="6" t="s">
        <v>95</v>
      </c>
      <c r="DB802" s="6"/>
      <c r="DC802" s="6"/>
      <c r="DD802" s="6"/>
      <c r="DE802" s="6"/>
      <c r="DF802" s="6"/>
      <c r="DG802" s="6"/>
      <c r="DH802" s="6" t="s">
        <v>333</v>
      </c>
      <c r="DI802" s="6"/>
      <c r="DJ802" s="6"/>
      <c r="DK802" s="6"/>
      <c r="DL802" s="6">
        <v>11</v>
      </c>
      <c r="DM802" s="6" t="s">
        <v>520</v>
      </c>
      <c r="DN802" s="6">
        <v>7</v>
      </c>
      <c r="DO802" s="6" t="s">
        <v>369</v>
      </c>
      <c r="DP802" s="6"/>
      <c r="DQ802" s="6"/>
    </row>
    <row r="803" spans="1:121" x14ac:dyDescent="0.2">
      <c r="A803" s="6" t="s">
        <v>310</v>
      </c>
      <c r="B803" s="6" t="s">
        <v>310</v>
      </c>
      <c r="C803" s="6" t="s">
        <v>173</v>
      </c>
      <c r="D803" s="6" t="s">
        <v>95</v>
      </c>
      <c r="E803" s="6" t="s">
        <v>236</v>
      </c>
      <c r="F803" s="11">
        <v>1</v>
      </c>
      <c r="G803" s="13">
        <v>1</v>
      </c>
      <c r="H803" s="11">
        <v>-3.6659880000000005</v>
      </c>
      <c r="I803" s="13">
        <v>-0.25332787610139423</v>
      </c>
      <c r="J803" s="11">
        <v>-5.8053290000000004</v>
      </c>
      <c r="K803" s="13">
        <v>-0.53726536230410016</v>
      </c>
      <c r="L803" s="11">
        <v>0</v>
      </c>
      <c r="M803" s="13">
        <v>0</v>
      </c>
      <c r="N803" s="11">
        <v>-5.8053290000000004</v>
      </c>
      <c r="O803" s="13">
        <v>-0.53726536230410016</v>
      </c>
      <c r="P803" s="7">
        <v>14.471317000000001</v>
      </c>
      <c r="Q803" s="7">
        <v>14.771397</v>
      </c>
      <c r="R803" s="7">
        <v>15.178801</v>
      </c>
      <c r="S803" s="7">
        <v>14.731885</v>
      </c>
      <c r="T803" s="7">
        <v>12.587313</v>
      </c>
      <c r="U803" s="7">
        <v>15.726848</v>
      </c>
      <c r="V803" s="7">
        <v>10.805329</v>
      </c>
      <c r="W803" s="7">
        <v>11.283346999999999</v>
      </c>
      <c r="X803" s="7">
        <v>5</v>
      </c>
      <c r="Y803" s="7">
        <v>5</v>
      </c>
      <c r="Z803" s="7">
        <v>5</v>
      </c>
      <c r="AA803" s="7">
        <v>5</v>
      </c>
      <c r="AB803" s="7">
        <v>5</v>
      </c>
      <c r="AC803" s="7">
        <v>5</v>
      </c>
      <c r="AD803" s="7">
        <v>5</v>
      </c>
      <c r="AE803" s="7">
        <v>5</v>
      </c>
      <c r="AF803" s="7">
        <v>5</v>
      </c>
      <c r="AG803" s="9">
        <v>-32317.805573400001</v>
      </c>
      <c r="AH803" s="13">
        <v>-0.99996905826244942</v>
      </c>
      <c r="AI803" s="9">
        <v>10451.470161500001</v>
      </c>
      <c r="AJ803" s="13">
        <v>0.323386646754733</v>
      </c>
      <c r="AK803" s="9">
        <v>-42769.275734900002</v>
      </c>
      <c r="AL803" s="13">
        <v>-0.999976619276289</v>
      </c>
      <c r="AM803" s="9">
        <v>0</v>
      </c>
      <c r="AN803" s="13">
        <v>0</v>
      </c>
      <c r="AO803" s="9">
        <v>-42769.275734900002</v>
      </c>
      <c r="AP803" s="13">
        <v>-0.999976619276289</v>
      </c>
      <c r="AQ803" s="9">
        <v>32318.805573400001</v>
      </c>
      <c r="AR803" s="9">
        <v>25841.890094400002</v>
      </c>
      <c r="AS803" s="9">
        <v>28893.1981371</v>
      </c>
      <c r="AT803" s="9">
        <v>31481.719779999999</v>
      </c>
      <c r="AU803" s="9">
        <v>36617.955812100001</v>
      </c>
      <c r="AV803" s="9">
        <v>31690.923276400001</v>
      </c>
      <c r="AW803" s="9">
        <v>42770.275734900002</v>
      </c>
      <c r="AX803" s="9">
        <v>22862.654270899999</v>
      </c>
      <c r="AY803" s="9">
        <v>1</v>
      </c>
      <c r="AZ803" s="9">
        <v>1</v>
      </c>
      <c r="BA803" s="9">
        <v>1</v>
      </c>
      <c r="BB803" s="9">
        <v>1</v>
      </c>
      <c r="BC803" s="9">
        <v>1</v>
      </c>
      <c r="BD803" s="9">
        <v>1</v>
      </c>
      <c r="BE803" s="9">
        <v>1</v>
      </c>
      <c r="BF803" s="9">
        <v>1</v>
      </c>
      <c r="BG803" s="11">
        <v>-2</v>
      </c>
      <c r="BH803" s="13">
        <v>-0.66666666666666663</v>
      </c>
      <c r="BI803" s="6">
        <v>-1</v>
      </c>
      <c r="BJ803" s="13">
        <v>-0.33333333333333331</v>
      </c>
      <c r="BK803" s="6">
        <v>0</v>
      </c>
      <c r="BL803" s="13">
        <v>0</v>
      </c>
      <c r="BM803" s="11">
        <v>-1</v>
      </c>
      <c r="BN803" s="13">
        <v>-0.5</v>
      </c>
      <c r="BO803" s="11">
        <v>-1</v>
      </c>
      <c r="BP803" s="13">
        <v>-0.5</v>
      </c>
      <c r="BQ803" s="6">
        <v>3</v>
      </c>
      <c r="BR803" s="6">
        <v>3</v>
      </c>
      <c r="BS803" s="6">
        <v>2</v>
      </c>
      <c r="BT803" s="6">
        <v>2</v>
      </c>
      <c r="BU803" s="6">
        <v>2</v>
      </c>
      <c r="BV803" s="6">
        <v>2</v>
      </c>
      <c r="BW803" s="6">
        <v>2</v>
      </c>
      <c r="BX803" s="6">
        <v>1</v>
      </c>
      <c r="BY803" s="6">
        <v>1</v>
      </c>
      <c r="BZ803" s="6">
        <v>1</v>
      </c>
      <c r="CA803" s="6">
        <v>1</v>
      </c>
      <c r="CB803" s="6">
        <v>1</v>
      </c>
      <c r="CC803" s="11">
        <v>1</v>
      </c>
      <c r="CD803" s="11">
        <v>-16.761299999999999</v>
      </c>
      <c r="CE803" s="11">
        <v>1.5013700000000001</v>
      </c>
      <c r="CF803" s="11">
        <v>1.58189</v>
      </c>
      <c r="CG803" s="11">
        <v>4</v>
      </c>
      <c r="CH803" s="20">
        <v>0.86638999999999999</v>
      </c>
      <c r="CI803" s="20">
        <v>0.94889400000000002</v>
      </c>
      <c r="CJ803" s="20">
        <v>1.01325</v>
      </c>
      <c r="CK803" s="20">
        <v>0.96751200000000004</v>
      </c>
      <c r="CL803" s="20">
        <v>0.75481699999999996</v>
      </c>
      <c r="CM803" s="20">
        <v>0.88689099999999998</v>
      </c>
      <c r="CN803" s="20">
        <v>0.57880100000000001</v>
      </c>
      <c r="CO803" s="20">
        <v>0.49315100000000001</v>
      </c>
      <c r="CP803" s="20">
        <v>0.11924899999999999</v>
      </c>
      <c r="CQ803" s="20">
        <v>0.44570900000000002</v>
      </c>
      <c r="CR803" s="20">
        <v>0.32695099999999999</v>
      </c>
      <c r="CS803" s="20">
        <v>0.19606399999999999</v>
      </c>
      <c r="CT803" s="20">
        <v>8.0996700000000005E-2</v>
      </c>
      <c r="CU803" s="20">
        <v>3.8239000000000002E-2</v>
      </c>
      <c r="CV803" s="20">
        <v>5.9114600000000003E-2</v>
      </c>
      <c r="CW803" s="20">
        <v>5.3738800000000003E-2</v>
      </c>
      <c r="CX803" s="20">
        <v>4.6223899999999998E-2</v>
      </c>
      <c r="CY803" s="6" t="s">
        <v>518</v>
      </c>
      <c r="CZ803" s="6" t="s">
        <v>519</v>
      </c>
      <c r="DA803" s="6" t="s">
        <v>95</v>
      </c>
      <c r="DB803" s="6"/>
      <c r="DC803" s="6"/>
      <c r="DD803" s="6"/>
      <c r="DE803" s="6"/>
      <c r="DF803" s="6"/>
      <c r="DG803" s="6"/>
      <c r="DH803" s="6" t="s">
        <v>333</v>
      </c>
      <c r="DI803" s="6"/>
      <c r="DJ803" s="6"/>
      <c r="DK803" s="6"/>
      <c r="DL803" s="6">
        <v>11</v>
      </c>
      <c r="DM803" s="6" t="s">
        <v>520</v>
      </c>
      <c r="DN803" s="6">
        <v>7</v>
      </c>
      <c r="DO803" s="6" t="s">
        <v>369</v>
      </c>
      <c r="DP803" s="6"/>
      <c r="DQ803" s="6"/>
    </row>
    <row r="804" spans="1:121" x14ac:dyDescent="0.2">
      <c r="A804" s="6" t="s">
        <v>311</v>
      </c>
      <c r="B804" s="6" t="s">
        <v>311</v>
      </c>
      <c r="C804" s="6" t="s">
        <v>174</v>
      </c>
      <c r="D804" s="6" t="s">
        <v>95</v>
      </c>
      <c r="E804" s="6" t="s">
        <v>236</v>
      </c>
      <c r="F804" s="11">
        <v>-20</v>
      </c>
      <c r="G804" s="13">
        <v>-0.4</v>
      </c>
      <c r="H804" s="11">
        <v>19.673403</v>
      </c>
      <c r="I804" s="13">
        <v>0.3953867930292122</v>
      </c>
      <c r="J804" s="11">
        <v>-27.308109000000002</v>
      </c>
      <c r="K804" s="13">
        <v>-0.39331425754315857</v>
      </c>
      <c r="L804" s="11">
        <v>-11.999691499699995</v>
      </c>
      <c r="M804" s="13">
        <v>-0.28487501048010877</v>
      </c>
      <c r="N804" s="11">
        <v>-39.307800499699994</v>
      </c>
      <c r="O804" s="13">
        <v>-0.56614386478368373</v>
      </c>
      <c r="P804" s="7">
        <v>49.757359999999998</v>
      </c>
      <c r="Q804" s="7">
        <v>46.254227999999998</v>
      </c>
      <c r="R804" s="7">
        <v>43.918601000000002</v>
      </c>
      <c r="S804" s="7">
        <v>45.134228</v>
      </c>
      <c r="T804" s="7">
        <v>62.034047000000001</v>
      </c>
      <c r="U804" s="7">
        <v>84.753885999999994</v>
      </c>
      <c r="V804" s="7">
        <v>69.430762999999999</v>
      </c>
      <c r="W804" s="7">
        <v>47.311956000000002</v>
      </c>
      <c r="X804" s="7">
        <v>44.720784999999999</v>
      </c>
      <c r="Y804" s="7">
        <v>42.122653999999997</v>
      </c>
      <c r="Z804" s="7">
        <v>40.910516999999999</v>
      </c>
      <c r="AA804" s="7">
        <v>41.101168999999999</v>
      </c>
      <c r="AB804" s="7">
        <v>30.882828</v>
      </c>
      <c r="AC804" s="7">
        <v>32.300119000000002</v>
      </c>
      <c r="AD804" s="7">
        <v>33.929380000000002</v>
      </c>
      <c r="AE804" s="7">
        <v>33.032072749999998</v>
      </c>
      <c r="AF804" s="7">
        <v>30.122962500300002</v>
      </c>
      <c r="AG804" s="9">
        <v>76288.357221000013</v>
      </c>
      <c r="AH804" s="13">
        <v>1.1370024259590952</v>
      </c>
      <c r="AI804" s="9">
        <v>-8114.7876830999958</v>
      </c>
      <c r="AJ804" s="13">
        <v>-0.1209428753997062</v>
      </c>
      <c r="AK804" s="9">
        <v>32933.787847599997</v>
      </c>
      <c r="AL804" s="13">
        <v>0.55837724772753194</v>
      </c>
      <c r="AM804" s="9">
        <v>51469.357056500012</v>
      </c>
      <c r="AN804" s="13">
        <v>0.55996666549083407</v>
      </c>
      <c r="AO804" s="9">
        <v>84403.144904100016</v>
      </c>
      <c r="AP804" s="13">
        <v>1.4310165587143016</v>
      </c>
      <c r="AQ804" s="9">
        <v>67096.037333999993</v>
      </c>
      <c r="AR804" s="9">
        <v>71753.758102000007</v>
      </c>
      <c r="AS804" s="9">
        <v>63977.621346899999</v>
      </c>
      <c r="AT804" s="9">
        <v>63945.635005399999</v>
      </c>
      <c r="AU804" s="9">
        <v>53727.026932000001</v>
      </c>
      <c r="AV804" s="9">
        <v>52394.860389900001</v>
      </c>
      <c r="AW804" s="9">
        <v>58981.249650899998</v>
      </c>
      <c r="AX804" s="9">
        <v>72696.172431800005</v>
      </c>
      <c r="AY804" s="9">
        <v>63578.066546299997</v>
      </c>
      <c r="AZ804" s="9">
        <v>91915.037498499994</v>
      </c>
      <c r="BA804" s="9">
        <v>94039.500160099997</v>
      </c>
      <c r="BB804" s="9">
        <v>91889.991266500001</v>
      </c>
      <c r="BC804" s="9">
        <v>135717.958751</v>
      </c>
      <c r="BD804" s="9">
        <v>137972.02780700001</v>
      </c>
      <c r="BE804" s="9">
        <v>132889.094419</v>
      </c>
      <c r="BF804" s="9">
        <v>143384.39455500001</v>
      </c>
      <c r="BG804" s="11">
        <v>0</v>
      </c>
      <c r="BH804" s="13">
        <v>0</v>
      </c>
      <c r="BI804" s="6">
        <v>0</v>
      </c>
      <c r="BJ804" s="13">
        <v>0</v>
      </c>
      <c r="BK804" s="6">
        <v>0</v>
      </c>
      <c r="BL804" s="13">
        <v>0</v>
      </c>
      <c r="BM804" s="11">
        <v>0</v>
      </c>
      <c r="BN804" s="13">
        <v>0</v>
      </c>
      <c r="BO804" s="11">
        <v>0</v>
      </c>
      <c r="BP804" s="13">
        <v>0</v>
      </c>
      <c r="BQ804" s="6">
        <v>2</v>
      </c>
      <c r="BR804" s="6">
        <v>2</v>
      </c>
      <c r="BS804" s="6">
        <v>2</v>
      </c>
      <c r="BT804" s="6">
        <v>2</v>
      </c>
      <c r="BU804" s="6">
        <v>2</v>
      </c>
      <c r="BV804" s="6">
        <v>2</v>
      </c>
      <c r="BW804" s="6">
        <v>2</v>
      </c>
      <c r="BX804" s="6">
        <v>2</v>
      </c>
      <c r="BY804" s="6">
        <v>2</v>
      </c>
      <c r="BZ804" s="6">
        <v>2</v>
      </c>
      <c r="CA804" s="6">
        <v>2</v>
      </c>
      <c r="CB804" s="6">
        <v>2</v>
      </c>
      <c r="CC804" s="11">
        <v>2</v>
      </c>
      <c r="CD804" s="11">
        <v>-16.970800000000001</v>
      </c>
      <c r="CE804" s="11">
        <v>-8.1026799999999994</v>
      </c>
      <c r="CF804" s="11">
        <v>5.4390799999999997</v>
      </c>
      <c r="CG804" s="11">
        <v>-3</v>
      </c>
      <c r="CH804" s="20">
        <v>2.71889</v>
      </c>
      <c r="CI804" s="20">
        <v>2.6048399999999998</v>
      </c>
      <c r="CJ804" s="20">
        <v>2.6168399999999998</v>
      </c>
      <c r="CK804" s="20">
        <v>2.8087399999999998</v>
      </c>
      <c r="CL804" s="20">
        <v>3.8939499999999998</v>
      </c>
      <c r="CM804" s="20">
        <v>5.5403799999999999</v>
      </c>
      <c r="CN804" s="20">
        <v>4.58317</v>
      </c>
      <c r="CO804" s="20">
        <v>2.7048199999999998</v>
      </c>
      <c r="CP804" s="20">
        <v>2.8274900000000001</v>
      </c>
      <c r="CQ804" s="20">
        <v>2.6889699999999999</v>
      </c>
      <c r="CR804" s="20">
        <v>2.5789499999999999</v>
      </c>
      <c r="CS804" s="20">
        <v>2.6400999999999999</v>
      </c>
      <c r="CT804" s="20">
        <v>2.04989</v>
      </c>
      <c r="CU804" s="20">
        <v>2.16601</v>
      </c>
      <c r="CV804" s="20">
        <v>2.2626499999999998</v>
      </c>
      <c r="CW804" s="20">
        <v>2.2524299999999999</v>
      </c>
      <c r="CX804" s="20">
        <v>2.0533000000000001</v>
      </c>
      <c r="CY804" s="6" t="s">
        <v>518</v>
      </c>
      <c r="CZ804" s="6" t="s">
        <v>519</v>
      </c>
      <c r="DA804" s="6" t="s">
        <v>95</v>
      </c>
      <c r="DB804" s="6"/>
      <c r="DC804" s="6"/>
      <c r="DD804" s="6"/>
      <c r="DE804" s="6"/>
      <c r="DF804" s="6"/>
      <c r="DG804" s="6"/>
      <c r="DH804" s="6" t="s">
        <v>333</v>
      </c>
      <c r="DI804" s="6"/>
      <c r="DJ804" s="6"/>
      <c r="DK804" s="6"/>
      <c r="DL804" s="6">
        <v>11</v>
      </c>
      <c r="DM804" s="6" t="s">
        <v>520</v>
      </c>
      <c r="DN804" s="6">
        <v>7</v>
      </c>
      <c r="DO804" s="6" t="s">
        <v>369</v>
      </c>
      <c r="DP804" s="6"/>
      <c r="DQ804" s="6"/>
    </row>
    <row r="805" spans="1:121" x14ac:dyDescent="0.2">
      <c r="A805" s="6" t="s">
        <v>312</v>
      </c>
      <c r="B805" s="6" t="s">
        <v>312</v>
      </c>
      <c r="C805" s="6" t="s">
        <v>175</v>
      </c>
      <c r="D805" s="6" t="s">
        <v>95</v>
      </c>
      <c r="E805" s="6" t="s">
        <v>236</v>
      </c>
      <c r="F805" s="11">
        <v>-4</v>
      </c>
      <c r="G805" s="13">
        <v>-2.1621621621600001E-2</v>
      </c>
      <c r="H805" s="11">
        <v>27.011850732999989</v>
      </c>
      <c r="I805" s="13">
        <v>0.14593964318482378</v>
      </c>
      <c r="J805" s="11">
        <v>-44.060295867999997</v>
      </c>
      <c r="K805" s="13">
        <v>-0.2077325748370929</v>
      </c>
      <c r="L805" s="11">
        <v>12.951348709000001</v>
      </c>
      <c r="M805" s="13">
        <v>7.7072667792612418E-2</v>
      </c>
      <c r="N805" s="11">
        <v>-31.108947158999996</v>
      </c>
      <c r="O805" s="13">
        <v>-0.14667041077460372</v>
      </c>
      <c r="P805" s="7">
        <v>185.08919265200001</v>
      </c>
      <c r="Q805" s="7">
        <v>175.040905759</v>
      </c>
      <c r="R805" s="7">
        <v>180.55462758900001</v>
      </c>
      <c r="S805" s="7">
        <v>208.2847658</v>
      </c>
      <c r="T805" s="7">
        <v>202.01096744200001</v>
      </c>
      <c r="U805" s="7">
        <v>171.042981457</v>
      </c>
      <c r="V805" s="7">
        <v>212.101043385</v>
      </c>
      <c r="W805" s="7">
        <v>205.67195451399999</v>
      </c>
      <c r="X805" s="7">
        <v>166.99230035599999</v>
      </c>
      <c r="Y805" s="7">
        <v>168.040747517</v>
      </c>
      <c r="Z805" s="7">
        <v>225.93646791399999</v>
      </c>
      <c r="AA805" s="7">
        <v>192.52547918799999</v>
      </c>
      <c r="AB805" s="7">
        <v>205.36937543600001</v>
      </c>
      <c r="AC805" s="7">
        <v>191.09663401899999</v>
      </c>
      <c r="AD805" s="7">
        <v>216.122929986</v>
      </c>
      <c r="AE805" s="7">
        <v>177.37949120299999</v>
      </c>
      <c r="AF805" s="7">
        <v>180.992096226</v>
      </c>
      <c r="AG805" s="9">
        <v>2456.7859519999984</v>
      </c>
      <c r="AH805" s="13">
        <v>0.1032522303799818</v>
      </c>
      <c r="AI805" s="9">
        <v>2185.9761188000011</v>
      </c>
      <c r="AJ805" s="13">
        <v>9.1870807727362128E-2</v>
      </c>
      <c r="AK805" s="9">
        <v>-2464.3818158000031</v>
      </c>
      <c r="AL805" s="13">
        <v>-9.4856885776110011E-2</v>
      </c>
      <c r="AM805" s="9">
        <v>2735.1916490000003</v>
      </c>
      <c r="AN805" s="13">
        <v>0.1163138354084436</v>
      </c>
      <c r="AO805" s="9">
        <v>270.80983319999723</v>
      </c>
      <c r="AP805" s="13">
        <v>1.0423781432813599E-2</v>
      </c>
      <c r="AQ805" s="9">
        <v>23794.023073</v>
      </c>
      <c r="AR805" s="9">
        <v>23629.6733394</v>
      </c>
      <c r="AS805" s="9">
        <v>22870.9254029</v>
      </c>
      <c r="AT805" s="9">
        <v>22999.7986016</v>
      </c>
      <c r="AU805" s="9">
        <v>23372.144255899999</v>
      </c>
      <c r="AV805" s="9">
        <v>24969.661630400002</v>
      </c>
      <c r="AW805" s="9">
        <v>25979.999191800001</v>
      </c>
      <c r="AX805" s="9">
        <v>25575.057218999998</v>
      </c>
      <c r="AY805" s="9">
        <v>25361.234304699999</v>
      </c>
      <c r="AZ805" s="9">
        <v>23515.617375999998</v>
      </c>
      <c r="BA805" s="9">
        <v>22467.031503300001</v>
      </c>
      <c r="BB805" s="9">
        <v>23802.817427400001</v>
      </c>
      <c r="BC805" s="9">
        <v>24927.4109608</v>
      </c>
      <c r="BD805" s="9">
        <v>24734.303603799999</v>
      </c>
      <c r="BE805" s="9">
        <v>26772.9096556</v>
      </c>
      <c r="BF805" s="9">
        <v>26250.809024999999</v>
      </c>
      <c r="BG805" s="11">
        <v>-5.5</v>
      </c>
      <c r="BH805" s="13">
        <v>-0.22</v>
      </c>
      <c r="BI805" s="6">
        <v>1</v>
      </c>
      <c r="BJ805" s="13">
        <v>0.04</v>
      </c>
      <c r="BK805" s="6">
        <v>0</v>
      </c>
      <c r="BL805" s="13">
        <v>0</v>
      </c>
      <c r="BM805" s="11">
        <v>-6.5</v>
      </c>
      <c r="BN805" s="13">
        <v>-0.25</v>
      </c>
      <c r="BO805" s="11">
        <v>-6.5</v>
      </c>
      <c r="BP805" s="13">
        <v>-0.25</v>
      </c>
      <c r="BQ805" s="6">
        <v>25</v>
      </c>
      <c r="BR805" s="6">
        <v>28</v>
      </c>
      <c r="BS805" s="6">
        <v>22</v>
      </c>
      <c r="BT805" s="6">
        <v>26</v>
      </c>
      <c r="BU805" s="6">
        <v>27</v>
      </c>
      <c r="BV805" s="6">
        <v>25</v>
      </c>
      <c r="BW805" s="6">
        <v>26</v>
      </c>
      <c r="BX805" s="6">
        <v>24</v>
      </c>
      <c r="BY805" s="6">
        <v>22</v>
      </c>
      <c r="BZ805" s="6">
        <v>19</v>
      </c>
      <c r="CA805" s="6">
        <v>20</v>
      </c>
      <c r="CB805" s="6">
        <v>20</v>
      </c>
      <c r="CC805" s="11">
        <v>19.5</v>
      </c>
      <c r="CD805" s="11">
        <v>-1.91056</v>
      </c>
      <c r="CE805" s="11">
        <v>-22.419</v>
      </c>
      <c r="CF805" s="11">
        <v>20.232500000000002</v>
      </c>
      <c r="CG805" s="11">
        <v>-2</v>
      </c>
      <c r="CH805" s="20">
        <v>0.69729600000000003</v>
      </c>
      <c r="CI805" s="20">
        <v>0.67493000000000003</v>
      </c>
      <c r="CJ805" s="20">
        <v>0.70390200000000003</v>
      </c>
      <c r="CK805" s="20">
        <v>0.79516500000000001</v>
      </c>
      <c r="CL805" s="20">
        <v>0.72524900000000003</v>
      </c>
      <c r="CM805" s="20">
        <v>0.60903700000000005</v>
      </c>
      <c r="CN805" s="20">
        <v>0.77290300000000001</v>
      </c>
      <c r="CO805" s="20">
        <v>0.69662000000000002</v>
      </c>
      <c r="CP805" s="20">
        <v>0.72152899999999998</v>
      </c>
      <c r="CQ805" s="20">
        <v>0.78428100000000001</v>
      </c>
      <c r="CR805" s="20">
        <v>1.05227</v>
      </c>
      <c r="CS805" s="20">
        <v>0.90505999999999998</v>
      </c>
      <c r="CT805" s="20">
        <v>0.97348100000000004</v>
      </c>
      <c r="CU805" s="20">
        <v>0.88736499999999996</v>
      </c>
      <c r="CV805" s="20">
        <v>0.97037300000000004</v>
      </c>
      <c r="CW805" s="20">
        <v>0.79756000000000005</v>
      </c>
      <c r="CX805" s="20">
        <v>0.81467299999999998</v>
      </c>
      <c r="CY805" s="6" t="s">
        <v>518</v>
      </c>
      <c r="CZ805" s="6" t="s">
        <v>519</v>
      </c>
      <c r="DA805" s="6" t="s">
        <v>95</v>
      </c>
      <c r="DB805" s="6"/>
      <c r="DC805" s="6"/>
      <c r="DD805" s="6"/>
      <c r="DE805" s="6"/>
      <c r="DF805" s="6"/>
      <c r="DG805" s="6"/>
      <c r="DH805" s="6" t="s">
        <v>333</v>
      </c>
      <c r="DI805" s="6"/>
      <c r="DJ805" s="6"/>
      <c r="DK805" s="6"/>
      <c r="DL805" s="6">
        <v>11</v>
      </c>
      <c r="DM805" s="6" t="s">
        <v>520</v>
      </c>
      <c r="DN805" s="6">
        <v>7</v>
      </c>
      <c r="DO805" s="6" t="s">
        <v>369</v>
      </c>
      <c r="DP805" s="6"/>
      <c r="DQ805" s="6"/>
    </row>
    <row r="806" spans="1:121" x14ac:dyDescent="0.2">
      <c r="A806" s="6" t="s">
        <v>792</v>
      </c>
      <c r="B806" s="6" t="s">
        <v>176</v>
      </c>
      <c r="C806" s="6" t="s">
        <v>177</v>
      </c>
      <c r="D806" s="6" t="s">
        <v>95</v>
      </c>
      <c r="E806" s="6" t="s">
        <v>236</v>
      </c>
      <c r="F806" s="11">
        <v>-74</v>
      </c>
      <c r="G806" s="13">
        <v>-0.105714285714</v>
      </c>
      <c r="H806" s="11">
        <v>-89.301253206000069</v>
      </c>
      <c r="I806" s="13">
        <v>-0.1275607903587791</v>
      </c>
      <c r="J806" s="11">
        <v>14.809601439000062</v>
      </c>
      <c r="K806" s="13">
        <v>2.4247548853142991E-2</v>
      </c>
      <c r="L806" s="11">
        <v>0.25508149500001309</v>
      </c>
      <c r="M806" s="13">
        <v>4.0775424643544272E-4</v>
      </c>
      <c r="N806" s="11">
        <v>15.064682934000075</v>
      </c>
      <c r="O806" s="13">
        <v>2.4665190140588954E-2</v>
      </c>
      <c r="P806" s="7">
        <v>700.06820242200001</v>
      </c>
      <c r="Q806" s="7">
        <v>643.80579922100003</v>
      </c>
      <c r="R806" s="7">
        <v>607.98483811200003</v>
      </c>
      <c r="S806" s="7">
        <v>589.63028832400005</v>
      </c>
      <c r="T806" s="7">
        <v>606.17756473999998</v>
      </c>
      <c r="U806" s="7">
        <v>585.51614719199995</v>
      </c>
      <c r="V806" s="7">
        <v>610.76694921599994</v>
      </c>
      <c r="W806" s="7">
        <v>1175.49563251</v>
      </c>
      <c r="X806" s="7">
        <v>592.38776549299996</v>
      </c>
      <c r="Y806" s="7">
        <v>625.57655065500001</v>
      </c>
      <c r="Z806" s="7">
        <v>658.69188798000005</v>
      </c>
      <c r="AA806" s="7">
        <v>685.63820963399996</v>
      </c>
      <c r="AB806" s="7">
        <v>678.04463362700005</v>
      </c>
      <c r="AC806" s="7">
        <v>644.03454034699996</v>
      </c>
      <c r="AD806" s="7">
        <v>657.28106073399999</v>
      </c>
      <c r="AE806" s="7">
        <v>640.54601165600002</v>
      </c>
      <c r="AF806" s="7">
        <v>625.83163215000002</v>
      </c>
      <c r="AG806" s="9">
        <v>34806.887998400009</v>
      </c>
      <c r="AH806" s="13">
        <v>1.054529441186971</v>
      </c>
      <c r="AI806" s="9">
        <v>16371.196475800003</v>
      </c>
      <c r="AJ806" s="13">
        <v>0.49599115761170798</v>
      </c>
      <c r="AK806" s="9">
        <v>6603.8371831999975</v>
      </c>
      <c r="AL806" s="13">
        <v>0.13373985381247294</v>
      </c>
      <c r="AM806" s="9">
        <v>11831.854339400008</v>
      </c>
      <c r="AN806" s="13">
        <v>0.21135079604625165</v>
      </c>
      <c r="AO806" s="9">
        <v>18435.691522600006</v>
      </c>
      <c r="AP806" s="13">
        <v>0.37335667442510007</v>
      </c>
      <c r="AQ806" s="9">
        <v>33007.032937099997</v>
      </c>
      <c r="AR806" s="9">
        <v>34392.145088999998</v>
      </c>
      <c r="AS806" s="9">
        <v>34909.076785400001</v>
      </c>
      <c r="AT806" s="9">
        <v>39956.866494900001</v>
      </c>
      <c r="AU806" s="9">
        <v>41679.793595399999</v>
      </c>
      <c r="AV806" s="9">
        <v>45145.304812800001</v>
      </c>
      <c r="AW806" s="9">
        <v>49378.2294129</v>
      </c>
      <c r="AX806" s="9">
        <v>50445.159045200002</v>
      </c>
      <c r="AY806" s="9">
        <v>51142.005414400002</v>
      </c>
      <c r="AZ806" s="9">
        <v>55982.066596099998</v>
      </c>
      <c r="BA806" s="9">
        <v>61972.877405799998</v>
      </c>
      <c r="BB806" s="9">
        <v>61661.905080600001</v>
      </c>
      <c r="BC806" s="9">
        <v>62774.481538</v>
      </c>
      <c r="BD806" s="9">
        <v>66415.368993199998</v>
      </c>
      <c r="BE806" s="9">
        <v>63958.198689299999</v>
      </c>
      <c r="BF806" s="9">
        <v>67813.920935500006</v>
      </c>
      <c r="BG806" s="11">
        <v>3.25</v>
      </c>
      <c r="BH806" s="13">
        <v>0.4642857142857143</v>
      </c>
      <c r="BI806" s="6">
        <v>3</v>
      </c>
      <c r="BJ806" s="13">
        <v>0.42857142857142855</v>
      </c>
      <c r="BK806" s="6">
        <v>-2</v>
      </c>
      <c r="BL806" s="13">
        <v>-0.2</v>
      </c>
      <c r="BM806" s="11">
        <v>2.25</v>
      </c>
      <c r="BN806" s="13">
        <v>0.28125</v>
      </c>
      <c r="BO806" s="11">
        <v>0.25</v>
      </c>
      <c r="BP806" s="13">
        <v>2.5000000000000001E-2</v>
      </c>
      <c r="BQ806" s="6">
        <v>7</v>
      </c>
      <c r="BR806" s="6">
        <v>8</v>
      </c>
      <c r="BS806" s="6">
        <v>8</v>
      </c>
      <c r="BT806" s="6">
        <v>10</v>
      </c>
      <c r="BU806" s="6">
        <v>12</v>
      </c>
      <c r="BV806" s="6">
        <v>9</v>
      </c>
      <c r="BW806" s="6">
        <v>8</v>
      </c>
      <c r="BX806" s="6">
        <v>8</v>
      </c>
      <c r="BY806" s="6">
        <v>9</v>
      </c>
      <c r="BZ806" s="6">
        <v>10</v>
      </c>
      <c r="CA806" s="6">
        <v>10</v>
      </c>
      <c r="CB806" s="6">
        <v>10</v>
      </c>
      <c r="CC806" s="11">
        <v>10.25</v>
      </c>
      <c r="CD806" s="11">
        <v>96.346000000000004</v>
      </c>
      <c r="CE806" s="11">
        <v>-247.108</v>
      </c>
      <c r="CF806" s="11">
        <v>76.525899999999993</v>
      </c>
      <c r="CG806" s="11">
        <v>-170</v>
      </c>
      <c r="CH806" s="20">
        <v>1.3776299999999999</v>
      </c>
      <c r="CI806" s="20">
        <v>1.38568</v>
      </c>
      <c r="CJ806" s="20">
        <v>1.41431</v>
      </c>
      <c r="CK806" s="20">
        <v>1.4226399999999999</v>
      </c>
      <c r="CL806" s="20">
        <v>1.44831</v>
      </c>
      <c r="CM806" s="20">
        <v>1.4542999999999999</v>
      </c>
      <c r="CN806" s="20">
        <v>1.57178</v>
      </c>
      <c r="CO806" s="20">
        <v>2.7509899999999998</v>
      </c>
      <c r="CP806" s="20">
        <v>1.7424200000000001</v>
      </c>
      <c r="CQ806" s="20">
        <v>1.88026</v>
      </c>
      <c r="CR806" s="20">
        <v>1.9167799999999999</v>
      </c>
      <c r="CS806" s="20">
        <v>1.99943</v>
      </c>
      <c r="CT806" s="20">
        <v>2.02515</v>
      </c>
      <c r="CU806" s="20">
        <v>1.93055</v>
      </c>
      <c r="CV806" s="20">
        <v>1.95845</v>
      </c>
      <c r="CW806" s="20">
        <v>1.9530099999999999</v>
      </c>
      <c r="CX806" s="20">
        <v>1.92248</v>
      </c>
      <c r="CY806" s="6" t="s">
        <v>518</v>
      </c>
      <c r="CZ806" s="6" t="s">
        <v>519</v>
      </c>
      <c r="DA806" s="6" t="s">
        <v>95</v>
      </c>
      <c r="DB806" s="6"/>
      <c r="DC806" s="6"/>
      <c r="DD806" s="6"/>
      <c r="DE806" s="6"/>
      <c r="DF806" s="6"/>
      <c r="DG806" s="6"/>
      <c r="DH806" s="6" t="s">
        <v>333</v>
      </c>
      <c r="DI806" s="6"/>
      <c r="DJ806" s="6"/>
      <c r="DK806" s="6"/>
      <c r="DL806" s="6">
        <v>11</v>
      </c>
      <c r="DM806" s="6" t="s">
        <v>520</v>
      </c>
      <c r="DN806" s="6">
        <v>7</v>
      </c>
      <c r="DO806" s="6" t="s">
        <v>369</v>
      </c>
      <c r="DP806" s="6"/>
      <c r="DQ806" s="6"/>
    </row>
    <row r="807" spans="1:121" x14ac:dyDescent="0.2">
      <c r="A807" s="6" t="s">
        <v>313</v>
      </c>
      <c r="B807" s="6" t="s">
        <v>313</v>
      </c>
      <c r="C807" s="6" t="s">
        <v>178</v>
      </c>
      <c r="D807" s="6" t="s">
        <v>95</v>
      </c>
      <c r="E807" s="6" t="s">
        <v>236</v>
      </c>
      <c r="F807" s="11">
        <v>31</v>
      </c>
      <c r="G807" s="13">
        <v>0.64583333333299997</v>
      </c>
      <c r="H807" s="11">
        <v>13.457214268599998</v>
      </c>
      <c r="I807" s="13">
        <v>0.28090757010523398</v>
      </c>
      <c r="J807" s="11">
        <v>14.856186105899994</v>
      </c>
      <c r="K807" s="13">
        <v>0.2421016863874606</v>
      </c>
      <c r="L807" s="11">
        <v>2.6153611838000046</v>
      </c>
      <c r="M807" s="13">
        <v>3.4313498979819806E-2</v>
      </c>
      <c r="N807" s="11">
        <v>17.471547289699998</v>
      </c>
      <c r="O807" s="13">
        <v>0.28472254133614916</v>
      </c>
      <c r="P807" s="7">
        <v>47.906200119700003</v>
      </c>
      <c r="Q807" s="7">
        <v>64.176782689099994</v>
      </c>
      <c r="R807" s="7">
        <v>65.223184763700004</v>
      </c>
      <c r="S807" s="7">
        <v>63.360077728500002</v>
      </c>
      <c r="T807" s="7">
        <v>62.726315462300001</v>
      </c>
      <c r="U807" s="7">
        <v>62.080082231600002</v>
      </c>
      <c r="V807" s="7">
        <v>61.363414388300001</v>
      </c>
      <c r="W807" s="7">
        <v>68.291735588500003</v>
      </c>
      <c r="X807" s="7">
        <v>69.453536633499994</v>
      </c>
      <c r="Y807" s="7">
        <v>76.219600494199995</v>
      </c>
      <c r="Z807" s="7">
        <v>84.724446838000006</v>
      </c>
      <c r="AA807" s="7">
        <v>78.491781725500005</v>
      </c>
      <c r="AB807" s="7">
        <v>78.210203533599994</v>
      </c>
      <c r="AC807" s="7">
        <v>80.130617225999998</v>
      </c>
      <c r="AD807" s="7">
        <v>73.940486730800004</v>
      </c>
      <c r="AE807" s="7">
        <v>76.906949123199993</v>
      </c>
      <c r="AF807" s="7">
        <v>78.834961677999999</v>
      </c>
      <c r="AG807" s="9">
        <v>5377.4919960999978</v>
      </c>
      <c r="AH807" s="13">
        <v>0.21926792263520031</v>
      </c>
      <c r="AI807" s="9">
        <v>7645.7284580999985</v>
      </c>
      <c r="AJ807" s="13">
        <v>0.31175555393783339</v>
      </c>
      <c r="AK807" s="9">
        <v>1832.5272525</v>
      </c>
      <c r="AL807" s="13">
        <v>5.6963000795407913E-2</v>
      </c>
      <c r="AM807" s="9">
        <v>-4100.7637145000008</v>
      </c>
      <c r="AN807" s="13">
        <v>-0.12060001970533356</v>
      </c>
      <c r="AO807" s="9">
        <v>-2268.2364620000008</v>
      </c>
      <c r="AP807" s="13">
        <v>-7.050675792832678E-2</v>
      </c>
      <c r="AQ807" s="9">
        <v>24524.754608300002</v>
      </c>
      <c r="AR807" s="9">
        <v>26704.228143100001</v>
      </c>
      <c r="AS807" s="9">
        <v>26736.088178400001</v>
      </c>
      <c r="AT807" s="9">
        <v>30093.5774423</v>
      </c>
      <c r="AU807" s="9">
        <v>29110.3857212</v>
      </c>
      <c r="AV807" s="9">
        <v>29418.984609200001</v>
      </c>
      <c r="AW807" s="9">
        <v>32170.4830664</v>
      </c>
      <c r="AX807" s="9">
        <v>32518.7382578</v>
      </c>
      <c r="AY807" s="9">
        <v>32798.524077100003</v>
      </c>
      <c r="AZ807" s="9">
        <v>34003.0103189</v>
      </c>
      <c r="BA807" s="9">
        <v>32576.061737100001</v>
      </c>
      <c r="BB807" s="9">
        <v>34938.250380899997</v>
      </c>
      <c r="BC807" s="9">
        <v>35938.133908700001</v>
      </c>
      <c r="BD807" s="9">
        <v>36172.045032100003</v>
      </c>
      <c r="BE807" s="9">
        <v>30184.4478523</v>
      </c>
      <c r="BF807" s="9">
        <v>29902.246604399999</v>
      </c>
      <c r="BG807" s="11">
        <v>3</v>
      </c>
      <c r="BH807" s="13">
        <v>0.33333333333333331</v>
      </c>
      <c r="BI807" s="6">
        <v>-1</v>
      </c>
      <c r="BJ807" s="13">
        <v>-0.1111111111111111</v>
      </c>
      <c r="BK807" s="6">
        <v>3</v>
      </c>
      <c r="BL807" s="13">
        <v>0.375</v>
      </c>
      <c r="BM807" s="11">
        <v>1</v>
      </c>
      <c r="BN807" s="13">
        <v>9.0909090909090912E-2</v>
      </c>
      <c r="BO807" s="11">
        <v>4</v>
      </c>
      <c r="BP807" s="13">
        <v>0.5</v>
      </c>
      <c r="BQ807" s="6">
        <v>9</v>
      </c>
      <c r="BR807" s="6">
        <v>9</v>
      </c>
      <c r="BS807" s="6">
        <v>8</v>
      </c>
      <c r="BT807" s="6">
        <v>8</v>
      </c>
      <c r="BU807" s="6">
        <v>9</v>
      </c>
      <c r="BV807" s="6">
        <v>9</v>
      </c>
      <c r="BW807" s="6">
        <v>11</v>
      </c>
      <c r="BX807" s="6">
        <v>12</v>
      </c>
      <c r="BY807" s="6">
        <v>12</v>
      </c>
      <c r="BZ807" s="6">
        <v>13</v>
      </c>
      <c r="CA807" s="6">
        <v>12</v>
      </c>
      <c r="CB807" s="6">
        <v>12</v>
      </c>
      <c r="CC807" s="11">
        <v>12</v>
      </c>
      <c r="CD807" s="11">
        <v>29.609200000000001</v>
      </c>
      <c r="CE807" s="11">
        <v>-3.91717</v>
      </c>
      <c r="CF807" s="11">
        <v>5.23672</v>
      </c>
      <c r="CG807" s="11">
        <v>1</v>
      </c>
      <c r="CH807" s="20">
        <v>0.26474999999999999</v>
      </c>
      <c r="CI807" s="20">
        <v>0.36842599999999998</v>
      </c>
      <c r="CJ807" s="20">
        <v>0.386847</v>
      </c>
      <c r="CK807" s="20">
        <v>0.38055099999999997</v>
      </c>
      <c r="CL807" s="20">
        <v>0.36422599999999999</v>
      </c>
      <c r="CM807" s="20">
        <v>0.36460500000000001</v>
      </c>
      <c r="CN807" s="20">
        <v>0.36018600000000001</v>
      </c>
      <c r="CO807" s="20">
        <v>0.35519400000000001</v>
      </c>
      <c r="CP807" s="20">
        <v>0.42917499999999997</v>
      </c>
      <c r="CQ807" s="20">
        <v>0.47648600000000002</v>
      </c>
      <c r="CR807" s="20">
        <v>0.515046</v>
      </c>
      <c r="CS807" s="20">
        <v>0.47761199999999998</v>
      </c>
      <c r="CT807" s="20">
        <v>0.484655</v>
      </c>
      <c r="CU807" s="20">
        <v>0.49898199999999998</v>
      </c>
      <c r="CV807" s="20">
        <v>0.45797199999999999</v>
      </c>
      <c r="CW807" s="20">
        <v>0.48869299999999999</v>
      </c>
      <c r="CX807" s="20">
        <v>0.50059799999999999</v>
      </c>
      <c r="CY807" s="6" t="s">
        <v>518</v>
      </c>
      <c r="CZ807" s="6" t="s">
        <v>519</v>
      </c>
      <c r="DA807" s="6" t="s">
        <v>95</v>
      </c>
      <c r="DB807" s="6"/>
      <c r="DC807" s="6"/>
      <c r="DD807" s="6"/>
      <c r="DE807" s="6"/>
      <c r="DF807" s="6"/>
      <c r="DG807" s="6"/>
      <c r="DH807" s="6" t="s">
        <v>333</v>
      </c>
      <c r="DI807" s="6"/>
      <c r="DJ807" s="6"/>
      <c r="DK807" s="6"/>
      <c r="DL807" s="6">
        <v>11</v>
      </c>
      <c r="DM807" s="6" t="s">
        <v>520</v>
      </c>
      <c r="DN807" s="6">
        <v>7</v>
      </c>
      <c r="DO807" s="6" t="s">
        <v>369</v>
      </c>
      <c r="DP807" s="6"/>
      <c r="DQ807" s="6"/>
    </row>
    <row r="808" spans="1:121" x14ac:dyDescent="0.2">
      <c r="A808" s="6" t="s">
        <v>793</v>
      </c>
      <c r="B808" s="6" t="s">
        <v>179</v>
      </c>
      <c r="C808" s="6" t="s">
        <v>180</v>
      </c>
      <c r="D808" s="6" t="s">
        <v>95</v>
      </c>
      <c r="E808" s="6" t="s">
        <v>236</v>
      </c>
      <c r="F808" s="11">
        <v>-199</v>
      </c>
      <c r="G808" s="13">
        <v>-0.31</v>
      </c>
      <c r="H808" s="11">
        <v>-182</v>
      </c>
      <c r="I808" s="13">
        <v>-0.28000000000000003</v>
      </c>
      <c r="J808" s="11">
        <v>-45</v>
      </c>
      <c r="K808" s="13">
        <v>-9.6153846153846159E-2</v>
      </c>
      <c r="L808" s="11">
        <v>28</v>
      </c>
      <c r="M808" s="13">
        <v>6.6193853427895979E-2</v>
      </c>
      <c r="N808" s="11">
        <v>-17</v>
      </c>
      <c r="O808" s="13">
        <v>-3.6324786324786328E-2</v>
      </c>
      <c r="P808" s="7">
        <v>650</v>
      </c>
      <c r="Q808" s="7">
        <v>624</v>
      </c>
      <c r="R808" s="7">
        <v>599</v>
      </c>
      <c r="S808" s="7">
        <v>589</v>
      </c>
      <c r="T808" s="7">
        <v>561</v>
      </c>
      <c r="U808" s="7">
        <v>530</v>
      </c>
      <c r="V808" s="7">
        <v>468</v>
      </c>
      <c r="W808" s="7">
        <v>469</v>
      </c>
      <c r="X808" s="7">
        <v>453</v>
      </c>
      <c r="Y808" s="7">
        <v>423</v>
      </c>
      <c r="Z808" s="7">
        <v>427</v>
      </c>
      <c r="AA808" s="7">
        <v>424</v>
      </c>
      <c r="AB808" s="7">
        <v>425</v>
      </c>
      <c r="AC808" s="7">
        <v>431</v>
      </c>
      <c r="AD808" s="7">
        <v>453</v>
      </c>
      <c r="AE808" s="7">
        <v>447</v>
      </c>
      <c r="AF808" s="7">
        <v>451</v>
      </c>
      <c r="AG808" s="9">
        <v>6554</v>
      </c>
      <c r="AH808" s="13">
        <v>0.3120358027042468</v>
      </c>
      <c r="AI808" s="9">
        <v>2221</v>
      </c>
      <c r="AJ808" s="13">
        <v>0.10574176347362409</v>
      </c>
      <c r="AK808" s="9">
        <v>2072</v>
      </c>
      <c r="AL808" s="13">
        <v>8.9214208826695354E-2</v>
      </c>
      <c r="AM808" s="9">
        <v>2261</v>
      </c>
      <c r="AN808" s="13">
        <v>8.9378187136814641E-2</v>
      </c>
      <c r="AO808" s="9">
        <v>4333</v>
      </c>
      <c r="AP808" s="13">
        <v>0.18656620021528525</v>
      </c>
      <c r="AQ808" s="9">
        <v>21004</v>
      </c>
      <c r="AR808" s="9">
        <v>23154</v>
      </c>
      <c r="AS808" s="9">
        <v>23549</v>
      </c>
      <c r="AT808" s="9">
        <v>23940</v>
      </c>
      <c r="AU808" s="9">
        <v>23809</v>
      </c>
      <c r="AV808" s="9">
        <v>23458</v>
      </c>
      <c r="AW808" s="9">
        <v>23225</v>
      </c>
      <c r="AX808" s="9">
        <v>23813</v>
      </c>
      <c r="AY808" s="9">
        <v>24579</v>
      </c>
      <c r="AZ808" s="9">
        <v>25297</v>
      </c>
      <c r="BA808" s="9">
        <v>23981</v>
      </c>
      <c r="BB808" s="9">
        <v>24826</v>
      </c>
      <c r="BC808" s="9">
        <v>25616</v>
      </c>
      <c r="BD808" s="9">
        <v>26003</v>
      </c>
      <c r="BE808" s="9">
        <v>26670</v>
      </c>
      <c r="BF808" s="9">
        <v>27558</v>
      </c>
      <c r="BG808" s="11">
        <v>-10</v>
      </c>
      <c r="BH808" s="13">
        <v>-0.21739130434782608</v>
      </c>
      <c r="BI808" s="6">
        <v>-6</v>
      </c>
      <c r="BJ808" s="13">
        <v>-0.13043478260869565</v>
      </c>
      <c r="BK808" s="6">
        <v>-2</v>
      </c>
      <c r="BL808" s="13">
        <v>-0.05</v>
      </c>
      <c r="BM808" s="11">
        <v>-2</v>
      </c>
      <c r="BN808" s="13">
        <v>-5.2631578947368418E-2</v>
      </c>
      <c r="BO808" s="11">
        <v>-4</v>
      </c>
      <c r="BP808" s="13">
        <v>-0.1</v>
      </c>
      <c r="BQ808" s="6">
        <v>46</v>
      </c>
      <c r="BR808" s="6">
        <v>43</v>
      </c>
      <c r="BS808" s="6">
        <v>41</v>
      </c>
      <c r="BT808" s="6">
        <v>40</v>
      </c>
      <c r="BU808" s="6">
        <v>42</v>
      </c>
      <c r="BV808" s="6">
        <v>42</v>
      </c>
      <c r="BW808" s="6">
        <v>38</v>
      </c>
      <c r="BX808" s="6">
        <v>37</v>
      </c>
      <c r="BY808" s="6">
        <v>36</v>
      </c>
      <c r="BZ808" s="6">
        <v>36</v>
      </c>
      <c r="CA808" s="6">
        <v>37</v>
      </c>
      <c r="CB808" s="6">
        <v>37</v>
      </c>
      <c r="CC808" s="11">
        <v>36</v>
      </c>
      <c r="CD808" s="11">
        <v>-228</v>
      </c>
      <c r="CE808" s="11">
        <v>-42</v>
      </c>
      <c r="CF808" s="11">
        <v>71</v>
      </c>
      <c r="CG808" s="11">
        <v>29</v>
      </c>
      <c r="CH808" s="20">
        <v>1.34</v>
      </c>
      <c r="CI808" s="20">
        <v>1.31</v>
      </c>
      <c r="CJ808" s="20">
        <v>1.31</v>
      </c>
      <c r="CK808" s="20">
        <v>1.3</v>
      </c>
      <c r="CL808" s="20">
        <v>1.21</v>
      </c>
      <c r="CM808" s="20">
        <v>1.17</v>
      </c>
      <c r="CN808" s="20">
        <v>1.04</v>
      </c>
      <c r="CO808" s="20">
        <v>0.93</v>
      </c>
      <c r="CP808" s="20">
        <v>1.05</v>
      </c>
      <c r="CQ808" s="20">
        <v>0.98</v>
      </c>
      <c r="CR808" s="20">
        <v>0.97</v>
      </c>
      <c r="CS808" s="20">
        <v>0.97</v>
      </c>
      <c r="CT808" s="20">
        <v>0.99</v>
      </c>
      <c r="CU808" s="20">
        <v>1</v>
      </c>
      <c r="CV808" s="20">
        <v>1.04</v>
      </c>
      <c r="CW808" s="20">
        <v>1.04</v>
      </c>
      <c r="CX808" s="20">
        <v>1.05</v>
      </c>
      <c r="CY808" s="6" t="s">
        <v>518</v>
      </c>
      <c r="CZ808" s="6" t="s">
        <v>519</v>
      </c>
      <c r="DA808" s="6" t="s">
        <v>95</v>
      </c>
      <c r="DB808" s="6"/>
      <c r="DC808" s="6"/>
      <c r="DD808" s="6"/>
      <c r="DE808" s="6"/>
      <c r="DF808" s="6"/>
      <c r="DG808" s="6"/>
      <c r="DH808" s="6" t="s">
        <v>333</v>
      </c>
      <c r="DI808" s="6"/>
      <c r="DJ808" s="6"/>
      <c r="DK808" s="6"/>
      <c r="DL808" s="6">
        <v>11</v>
      </c>
      <c r="DM808" s="6" t="s">
        <v>520</v>
      </c>
      <c r="DN808" s="6">
        <v>7</v>
      </c>
      <c r="DO808" s="6" t="s">
        <v>369</v>
      </c>
      <c r="DP808" s="6"/>
      <c r="DQ808" s="6"/>
    </row>
    <row r="809" spans="1:121" x14ac:dyDescent="0.2">
      <c r="A809" s="6" t="s">
        <v>794</v>
      </c>
      <c r="B809" s="6" t="s">
        <v>181</v>
      </c>
      <c r="C809" s="6" t="s">
        <v>182</v>
      </c>
      <c r="D809" s="6" t="s">
        <v>95</v>
      </c>
      <c r="E809" s="6" t="s">
        <v>236</v>
      </c>
      <c r="F809" s="11">
        <v>11</v>
      </c>
      <c r="G809" s="13">
        <v>0.134146341463</v>
      </c>
      <c r="H809" s="11">
        <v>-16.544164041499997</v>
      </c>
      <c r="I809" s="13">
        <v>-0.2024748315651044</v>
      </c>
      <c r="J809" s="11">
        <v>-2.3479179795999983</v>
      </c>
      <c r="K809" s="13">
        <v>-3.6030039875633565E-2</v>
      </c>
      <c r="L809" s="11">
        <v>30.387957859899998</v>
      </c>
      <c r="M809" s="13">
        <v>0.48374872835842642</v>
      </c>
      <c r="N809" s="11">
        <v>28.0400398803</v>
      </c>
      <c r="O809" s="13">
        <v>0.43028920251025166</v>
      </c>
      <c r="P809" s="7">
        <v>81.709731098999995</v>
      </c>
      <c r="Q809" s="7">
        <v>73.109105884100003</v>
      </c>
      <c r="R809" s="7">
        <v>60.804207923600003</v>
      </c>
      <c r="S809" s="7">
        <v>54.4230843952</v>
      </c>
      <c r="T809" s="7">
        <v>53.967655560700003</v>
      </c>
      <c r="U809" s="7">
        <v>49.812821575999997</v>
      </c>
      <c r="V809" s="7">
        <v>65.165567057499999</v>
      </c>
      <c r="W809" s="7">
        <v>83.8018033731</v>
      </c>
      <c r="X809" s="7">
        <v>69.015223701899998</v>
      </c>
      <c r="Y809" s="7">
        <v>62.817649077900001</v>
      </c>
      <c r="Z809" s="7">
        <v>65.117258339700001</v>
      </c>
      <c r="AA809" s="7">
        <v>74.117599556499997</v>
      </c>
      <c r="AB809" s="7">
        <v>91.1533074476</v>
      </c>
      <c r="AC809" s="7">
        <v>86.477188374899995</v>
      </c>
      <c r="AD809" s="7">
        <v>89.295037854499995</v>
      </c>
      <c r="AE809" s="7">
        <v>89.3679489684</v>
      </c>
      <c r="AF809" s="7">
        <v>93.205606937799999</v>
      </c>
      <c r="AG809" s="9">
        <v>6625.9020892999979</v>
      </c>
      <c r="AH809" s="13">
        <v>0.22568975564483329</v>
      </c>
      <c r="AI809" s="9">
        <v>18044.304814299998</v>
      </c>
      <c r="AJ809" s="13">
        <v>0.61462042291519747</v>
      </c>
      <c r="AK809" s="9">
        <v>2327.2725810999982</v>
      </c>
      <c r="AL809" s="13">
        <v>4.9095721160245361E-2</v>
      </c>
      <c r="AM809" s="9">
        <v>-13745.675306099998</v>
      </c>
      <c r="AN809" s="13">
        <v>-0.27640592997684871</v>
      </c>
      <c r="AO809" s="9">
        <v>-11418.402725</v>
      </c>
      <c r="AP809" s="13">
        <v>-0.24088055728178503</v>
      </c>
      <c r="AQ809" s="9">
        <v>29358.453024900002</v>
      </c>
      <c r="AR809" s="9">
        <v>36762.791509299997</v>
      </c>
      <c r="AS809" s="9">
        <v>41536.632843300002</v>
      </c>
      <c r="AT809" s="9">
        <v>44685.563414199998</v>
      </c>
      <c r="AU809" s="9">
        <v>41916.544178900003</v>
      </c>
      <c r="AV809" s="9">
        <v>46296.695213500003</v>
      </c>
      <c r="AW809" s="9">
        <v>47402.7578392</v>
      </c>
      <c r="AX809" s="9">
        <v>44302.4131739</v>
      </c>
      <c r="AY809" s="9">
        <v>51305.4070278</v>
      </c>
      <c r="AZ809" s="9">
        <v>49730.030420299998</v>
      </c>
      <c r="BA809" s="9">
        <v>51598.228449499999</v>
      </c>
      <c r="BB809" s="9">
        <v>43850.435773199999</v>
      </c>
      <c r="BC809" s="9">
        <v>38274.936665599998</v>
      </c>
      <c r="BD809" s="9">
        <v>37661.080868800003</v>
      </c>
      <c r="BE809" s="9">
        <v>34878.709148800001</v>
      </c>
      <c r="BF809" s="9">
        <v>35984.3551142</v>
      </c>
      <c r="BG809" s="11">
        <v>7</v>
      </c>
      <c r="BH809" s="13">
        <v>1.75</v>
      </c>
      <c r="BI809" s="6">
        <v>4</v>
      </c>
      <c r="BJ809" s="13">
        <v>1</v>
      </c>
      <c r="BK809" s="6">
        <v>0</v>
      </c>
      <c r="BL809" s="13">
        <v>0</v>
      </c>
      <c r="BM809" s="11">
        <v>3</v>
      </c>
      <c r="BN809" s="13">
        <v>0.375</v>
      </c>
      <c r="BO809" s="11">
        <v>3</v>
      </c>
      <c r="BP809" s="13">
        <v>0.375</v>
      </c>
      <c r="BQ809" s="6">
        <v>4</v>
      </c>
      <c r="BR809" s="6">
        <v>8</v>
      </c>
      <c r="BS809" s="6">
        <v>7</v>
      </c>
      <c r="BT809" s="6">
        <v>8</v>
      </c>
      <c r="BU809" s="6">
        <v>8</v>
      </c>
      <c r="BV809" s="6">
        <v>8</v>
      </c>
      <c r="BW809" s="6">
        <v>8</v>
      </c>
      <c r="BX809" s="6">
        <v>7</v>
      </c>
      <c r="BY809" s="6">
        <v>9</v>
      </c>
      <c r="BZ809" s="6">
        <v>11</v>
      </c>
      <c r="CA809" s="6">
        <v>9</v>
      </c>
      <c r="CB809" s="6">
        <v>11</v>
      </c>
      <c r="CC809" s="11">
        <v>11</v>
      </c>
      <c r="CD809" s="11">
        <v>-2.5861800000000001</v>
      </c>
      <c r="CE809" s="11">
        <v>5.1501999999999999</v>
      </c>
      <c r="CF809" s="11">
        <v>8.9318600000000004</v>
      </c>
      <c r="CG809" s="11">
        <v>14</v>
      </c>
      <c r="CH809" s="20">
        <v>0.57043999999999995</v>
      </c>
      <c r="CI809" s="20">
        <v>0.534694</v>
      </c>
      <c r="CJ809" s="20">
        <v>0.46040999999999999</v>
      </c>
      <c r="CK809" s="20">
        <v>0.41328599999999999</v>
      </c>
      <c r="CL809" s="20">
        <v>0.39383699999999999</v>
      </c>
      <c r="CM809" s="20">
        <v>0.36662499999999998</v>
      </c>
      <c r="CN809" s="20">
        <v>0.47831200000000001</v>
      </c>
      <c r="CO809" s="20">
        <v>0.54509700000000005</v>
      </c>
      <c r="CP809" s="20">
        <v>0.53178899999999996</v>
      </c>
      <c r="CQ809" s="20">
        <v>0.48673300000000003</v>
      </c>
      <c r="CR809" s="20">
        <v>0.48427700000000001</v>
      </c>
      <c r="CS809" s="20">
        <v>0.54958399999999996</v>
      </c>
      <c r="CT809" s="20">
        <v>0.68421100000000001</v>
      </c>
      <c r="CU809" s="20">
        <v>0.63774699999999995</v>
      </c>
      <c r="CV809" s="20">
        <v>0.632579</v>
      </c>
      <c r="CW809" s="20">
        <v>0.63290100000000005</v>
      </c>
      <c r="CX809" s="20">
        <v>0.65531600000000001</v>
      </c>
      <c r="CY809" s="6" t="s">
        <v>518</v>
      </c>
      <c r="CZ809" s="6" t="s">
        <v>519</v>
      </c>
      <c r="DA809" s="6" t="s">
        <v>95</v>
      </c>
      <c r="DB809" s="6"/>
      <c r="DC809" s="6"/>
      <c r="DD809" s="6"/>
      <c r="DE809" s="6"/>
      <c r="DF809" s="6"/>
      <c r="DG809" s="6"/>
      <c r="DH809" s="6" t="s">
        <v>333</v>
      </c>
      <c r="DI809" s="6"/>
      <c r="DJ809" s="6"/>
      <c r="DK809" s="6"/>
      <c r="DL809" s="6">
        <v>11</v>
      </c>
      <c r="DM809" s="6" t="s">
        <v>520</v>
      </c>
      <c r="DN809" s="6">
        <v>7</v>
      </c>
      <c r="DO809" s="6" t="s">
        <v>369</v>
      </c>
      <c r="DP809" s="6"/>
      <c r="DQ809" s="6"/>
    </row>
    <row r="810" spans="1:121" x14ac:dyDescent="0.2">
      <c r="A810" s="6" t="s">
        <v>314</v>
      </c>
      <c r="B810" s="6" t="s">
        <v>314</v>
      </c>
      <c r="C810" s="6" t="s">
        <v>183</v>
      </c>
      <c r="D810" s="6" t="s">
        <v>95</v>
      </c>
      <c r="E810" s="6" t="s">
        <v>236</v>
      </c>
      <c r="F810" s="11">
        <v>-44</v>
      </c>
      <c r="G810" s="13">
        <v>-0.47826086956500002</v>
      </c>
      <c r="H810" s="11">
        <v>-46.114563915600002</v>
      </c>
      <c r="I810" s="13">
        <v>-0.49999221424689544</v>
      </c>
      <c r="J810" s="11">
        <v>4.542934960300002</v>
      </c>
      <c r="K810" s="13">
        <v>9.8511036342823974E-2</v>
      </c>
      <c r="L810" s="11">
        <v>-2.8938129603000036</v>
      </c>
      <c r="M810" s="13">
        <v>-5.7123446391965906E-2</v>
      </c>
      <c r="N810" s="11">
        <v>1.6491219999999984</v>
      </c>
      <c r="O810" s="13">
        <v>3.576030004731176E-2</v>
      </c>
      <c r="P810" s="7">
        <v>92.230564000000001</v>
      </c>
      <c r="Q810" s="7">
        <v>91.546673324699995</v>
      </c>
      <c r="R810" s="7">
        <v>51.184764580699998</v>
      </c>
      <c r="S810" s="7">
        <v>51.364211143399999</v>
      </c>
      <c r="T810" s="7">
        <v>44.634424616899999</v>
      </c>
      <c r="U810" s="7">
        <v>44.134669868899998</v>
      </c>
      <c r="V810" s="7">
        <v>46.1160000844</v>
      </c>
      <c r="W810" s="7">
        <v>48.915735312400002</v>
      </c>
      <c r="X810" s="7">
        <v>47.095753408599997</v>
      </c>
      <c r="Y810" s="7">
        <v>50.658935044700002</v>
      </c>
      <c r="Z810" s="7">
        <v>60.222999531299997</v>
      </c>
      <c r="AA810" s="7">
        <v>54.335446487500001</v>
      </c>
      <c r="AB810" s="7">
        <v>56.794618860500002</v>
      </c>
      <c r="AC810" s="7">
        <v>54.004233994899998</v>
      </c>
      <c r="AD810" s="7">
        <v>53.186639367799998</v>
      </c>
      <c r="AE810" s="7">
        <v>48.488110467799999</v>
      </c>
      <c r="AF810" s="7">
        <v>47.765122084399998</v>
      </c>
      <c r="AG810" s="9">
        <v>14190.184569099998</v>
      </c>
      <c r="AH810" s="13">
        <v>0.73361760692239164</v>
      </c>
      <c r="AI810" s="9">
        <v>8297.7847325000002</v>
      </c>
      <c r="AJ810" s="13">
        <v>0.42898673717532176</v>
      </c>
      <c r="AK810" s="9">
        <v>-2048.5473285000007</v>
      </c>
      <c r="AL810" s="13">
        <v>-7.4113872447724091E-2</v>
      </c>
      <c r="AM810" s="9">
        <v>7940.9471650999985</v>
      </c>
      <c r="AN810" s="13">
        <v>0.31029032403242729</v>
      </c>
      <c r="AO810" s="9">
        <v>5892.3998365999978</v>
      </c>
      <c r="AP810" s="13">
        <v>0.21317963408760093</v>
      </c>
      <c r="AQ810" s="9">
        <v>19342.7535479</v>
      </c>
      <c r="AR810" s="9">
        <v>19915.868877199999</v>
      </c>
      <c r="AS810" s="9">
        <v>28756.233384700001</v>
      </c>
      <c r="AT810" s="9">
        <v>29571.0454928</v>
      </c>
      <c r="AU810" s="9">
        <v>27731.582438000001</v>
      </c>
      <c r="AV810" s="9">
        <v>28005.248935600001</v>
      </c>
      <c r="AW810" s="9">
        <v>27640.5382804</v>
      </c>
      <c r="AX810" s="9">
        <v>27451.261984699999</v>
      </c>
      <c r="AY810" s="9">
        <v>29127.5948489</v>
      </c>
      <c r="AZ810" s="9">
        <v>25591.990951899999</v>
      </c>
      <c r="BA810" s="9">
        <v>23412.101100799999</v>
      </c>
      <c r="BB810" s="9">
        <v>39913.594917299997</v>
      </c>
      <c r="BC810" s="9">
        <v>26068.0794824</v>
      </c>
      <c r="BD810" s="9">
        <v>28018.816375900002</v>
      </c>
      <c r="BE810" s="9">
        <v>30236.2493569</v>
      </c>
      <c r="BF810" s="9">
        <v>33532.938116999998</v>
      </c>
      <c r="BG810" s="11">
        <v>-0.5</v>
      </c>
      <c r="BH810" s="13">
        <v>-6.25E-2</v>
      </c>
      <c r="BI810" s="6">
        <v>-2</v>
      </c>
      <c r="BJ810" s="13">
        <v>-0.25</v>
      </c>
      <c r="BK810" s="6">
        <v>0</v>
      </c>
      <c r="BL810" s="13">
        <v>0</v>
      </c>
      <c r="BM810" s="11">
        <v>1.5</v>
      </c>
      <c r="BN810" s="13">
        <v>0.25</v>
      </c>
      <c r="BO810" s="11">
        <v>1.5</v>
      </c>
      <c r="BP810" s="13">
        <v>0.25</v>
      </c>
      <c r="BQ810" s="6">
        <v>8</v>
      </c>
      <c r="BR810" s="6">
        <v>7</v>
      </c>
      <c r="BS810" s="6">
        <v>8</v>
      </c>
      <c r="BT810" s="6">
        <v>6</v>
      </c>
      <c r="BU810" s="6">
        <v>6</v>
      </c>
      <c r="BV810" s="6">
        <v>7</v>
      </c>
      <c r="BW810" s="6">
        <v>6</v>
      </c>
      <c r="BX810" s="6">
        <v>6</v>
      </c>
      <c r="BY810" s="6">
        <v>6</v>
      </c>
      <c r="BZ810" s="6">
        <v>7</v>
      </c>
      <c r="CA810" s="6">
        <v>7</v>
      </c>
      <c r="CB810" s="6">
        <v>7</v>
      </c>
      <c r="CC810" s="11">
        <v>7.5</v>
      </c>
      <c r="CD810" s="11">
        <v>-26.297999999999998</v>
      </c>
      <c r="CE810" s="11">
        <v>-28.249300000000002</v>
      </c>
      <c r="CF810" s="11">
        <v>10.081899999999999</v>
      </c>
      <c r="CG810" s="11">
        <v>-18</v>
      </c>
      <c r="CH810" s="20">
        <v>0.81765699999999997</v>
      </c>
      <c r="CI810" s="20">
        <v>0.87421599999999999</v>
      </c>
      <c r="CJ810" s="20">
        <v>0.52840100000000001</v>
      </c>
      <c r="CK810" s="20">
        <v>0.55428500000000003</v>
      </c>
      <c r="CL810" s="20">
        <v>0.48041800000000001</v>
      </c>
      <c r="CM810" s="20">
        <v>0.49337900000000001</v>
      </c>
      <c r="CN810" s="20">
        <v>0.52589200000000003</v>
      </c>
      <c r="CO810" s="20">
        <v>0.49863299999999999</v>
      </c>
      <c r="CP810" s="20">
        <v>0.56601299999999999</v>
      </c>
      <c r="CQ810" s="20">
        <v>0.62798399999999999</v>
      </c>
      <c r="CR810" s="20">
        <v>0.74321499999999996</v>
      </c>
      <c r="CS810" s="20">
        <v>0.68208000000000002</v>
      </c>
      <c r="CT810" s="20">
        <v>0.72920200000000002</v>
      </c>
      <c r="CU810" s="20">
        <v>0.69586000000000003</v>
      </c>
      <c r="CV810" s="20">
        <v>0.68236200000000002</v>
      </c>
      <c r="CW810" s="20">
        <v>0.62866999999999995</v>
      </c>
      <c r="CX810" s="20">
        <v>0.62259600000000004</v>
      </c>
      <c r="CY810" s="6" t="s">
        <v>518</v>
      </c>
      <c r="CZ810" s="6" t="s">
        <v>519</v>
      </c>
      <c r="DA810" s="6" t="s">
        <v>95</v>
      </c>
      <c r="DB810" s="6"/>
      <c r="DC810" s="6"/>
      <c r="DD810" s="6"/>
      <c r="DE810" s="6"/>
      <c r="DF810" s="6"/>
      <c r="DG810" s="6"/>
      <c r="DH810" s="6" t="s">
        <v>333</v>
      </c>
      <c r="DI810" s="6"/>
      <c r="DJ810" s="6"/>
      <c r="DK810" s="6"/>
      <c r="DL810" s="6">
        <v>11</v>
      </c>
      <c r="DM810" s="6" t="s">
        <v>520</v>
      </c>
      <c r="DN810" s="6">
        <v>7</v>
      </c>
      <c r="DO810" s="6" t="s">
        <v>369</v>
      </c>
      <c r="DP810" s="6"/>
      <c r="DQ810" s="6"/>
    </row>
    <row r="811" spans="1:121" x14ac:dyDescent="0.2">
      <c r="A811" s="6" t="s">
        <v>315</v>
      </c>
      <c r="B811" s="6" t="s">
        <v>315</v>
      </c>
      <c r="C811" s="6" t="s">
        <v>184</v>
      </c>
      <c r="D811" s="6" t="s">
        <v>95</v>
      </c>
      <c r="E811" s="6" t="s">
        <v>236</v>
      </c>
      <c r="F811" s="11">
        <v>-9</v>
      </c>
      <c r="G811" s="13">
        <v>-0.1</v>
      </c>
      <c r="H811" s="11">
        <v>2</v>
      </c>
      <c r="I811" s="13">
        <v>2.2222222222222223E-2</v>
      </c>
      <c r="J811" s="11">
        <v>-3</v>
      </c>
      <c r="K811" s="13">
        <v>-3.2608695652173912E-2</v>
      </c>
      <c r="L811" s="11">
        <v>-8</v>
      </c>
      <c r="M811" s="13">
        <v>-8.98876404494382E-2</v>
      </c>
      <c r="N811" s="11">
        <v>-11</v>
      </c>
      <c r="O811" s="13">
        <v>-0.11956521739130437</v>
      </c>
      <c r="P811" s="7">
        <v>90</v>
      </c>
      <c r="Q811" s="7">
        <v>96</v>
      </c>
      <c r="R811" s="7">
        <v>97</v>
      </c>
      <c r="S811" s="7">
        <v>93</v>
      </c>
      <c r="T811" s="7">
        <v>92</v>
      </c>
      <c r="U811" s="7">
        <v>92</v>
      </c>
      <c r="V811" s="7">
        <v>92</v>
      </c>
      <c r="W811" s="7">
        <v>92</v>
      </c>
      <c r="X811" s="7">
        <v>94</v>
      </c>
      <c r="Y811" s="7">
        <v>89</v>
      </c>
      <c r="Z811" s="7">
        <v>89</v>
      </c>
      <c r="AA811" s="7">
        <v>90</v>
      </c>
      <c r="AB811" s="7">
        <v>92</v>
      </c>
      <c r="AC811" s="7">
        <v>86</v>
      </c>
      <c r="AD811" s="7">
        <v>83</v>
      </c>
      <c r="AE811" s="7">
        <v>83</v>
      </c>
      <c r="AF811" s="7">
        <v>81</v>
      </c>
      <c r="AG811" s="9">
        <v>31280</v>
      </c>
      <c r="AH811" s="13">
        <v>0.92064987049682123</v>
      </c>
      <c r="AI811" s="9">
        <v>9642</v>
      </c>
      <c r="AJ811" s="13">
        <v>0.28378855662820812</v>
      </c>
      <c r="AK811" s="9">
        <v>4750</v>
      </c>
      <c r="AL811" s="13">
        <v>0.10889999541473704</v>
      </c>
      <c r="AM811" s="9">
        <v>16888</v>
      </c>
      <c r="AN811" s="13">
        <v>0.34915646708567649</v>
      </c>
      <c r="AO811" s="9">
        <v>21638</v>
      </c>
      <c r="AP811" s="13">
        <v>0.49607960016506947</v>
      </c>
      <c r="AQ811" s="9">
        <v>33976</v>
      </c>
      <c r="AR811" s="9">
        <v>32634</v>
      </c>
      <c r="AS811" s="9">
        <v>32707</v>
      </c>
      <c r="AT811" s="9">
        <v>34753</v>
      </c>
      <c r="AU811" s="9">
        <v>40524</v>
      </c>
      <c r="AV811" s="9">
        <v>41847</v>
      </c>
      <c r="AW811" s="9">
        <v>43618</v>
      </c>
      <c r="AX811" s="9">
        <v>46127</v>
      </c>
      <c r="AY811" s="9">
        <v>46146</v>
      </c>
      <c r="AZ811" s="9">
        <v>48368</v>
      </c>
      <c r="BA811" s="9">
        <v>51761</v>
      </c>
      <c r="BB811" s="9">
        <v>54601</v>
      </c>
      <c r="BC811" s="9">
        <v>56212</v>
      </c>
      <c r="BD811" s="9">
        <v>56178</v>
      </c>
      <c r="BE811" s="9">
        <v>62408</v>
      </c>
      <c r="BF811" s="9">
        <v>65256</v>
      </c>
      <c r="BG811" s="11">
        <v>1</v>
      </c>
      <c r="BH811" s="13">
        <v>5.5555555555555552E-2</v>
      </c>
      <c r="BI811" s="6">
        <v>1</v>
      </c>
      <c r="BJ811" s="13">
        <v>5.5555555555555552E-2</v>
      </c>
      <c r="BK811" s="6">
        <v>-1</v>
      </c>
      <c r="BL811" s="13">
        <v>-5.2631578947368418E-2</v>
      </c>
      <c r="BM811" s="11">
        <v>1</v>
      </c>
      <c r="BN811" s="13">
        <v>5.5555555555555552E-2</v>
      </c>
      <c r="BO811" s="11">
        <v>0</v>
      </c>
      <c r="BP811" s="13">
        <v>0</v>
      </c>
      <c r="BQ811" s="6">
        <v>18</v>
      </c>
      <c r="BR811" s="6">
        <v>17</v>
      </c>
      <c r="BS811" s="6">
        <v>18</v>
      </c>
      <c r="BT811" s="6">
        <v>19</v>
      </c>
      <c r="BU811" s="6">
        <v>18</v>
      </c>
      <c r="BV811" s="6">
        <v>18</v>
      </c>
      <c r="BW811" s="6">
        <v>18</v>
      </c>
      <c r="BX811" s="6">
        <v>19</v>
      </c>
      <c r="BY811" s="6">
        <v>19</v>
      </c>
      <c r="BZ811" s="6">
        <v>19</v>
      </c>
      <c r="CA811" s="6">
        <v>20</v>
      </c>
      <c r="CB811" s="6">
        <v>19</v>
      </c>
      <c r="CC811" s="11">
        <v>19</v>
      </c>
      <c r="CD811" s="11">
        <v>-12</v>
      </c>
      <c r="CE811" s="11">
        <v>-7</v>
      </c>
      <c r="CF811" s="11">
        <v>10</v>
      </c>
      <c r="CG811" s="11">
        <v>3</v>
      </c>
      <c r="CH811" s="20">
        <v>0.49</v>
      </c>
      <c r="CI811" s="20">
        <v>0.53</v>
      </c>
      <c r="CJ811" s="20">
        <v>0.54</v>
      </c>
      <c r="CK811" s="20">
        <v>0.53</v>
      </c>
      <c r="CL811" s="20">
        <v>0.51</v>
      </c>
      <c r="CM811" s="20">
        <v>0.51</v>
      </c>
      <c r="CN811" s="20">
        <v>0.53</v>
      </c>
      <c r="CO811" s="20">
        <v>0.47</v>
      </c>
      <c r="CP811" s="20">
        <v>0.56000000000000005</v>
      </c>
      <c r="CQ811" s="20">
        <v>0.54</v>
      </c>
      <c r="CR811" s="20">
        <v>0.53</v>
      </c>
      <c r="CS811" s="20">
        <v>0.54</v>
      </c>
      <c r="CT811" s="20">
        <v>0.56000000000000005</v>
      </c>
      <c r="CU811" s="20">
        <v>0.54</v>
      </c>
      <c r="CV811" s="20">
        <v>0.51</v>
      </c>
      <c r="CW811" s="20">
        <v>0.52</v>
      </c>
      <c r="CX811" s="20">
        <v>0.51</v>
      </c>
      <c r="CY811" s="6" t="s">
        <v>518</v>
      </c>
      <c r="CZ811" s="6" t="s">
        <v>519</v>
      </c>
      <c r="DA811" s="6" t="s">
        <v>95</v>
      </c>
      <c r="DB811" s="6"/>
      <c r="DC811" s="6"/>
      <c r="DD811" s="6"/>
      <c r="DE811" s="6"/>
      <c r="DF811" s="6"/>
      <c r="DG811" s="6"/>
      <c r="DH811" s="6" t="s">
        <v>333</v>
      </c>
      <c r="DI811" s="6"/>
      <c r="DJ811" s="6"/>
      <c r="DK811" s="6"/>
      <c r="DL811" s="6">
        <v>11</v>
      </c>
      <c r="DM811" s="6" t="s">
        <v>520</v>
      </c>
      <c r="DN811" s="6">
        <v>7</v>
      </c>
      <c r="DO811" s="6" t="s">
        <v>369</v>
      </c>
      <c r="DP811" s="6"/>
      <c r="DQ811" s="6"/>
    </row>
    <row r="812" spans="1:121" x14ac:dyDescent="0.2">
      <c r="A812" s="6" t="s">
        <v>316</v>
      </c>
      <c r="B812" s="6" t="s">
        <v>316</v>
      </c>
      <c r="C812" s="6" t="s">
        <v>185</v>
      </c>
      <c r="D812" s="6" t="s">
        <v>95</v>
      </c>
      <c r="E812" s="6" t="s">
        <v>236</v>
      </c>
      <c r="F812" s="11">
        <v>-3</v>
      </c>
      <c r="G812" s="13">
        <v>-0.09</v>
      </c>
      <c r="H812" s="11">
        <v>-3</v>
      </c>
      <c r="I812" s="13">
        <v>-9.375E-2</v>
      </c>
      <c r="J812" s="11">
        <v>-2</v>
      </c>
      <c r="K812" s="13">
        <v>-6.8965517241379309E-2</v>
      </c>
      <c r="L812" s="11">
        <v>2</v>
      </c>
      <c r="M812" s="13">
        <v>7.407407407407407E-2</v>
      </c>
      <c r="N812" s="11">
        <v>0</v>
      </c>
      <c r="O812" s="13">
        <v>0</v>
      </c>
      <c r="P812" s="7">
        <v>32</v>
      </c>
      <c r="Q812" s="7">
        <v>30</v>
      </c>
      <c r="R812" s="7">
        <v>27</v>
      </c>
      <c r="S812" s="7">
        <v>30</v>
      </c>
      <c r="T812" s="7">
        <v>34</v>
      </c>
      <c r="U812" s="7">
        <v>29</v>
      </c>
      <c r="V812" s="7">
        <v>29</v>
      </c>
      <c r="W812" s="7">
        <v>30</v>
      </c>
      <c r="X812" s="7">
        <v>28</v>
      </c>
      <c r="Y812" s="7">
        <v>27</v>
      </c>
      <c r="Z812" s="7">
        <v>32</v>
      </c>
      <c r="AA812" s="7">
        <v>35</v>
      </c>
      <c r="AB812" s="7">
        <v>29</v>
      </c>
      <c r="AC812" s="7">
        <v>31</v>
      </c>
      <c r="AD812" s="7">
        <v>33</v>
      </c>
      <c r="AE812" s="7">
        <v>28</v>
      </c>
      <c r="AF812" s="7">
        <v>29</v>
      </c>
      <c r="AG812" s="9">
        <v>9228</v>
      </c>
      <c r="AH812" s="13">
        <v>0.58979930972772598</v>
      </c>
      <c r="AI812" s="9">
        <v>6200</v>
      </c>
      <c r="AJ812" s="13">
        <v>0.39626741659210024</v>
      </c>
      <c r="AK812" s="9">
        <v>-1739</v>
      </c>
      <c r="AL812" s="13">
        <v>-7.9602673258262382E-2</v>
      </c>
      <c r="AM812" s="9">
        <v>4767</v>
      </c>
      <c r="AN812" s="13">
        <v>0.23708161336847863</v>
      </c>
      <c r="AO812" s="9">
        <v>3028</v>
      </c>
      <c r="AP812" s="13">
        <v>0.13860660990570356</v>
      </c>
      <c r="AQ812" s="9">
        <v>15646</v>
      </c>
      <c r="AR812" s="9">
        <v>15885</v>
      </c>
      <c r="AS812" s="9">
        <v>17502</v>
      </c>
      <c r="AT812" s="9">
        <v>17777</v>
      </c>
      <c r="AU812" s="9">
        <v>19938</v>
      </c>
      <c r="AV812" s="9">
        <v>21291</v>
      </c>
      <c r="AW812" s="9">
        <v>21846</v>
      </c>
      <c r="AX812" s="9">
        <v>19511</v>
      </c>
      <c r="AY812" s="9">
        <v>20692</v>
      </c>
      <c r="AZ812" s="9">
        <v>20107</v>
      </c>
      <c r="BA812" s="9">
        <v>19663</v>
      </c>
      <c r="BB812" s="9">
        <v>19149</v>
      </c>
      <c r="BC812" s="9">
        <v>20796</v>
      </c>
      <c r="BD812" s="9">
        <v>24511</v>
      </c>
      <c r="BE812" s="9">
        <v>24092</v>
      </c>
      <c r="BF812" s="9">
        <v>24874</v>
      </c>
      <c r="BG812" s="11">
        <v>2</v>
      </c>
      <c r="BH812" s="13">
        <v>0.25</v>
      </c>
      <c r="BI812" s="6">
        <v>0</v>
      </c>
      <c r="BJ812" s="13">
        <v>0</v>
      </c>
      <c r="BK812" s="6">
        <v>2</v>
      </c>
      <c r="BL812" s="13">
        <v>0.25</v>
      </c>
      <c r="BM812" s="11">
        <v>0</v>
      </c>
      <c r="BN812" s="13">
        <v>0</v>
      </c>
      <c r="BO812" s="11">
        <v>2</v>
      </c>
      <c r="BP812" s="13">
        <v>0.25</v>
      </c>
      <c r="BQ812" s="6">
        <v>8</v>
      </c>
      <c r="BR812" s="6">
        <v>10</v>
      </c>
      <c r="BS812" s="6">
        <v>9</v>
      </c>
      <c r="BT812" s="6">
        <v>8</v>
      </c>
      <c r="BU812" s="6">
        <v>10</v>
      </c>
      <c r="BV812" s="6">
        <v>9</v>
      </c>
      <c r="BW812" s="6">
        <v>10</v>
      </c>
      <c r="BX812" s="6">
        <v>11</v>
      </c>
      <c r="BY812" s="6">
        <v>10</v>
      </c>
      <c r="BZ812" s="6">
        <v>10</v>
      </c>
      <c r="CA812" s="6">
        <v>10</v>
      </c>
      <c r="CB812" s="6">
        <v>10</v>
      </c>
      <c r="CC812" s="11">
        <v>10</v>
      </c>
      <c r="CD812" s="11">
        <v>-6</v>
      </c>
      <c r="CE812" s="11">
        <v>-2</v>
      </c>
      <c r="CF812" s="11">
        <v>4</v>
      </c>
      <c r="CG812" s="11">
        <v>2</v>
      </c>
      <c r="CH812" s="20">
        <v>0.43</v>
      </c>
      <c r="CI812" s="20">
        <v>0.41</v>
      </c>
      <c r="CJ812" s="20">
        <v>0.36</v>
      </c>
      <c r="CK812" s="20">
        <v>0.41</v>
      </c>
      <c r="CL812" s="20">
        <v>0.44</v>
      </c>
      <c r="CM812" s="20">
        <v>0.37</v>
      </c>
      <c r="CN812" s="20">
        <v>0.38</v>
      </c>
      <c r="CO812" s="20">
        <v>0.36</v>
      </c>
      <c r="CP812" s="20">
        <v>0.39</v>
      </c>
      <c r="CQ812" s="20">
        <v>0.4</v>
      </c>
      <c r="CR812" s="20">
        <v>0.46</v>
      </c>
      <c r="CS812" s="20">
        <v>0.51</v>
      </c>
      <c r="CT812" s="20">
        <v>0.43</v>
      </c>
      <c r="CU812" s="20">
        <v>0.46</v>
      </c>
      <c r="CV812" s="20">
        <v>0.48</v>
      </c>
      <c r="CW812" s="20">
        <v>0.42</v>
      </c>
      <c r="CX812" s="20">
        <v>0.42</v>
      </c>
      <c r="CY812" s="6" t="s">
        <v>518</v>
      </c>
      <c r="CZ812" s="6" t="s">
        <v>519</v>
      </c>
      <c r="DA812" s="6" t="s">
        <v>95</v>
      </c>
      <c r="DB812" s="6"/>
      <c r="DC812" s="6"/>
      <c r="DD812" s="6"/>
      <c r="DE812" s="6"/>
      <c r="DF812" s="6"/>
      <c r="DG812" s="6"/>
      <c r="DH812" s="6" t="s">
        <v>333</v>
      </c>
      <c r="DI812" s="6"/>
      <c r="DJ812" s="6"/>
      <c r="DK812" s="6"/>
      <c r="DL812" s="6">
        <v>11</v>
      </c>
      <c r="DM812" s="6" t="s">
        <v>520</v>
      </c>
      <c r="DN812" s="6">
        <v>7</v>
      </c>
      <c r="DO812" s="6" t="s">
        <v>369</v>
      </c>
      <c r="DP812" s="6"/>
      <c r="DQ812" s="6"/>
    </row>
    <row r="813" spans="1:121" x14ac:dyDescent="0.2">
      <c r="A813" s="6" t="s">
        <v>317</v>
      </c>
      <c r="B813" s="6" t="s">
        <v>317</v>
      </c>
      <c r="C813" s="6" t="s">
        <v>186</v>
      </c>
      <c r="D813" s="6" t="s">
        <v>95</v>
      </c>
      <c r="E813" s="6" t="s">
        <v>236</v>
      </c>
      <c r="F813" s="11">
        <v>15</v>
      </c>
      <c r="G813" s="13">
        <v>0.33</v>
      </c>
      <c r="H813" s="11">
        <v>-4</v>
      </c>
      <c r="I813" s="13">
        <v>-8.6956521739130432E-2</v>
      </c>
      <c r="J813" s="11">
        <v>0</v>
      </c>
      <c r="K813" s="13">
        <v>0</v>
      </c>
      <c r="L813" s="11">
        <v>19</v>
      </c>
      <c r="M813" s="13">
        <v>0.45238095238095238</v>
      </c>
      <c r="N813" s="11">
        <v>19</v>
      </c>
      <c r="O813" s="13">
        <v>0.45238095238095238</v>
      </c>
      <c r="P813" s="7">
        <v>46</v>
      </c>
      <c r="Q813" s="7">
        <v>51</v>
      </c>
      <c r="R813" s="7">
        <v>50</v>
      </c>
      <c r="S813" s="7">
        <v>48</v>
      </c>
      <c r="T813" s="7">
        <v>50</v>
      </c>
      <c r="U813" s="7">
        <v>40</v>
      </c>
      <c r="V813" s="7">
        <v>42</v>
      </c>
      <c r="W813" s="7">
        <v>39</v>
      </c>
      <c r="X813" s="7">
        <v>44</v>
      </c>
      <c r="Y813" s="7">
        <v>42</v>
      </c>
      <c r="Z813" s="7">
        <v>48</v>
      </c>
      <c r="AA813" s="7">
        <v>42</v>
      </c>
      <c r="AB813" s="7">
        <v>52</v>
      </c>
      <c r="AC813" s="7">
        <v>57</v>
      </c>
      <c r="AD813" s="7">
        <v>54</v>
      </c>
      <c r="AE813" s="7">
        <v>59</v>
      </c>
      <c r="AF813" s="7">
        <v>61</v>
      </c>
      <c r="AG813" s="9">
        <v>7548</v>
      </c>
      <c r="AH813" s="13">
        <v>0.32875996341304065</v>
      </c>
      <c r="AI813" s="9">
        <v>5111</v>
      </c>
      <c r="AJ813" s="13">
        <v>0.22261422535824732</v>
      </c>
      <c r="AK813" s="9">
        <v>3534</v>
      </c>
      <c r="AL813" s="13">
        <v>0.12589953687210545</v>
      </c>
      <c r="AM813" s="9">
        <v>-1097</v>
      </c>
      <c r="AN813" s="13">
        <v>-3.471079610175927E-2</v>
      </c>
      <c r="AO813" s="9">
        <v>2437</v>
      </c>
      <c r="AP813" s="13">
        <v>8.6818667616672604E-2</v>
      </c>
      <c r="AQ813" s="9">
        <v>22959</v>
      </c>
      <c r="AR813" s="9">
        <v>23819</v>
      </c>
      <c r="AS813" s="9">
        <v>24575</v>
      </c>
      <c r="AT813" s="9">
        <v>22450</v>
      </c>
      <c r="AU813" s="9">
        <v>24870</v>
      </c>
      <c r="AV813" s="9">
        <v>29672</v>
      </c>
      <c r="AW813" s="9">
        <v>28070</v>
      </c>
      <c r="AX813" s="9">
        <v>30176</v>
      </c>
      <c r="AY813" s="9">
        <v>30772</v>
      </c>
      <c r="AZ813" s="9">
        <v>31604</v>
      </c>
      <c r="BA813" s="9">
        <v>29894</v>
      </c>
      <c r="BB813" s="9">
        <v>32572</v>
      </c>
      <c r="BC813" s="9">
        <v>33185</v>
      </c>
      <c r="BD813" s="9">
        <v>32322</v>
      </c>
      <c r="BE813" s="9">
        <v>34489</v>
      </c>
      <c r="BF813" s="9">
        <v>30507</v>
      </c>
      <c r="BG813" s="11">
        <v>-1</v>
      </c>
      <c r="BH813" s="13">
        <v>-6.6666666666666666E-2</v>
      </c>
      <c r="BI813" s="6">
        <v>-1</v>
      </c>
      <c r="BJ813" s="13">
        <v>-6.6666666666666666E-2</v>
      </c>
      <c r="BK813" s="6">
        <v>-3</v>
      </c>
      <c r="BL813" s="13">
        <v>-0.21428571428571427</v>
      </c>
      <c r="BM813" s="11">
        <v>3</v>
      </c>
      <c r="BN813" s="13">
        <v>0.27272727272727271</v>
      </c>
      <c r="BO813" s="11">
        <v>0</v>
      </c>
      <c r="BP813" s="13">
        <v>0</v>
      </c>
      <c r="BQ813" s="6">
        <v>15</v>
      </c>
      <c r="BR813" s="6">
        <v>16</v>
      </c>
      <c r="BS813" s="6">
        <v>16</v>
      </c>
      <c r="BT813" s="6">
        <v>14</v>
      </c>
      <c r="BU813" s="6">
        <v>12</v>
      </c>
      <c r="BV813" s="6">
        <v>12</v>
      </c>
      <c r="BW813" s="6">
        <v>11</v>
      </c>
      <c r="BX813" s="6">
        <v>12</v>
      </c>
      <c r="BY813" s="6">
        <v>13</v>
      </c>
      <c r="BZ813" s="6">
        <v>15</v>
      </c>
      <c r="CA813" s="6">
        <v>13</v>
      </c>
      <c r="CB813" s="6">
        <v>12</v>
      </c>
      <c r="CC813" s="11">
        <v>14</v>
      </c>
      <c r="CD813" s="11">
        <v>2</v>
      </c>
      <c r="CE813" s="11">
        <v>9</v>
      </c>
      <c r="CF813" s="11">
        <v>5</v>
      </c>
      <c r="CG813" s="11">
        <v>14</v>
      </c>
      <c r="CH813" s="20">
        <v>0.19</v>
      </c>
      <c r="CI813" s="20">
        <v>0.22</v>
      </c>
      <c r="CJ813" s="20">
        <v>0.22</v>
      </c>
      <c r="CK813" s="20">
        <v>0.21</v>
      </c>
      <c r="CL813" s="20">
        <v>0.21</v>
      </c>
      <c r="CM813" s="20">
        <v>0.16</v>
      </c>
      <c r="CN813" s="20">
        <v>0.17</v>
      </c>
      <c r="CO813" s="20">
        <v>0.14000000000000001</v>
      </c>
      <c r="CP813" s="20">
        <v>0.18</v>
      </c>
      <c r="CQ813" s="20">
        <v>0.17</v>
      </c>
      <c r="CR813" s="20">
        <v>0.19</v>
      </c>
      <c r="CS813" s="20">
        <v>0.16</v>
      </c>
      <c r="CT813" s="20">
        <v>0.2</v>
      </c>
      <c r="CU813" s="20">
        <v>0.22</v>
      </c>
      <c r="CV813" s="20">
        <v>0.21</v>
      </c>
      <c r="CW813" s="20">
        <v>0.22</v>
      </c>
      <c r="CX813" s="20">
        <v>0.23</v>
      </c>
      <c r="CY813" s="6" t="s">
        <v>518</v>
      </c>
      <c r="CZ813" s="6" t="s">
        <v>519</v>
      </c>
      <c r="DA813" s="6" t="s">
        <v>95</v>
      </c>
      <c r="DB813" s="6"/>
      <c r="DC813" s="6"/>
      <c r="DD813" s="6"/>
      <c r="DE813" s="6"/>
      <c r="DF813" s="6"/>
      <c r="DG813" s="6"/>
      <c r="DH813" s="6" t="s">
        <v>333</v>
      </c>
      <c r="DI813" s="6"/>
      <c r="DJ813" s="6"/>
      <c r="DK813" s="6"/>
      <c r="DL813" s="6">
        <v>11</v>
      </c>
      <c r="DM813" s="6" t="s">
        <v>520</v>
      </c>
      <c r="DN813" s="6">
        <v>7</v>
      </c>
      <c r="DO813" s="6" t="s">
        <v>369</v>
      </c>
      <c r="DP813" s="6"/>
      <c r="DQ813" s="6"/>
    </row>
    <row r="814" spans="1:121" x14ac:dyDescent="0.2">
      <c r="A814" s="6" t="s">
        <v>318</v>
      </c>
      <c r="B814" s="6" t="s">
        <v>318</v>
      </c>
      <c r="C814" s="6" t="s">
        <v>187</v>
      </c>
      <c r="D814" s="6" t="s">
        <v>95</v>
      </c>
      <c r="E814" s="6" t="s">
        <v>236</v>
      </c>
      <c r="F814" s="11">
        <v>0</v>
      </c>
      <c r="G814" s="13">
        <v>0</v>
      </c>
      <c r="H814" s="11">
        <v>5</v>
      </c>
      <c r="I814" s="13"/>
      <c r="J814" s="11">
        <v>-5</v>
      </c>
      <c r="K814" s="13">
        <v>-1</v>
      </c>
      <c r="L814" s="11">
        <v>0</v>
      </c>
      <c r="M814" s="13"/>
      <c r="N814" s="11">
        <v>-5</v>
      </c>
      <c r="O814" s="13">
        <v>-1</v>
      </c>
      <c r="P814" s="7">
        <v>0</v>
      </c>
      <c r="Q814" s="7">
        <v>0</v>
      </c>
      <c r="R814" s="7">
        <v>0</v>
      </c>
      <c r="S814" s="7">
        <v>0</v>
      </c>
      <c r="T814" s="7">
        <v>5</v>
      </c>
      <c r="U814" s="7">
        <v>11.93445</v>
      </c>
      <c r="V814" s="7">
        <v>5</v>
      </c>
      <c r="W814" s="7">
        <v>5</v>
      </c>
      <c r="X814" s="7">
        <v>5</v>
      </c>
      <c r="Y814" s="7">
        <v>0</v>
      </c>
      <c r="Z814" s="7">
        <v>0</v>
      </c>
      <c r="AA814" s="7">
        <v>0</v>
      </c>
      <c r="AB814" s="7">
        <v>0</v>
      </c>
      <c r="AC814" s="7">
        <v>0</v>
      </c>
      <c r="AD814" s="7">
        <v>0</v>
      </c>
      <c r="AE814" s="7">
        <v>0</v>
      </c>
      <c r="AF814" s="7">
        <v>0</v>
      </c>
      <c r="AG814" s="9">
        <v>0</v>
      </c>
      <c r="AH814" s="13"/>
      <c r="AI814" s="9">
        <v>1</v>
      </c>
      <c r="AJ814" s="13"/>
      <c r="AK814" s="9">
        <v>-1</v>
      </c>
      <c r="AL814" s="13">
        <v>-1</v>
      </c>
      <c r="AM814" s="9">
        <v>0</v>
      </c>
      <c r="AN814" s="13"/>
      <c r="AO814" s="9">
        <v>-1</v>
      </c>
      <c r="AP814" s="13">
        <v>-1</v>
      </c>
      <c r="AQ814" s="9">
        <v>0</v>
      </c>
      <c r="AR814" s="9">
        <v>0</v>
      </c>
      <c r="AS814" s="9">
        <v>0</v>
      </c>
      <c r="AT814" s="9">
        <v>0</v>
      </c>
      <c r="AU814" s="9">
        <v>1</v>
      </c>
      <c r="AV814" s="9">
        <v>26044.548793099999</v>
      </c>
      <c r="AW814" s="9">
        <v>1</v>
      </c>
      <c r="AX814" s="9">
        <v>1</v>
      </c>
      <c r="AY814" s="9">
        <v>1</v>
      </c>
      <c r="AZ814" s="9">
        <v>0</v>
      </c>
      <c r="BA814" s="9">
        <v>0</v>
      </c>
      <c r="BB814" s="9">
        <v>0</v>
      </c>
      <c r="BC814" s="9">
        <v>0</v>
      </c>
      <c r="BD814" s="9">
        <v>0</v>
      </c>
      <c r="BE814" s="9">
        <v>0</v>
      </c>
      <c r="BF814" s="9">
        <v>0</v>
      </c>
      <c r="BG814" s="11">
        <v>0</v>
      </c>
      <c r="BH814" s="13" t="e">
        <v>#DIV/0!</v>
      </c>
      <c r="BI814" s="6">
        <v>1</v>
      </c>
      <c r="BJ814" s="13" t="e">
        <v>#DIV/0!</v>
      </c>
      <c r="BK814" s="6">
        <v>-1</v>
      </c>
      <c r="BL814" s="13">
        <v>-1</v>
      </c>
      <c r="BM814" s="11">
        <v>0</v>
      </c>
      <c r="BN814" s="13" t="e">
        <v>#DIV/0!</v>
      </c>
      <c r="BO814" s="11">
        <v>-1</v>
      </c>
      <c r="BP814" s="13">
        <v>-1</v>
      </c>
      <c r="BQ814" s="6">
        <v>0</v>
      </c>
      <c r="BR814" s="6">
        <v>1</v>
      </c>
      <c r="BS814" s="6">
        <v>1</v>
      </c>
      <c r="BT814" s="6">
        <v>1</v>
      </c>
      <c r="BU814" s="6">
        <v>1</v>
      </c>
      <c r="BV814" s="6">
        <v>1</v>
      </c>
      <c r="BW814" s="6">
        <v>0</v>
      </c>
      <c r="BX814" s="6">
        <v>0</v>
      </c>
      <c r="BY814" s="6">
        <v>0</v>
      </c>
      <c r="BZ814" s="6">
        <v>0</v>
      </c>
      <c r="CA814" s="6">
        <v>0</v>
      </c>
      <c r="CB814" s="6">
        <v>0</v>
      </c>
      <c r="CC814" s="11">
        <v>0</v>
      </c>
      <c r="CD814" s="11">
        <v>0</v>
      </c>
      <c r="CE814" s="11">
        <v>0</v>
      </c>
      <c r="CF814" s="11">
        <v>0</v>
      </c>
      <c r="CG814" s="11">
        <v>0</v>
      </c>
      <c r="CH814" s="20">
        <v>0</v>
      </c>
      <c r="CI814" s="20">
        <v>0</v>
      </c>
      <c r="CJ814" s="20">
        <v>0</v>
      </c>
      <c r="CK814" s="20">
        <v>0</v>
      </c>
      <c r="CL814" s="20">
        <v>1.0718500000000001E-2</v>
      </c>
      <c r="CM814" s="20">
        <v>0.23882999999999999</v>
      </c>
      <c r="CN814" s="20">
        <v>0.143813</v>
      </c>
      <c r="CO814" s="20">
        <v>1.80623E-2</v>
      </c>
      <c r="CP814" s="20">
        <v>1.27665E-2</v>
      </c>
      <c r="CQ814" s="20">
        <v>0</v>
      </c>
      <c r="CR814" s="20">
        <v>0</v>
      </c>
      <c r="CS814" s="20">
        <v>0</v>
      </c>
      <c r="CT814" s="20">
        <v>0</v>
      </c>
      <c r="CU814" s="20">
        <v>0</v>
      </c>
      <c r="CV814" s="20">
        <v>0</v>
      </c>
      <c r="CW814" s="20">
        <v>0</v>
      </c>
      <c r="CX814" s="20">
        <v>0</v>
      </c>
      <c r="CY814" s="6" t="s">
        <v>518</v>
      </c>
      <c r="CZ814" s="6" t="s">
        <v>519</v>
      </c>
      <c r="DA814" s="6" t="s">
        <v>95</v>
      </c>
      <c r="DB814" s="6"/>
      <c r="DC814" s="6"/>
      <c r="DD814" s="6"/>
      <c r="DE814" s="6"/>
      <c r="DF814" s="6"/>
      <c r="DG814" s="6"/>
      <c r="DH814" s="6" t="s">
        <v>333</v>
      </c>
      <c r="DI814" s="6"/>
      <c r="DJ814" s="6"/>
      <c r="DK814" s="6"/>
      <c r="DL814" s="6">
        <v>11</v>
      </c>
      <c r="DM814" s="6" t="s">
        <v>520</v>
      </c>
      <c r="DN814" s="6">
        <v>7</v>
      </c>
      <c r="DO814" s="6" t="s">
        <v>369</v>
      </c>
      <c r="DP814" s="6"/>
      <c r="DQ814" s="6"/>
    </row>
    <row r="815" spans="1:121" x14ac:dyDescent="0.2">
      <c r="A815" s="6" t="s">
        <v>319</v>
      </c>
      <c r="B815" s="6" t="s">
        <v>319</v>
      </c>
      <c r="C815" s="6" t="s">
        <v>188</v>
      </c>
      <c r="D815" s="6" t="s">
        <v>95</v>
      </c>
      <c r="E815" s="6" t="s">
        <v>236</v>
      </c>
      <c r="F815" s="11">
        <v>9</v>
      </c>
      <c r="G815" s="13">
        <v>0.16981132075499999</v>
      </c>
      <c r="H815" s="11">
        <v>26.392803286199999</v>
      </c>
      <c r="I815" s="13">
        <v>0.50151198664539132</v>
      </c>
      <c r="J815" s="11">
        <v>-12.490391294999995</v>
      </c>
      <c r="K815" s="13">
        <v>-0.15806766475518946</v>
      </c>
      <c r="L815" s="11">
        <v>-4.6721568151000099</v>
      </c>
      <c r="M815" s="13">
        <v>-7.0227501019741401E-2</v>
      </c>
      <c r="N815" s="11">
        <v>-17.162548110100005</v>
      </c>
      <c r="O815" s="13">
        <v>-0.21719446868714765</v>
      </c>
      <c r="P815" s="7">
        <v>52.626465546200002</v>
      </c>
      <c r="Q815" s="7">
        <v>74.694241766299996</v>
      </c>
      <c r="R815" s="7">
        <v>75.923426457000005</v>
      </c>
      <c r="S815" s="7">
        <v>72.399755700200004</v>
      </c>
      <c r="T815" s="7">
        <v>80.934469067500004</v>
      </c>
      <c r="U815" s="7">
        <v>85.760161945799993</v>
      </c>
      <c r="V815" s="7">
        <v>79.019268832400002</v>
      </c>
      <c r="W815" s="7">
        <v>71.791047251199998</v>
      </c>
      <c r="X815" s="7">
        <v>70.6718647199</v>
      </c>
      <c r="Y815" s="7">
        <v>66.528877537400007</v>
      </c>
      <c r="Z815" s="7">
        <v>72.920264626199994</v>
      </c>
      <c r="AA815" s="7">
        <v>60.184637367299999</v>
      </c>
      <c r="AB815" s="7">
        <v>56.010961282899999</v>
      </c>
      <c r="AC815" s="7">
        <v>57.086575810500001</v>
      </c>
      <c r="AD815" s="7">
        <v>57.682957328199997</v>
      </c>
      <c r="AE815" s="7">
        <v>62.092469384399998</v>
      </c>
      <c r="AF815" s="7">
        <v>61.856720722299997</v>
      </c>
      <c r="AG815" s="9">
        <v>-2203.5927701000001</v>
      </c>
      <c r="AH815" s="13">
        <v>-0.12709778951154177</v>
      </c>
      <c r="AI815" s="9">
        <v>-3334.1159690000004</v>
      </c>
      <c r="AJ815" s="13">
        <v>-0.19230357595328371</v>
      </c>
      <c r="AK815" s="9">
        <v>301.17293990000144</v>
      </c>
      <c r="AL815" s="13">
        <v>2.150673316274589E-2</v>
      </c>
      <c r="AM815" s="9">
        <v>829.35025899999891</v>
      </c>
      <c r="AN815" s="13">
        <v>5.7976934626063993E-2</v>
      </c>
      <c r="AO815" s="9">
        <v>1130.5231989000004</v>
      </c>
      <c r="AP815" s="13">
        <v>8.0730562251406596E-2</v>
      </c>
      <c r="AQ815" s="9">
        <v>17337.7741546</v>
      </c>
      <c r="AR815" s="9">
        <v>16349.803787000001</v>
      </c>
      <c r="AS815" s="9">
        <v>15219.1211482</v>
      </c>
      <c r="AT815" s="9">
        <v>13625.385225599999</v>
      </c>
      <c r="AU815" s="9">
        <v>14071.6815596</v>
      </c>
      <c r="AV815" s="9">
        <v>13761.471857799999</v>
      </c>
      <c r="AW815" s="9">
        <v>14003.658185599999</v>
      </c>
      <c r="AX815" s="9">
        <v>11926.711030799999</v>
      </c>
      <c r="AY815" s="9">
        <v>12175.3348279</v>
      </c>
      <c r="AZ815" s="9">
        <v>14304.831125500001</v>
      </c>
      <c r="BA815" s="9">
        <v>12966.110437699999</v>
      </c>
      <c r="BB815" s="9">
        <v>13241.8868845</v>
      </c>
      <c r="BC815" s="9">
        <v>14704.298305300001</v>
      </c>
      <c r="BD815" s="9">
        <v>13672.059668899999</v>
      </c>
      <c r="BE815" s="9">
        <v>13382.258292</v>
      </c>
      <c r="BF815" s="9">
        <v>15134.1813845</v>
      </c>
      <c r="BG815" s="11">
        <v>-1</v>
      </c>
      <c r="BH815" s="13">
        <v>-0.2</v>
      </c>
      <c r="BI815" s="6">
        <v>-2</v>
      </c>
      <c r="BJ815" s="13">
        <v>-0.4</v>
      </c>
      <c r="BK815" s="6">
        <v>1</v>
      </c>
      <c r="BL815" s="13">
        <v>0.33333333333333331</v>
      </c>
      <c r="BM815" s="11">
        <v>0</v>
      </c>
      <c r="BN815" s="13">
        <v>0</v>
      </c>
      <c r="BO815" s="11">
        <v>1</v>
      </c>
      <c r="BP815" s="13">
        <v>0.33333333333333331</v>
      </c>
      <c r="BQ815" s="6">
        <v>5</v>
      </c>
      <c r="BR815" s="6">
        <v>5</v>
      </c>
      <c r="BS815" s="6">
        <v>5</v>
      </c>
      <c r="BT815" s="6">
        <v>3</v>
      </c>
      <c r="BU815" s="6">
        <v>3</v>
      </c>
      <c r="BV815" s="6">
        <v>4</v>
      </c>
      <c r="BW815" s="6">
        <v>4</v>
      </c>
      <c r="BX815" s="6">
        <v>4</v>
      </c>
      <c r="BY815" s="6">
        <v>5</v>
      </c>
      <c r="BZ815" s="6">
        <v>4</v>
      </c>
      <c r="CA815" s="6">
        <v>3</v>
      </c>
      <c r="CB815" s="6">
        <v>4</v>
      </c>
      <c r="CC815" s="11">
        <v>4</v>
      </c>
      <c r="CD815" s="11">
        <v>-1.25739</v>
      </c>
      <c r="CE815" s="11">
        <v>4.7349399999999999</v>
      </c>
      <c r="CF815" s="11">
        <v>5.7527100000000004</v>
      </c>
      <c r="CG815" s="11">
        <v>11</v>
      </c>
      <c r="CH815" s="20">
        <v>0.204931</v>
      </c>
      <c r="CI815" s="20">
        <v>0.296566</v>
      </c>
      <c r="CJ815" s="20">
        <v>0.31116300000000002</v>
      </c>
      <c r="CK815" s="20">
        <v>0.293491</v>
      </c>
      <c r="CL815" s="20">
        <v>0.31224099999999999</v>
      </c>
      <c r="CM815" s="20">
        <v>0.33243299999999998</v>
      </c>
      <c r="CN815" s="20">
        <v>0.30815900000000002</v>
      </c>
      <c r="CO815" s="20">
        <v>0.25748199999999999</v>
      </c>
      <c r="CP815" s="20">
        <v>0.30982700000000002</v>
      </c>
      <c r="CQ815" s="20">
        <v>0.281586</v>
      </c>
      <c r="CR815" s="20">
        <v>0.29302400000000001</v>
      </c>
      <c r="CS815" s="20">
        <v>0.23864099999999999</v>
      </c>
      <c r="CT815" s="20">
        <v>0.22240599999999999</v>
      </c>
      <c r="CU815" s="20">
        <v>0.22314100000000001</v>
      </c>
      <c r="CV815" s="20">
        <v>0.221419</v>
      </c>
      <c r="CW815" s="20">
        <v>0.240374</v>
      </c>
      <c r="CX815" s="20">
        <v>0.23713400000000001</v>
      </c>
      <c r="CY815" s="6" t="s">
        <v>518</v>
      </c>
      <c r="CZ815" s="6" t="s">
        <v>519</v>
      </c>
      <c r="DA815" s="6" t="s">
        <v>95</v>
      </c>
      <c r="DB815" s="6"/>
      <c r="DC815" s="6"/>
      <c r="DD815" s="6"/>
      <c r="DE815" s="6"/>
      <c r="DF815" s="6"/>
      <c r="DG815" s="6"/>
      <c r="DH815" s="6" t="s">
        <v>333</v>
      </c>
      <c r="DI815" s="6"/>
      <c r="DJ815" s="6"/>
      <c r="DK815" s="6"/>
      <c r="DL815" s="6">
        <v>11</v>
      </c>
      <c r="DM815" s="6" t="s">
        <v>520</v>
      </c>
      <c r="DN815" s="6">
        <v>7</v>
      </c>
      <c r="DO815" s="6" t="s">
        <v>369</v>
      </c>
      <c r="DP815" s="6"/>
      <c r="DQ815" s="6"/>
    </row>
    <row r="816" spans="1:121" x14ac:dyDescent="0.2">
      <c r="A816" s="6" t="s">
        <v>320</v>
      </c>
      <c r="B816" s="6" t="s">
        <v>320</v>
      </c>
      <c r="C816" s="6" t="s">
        <v>189</v>
      </c>
      <c r="D816" s="6" t="s">
        <v>95</v>
      </c>
      <c r="E816" s="6" t="s">
        <v>236</v>
      </c>
      <c r="F816" s="11">
        <v>1</v>
      </c>
      <c r="G816" s="13">
        <v>1</v>
      </c>
      <c r="H816" s="11">
        <v>0</v>
      </c>
      <c r="I816" s="13">
        <v>0</v>
      </c>
      <c r="J816" s="11">
        <v>0</v>
      </c>
      <c r="K816" s="13">
        <v>0</v>
      </c>
      <c r="L816" s="11">
        <v>0</v>
      </c>
      <c r="M816" s="13">
        <v>0</v>
      </c>
      <c r="N816" s="11">
        <v>0</v>
      </c>
      <c r="O816" s="13">
        <v>0</v>
      </c>
      <c r="P816" s="7">
        <v>5</v>
      </c>
      <c r="Q816" s="7">
        <v>5</v>
      </c>
      <c r="R816" s="7">
        <v>5</v>
      </c>
      <c r="S816" s="7">
        <v>5</v>
      </c>
      <c r="T816" s="7">
        <v>40.716734259699997</v>
      </c>
      <c r="U816" s="7">
        <v>5</v>
      </c>
      <c r="V816" s="7">
        <v>5</v>
      </c>
      <c r="W816" s="7">
        <v>5</v>
      </c>
      <c r="X816" s="7">
        <v>5</v>
      </c>
      <c r="Y816" s="7">
        <v>5</v>
      </c>
      <c r="Z816" s="7">
        <v>5</v>
      </c>
      <c r="AA816" s="7">
        <v>5</v>
      </c>
      <c r="AB816" s="7">
        <v>5</v>
      </c>
      <c r="AC816" s="7">
        <v>5</v>
      </c>
      <c r="AD816" s="7">
        <v>5</v>
      </c>
      <c r="AE816" s="7">
        <v>5</v>
      </c>
      <c r="AF816" s="7">
        <v>5</v>
      </c>
      <c r="AG816" s="9">
        <v>0</v>
      </c>
      <c r="AH816" s="13">
        <v>0</v>
      </c>
      <c r="AI816" s="9">
        <v>0</v>
      </c>
      <c r="AJ816" s="13">
        <v>0</v>
      </c>
      <c r="AK816" s="9">
        <v>0</v>
      </c>
      <c r="AL816" s="13">
        <v>0</v>
      </c>
      <c r="AM816" s="9">
        <v>0</v>
      </c>
      <c r="AN816" s="13">
        <v>0</v>
      </c>
      <c r="AO816" s="9">
        <v>0</v>
      </c>
      <c r="AP816" s="13">
        <v>0</v>
      </c>
      <c r="AQ816" s="9">
        <v>1</v>
      </c>
      <c r="AR816" s="9">
        <v>1</v>
      </c>
      <c r="AS816" s="9">
        <v>1</v>
      </c>
      <c r="AT816" s="9">
        <v>1</v>
      </c>
      <c r="AU816" s="9">
        <v>12745.1516084</v>
      </c>
      <c r="AV816" s="9">
        <v>1</v>
      </c>
      <c r="AW816" s="9">
        <v>1</v>
      </c>
      <c r="AX816" s="9">
        <v>1</v>
      </c>
      <c r="AY816" s="9">
        <v>1</v>
      </c>
      <c r="AZ816" s="9">
        <v>1</v>
      </c>
      <c r="BA816" s="9">
        <v>1</v>
      </c>
      <c r="BB816" s="9">
        <v>1</v>
      </c>
      <c r="BC816" s="9">
        <v>1</v>
      </c>
      <c r="BD816" s="9">
        <v>1</v>
      </c>
      <c r="BE816" s="9">
        <v>1</v>
      </c>
      <c r="BF816" s="9">
        <v>1</v>
      </c>
      <c r="BG816" s="11">
        <v>0</v>
      </c>
      <c r="BH816" s="13" t="e">
        <v>#DIV/0!</v>
      </c>
      <c r="BI816" s="6">
        <v>0</v>
      </c>
      <c r="BJ816" s="13" t="e">
        <v>#DIV/0!</v>
      </c>
      <c r="BK816" s="6">
        <v>0</v>
      </c>
      <c r="BL816" s="13" t="e">
        <v>#DIV/0!</v>
      </c>
      <c r="BM816" s="11">
        <v>0</v>
      </c>
      <c r="BN816" s="13" t="e">
        <v>#DIV/0!</v>
      </c>
      <c r="BO816" s="11">
        <v>0</v>
      </c>
      <c r="BP816" s="13" t="e">
        <v>#DIV/0!</v>
      </c>
      <c r="BQ816" s="6">
        <v>0</v>
      </c>
      <c r="BR816" s="6">
        <v>0</v>
      </c>
      <c r="BS816" s="6">
        <v>0</v>
      </c>
      <c r="BT816" s="6">
        <v>0</v>
      </c>
      <c r="BU816" s="6">
        <v>0</v>
      </c>
      <c r="BV816" s="6">
        <v>0</v>
      </c>
      <c r="BW816" s="6">
        <v>0</v>
      </c>
      <c r="BX816" s="6">
        <v>0</v>
      </c>
      <c r="BY816" s="6">
        <v>0</v>
      </c>
      <c r="BZ816" s="6">
        <v>0</v>
      </c>
      <c r="CA816" s="6">
        <v>0</v>
      </c>
      <c r="CB816" s="6">
        <v>0</v>
      </c>
      <c r="CC816" s="11">
        <v>0</v>
      </c>
      <c r="CD816" s="11">
        <v>-0.891961</v>
      </c>
      <c r="CE816" s="11">
        <v>0.66097899999999998</v>
      </c>
      <c r="CF816" s="11">
        <v>0.19953599999999999</v>
      </c>
      <c r="CG816" s="11">
        <v>1</v>
      </c>
      <c r="CH816" s="20">
        <v>2.1305600000000001E-2</v>
      </c>
      <c r="CI816" s="20">
        <v>2.0602499999999999E-2</v>
      </c>
      <c r="CJ816" s="20">
        <v>3.0938500000000001E-2</v>
      </c>
      <c r="CK816" s="20">
        <v>3.1730599999999998E-2</v>
      </c>
      <c r="CL816" s="20">
        <v>0.44502999999999998</v>
      </c>
      <c r="CM816" s="20">
        <v>2.2731299999999999E-2</v>
      </c>
      <c r="CN816" s="20">
        <v>1.6112100000000001E-2</v>
      </c>
      <c r="CO816" s="20">
        <v>1.3366299999999999E-2</v>
      </c>
      <c r="CP816" s="20">
        <v>1.8519299999999999E-2</v>
      </c>
      <c r="CQ816" s="20">
        <v>1.9707700000000002E-2</v>
      </c>
      <c r="CR816" s="20">
        <v>1.43263E-2</v>
      </c>
      <c r="CS816" s="20">
        <v>2.15319E-2</v>
      </c>
      <c r="CT816" s="20">
        <v>2.3954400000000001E-2</v>
      </c>
      <c r="CU816" s="20">
        <v>1.7174600000000002E-2</v>
      </c>
      <c r="CV816" s="20">
        <v>1.54707E-2</v>
      </c>
      <c r="CW816" s="20">
        <v>1.6393000000000001E-2</v>
      </c>
      <c r="CX816" s="20">
        <v>1.6801099999999999E-2</v>
      </c>
      <c r="CY816" s="6" t="s">
        <v>518</v>
      </c>
      <c r="CZ816" s="6" t="s">
        <v>519</v>
      </c>
      <c r="DA816" s="6" t="s">
        <v>95</v>
      </c>
      <c r="DB816" s="6"/>
      <c r="DC816" s="6"/>
      <c r="DD816" s="6"/>
      <c r="DE816" s="6"/>
      <c r="DF816" s="6"/>
      <c r="DG816" s="6"/>
      <c r="DH816" s="6" t="s">
        <v>333</v>
      </c>
      <c r="DI816" s="6"/>
      <c r="DJ816" s="6"/>
      <c r="DK816" s="6"/>
      <c r="DL816" s="6">
        <v>11</v>
      </c>
      <c r="DM816" s="6" t="s">
        <v>520</v>
      </c>
      <c r="DN816" s="6">
        <v>7</v>
      </c>
      <c r="DO816" s="6" t="s">
        <v>369</v>
      </c>
      <c r="DP816" s="6"/>
      <c r="DQ816" s="6"/>
    </row>
    <row r="817" spans="1:121" x14ac:dyDescent="0.2">
      <c r="A817" s="6" t="s">
        <v>321</v>
      </c>
      <c r="B817" s="6" t="s">
        <v>321</v>
      </c>
      <c r="C817" s="6" t="s">
        <v>190</v>
      </c>
      <c r="D817" s="6" t="s">
        <v>95</v>
      </c>
      <c r="E817" s="6" t="s">
        <v>236</v>
      </c>
      <c r="F817" s="11">
        <v>7</v>
      </c>
      <c r="G817" s="13">
        <v>1.14006514658E-2</v>
      </c>
      <c r="H817" s="11">
        <v>-4.8641598059999751</v>
      </c>
      <c r="I817" s="13">
        <v>-7.9182983073563269E-3</v>
      </c>
      <c r="J817" s="11">
        <v>75.400245558000051</v>
      </c>
      <c r="K817" s="13">
        <v>0.1237226874778444</v>
      </c>
      <c r="L817" s="11">
        <v>-63.726061972000025</v>
      </c>
      <c r="M817" s="13">
        <v>-9.3053886625460269E-2</v>
      </c>
      <c r="N817" s="11">
        <v>11.674183586000026</v>
      </c>
      <c r="O817" s="13">
        <v>1.9155923918823547E-2</v>
      </c>
      <c r="P817" s="7">
        <v>614.29357889699997</v>
      </c>
      <c r="Q817" s="7">
        <v>605.03103296899997</v>
      </c>
      <c r="R817" s="7">
        <v>600.64826986800006</v>
      </c>
      <c r="S817" s="7">
        <v>624.06777738300002</v>
      </c>
      <c r="T817" s="7">
        <v>603.91525191200003</v>
      </c>
      <c r="U817" s="7">
        <v>616.82785214299997</v>
      </c>
      <c r="V817" s="7">
        <v>609.429419091</v>
      </c>
      <c r="W817" s="7">
        <v>626.43538512700002</v>
      </c>
      <c r="X817" s="7">
        <v>631.16541366399997</v>
      </c>
      <c r="Y817" s="7">
        <v>684.82966464900005</v>
      </c>
      <c r="Z817" s="7">
        <v>667.92406049600004</v>
      </c>
      <c r="AA817" s="7">
        <v>679.23617665899997</v>
      </c>
      <c r="AB817" s="7">
        <v>616.424517928</v>
      </c>
      <c r="AC817" s="7">
        <v>618.92612301899999</v>
      </c>
      <c r="AD817" s="7">
        <v>606.54566626899998</v>
      </c>
      <c r="AE817" s="7">
        <v>617.49878334799996</v>
      </c>
      <c r="AF817" s="7">
        <v>621.10360267700003</v>
      </c>
      <c r="AG817" s="9">
        <v>17536.425646399999</v>
      </c>
      <c r="AH817" s="13">
        <v>0.81685153374781483</v>
      </c>
      <c r="AI817" s="9">
        <v>10368.312594000003</v>
      </c>
      <c r="AJ817" s="13">
        <v>0.48295885464688976</v>
      </c>
      <c r="AK817" s="9">
        <v>3892.5963695999963</v>
      </c>
      <c r="AL817" s="13">
        <v>0.12226786320985032</v>
      </c>
      <c r="AM817" s="9">
        <v>3275.5166828000001</v>
      </c>
      <c r="AN817" s="13">
        <v>9.1676122876887561E-2</v>
      </c>
      <c r="AO817" s="9">
        <v>7168.1130523999964</v>
      </c>
      <c r="AP817" s="13">
        <v>0.2251530297382586</v>
      </c>
      <c r="AQ817" s="9">
        <v>21468.314524599999</v>
      </c>
      <c r="AR817" s="9">
        <v>23363.506147600001</v>
      </c>
      <c r="AS817" s="9">
        <v>24570.133497399998</v>
      </c>
      <c r="AT817" s="9">
        <v>25152.703026700001</v>
      </c>
      <c r="AU817" s="9">
        <v>27428.265153600001</v>
      </c>
      <c r="AV817" s="9">
        <v>30140.872791199999</v>
      </c>
      <c r="AW817" s="9">
        <v>31836.627118600001</v>
      </c>
      <c r="AX817" s="9">
        <v>33865.324153299996</v>
      </c>
      <c r="AY817" s="9">
        <v>34232.273933299999</v>
      </c>
      <c r="AZ817" s="9">
        <v>35729.223488199998</v>
      </c>
      <c r="BA817" s="9">
        <v>33758.499229499997</v>
      </c>
      <c r="BB817" s="9">
        <v>33742.647892599998</v>
      </c>
      <c r="BC817" s="9">
        <v>34802.193186500001</v>
      </c>
      <c r="BD817" s="9">
        <v>33517.714959800003</v>
      </c>
      <c r="BE817" s="9">
        <v>37661.402192000001</v>
      </c>
      <c r="BF817" s="9">
        <v>39004.740170999998</v>
      </c>
      <c r="BG817" s="11">
        <v>14.5</v>
      </c>
      <c r="BH817" s="13">
        <v>0.53703703703703709</v>
      </c>
      <c r="BI817" s="6">
        <v>-2</v>
      </c>
      <c r="BJ817" s="13">
        <v>-7.407407407407407E-2</v>
      </c>
      <c r="BK817" s="6">
        <v>0</v>
      </c>
      <c r="BL817" s="13">
        <v>0</v>
      </c>
      <c r="BM817" s="11">
        <v>16.5</v>
      </c>
      <c r="BN817" s="13">
        <v>0.66</v>
      </c>
      <c r="BO817" s="11">
        <v>16.5</v>
      </c>
      <c r="BP817" s="13">
        <v>0.66</v>
      </c>
      <c r="BQ817" s="6">
        <v>27</v>
      </c>
      <c r="BR817" s="6">
        <v>24</v>
      </c>
      <c r="BS817" s="6">
        <v>25</v>
      </c>
      <c r="BT817" s="6">
        <v>25</v>
      </c>
      <c r="BU817" s="6">
        <v>25</v>
      </c>
      <c r="BV817" s="6">
        <v>26</v>
      </c>
      <c r="BW817" s="6">
        <v>25</v>
      </c>
      <c r="BX817" s="6">
        <v>27</v>
      </c>
      <c r="BY817" s="6">
        <v>28</v>
      </c>
      <c r="BZ817" s="6">
        <v>42</v>
      </c>
      <c r="CA817" s="6">
        <v>40</v>
      </c>
      <c r="CB817" s="6">
        <v>42</v>
      </c>
      <c r="CC817" s="11">
        <v>41.5</v>
      </c>
      <c r="CD817" s="11">
        <v>-284.04500000000002</v>
      </c>
      <c r="CE817" s="11">
        <v>223.70500000000001</v>
      </c>
      <c r="CF817" s="11">
        <v>67.149699999999996</v>
      </c>
      <c r="CG817" s="11">
        <v>291</v>
      </c>
      <c r="CH817" s="20">
        <v>1.4517899999999999</v>
      </c>
      <c r="CI817" s="20">
        <v>1.4033500000000001</v>
      </c>
      <c r="CJ817" s="20">
        <v>1.3941699999999999</v>
      </c>
      <c r="CK817" s="20">
        <v>1.4504600000000001</v>
      </c>
      <c r="CL817" s="20">
        <v>1.3509599999999999</v>
      </c>
      <c r="CM817" s="20">
        <v>1.3888</v>
      </c>
      <c r="CN817" s="20">
        <v>1.3559099999999999</v>
      </c>
      <c r="CO817" s="20">
        <v>1.1953499999999999</v>
      </c>
      <c r="CP817" s="20">
        <v>1.3133300000000001</v>
      </c>
      <c r="CQ817" s="20">
        <v>1.3948</v>
      </c>
      <c r="CR817" s="20">
        <v>1.32422</v>
      </c>
      <c r="CS817" s="20">
        <v>1.3195300000000001</v>
      </c>
      <c r="CT817" s="20">
        <v>1.20848</v>
      </c>
      <c r="CU817" s="20">
        <v>1.2112499999999999</v>
      </c>
      <c r="CV817" s="20">
        <v>1.1665399999999999</v>
      </c>
      <c r="CW817" s="20">
        <v>1.1920599999999999</v>
      </c>
      <c r="CX817" s="20">
        <v>1.17618</v>
      </c>
      <c r="CY817" s="6" t="s">
        <v>518</v>
      </c>
      <c r="CZ817" s="6" t="s">
        <v>519</v>
      </c>
      <c r="DA817" s="6" t="s">
        <v>95</v>
      </c>
      <c r="DB817" s="6"/>
      <c r="DC817" s="6"/>
      <c r="DD817" s="6"/>
      <c r="DE817" s="6"/>
      <c r="DF817" s="6"/>
      <c r="DG817" s="6"/>
      <c r="DH817" s="6" t="s">
        <v>333</v>
      </c>
      <c r="DI817" s="6"/>
      <c r="DJ817" s="6"/>
      <c r="DK817" s="6"/>
      <c r="DL817" s="6">
        <v>11</v>
      </c>
      <c r="DM817" s="6" t="s">
        <v>520</v>
      </c>
      <c r="DN817" s="6">
        <v>7</v>
      </c>
      <c r="DO817" s="6" t="s">
        <v>369</v>
      </c>
      <c r="DP817" s="6"/>
      <c r="DQ817" s="6"/>
    </row>
    <row r="818" spans="1:121" x14ac:dyDescent="0.2">
      <c r="A818" s="6" t="s">
        <v>322</v>
      </c>
      <c r="B818" s="6" t="s">
        <v>322</v>
      </c>
      <c r="C818" s="6" t="s">
        <v>191</v>
      </c>
      <c r="D818" s="6" t="s">
        <v>95</v>
      </c>
      <c r="E818" s="6" t="s">
        <v>236</v>
      </c>
      <c r="F818" s="11">
        <v>-11</v>
      </c>
      <c r="G818" s="13">
        <v>-0.39</v>
      </c>
      <c r="H818" s="11">
        <v>-2</v>
      </c>
      <c r="I818" s="13">
        <v>-7.1428571428571425E-2</v>
      </c>
      <c r="J818" s="11">
        <v>-10</v>
      </c>
      <c r="K818" s="13">
        <v>-0.38461538461538464</v>
      </c>
      <c r="L818" s="11">
        <v>1</v>
      </c>
      <c r="M818" s="13">
        <v>6.25E-2</v>
      </c>
      <c r="N818" s="11">
        <v>-9</v>
      </c>
      <c r="O818" s="13">
        <v>-0.34615384615384615</v>
      </c>
      <c r="P818" s="7">
        <v>28</v>
      </c>
      <c r="Q818" s="7">
        <v>32</v>
      </c>
      <c r="R818" s="7">
        <v>11</v>
      </c>
      <c r="S818" s="7">
        <v>11</v>
      </c>
      <c r="T818" s="7">
        <v>21</v>
      </c>
      <c r="U818" s="7">
        <v>27</v>
      </c>
      <c r="V818" s="7">
        <v>26</v>
      </c>
      <c r="W818" s="7">
        <v>26</v>
      </c>
      <c r="X818" s="7">
        <v>24</v>
      </c>
      <c r="Y818" s="7">
        <v>16</v>
      </c>
      <c r="Z818" s="7">
        <v>14</v>
      </c>
      <c r="AA818" s="7">
        <v>12</v>
      </c>
      <c r="AB818" s="7">
        <v>11</v>
      </c>
      <c r="AC818" s="7">
        <v>5</v>
      </c>
      <c r="AD818" s="7">
        <v>5</v>
      </c>
      <c r="AE818" s="7">
        <v>16</v>
      </c>
      <c r="AF818" s="7">
        <v>17</v>
      </c>
      <c r="AG818" s="9">
        <v>-885</v>
      </c>
      <c r="AH818" s="13">
        <v>-6.1608075182735818E-2</v>
      </c>
      <c r="AI818" s="9">
        <v>-759</v>
      </c>
      <c r="AJ818" s="13">
        <v>-5.2836756004176817E-2</v>
      </c>
      <c r="AK818" s="9">
        <v>3787</v>
      </c>
      <c r="AL818" s="13">
        <v>0.27833308834337794</v>
      </c>
      <c r="AM818" s="9">
        <v>-3913</v>
      </c>
      <c r="AN818" s="13">
        <v>-0.22497556488242396</v>
      </c>
      <c r="AO818" s="9">
        <v>-126</v>
      </c>
      <c r="AP818" s="13">
        <v>-9.2606203145671022E-3</v>
      </c>
      <c r="AQ818" s="9">
        <v>14365</v>
      </c>
      <c r="AR818" s="9">
        <v>15799</v>
      </c>
      <c r="AS818" s="9">
        <v>9911</v>
      </c>
      <c r="AT818" s="9">
        <v>11631</v>
      </c>
      <c r="AU818" s="9">
        <v>10938</v>
      </c>
      <c r="AV818" s="9">
        <v>10486</v>
      </c>
      <c r="AW818" s="9">
        <v>13606</v>
      </c>
      <c r="AX818" s="9">
        <v>14390</v>
      </c>
      <c r="AY818" s="9">
        <v>12876</v>
      </c>
      <c r="AZ818" s="9">
        <v>17393</v>
      </c>
      <c r="BA818" s="9">
        <v>11694</v>
      </c>
      <c r="BB818" s="9">
        <v>10496</v>
      </c>
      <c r="BC818" s="9">
        <v>10034</v>
      </c>
      <c r="BD818" s="9">
        <v>1</v>
      </c>
      <c r="BE818" s="9">
        <v>1</v>
      </c>
      <c r="BF818" s="9">
        <v>13480</v>
      </c>
      <c r="BG818" s="11">
        <v>1</v>
      </c>
      <c r="BH818" s="13">
        <v>1</v>
      </c>
      <c r="BI818" s="6">
        <v>0</v>
      </c>
      <c r="BJ818" s="13">
        <v>0</v>
      </c>
      <c r="BK818" s="6">
        <v>1</v>
      </c>
      <c r="BL818" s="13">
        <v>1</v>
      </c>
      <c r="BM818" s="11">
        <v>0</v>
      </c>
      <c r="BN818" s="13">
        <v>0</v>
      </c>
      <c r="BO818" s="11">
        <v>1</v>
      </c>
      <c r="BP818" s="13">
        <v>1</v>
      </c>
      <c r="BQ818" s="6">
        <v>1</v>
      </c>
      <c r="BR818" s="6">
        <v>1</v>
      </c>
      <c r="BS818" s="6">
        <v>1</v>
      </c>
      <c r="BT818" s="6">
        <v>1</v>
      </c>
      <c r="BU818" s="6">
        <v>1</v>
      </c>
      <c r="BV818" s="6">
        <v>1</v>
      </c>
      <c r="BW818" s="6">
        <v>2</v>
      </c>
      <c r="BX818" s="6">
        <v>3</v>
      </c>
      <c r="BY818" s="6">
        <v>3</v>
      </c>
      <c r="BZ818" s="6">
        <v>3</v>
      </c>
      <c r="CA818" s="6">
        <v>3</v>
      </c>
      <c r="CB818" s="6">
        <v>2</v>
      </c>
      <c r="CC818" s="11">
        <v>2</v>
      </c>
      <c r="CD818" s="11">
        <v>-19</v>
      </c>
      <c r="CE818" s="11">
        <v>5</v>
      </c>
      <c r="CF818" s="11">
        <v>3</v>
      </c>
      <c r="CG818" s="11">
        <v>8</v>
      </c>
      <c r="CH818" s="20">
        <v>0.43</v>
      </c>
      <c r="CI818" s="20">
        <v>0.49</v>
      </c>
      <c r="CJ818" s="20">
        <v>0.18</v>
      </c>
      <c r="CK818" s="20">
        <v>0.17</v>
      </c>
      <c r="CL818" s="20">
        <v>0.32</v>
      </c>
      <c r="CM818" s="20">
        <v>0.42</v>
      </c>
      <c r="CN818" s="20">
        <v>0.39</v>
      </c>
      <c r="CO818" s="20">
        <v>0.35</v>
      </c>
      <c r="CP818" s="20">
        <v>0.37</v>
      </c>
      <c r="CQ818" s="20">
        <v>0.24</v>
      </c>
      <c r="CR818" s="20">
        <v>0.21</v>
      </c>
      <c r="CS818" s="20">
        <v>0.17</v>
      </c>
      <c r="CT818" s="20">
        <v>0.16</v>
      </c>
      <c r="CU818" s="20">
        <v>0.12</v>
      </c>
      <c r="CV818" s="20">
        <v>0.14000000000000001</v>
      </c>
      <c r="CW818" s="20">
        <v>0.22</v>
      </c>
      <c r="CX818" s="20">
        <v>0.23</v>
      </c>
      <c r="CY818" s="6" t="s">
        <v>518</v>
      </c>
      <c r="CZ818" s="6" t="s">
        <v>519</v>
      </c>
      <c r="DA818" s="6" t="s">
        <v>95</v>
      </c>
      <c r="DB818" s="6"/>
      <c r="DC818" s="6"/>
      <c r="DD818" s="6"/>
      <c r="DE818" s="6"/>
      <c r="DF818" s="6"/>
      <c r="DG818" s="6"/>
      <c r="DH818" s="6" t="s">
        <v>333</v>
      </c>
      <c r="DI818" s="6"/>
      <c r="DJ818" s="6"/>
      <c r="DK818" s="6"/>
      <c r="DL818" s="6">
        <v>11</v>
      </c>
      <c r="DM818" s="6" t="s">
        <v>520</v>
      </c>
      <c r="DN818" s="6">
        <v>7</v>
      </c>
      <c r="DO818" s="6" t="s">
        <v>369</v>
      </c>
      <c r="DP818" s="6"/>
      <c r="DQ818" s="6"/>
    </row>
    <row r="819" spans="1:121" x14ac:dyDescent="0.2">
      <c r="A819" s="6" t="s">
        <v>323</v>
      </c>
      <c r="B819" s="6" t="s">
        <v>323</v>
      </c>
      <c r="C819" s="6" t="s">
        <v>192</v>
      </c>
      <c r="D819" s="6" t="s">
        <v>95</v>
      </c>
      <c r="E819" s="6" t="s">
        <v>236</v>
      </c>
      <c r="F819" s="11">
        <v>8</v>
      </c>
      <c r="G819" s="13">
        <v>3.3898305084700001E-2</v>
      </c>
      <c r="H819" s="11">
        <v>-47.284002135999998</v>
      </c>
      <c r="I819" s="13">
        <v>-0.20045476358913697</v>
      </c>
      <c r="J819" s="11">
        <v>-4.6720094220000021</v>
      </c>
      <c r="K819" s="13">
        <v>-2.4772099900604375E-2</v>
      </c>
      <c r="L819" s="11">
        <v>60.329763364000002</v>
      </c>
      <c r="M819" s="13">
        <v>0.32800813678341412</v>
      </c>
      <c r="N819" s="11">
        <v>55.657753941999999</v>
      </c>
      <c r="O819" s="13">
        <v>0.29511058655019989</v>
      </c>
      <c r="P819" s="7">
        <v>235.883654194</v>
      </c>
      <c r="Q819" s="7">
        <v>199.51857774499999</v>
      </c>
      <c r="R819" s="7">
        <v>210.367099841</v>
      </c>
      <c r="S819" s="7">
        <v>221.595536455</v>
      </c>
      <c r="T819" s="7">
        <v>214.040224094</v>
      </c>
      <c r="U819" s="7">
        <v>191.19115401400001</v>
      </c>
      <c r="V819" s="7">
        <v>188.599652058</v>
      </c>
      <c r="W819" s="7">
        <v>193.76490367100001</v>
      </c>
      <c r="X819" s="7">
        <v>176.82218516200001</v>
      </c>
      <c r="Y819" s="7">
        <v>183.927642636</v>
      </c>
      <c r="Z819" s="7">
        <v>205.193253494</v>
      </c>
      <c r="AA819" s="7">
        <v>214.853056759</v>
      </c>
      <c r="AB819" s="7">
        <v>213.27638732400001</v>
      </c>
      <c r="AC819" s="7">
        <v>232.89922201300001</v>
      </c>
      <c r="AD819" s="7">
        <v>219.922253087</v>
      </c>
      <c r="AE819" s="7">
        <v>237.99886585799999</v>
      </c>
      <c r="AF819" s="7">
        <v>244.257406</v>
      </c>
      <c r="AG819" s="9">
        <v>6364.509761629999</v>
      </c>
      <c r="AH819" s="13">
        <v>0.77496678451955836</v>
      </c>
      <c r="AI819" s="9">
        <v>3870.1744136299985</v>
      </c>
      <c r="AJ819" s="13">
        <v>0.47124707686717027</v>
      </c>
      <c r="AK819" s="9">
        <v>793.42581910000081</v>
      </c>
      <c r="AL819" s="13">
        <v>6.5665740757104449E-2</v>
      </c>
      <c r="AM819" s="9">
        <v>1700.9095288999997</v>
      </c>
      <c r="AN819" s="13">
        <v>0.13209693132830228</v>
      </c>
      <c r="AO819" s="9">
        <v>2494.3353480000005</v>
      </c>
      <c r="AP819" s="13">
        <v>0.20643691493282007</v>
      </c>
      <c r="AQ819" s="9">
        <v>8212.6226423700009</v>
      </c>
      <c r="AR819" s="9">
        <v>9778.3214703400008</v>
      </c>
      <c r="AS819" s="9">
        <v>11351.689403</v>
      </c>
      <c r="AT819" s="9">
        <v>10701.3722573</v>
      </c>
      <c r="AU819" s="9">
        <v>11198.955112400001</v>
      </c>
      <c r="AV819" s="9">
        <v>12578.449712</v>
      </c>
      <c r="AW819" s="9">
        <v>12082.797055999999</v>
      </c>
      <c r="AX819" s="9">
        <v>12138.581194</v>
      </c>
      <c r="AY819" s="9">
        <v>11560.8695037</v>
      </c>
      <c r="AZ819" s="9">
        <v>12876.2228751</v>
      </c>
      <c r="BA819" s="9">
        <v>13825.060773200001</v>
      </c>
      <c r="BB819" s="9">
        <v>13674.7205626</v>
      </c>
      <c r="BC819" s="9">
        <v>13131.869948199999</v>
      </c>
      <c r="BD819" s="9">
        <v>13666.7098821</v>
      </c>
      <c r="BE819" s="9">
        <v>14299.794119300001</v>
      </c>
      <c r="BF819" s="9">
        <v>14577.132404</v>
      </c>
      <c r="BG819" s="11">
        <v>-0.75</v>
      </c>
      <c r="BH819" s="13">
        <v>-0.05</v>
      </c>
      <c r="BI819" s="6">
        <v>1</v>
      </c>
      <c r="BJ819" s="13">
        <v>6.6666666666666666E-2</v>
      </c>
      <c r="BK819" s="6">
        <v>-2</v>
      </c>
      <c r="BL819" s="13">
        <v>-0.125</v>
      </c>
      <c r="BM819" s="11">
        <v>0.25</v>
      </c>
      <c r="BN819" s="13">
        <v>1.7857142857142856E-2</v>
      </c>
      <c r="BO819" s="11">
        <v>-1.75</v>
      </c>
      <c r="BP819" s="13">
        <v>-0.109375</v>
      </c>
      <c r="BQ819" s="6">
        <v>15</v>
      </c>
      <c r="BR819" s="6">
        <v>14</v>
      </c>
      <c r="BS819" s="6">
        <v>15</v>
      </c>
      <c r="BT819" s="6">
        <v>16</v>
      </c>
      <c r="BU819" s="6">
        <v>17</v>
      </c>
      <c r="BV819" s="6">
        <v>15</v>
      </c>
      <c r="BW819" s="6">
        <v>14</v>
      </c>
      <c r="BX819" s="6">
        <v>14</v>
      </c>
      <c r="BY819" s="6">
        <v>15</v>
      </c>
      <c r="BZ819" s="6">
        <v>14</v>
      </c>
      <c r="CA819" s="6">
        <v>14</v>
      </c>
      <c r="CB819" s="6">
        <v>15</v>
      </c>
      <c r="CC819" s="11">
        <v>14.25</v>
      </c>
      <c r="CD819" s="11">
        <v>-71.052400000000006</v>
      </c>
      <c r="CE819" s="11">
        <v>53.641300000000001</v>
      </c>
      <c r="CF819" s="11">
        <v>25.7849</v>
      </c>
      <c r="CG819" s="11">
        <v>80</v>
      </c>
      <c r="CH819" s="20">
        <v>0.75118799999999997</v>
      </c>
      <c r="CI819" s="20">
        <v>0.63944400000000001</v>
      </c>
      <c r="CJ819" s="20">
        <v>0.68294600000000005</v>
      </c>
      <c r="CK819" s="20">
        <v>0.71659899999999999</v>
      </c>
      <c r="CL819" s="20">
        <v>0.66569400000000001</v>
      </c>
      <c r="CM819" s="20">
        <v>0.60085699999999997</v>
      </c>
      <c r="CN819" s="20">
        <v>0.58898799999999996</v>
      </c>
      <c r="CO819" s="20">
        <v>0.53086199999999995</v>
      </c>
      <c r="CP819" s="20">
        <v>0.55445699999999998</v>
      </c>
      <c r="CQ819" s="20">
        <v>0.57190200000000002</v>
      </c>
      <c r="CR819" s="20">
        <v>0.61427600000000004</v>
      </c>
      <c r="CS819" s="20">
        <v>0.63414700000000002</v>
      </c>
      <c r="CT819" s="20">
        <v>0.62848300000000001</v>
      </c>
      <c r="CU819" s="20">
        <v>0.67788599999999999</v>
      </c>
      <c r="CV819" s="20">
        <v>0.62304300000000001</v>
      </c>
      <c r="CW819" s="20">
        <v>0.67519200000000001</v>
      </c>
      <c r="CX819" s="20">
        <v>0.68704500000000002</v>
      </c>
      <c r="CY819" s="6" t="s">
        <v>518</v>
      </c>
      <c r="CZ819" s="6" t="s">
        <v>519</v>
      </c>
      <c r="DA819" s="6" t="s">
        <v>95</v>
      </c>
      <c r="DB819" s="6"/>
      <c r="DC819" s="6"/>
      <c r="DD819" s="6"/>
      <c r="DE819" s="6"/>
      <c r="DF819" s="6"/>
      <c r="DG819" s="6"/>
      <c r="DH819" s="6" t="s">
        <v>333</v>
      </c>
      <c r="DI819" s="6"/>
      <c r="DJ819" s="6"/>
      <c r="DK819" s="6"/>
      <c r="DL819" s="6">
        <v>11</v>
      </c>
      <c r="DM819" s="6" t="s">
        <v>520</v>
      </c>
      <c r="DN819" s="6">
        <v>7</v>
      </c>
      <c r="DO819" s="6" t="s">
        <v>369</v>
      </c>
      <c r="DP819" s="6"/>
      <c r="DQ819" s="6"/>
    </row>
    <row r="820" spans="1:121" x14ac:dyDescent="0.2">
      <c r="A820" s="6" t="s">
        <v>325</v>
      </c>
      <c r="B820" s="6" t="s">
        <v>325</v>
      </c>
      <c r="C820" s="6" t="s">
        <v>193</v>
      </c>
      <c r="D820" s="6" t="s">
        <v>95</v>
      </c>
      <c r="E820" s="6" t="s">
        <v>236</v>
      </c>
      <c r="F820" s="11">
        <v>-26</v>
      </c>
      <c r="G820" s="13">
        <v>-0.11818181818200001</v>
      </c>
      <c r="H820" s="11">
        <v>-15.478606634000016</v>
      </c>
      <c r="I820" s="13">
        <v>-7.0507053659490782E-2</v>
      </c>
      <c r="J820" s="11">
        <v>-6.896220172999989</v>
      </c>
      <c r="K820" s="13">
        <v>-3.3796032851213548E-2</v>
      </c>
      <c r="L820" s="11">
        <v>-2.9461704999999938</v>
      </c>
      <c r="M820" s="13">
        <v>-1.4943201933236878E-2</v>
      </c>
      <c r="N820" s="11">
        <v>-9.8423906729999828</v>
      </c>
      <c r="O820" s="13">
        <v>-4.8234213841012431E-2</v>
      </c>
      <c r="P820" s="7">
        <v>219.532739359</v>
      </c>
      <c r="Q820" s="7">
        <v>228.71496869800001</v>
      </c>
      <c r="R820" s="7">
        <v>232.92666662299999</v>
      </c>
      <c r="S820" s="7">
        <v>229.031328702</v>
      </c>
      <c r="T820" s="7">
        <v>225.74352357699999</v>
      </c>
      <c r="U820" s="7">
        <v>201.96464932399999</v>
      </c>
      <c r="V820" s="7">
        <v>204.05413272499999</v>
      </c>
      <c r="W820" s="7">
        <v>200.78389075800001</v>
      </c>
      <c r="X820" s="7">
        <v>207.62860521600001</v>
      </c>
      <c r="Y820" s="7">
        <v>197.157912552</v>
      </c>
      <c r="Z820" s="7">
        <v>181.11645565000001</v>
      </c>
      <c r="AA820" s="7">
        <v>196.43172310099999</v>
      </c>
      <c r="AB820" s="7">
        <v>176.432145139</v>
      </c>
      <c r="AC820" s="7">
        <v>194.03642487400001</v>
      </c>
      <c r="AD820" s="7">
        <v>189.39318891600001</v>
      </c>
      <c r="AE820" s="7">
        <v>189.41926610300001</v>
      </c>
      <c r="AF820" s="7">
        <v>194.21174205200001</v>
      </c>
      <c r="AG820" s="9">
        <v>366.84667020000052</v>
      </c>
      <c r="AH820" s="13">
        <v>2.2421267182497769E-2</v>
      </c>
      <c r="AI820" s="9">
        <v>201.24354060000041</v>
      </c>
      <c r="AJ820" s="13">
        <v>1.2299785057567739E-2</v>
      </c>
      <c r="AK820" s="9">
        <v>-871.88968580000073</v>
      </c>
      <c r="AL820" s="13">
        <v>-5.2641465114370199E-2</v>
      </c>
      <c r="AM820" s="9">
        <v>1037.4928154000008</v>
      </c>
      <c r="AN820" s="13">
        <v>6.612065601210472E-2</v>
      </c>
      <c r="AO820" s="9">
        <v>165.6031296000001</v>
      </c>
      <c r="AP820" s="13">
        <v>9.9985026909340299E-3</v>
      </c>
      <c r="AQ820" s="9">
        <v>16361.5493814</v>
      </c>
      <c r="AR820" s="9">
        <v>16188.465709300001</v>
      </c>
      <c r="AS820" s="9">
        <v>15852.591846200001</v>
      </c>
      <c r="AT820" s="9">
        <v>16675.225054300001</v>
      </c>
      <c r="AU820" s="9">
        <v>15977.5604365</v>
      </c>
      <c r="AV820" s="9">
        <v>16953.349587299999</v>
      </c>
      <c r="AW820" s="9">
        <v>16562.792922000001</v>
      </c>
      <c r="AX820" s="9">
        <v>16451.088712799999</v>
      </c>
      <c r="AY820" s="9">
        <v>15773.302985800001</v>
      </c>
      <c r="AZ820" s="9">
        <v>15690.9032362</v>
      </c>
      <c r="BA820" s="9">
        <v>16055.3371871</v>
      </c>
      <c r="BB820" s="9">
        <v>15897.6227648</v>
      </c>
      <c r="BC820" s="9">
        <v>17024.289323600002</v>
      </c>
      <c r="BD820" s="9">
        <v>16239.226140500001</v>
      </c>
      <c r="BE820" s="9">
        <v>16133.874457600001</v>
      </c>
      <c r="BF820" s="9">
        <v>16728.396051600001</v>
      </c>
      <c r="BG820" s="11">
        <v>-10.5</v>
      </c>
      <c r="BH820" s="13">
        <v>-0.328125</v>
      </c>
      <c r="BI820" s="6">
        <v>1</v>
      </c>
      <c r="BJ820" s="13">
        <v>3.125E-2</v>
      </c>
      <c r="BK820" s="6">
        <v>4</v>
      </c>
      <c r="BL820" s="13">
        <v>0.12121212121212122</v>
      </c>
      <c r="BM820" s="11">
        <v>-15.5</v>
      </c>
      <c r="BN820" s="13">
        <v>-0.41891891891891891</v>
      </c>
      <c r="BO820" s="11">
        <v>-11.5</v>
      </c>
      <c r="BP820" s="13">
        <v>-0.34848484848484851</v>
      </c>
      <c r="BQ820" s="6">
        <v>32</v>
      </c>
      <c r="BR820" s="6">
        <v>36</v>
      </c>
      <c r="BS820" s="6">
        <v>33</v>
      </c>
      <c r="BT820" s="6">
        <v>33</v>
      </c>
      <c r="BU820" s="6">
        <v>35</v>
      </c>
      <c r="BV820" s="6">
        <v>39</v>
      </c>
      <c r="BW820" s="6">
        <v>37</v>
      </c>
      <c r="BX820" s="6">
        <v>37</v>
      </c>
      <c r="BY820" s="6">
        <v>36</v>
      </c>
      <c r="BZ820" s="6">
        <v>22</v>
      </c>
      <c r="CA820" s="6">
        <v>22</v>
      </c>
      <c r="CB820" s="6">
        <v>23</v>
      </c>
      <c r="CC820" s="11">
        <v>21.5</v>
      </c>
      <c r="CD820" s="11">
        <v>-47.296900000000001</v>
      </c>
      <c r="CE820" s="11">
        <v>-2.02169</v>
      </c>
      <c r="CF820" s="11">
        <v>23.997599999999998</v>
      </c>
      <c r="CG820" s="11">
        <v>22</v>
      </c>
      <c r="CH820" s="20">
        <v>1.0292399999999999</v>
      </c>
      <c r="CI820" s="20">
        <v>1.07467</v>
      </c>
      <c r="CJ820" s="20">
        <v>1.115</v>
      </c>
      <c r="CK820" s="20">
        <v>1.1118600000000001</v>
      </c>
      <c r="CL820" s="20">
        <v>1.0714600000000001</v>
      </c>
      <c r="CM820" s="20">
        <v>0.97769799999999996</v>
      </c>
      <c r="CN820" s="20">
        <v>0.98646299999999998</v>
      </c>
      <c r="CO820" s="20">
        <v>0.85072800000000004</v>
      </c>
      <c r="CP820" s="20">
        <v>0.98634900000000003</v>
      </c>
      <c r="CQ820" s="20">
        <v>0.93563700000000005</v>
      </c>
      <c r="CR820" s="20">
        <v>0.83959399999999995</v>
      </c>
      <c r="CS820" s="20">
        <v>0.90472399999999997</v>
      </c>
      <c r="CT820" s="20">
        <v>0.88500699999999999</v>
      </c>
      <c r="CU820" s="20">
        <v>0.97160100000000005</v>
      </c>
      <c r="CV820" s="20">
        <v>0.94132800000000005</v>
      </c>
      <c r="CW820" s="20">
        <v>0.95278099999999999</v>
      </c>
      <c r="CX820" s="20">
        <v>0.97720700000000005</v>
      </c>
      <c r="CY820" s="6" t="s">
        <v>518</v>
      </c>
      <c r="CZ820" s="6" t="s">
        <v>519</v>
      </c>
      <c r="DA820" s="6" t="s">
        <v>95</v>
      </c>
      <c r="DB820" s="6"/>
      <c r="DC820" s="6"/>
      <c r="DD820" s="6"/>
      <c r="DE820" s="6"/>
      <c r="DF820" s="6"/>
      <c r="DG820" s="6"/>
      <c r="DH820" s="6" t="s">
        <v>333</v>
      </c>
      <c r="DI820" s="6"/>
      <c r="DJ820" s="6"/>
      <c r="DK820" s="6"/>
      <c r="DL820" s="6">
        <v>11</v>
      </c>
      <c r="DM820" s="6" t="s">
        <v>520</v>
      </c>
      <c r="DN820" s="6">
        <v>7</v>
      </c>
      <c r="DO820" s="6" t="s">
        <v>369</v>
      </c>
      <c r="DP820" s="6"/>
      <c r="DQ820" s="6"/>
    </row>
    <row r="821" spans="1:121" x14ac:dyDescent="0.2">
      <c r="A821" s="6" t="s">
        <v>327</v>
      </c>
      <c r="B821" s="6" t="s">
        <v>327</v>
      </c>
      <c r="C821" s="6" t="s">
        <v>194</v>
      </c>
      <c r="D821" s="6" t="s">
        <v>95</v>
      </c>
      <c r="E821" s="6" t="s">
        <v>236</v>
      </c>
      <c r="F821" s="11">
        <v>19</v>
      </c>
      <c r="G821" s="13">
        <v>1.7592592592600001E-2</v>
      </c>
      <c r="H821" s="11">
        <v>135.52981599999998</v>
      </c>
      <c r="I821" s="13">
        <v>0.12549096717745636</v>
      </c>
      <c r="J821" s="11">
        <v>-72.966381000000183</v>
      </c>
      <c r="K821" s="13">
        <v>-6.0028627054066086E-2</v>
      </c>
      <c r="L821" s="11">
        <v>-43.575087639999992</v>
      </c>
      <c r="M821" s="13">
        <v>-3.8138116927984224E-2</v>
      </c>
      <c r="N821" s="11">
        <v>-116.54146864000018</v>
      </c>
      <c r="O821" s="13">
        <v>-9.5877365184435986E-2</v>
      </c>
      <c r="P821" s="7">
        <v>1079.9965850000001</v>
      </c>
      <c r="Q821" s="7">
        <v>1094.853171</v>
      </c>
      <c r="R821" s="7">
        <v>1122.7042879999999</v>
      </c>
      <c r="S821" s="7">
        <v>1087.633394</v>
      </c>
      <c r="T821" s="7">
        <v>1150.5042080000001</v>
      </c>
      <c r="U821" s="7">
        <v>1229.9587979999999</v>
      </c>
      <c r="V821" s="7">
        <v>1215.5264010000001</v>
      </c>
      <c r="W821" s="7">
        <v>1206.0528019999999</v>
      </c>
      <c r="X821" s="7">
        <v>1169.208621</v>
      </c>
      <c r="Y821" s="7">
        <v>1142.5600199999999</v>
      </c>
      <c r="Z821" s="7">
        <v>1114.178615</v>
      </c>
      <c r="AA821" s="7">
        <v>1121.082686</v>
      </c>
      <c r="AB821" s="7">
        <v>1106.898404</v>
      </c>
      <c r="AC821" s="7">
        <v>1125.4294440000001</v>
      </c>
      <c r="AD821" s="7">
        <v>1124.800025</v>
      </c>
      <c r="AE821" s="7">
        <v>1100.7872097500001</v>
      </c>
      <c r="AF821" s="7">
        <v>1098.9849323599999</v>
      </c>
      <c r="AG821" s="9">
        <v>10983.688192900001</v>
      </c>
      <c r="AH821" s="13">
        <v>0.39704822978329046</v>
      </c>
      <c r="AI821" s="9">
        <v>3826.5313332000005</v>
      </c>
      <c r="AJ821" s="13">
        <v>0.13832489282056107</v>
      </c>
      <c r="AK821" s="9">
        <v>6952.4182358000035</v>
      </c>
      <c r="AL821" s="13">
        <v>0.22078254003824152</v>
      </c>
      <c r="AM821" s="9">
        <v>204.73862389999704</v>
      </c>
      <c r="AN821" s="13">
        <v>5.3258668687926614E-3</v>
      </c>
      <c r="AO821" s="9">
        <v>7157.1568597000005</v>
      </c>
      <c r="AP821" s="13">
        <v>0.22728426532223173</v>
      </c>
      <c r="AQ821" s="9">
        <v>27663.360188999999</v>
      </c>
      <c r="AR821" s="9">
        <v>28515.442980299998</v>
      </c>
      <c r="AS821" s="9">
        <v>29069.124443000001</v>
      </c>
      <c r="AT821" s="9">
        <v>30198.895860000001</v>
      </c>
      <c r="AU821" s="9">
        <v>30096.637535999998</v>
      </c>
      <c r="AV821" s="9">
        <v>29525.950097500001</v>
      </c>
      <c r="AW821" s="9">
        <v>31489.8915222</v>
      </c>
      <c r="AX821" s="9">
        <v>32883.778492500001</v>
      </c>
      <c r="AY821" s="9">
        <v>35058.031244500002</v>
      </c>
      <c r="AZ821" s="9">
        <v>38442.309758000003</v>
      </c>
      <c r="BA821" s="9">
        <v>36738.638801900001</v>
      </c>
      <c r="BB821" s="9">
        <v>36707.938569799997</v>
      </c>
      <c r="BC821" s="9">
        <v>38222.771601799999</v>
      </c>
      <c r="BD821" s="9">
        <v>37473.417591799996</v>
      </c>
      <c r="BE821" s="9">
        <v>37784.664659000002</v>
      </c>
      <c r="BF821" s="9">
        <v>38647.0483819</v>
      </c>
      <c r="BG821" s="11">
        <v>1</v>
      </c>
      <c r="BH821" s="13">
        <v>1.4084507042253521E-2</v>
      </c>
      <c r="BI821" s="6">
        <v>1</v>
      </c>
      <c r="BJ821" s="13">
        <v>1.4084507042253521E-2</v>
      </c>
      <c r="BK821" s="6">
        <v>1</v>
      </c>
      <c r="BL821" s="13">
        <v>1.3888888888888888E-2</v>
      </c>
      <c r="BM821" s="11">
        <v>-1</v>
      </c>
      <c r="BN821" s="13">
        <v>-1.3698630136986301E-2</v>
      </c>
      <c r="BO821" s="11">
        <v>0</v>
      </c>
      <c r="BP821" s="13">
        <v>0</v>
      </c>
      <c r="BQ821" s="6">
        <v>71</v>
      </c>
      <c r="BR821" s="6">
        <v>70</v>
      </c>
      <c r="BS821" s="6">
        <v>71</v>
      </c>
      <c r="BT821" s="6">
        <v>72</v>
      </c>
      <c r="BU821" s="6">
        <v>72</v>
      </c>
      <c r="BV821" s="6">
        <v>73</v>
      </c>
      <c r="BW821" s="6">
        <v>73</v>
      </c>
      <c r="BX821" s="6">
        <v>73</v>
      </c>
      <c r="BY821" s="6">
        <v>72</v>
      </c>
      <c r="BZ821" s="6">
        <v>74</v>
      </c>
      <c r="CA821" s="6">
        <v>73</v>
      </c>
      <c r="CB821" s="6">
        <v>73</v>
      </c>
      <c r="CC821" s="11">
        <v>72</v>
      </c>
      <c r="CD821" s="11">
        <v>-35.753900000000002</v>
      </c>
      <c r="CE821" s="11">
        <v>-63.314399999999999</v>
      </c>
      <c r="CF821" s="11">
        <v>118.057</v>
      </c>
      <c r="CG821" s="11">
        <v>55</v>
      </c>
      <c r="CH821" s="20">
        <v>1.5242899999999999</v>
      </c>
      <c r="CI821" s="20">
        <v>1.5456399999999999</v>
      </c>
      <c r="CJ821" s="20">
        <v>1.62662</v>
      </c>
      <c r="CK821" s="20">
        <v>1.6096699999999999</v>
      </c>
      <c r="CL821" s="20">
        <v>1.66858</v>
      </c>
      <c r="CM821" s="20">
        <v>1.8313600000000001</v>
      </c>
      <c r="CN821" s="20">
        <v>1.82036</v>
      </c>
      <c r="CO821" s="20">
        <v>1.56718</v>
      </c>
      <c r="CP821" s="20">
        <v>1.6843900000000001</v>
      </c>
      <c r="CQ821" s="20">
        <v>1.63487</v>
      </c>
      <c r="CR821" s="20">
        <v>1.59388</v>
      </c>
      <c r="CS821" s="20">
        <v>1.64747</v>
      </c>
      <c r="CT821" s="20">
        <v>1.6826700000000001</v>
      </c>
      <c r="CU821" s="20">
        <v>1.74013</v>
      </c>
      <c r="CV821" s="20">
        <v>1.7411099999999999</v>
      </c>
      <c r="CW821" s="20">
        <v>1.7331399999999999</v>
      </c>
      <c r="CX821" s="20">
        <v>1.7429699999999999</v>
      </c>
      <c r="CY821" s="6" t="s">
        <v>518</v>
      </c>
      <c r="CZ821" s="6" t="s">
        <v>519</v>
      </c>
      <c r="DA821" s="6" t="s">
        <v>95</v>
      </c>
      <c r="DB821" s="6"/>
      <c r="DC821" s="6"/>
      <c r="DD821" s="6"/>
      <c r="DE821" s="6"/>
      <c r="DF821" s="6"/>
      <c r="DG821" s="6"/>
      <c r="DH821" s="6" t="s">
        <v>333</v>
      </c>
      <c r="DI821" s="6"/>
      <c r="DJ821" s="6"/>
      <c r="DK821" s="6"/>
      <c r="DL821" s="6">
        <v>11</v>
      </c>
      <c r="DM821" s="6" t="s">
        <v>520</v>
      </c>
      <c r="DN821" s="6">
        <v>7</v>
      </c>
      <c r="DO821" s="6" t="s">
        <v>369</v>
      </c>
      <c r="DP821" s="6"/>
      <c r="DQ821" s="6"/>
    </row>
    <row r="822" spans="1:121" x14ac:dyDescent="0.2">
      <c r="A822" s="6" t="s">
        <v>1</v>
      </c>
      <c r="B822" s="6" t="s">
        <v>1</v>
      </c>
      <c r="C822" s="6" t="s">
        <v>2</v>
      </c>
      <c r="D822" s="6" t="s">
        <v>60</v>
      </c>
      <c r="E822" s="6" t="s">
        <v>201</v>
      </c>
      <c r="F822" s="11">
        <v>304</v>
      </c>
      <c r="G822" s="13">
        <v>3.4545454545499998</v>
      </c>
      <c r="H822" s="11">
        <v>142.66221887159998</v>
      </c>
      <c r="I822" s="13">
        <v>1.6191862445152687</v>
      </c>
      <c r="J822" s="11">
        <v>36.047988683000028</v>
      </c>
      <c r="K822" s="13">
        <v>0.15620771803849462</v>
      </c>
      <c r="L822" s="11">
        <v>125.364074614</v>
      </c>
      <c r="M822" s="13">
        <v>0.46984940925587843</v>
      </c>
      <c r="N822" s="11">
        <v>161.41206329700003</v>
      </c>
      <c r="O822" s="13">
        <v>0.69945123133596854</v>
      </c>
      <c r="P822" s="7">
        <v>88.107355997400006</v>
      </c>
      <c r="Q822" s="7">
        <v>178.85665462599999</v>
      </c>
      <c r="R822" s="7">
        <v>97.0345891825</v>
      </c>
      <c r="S822" s="7">
        <v>122.879439155</v>
      </c>
      <c r="T822" s="7">
        <v>196.074617609</v>
      </c>
      <c r="U822" s="7">
        <v>320.344187643</v>
      </c>
      <c r="V822" s="7">
        <v>230.769574869</v>
      </c>
      <c r="W822" s="7">
        <v>191.97565192600001</v>
      </c>
      <c r="X822" s="7">
        <v>248.602627759</v>
      </c>
      <c r="Y822" s="7">
        <v>266.81756355200002</v>
      </c>
      <c r="Z822" s="7">
        <v>232.26184448800001</v>
      </c>
      <c r="AA822" s="7">
        <v>222.483207247</v>
      </c>
      <c r="AB822" s="7">
        <v>198.87862413900001</v>
      </c>
      <c r="AC822" s="7">
        <v>234.95367954599999</v>
      </c>
      <c r="AD822" s="7">
        <v>347.90361286900003</v>
      </c>
      <c r="AE822" s="7">
        <v>374.94620742400002</v>
      </c>
      <c r="AF822" s="7">
        <v>392.18163816600003</v>
      </c>
      <c r="AG822" s="9">
        <v>11202.442585599998</v>
      </c>
      <c r="AH822" s="13">
        <v>0.60322208347923456</v>
      </c>
      <c r="AI822" s="9">
        <v>3693.2233328999973</v>
      </c>
      <c r="AJ822" s="13">
        <v>0.19887036747591039</v>
      </c>
      <c r="AK822" s="9">
        <v>2661.157587200003</v>
      </c>
      <c r="AL822" s="13">
        <v>0.11952613403684656</v>
      </c>
      <c r="AM822" s="9">
        <v>4848.0616654999976</v>
      </c>
      <c r="AN822" s="13">
        <v>0.19450294383526165</v>
      </c>
      <c r="AO822" s="9">
        <v>7509.2192527000007</v>
      </c>
      <c r="AP822" s="13">
        <v>0.33727726280752296</v>
      </c>
      <c r="AQ822" s="9">
        <v>18571.008741900001</v>
      </c>
      <c r="AR822" s="9">
        <v>18826.0331439</v>
      </c>
      <c r="AS822" s="9">
        <v>19096.389839399999</v>
      </c>
      <c r="AT822" s="9">
        <v>20219.263385499999</v>
      </c>
      <c r="AU822" s="9">
        <v>21759.738269199999</v>
      </c>
      <c r="AV822" s="9">
        <v>22114.4905636</v>
      </c>
      <c r="AW822" s="9">
        <v>22264.232074799998</v>
      </c>
      <c r="AX822" s="9">
        <v>23069.763492599999</v>
      </c>
      <c r="AY822" s="9">
        <v>24925.512164299998</v>
      </c>
      <c r="AZ822" s="9">
        <v>24925.389662000001</v>
      </c>
      <c r="BA822" s="9">
        <v>25752.700352200001</v>
      </c>
      <c r="BB822" s="9">
        <v>25878.892315900001</v>
      </c>
      <c r="BC822" s="9">
        <v>28151.1744363</v>
      </c>
      <c r="BD822" s="9">
        <v>29196.8372533</v>
      </c>
      <c r="BE822" s="9">
        <v>29039.350247599999</v>
      </c>
      <c r="BF822" s="9">
        <v>29773.451327499999</v>
      </c>
      <c r="BG822" s="11">
        <v>12.5</v>
      </c>
      <c r="BH822" s="13">
        <v>6.25</v>
      </c>
      <c r="BI822" s="6">
        <v>6</v>
      </c>
      <c r="BJ822" s="13">
        <v>3</v>
      </c>
      <c r="BK822" s="6">
        <v>5</v>
      </c>
      <c r="BL822" s="13">
        <v>0.625</v>
      </c>
      <c r="BM822" s="11">
        <v>1.5</v>
      </c>
      <c r="BN822" s="13">
        <v>0.11538461538461539</v>
      </c>
      <c r="BO822" s="11">
        <v>6.5</v>
      </c>
      <c r="BP822" s="13">
        <v>0.8125</v>
      </c>
      <c r="BQ822" s="6">
        <v>2</v>
      </c>
      <c r="BR822" s="6">
        <v>4</v>
      </c>
      <c r="BS822" s="6">
        <v>3</v>
      </c>
      <c r="BT822" s="6">
        <v>8</v>
      </c>
      <c r="BU822" s="6">
        <v>8</v>
      </c>
      <c r="BV822" s="6">
        <v>10</v>
      </c>
      <c r="BW822" s="6">
        <v>13</v>
      </c>
      <c r="BX822" s="6">
        <v>11</v>
      </c>
      <c r="BY822" s="6">
        <v>10</v>
      </c>
      <c r="BZ822" s="6">
        <v>15</v>
      </c>
      <c r="CA822" s="6">
        <v>15</v>
      </c>
      <c r="CB822" s="6">
        <v>17</v>
      </c>
      <c r="CC822" s="11">
        <v>14.5</v>
      </c>
      <c r="CD822" s="11">
        <v>302.476</v>
      </c>
      <c r="CE822" s="11">
        <v>-8.0330700000000004</v>
      </c>
      <c r="CF822" s="11">
        <v>9.6311900000000001</v>
      </c>
      <c r="CG822" s="11">
        <v>2</v>
      </c>
      <c r="CH822" s="20">
        <v>2.0832299999999999</v>
      </c>
      <c r="CI822" s="20">
        <v>4.1399699999999999</v>
      </c>
      <c r="CJ822" s="20">
        <v>2.29053</v>
      </c>
      <c r="CK822" s="20">
        <v>2.8759899999999998</v>
      </c>
      <c r="CL822" s="20">
        <v>4.3122499999999997</v>
      </c>
      <c r="CM822" s="20">
        <v>7.0739700000000001</v>
      </c>
      <c r="CN822" s="20">
        <v>5.3620999999999999</v>
      </c>
      <c r="CO822" s="20">
        <v>4.6289400000000001</v>
      </c>
      <c r="CP822" s="20">
        <v>5.7856300000000003</v>
      </c>
      <c r="CQ822" s="20">
        <v>6.58005</v>
      </c>
      <c r="CR822" s="20">
        <v>5.8985399999999997</v>
      </c>
      <c r="CS822" s="20">
        <v>5.7337499999999997</v>
      </c>
      <c r="CT822" s="20">
        <v>5.2491599999999998</v>
      </c>
      <c r="CU822" s="20">
        <v>6.16526</v>
      </c>
      <c r="CV822" s="20">
        <v>8.84511</v>
      </c>
      <c r="CW822" s="20">
        <v>9.5515899999999991</v>
      </c>
      <c r="CX822" s="20">
        <v>9.9596300000000006</v>
      </c>
      <c r="CY822" s="6" t="s">
        <v>521</v>
      </c>
      <c r="CZ822" s="6" t="s">
        <v>522</v>
      </c>
      <c r="DA822" s="6" t="s">
        <v>60</v>
      </c>
      <c r="DB822" s="6"/>
      <c r="DC822" s="6"/>
      <c r="DD822" s="6"/>
      <c r="DE822" s="6"/>
      <c r="DF822" s="6"/>
      <c r="DG822" s="6"/>
      <c r="DH822" s="6" t="s">
        <v>333</v>
      </c>
      <c r="DI822" s="6"/>
      <c r="DJ822" s="6"/>
      <c r="DK822" s="6"/>
      <c r="DL822" s="6">
        <v>11</v>
      </c>
      <c r="DM822" s="6" t="s">
        <v>520</v>
      </c>
      <c r="DN822" s="6">
        <v>7</v>
      </c>
      <c r="DO822" s="6" t="s">
        <v>369</v>
      </c>
      <c r="DP822" s="6"/>
      <c r="DQ822" s="6"/>
    </row>
    <row r="823" spans="1:121" x14ac:dyDescent="0.2">
      <c r="A823" s="6" t="s">
        <v>310</v>
      </c>
      <c r="B823" s="6" t="s">
        <v>310</v>
      </c>
      <c r="C823" s="6" t="s">
        <v>173</v>
      </c>
      <c r="D823" s="6" t="s">
        <v>60</v>
      </c>
      <c r="E823" s="6" t="s">
        <v>201</v>
      </c>
      <c r="F823" s="11">
        <v>1</v>
      </c>
      <c r="G823" s="13">
        <v>1</v>
      </c>
      <c r="H823" s="11">
        <v>0</v>
      </c>
      <c r="I823" s="13">
        <v>0</v>
      </c>
      <c r="J823" s="11">
        <v>0</v>
      </c>
      <c r="K823" s="13">
        <v>0</v>
      </c>
      <c r="L823" s="11">
        <v>0</v>
      </c>
      <c r="M823" s="13">
        <v>0</v>
      </c>
      <c r="N823" s="11">
        <v>0</v>
      </c>
      <c r="O823" s="13">
        <v>0</v>
      </c>
      <c r="P823" s="7">
        <v>5</v>
      </c>
      <c r="Q823" s="7">
        <v>5</v>
      </c>
      <c r="R823" s="7">
        <v>10.177415999999999</v>
      </c>
      <c r="S823" s="7">
        <v>5</v>
      </c>
      <c r="T823" s="7">
        <v>5</v>
      </c>
      <c r="U823" s="7">
        <v>5</v>
      </c>
      <c r="V823" s="7">
        <v>5</v>
      </c>
      <c r="W823" s="7">
        <v>12.954309</v>
      </c>
      <c r="X823" s="7">
        <v>5</v>
      </c>
      <c r="Y823" s="7">
        <v>5</v>
      </c>
      <c r="Z823" s="7">
        <v>5</v>
      </c>
      <c r="AA823" s="7">
        <v>5</v>
      </c>
      <c r="AB823" s="7">
        <v>5</v>
      </c>
      <c r="AC823" s="7">
        <v>5</v>
      </c>
      <c r="AD823" s="7">
        <v>5</v>
      </c>
      <c r="AE823" s="7">
        <v>5</v>
      </c>
      <c r="AF823" s="7">
        <v>5</v>
      </c>
      <c r="AG823" s="9">
        <v>0</v>
      </c>
      <c r="AH823" s="13">
        <v>0</v>
      </c>
      <c r="AI823" s="9">
        <v>0</v>
      </c>
      <c r="AJ823" s="13">
        <v>0</v>
      </c>
      <c r="AK823" s="9">
        <v>0</v>
      </c>
      <c r="AL823" s="13">
        <v>0</v>
      </c>
      <c r="AM823" s="9">
        <v>0</v>
      </c>
      <c r="AN823" s="13">
        <v>0</v>
      </c>
      <c r="AO823" s="9">
        <v>0</v>
      </c>
      <c r="AP823" s="13">
        <v>0</v>
      </c>
      <c r="AQ823" s="9">
        <v>1</v>
      </c>
      <c r="AR823" s="9">
        <v>1</v>
      </c>
      <c r="AS823" s="9">
        <v>30550.459473300001</v>
      </c>
      <c r="AT823" s="9">
        <v>1</v>
      </c>
      <c r="AU823" s="9">
        <v>1</v>
      </c>
      <c r="AV823" s="9">
        <v>1</v>
      </c>
      <c r="AW823" s="9">
        <v>1</v>
      </c>
      <c r="AX823" s="9">
        <v>44720.531115199999</v>
      </c>
      <c r="AY823" s="9">
        <v>1</v>
      </c>
      <c r="AZ823" s="9">
        <v>1</v>
      </c>
      <c r="BA823" s="9">
        <v>1</v>
      </c>
      <c r="BB823" s="9">
        <v>1</v>
      </c>
      <c r="BC823" s="9">
        <v>1</v>
      </c>
      <c r="BD823" s="9">
        <v>1</v>
      </c>
      <c r="BE823" s="9">
        <v>1</v>
      </c>
      <c r="BF823" s="9">
        <v>1</v>
      </c>
      <c r="BG823" s="11">
        <v>0</v>
      </c>
      <c r="BH823" s="13">
        <v>0</v>
      </c>
      <c r="BI823" s="6">
        <v>-1</v>
      </c>
      <c r="BJ823" s="13">
        <v>-0.33333333333333331</v>
      </c>
      <c r="BK823" s="6">
        <v>3</v>
      </c>
      <c r="BL823" s="13">
        <v>1.5</v>
      </c>
      <c r="BM823" s="11">
        <v>-2</v>
      </c>
      <c r="BN823" s="13">
        <v>-0.4</v>
      </c>
      <c r="BO823" s="11">
        <v>1</v>
      </c>
      <c r="BP823" s="13">
        <v>0.5</v>
      </c>
      <c r="BQ823" s="6">
        <v>3</v>
      </c>
      <c r="BR823" s="6">
        <v>3</v>
      </c>
      <c r="BS823" s="6">
        <v>3</v>
      </c>
      <c r="BT823" s="6">
        <v>2</v>
      </c>
      <c r="BU823" s="6">
        <v>2</v>
      </c>
      <c r="BV823" s="6">
        <v>3</v>
      </c>
      <c r="BW823" s="6">
        <v>5</v>
      </c>
      <c r="BX823" s="6">
        <v>5</v>
      </c>
      <c r="BY823" s="6">
        <v>4</v>
      </c>
      <c r="BZ823" s="6">
        <v>3</v>
      </c>
      <c r="CA823" s="6">
        <v>3</v>
      </c>
      <c r="CB823" s="6">
        <v>3</v>
      </c>
      <c r="CC823" s="11">
        <v>3</v>
      </c>
      <c r="CD823" s="11">
        <v>7.1087899999999999</v>
      </c>
      <c r="CE823" s="11">
        <v>2.5937000000000002E-2</v>
      </c>
      <c r="CF823" s="11">
        <v>2.7328000000000002E-2</v>
      </c>
      <c r="CG823" s="11">
        <v>0</v>
      </c>
      <c r="CH823" s="20">
        <v>2.0833999999999998E-2</v>
      </c>
      <c r="CI823" s="20">
        <v>6.1914299999999999E-2</v>
      </c>
      <c r="CJ823" s="20">
        <v>0.89702899999999997</v>
      </c>
      <c r="CK823" s="20">
        <v>0.280866</v>
      </c>
      <c r="CL823" s="20">
        <v>0.159666</v>
      </c>
      <c r="CM823" s="20">
        <v>0.66997600000000002</v>
      </c>
      <c r="CN823" s="20">
        <v>0.26610800000000001</v>
      </c>
      <c r="CO823" s="20">
        <v>0.80022199999999999</v>
      </c>
      <c r="CP823" s="20">
        <v>0.11326899999999999</v>
      </c>
      <c r="CQ823" s="20">
        <v>0.11758399999999999</v>
      </c>
      <c r="CR823" s="20">
        <v>0.62890500000000005</v>
      </c>
      <c r="CS823" s="20">
        <v>0.37046499999999999</v>
      </c>
      <c r="CT823" s="20">
        <v>0.60350300000000001</v>
      </c>
      <c r="CU823" s="20">
        <v>0.54499200000000003</v>
      </c>
      <c r="CV823" s="20">
        <v>0.37280799999999997</v>
      </c>
      <c r="CW823" s="20">
        <v>0.55909500000000001</v>
      </c>
      <c r="CX823" s="20">
        <v>0.55683499999999997</v>
      </c>
      <c r="CY823" s="6" t="s">
        <v>521</v>
      </c>
      <c r="CZ823" s="6" t="s">
        <v>522</v>
      </c>
      <c r="DA823" s="6" t="s">
        <v>60</v>
      </c>
      <c r="DB823" s="6"/>
      <c r="DC823" s="6"/>
      <c r="DD823" s="6"/>
      <c r="DE823" s="6"/>
      <c r="DF823" s="6"/>
      <c r="DG823" s="6"/>
      <c r="DH823" s="6" t="s">
        <v>333</v>
      </c>
      <c r="DI823" s="6"/>
      <c r="DJ823" s="6"/>
      <c r="DK823" s="6"/>
      <c r="DL823" s="6">
        <v>11</v>
      </c>
      <c r="DM823" s="6" t="s">
        <v>520</v>
      </c>
      <c r="DN823" s="6">
        <v>7</v>
      </c>
      <c r="DO823" s="6" t="s">
        <v>369</v>
      </c>
      <c r="DP823" s="6"/>
      <c r="DQ823" s="6"/>
    </row>
    <row r="824" spans="1:121" x14ac:dyDescent="0.2">
      <c r="A824" s="6" t="s">
        <v>311</v>
      </c>
      <c r="B824" s="6" t="s">
        <v>311</v>
      </c>
      <c r="C824" s="6" t="s">
        <v>174</v>
      </c>
      <c r="D824" s="6" t="s">
        <v>60</v>
      </c>
      <c r="E824" s="6" t="s">
        <v>201</v>
      </c>
      <c r="F824" s="11">
        <v>0</v>
      </c>
      <c r="G824" s="13">
        <v>0</v>
      </c>
      <c r="H824" s="11">
        <v>0</v>
      </c>
      <c r="I824" s="13"/>
      <c r="J824" s="11">
        <v>0</v>
      </c>
      <c r="K824" s="13"/>
      <c r="L824" s="11">
        <v>0</v>
      </c>
      <c r="M824" s="13"/>
      <c r="N824" s="11">
        <v>0</v>
      </c>
      <c r="O824" s="13"/>
      <c r="P824" s="7">
        <v>0</v>
      </c>
      <c r="Q824" s="7">
        <v>0</v>
      </c>
      <c r="R824" s="7">
        <v>0</v>
      </c>
      <c r="S824" s="7">
        <v>0</v>
      </c>
      <c r="T824" s="7">
        <v>0</v>
      </c>
      <c r="U824" s="7">
        <v>0</v>
      </c>
      <c r="V824" s="7">
        <v>0</v>
      </c>
      <c r="W824" s="7">
        <v>0</v>
      </c>
      <c r="X824" s="7">
        <v>0</v>
      </c>
      <c r="Y824" s="7">
        <v>0</v>
      </c>
      <c r="Z824" s="7">
        <v>0</v>
      </c>
      <c r="AA824" s="7">
        <v>0</v>
      </c>
      <c r="AB824" s="7">
        <v>0</v>
      </c>
      <c r="AC824" s="7">
        <v>0</v>
      </c>
      <c r="AD824" s="7">
        <v>0</v>
      </c>
      <c r="AE824" s="7">
        <v>0</v>
      </c>
      <c r="AF824" s="7">
        <v>0</v>
      </c>
      <c r="AG824" s="9">
        <v>0</v>
      </c>
      <c r="AH824" s="13"/>
      <c r="AI824" s="9">
        <v>0</v>
      </c>
      <c r="AJ824" s="13"/>
      <c r="AK824" s="9">
        <v>0</v>
      </c>
      <c r="AL824" s="13"/>
      <c r="AM824" s="9">
        <v>0</v>
      </c>
      <c r="AN824" s="13"/>
      <c r="AO824" s="9">
        <v>0</v>
      </c>
      <c r="AP824" s="13"/>
      <c r="AQ824" s="9">
        <v>0</v>
      </c>
      <c r="AR824" s="9">
        <v>0</v>
      </c>
      <c r="AS824" s="9">
        <v>0</v>
      </c>
      <c r="AT824" s="9">
        <v>0</v>
      </c>
      <c r="AU824" s="9">
        <v>0</v>
      </c>
      <c r="AV824" s="9">
        <v>0</v>
      </c>
      <c r="AW824" s="9">
        <v>0</v>
      </c>
      <c r="AX824" s="9">
        <v>0</v>
      </c>
      <c r="AY824" s="9">
        <v>0</v>
      </c>
      <c r="AZ824" s="9">
        <v>0</v>
      </c>
      <c r="BA824" s="9">
        <v>0</v>
      </c>
      <c r="BB824" s="9">
        <v>0</v>
      </c>
      <c r="BC824" s="9">
        <v>0</v>
      </c>
      <c r="BD824" s="9">
        <v>0</v>
      </c>
      <c r="BE824" s="9">
        <v>0</v>
      </c>
      <c r="BF824" s="9">
        <v>0</v>
      </c>
      <c r="BG824" s="11">
        <v>0</v>
      </c>
      <c r="BH824" s="13" t="e">
        <v>#DIV/0!</v>
      </c>
      <c r="BI824" s="6">
        <v>0</v>
      </c>
      <c r="BJ824" s="13" t="e">
        <v>#DIV/0!</v>
      </c>
      <c r="BK824" s="6">
        <v>0</v>
      </c>
      <c r="BL824" s="13" t="e">
        <v>#DIV/0!</v>
      </c>
      <c r="BM824" s="11">
        <v>0</v>
      </c>
      <c r="BN824" s="13" t="e">
        <v>#DIV/0!</v>
      </c>
      <c r="BO824" s="11">
        <v>0</v>
      </c>
      <c r="BP824" s="13" t="e">
        <v>#DIV/0!</v>
      </c>
      <c r="BQ824" s="6">
        <v>0</v>
      </c>
      <c r="BR824" s="6">
        <v>0</v>
      </c>
      <c r="BS824" s="6">
        <v>0</v>
      </c>
      <c r="BT824" s="6">
        <v>0</v>
      </c>
      <c r="BU824" s="6">
        <v>0</v>
      </c>
      <c r="BV824" s="6">
        <v>0</v>
      </c>
      <c r="BW824" s="6">
        <v>0</v>
      </c>
      <c r="BX824" s="6">
        <v>0</v>
      </c>
      <c r="BY824" s="6">
        <v>0</v>
      </c>
      <c r="BZ824" s="6">
        <v>0</v>
      </c>
      <c r="CA824" s="6">
        <v>0</v>
      </c>
      <c r="CB824" s="6">
        <v>0</v>
      </c>
      <c r="CC824" s="11">
        <v>0</v>
      </c>
      <c r="CD824" s="11">
        <v>0</v>
      </c>
      <c r="CE824" s="11">
        <v>0</v>
      </c>
      <c r="CF824" s="11">
        <v>0</v>
      </c>
      <c r="CG824" s="11">
        <v>0</v>
      </c>
      <c r="CH824" s="20">
        <v>0</v>
      </c>
      <c r="CI824" s="20">
        <v>0</v>
      </c>
      <c r="CJ824" s="20">
        <v>0</v>
      </c>
      <c r="CK824" s="20">
        <v>0</v>
      </c>
      <c r="CL824" s="20">
        <v>0</v>
      </c>
      <c r="CM824" s="20">
        <v>0</v>
      </c>
      <c r="CN824" s="20">
        <v>0</v>
      </c>
      <c r="CO824" s="20">
        <v>0</v>
      </c>
      <c r="CP824" s="20">
        <v>0</v>
      </c>
      <c r="CQ824" s="20">
        <v>0</v>
      </c>
      <c r="CR824" s="20">
        <v>0</v>
      </c>
      <c r="CS824" s="20">
        <v>0</v>
      </c>
      <c r="CT824" s="20">
        <v>0</v>
      </c>
      <c r="CU824" s="20">
        <v>0</v>
      </c>
      <c r="CV824" s="20">
        <v>0</v>
      </c>
      <c r="CW824" s="20">
        <v>0</v>
      </c>
      <c r="CX824" s="20">
        <v>0</v>
      </c>
      <c r="CY824" s="6" t="s">
        <v>521</v>
      </c>
      <c r="CZ824" s="6" t="s">
        <v>522</v>
      </c>
      <c r="DA824" s="6" t="s">
        <v>60</v>
      </c>
      <c r="DB824" s="6"/>
      <c r="DC824" s="6"/>
      <c r="DD824" s="6"/>
      <c r="DE824" s="6"/>
      <c r="DF824" s="6"/>
      <c r="DG824" s="6"/>
      <c r="DH824" s="6" t="s">
        <v>333</v>
      </c>
      <c r="DI824" s="6"/>
      <c r="DJ824" s="6"/>
      <c r="DK824" s="6"/>
      <c r="DL824" s="6">
        <v>11</v>
      </c>
      <c r="DM824" s="6" t="s">
        <v>520</v>
      </c>
      <c r="DN824" s="6">
        <v>7</v>
      </c>
      <c r="DO824" s="6" t="s">
        <v>369</v>
      </c>
      <c r="DP824" s="6"/>
      <c r="DQ824" s="6"/>
    </row>
    <row r="825" spans="1:121" x14ac:dyDescent="0.2">
      <c r="A825" s="6" t="s">
        <v>312</v>
      </c>
      <c r="B825" s="6" t="s">
        <v>312</v>
      </c>
      <c r="C825" s="6" t="s">
        <v>175</v>
      </c>
      <c r="D825" s="6" t="s">
        <v>60</v>
      </c>
      <c r="E825" s="6" t="s">
        <v>201</v>
      </c>
      <c r="F825" s="11">
        <v>-20</v>
      </c>
      <c r="G825" s="13">
        <v>-0.15873015872999999</v>
      </c>
      <c r="H825" s="11">
        <v>10.925355388</v>
      </c>
      <c r="I825" s="13">
        <v>8.6871693227220922E-2</v>
      </c>
      <c r="J825" s="11">
        <v>-25.659529841999998</v>
      </c>
      <c r="K825" s="13">
        <v>-0.18772111715692624</v>
      </c>
      <c r="L825" s="11">
        <v>-5.4491666509999988</v>
      </c>
      <c r="M825" s="13">
        <v>-4.907828324875211E-2</v>
      </c>
      <c r="N825" s="11">
        <v>-31.108696492999997</v>
      </c>
      <c r="O825" s="13">
        <v>-0.22758637024607856</v>
      </c>
      <c r="P825" s="7">
        <v>125.764273518</v>
      </c>
      <c r="Q825" s="7">
        <v>126.296922271</v>
      </c>
      <c r="R825" s="7">
        <v>133.87280130299999</v>
      </c>
      <c r="S825" s="7">
        <v>129.58081649100001</v>
      </c>
      <c r="T825" s="7">
        <v>164.64410758700001</v>
      </c>
      <c r="U825" s="7">
        <v>141.25266976399999</v>
      </c>
      <c r="V825" s="7">
        <v>136.689628906</v>
      </c>
      <c r="W825" s="7">
        <v>136.306807279</v>
      </c>
      <c r="X825" s="7">
        <v>126.452440387</v>
      </c>
      <c r="Y825" s="7">
        <v>111.030099064</v>
      </c>
      <c r="Z825" s="7">
        <v>103.57993469199999</v>
      </c>
      <c r="AA825" s="7">
        <v>100.99575507500001</v>
      </c>
      <c r="AB825" s="7">
        <v>101.85116526500001</v>
      </c>
      <c r="AC825" s="7">
        <v>103.77260747299999</v>
      </c>
      <c r="AD825" s="7">
        <v>111.684377841</v>
      </c>
      <c r="AE825" s="7">
        <v>105.329643948</v>
      </c>
      <c r="AF825" s="7">
        <v>105.580932413</v>
      </c>
      <c r="AG825" s="9">
        <v>2468.8399123000017</v>
      </c>
      <c r="AH825" s="13">
        <v>0.10107521949790781</v>
      </c>
      <c r="AI825" s="9">
        <v>-1374.3988437999978</v>
      </c>
      <c r="AJ825" s="13">
        <v>-5.6268397202529866E-2</v>
      </c>
      <c r="AK825" s="9">
        <v>-2285.9296142000021</v>
      </c>
      <c r="AL825" s="13">
        <v>-9.9166758788372833E-2</v>
      </c>
      <c r="AM825" s="9">
        <v>6129.1683703000017</v>
      </c>
      <c r="AN825" s="13">
        <v>0.29516197868244487</v>
      </c>
      <c r="AO825" s="9">
        <v>3843.2387560999996</v>
      </c>
      <c r="AP825" s="13">
        <v>0.16672496315057117</v>
      </c>
      <c r="AQ825" s="9">
        <v>24425.768497599998</v>
      </c>
      <c r="AR825" s="9">
        <v>25200.908673400001</v>
      </c>
      <c r="AS825" s="9">
        <v>25441.3402059</v>
      </c>
      <c r="AT825" s="9">
        <v>25713.064537999999</v>
      </c>
      <c r="AU825" s="9">
        <v>24993.3943683</v>
      </c>
      <c r="AV825" s="9">
        <v>23267.708003700001</v>
      </c>
      <c r="AW825" s="9">
        <v>23051.3696538</v>
      </c>
      <c r="AX825" s="9">
        <v>23477.524249400001</v>
      </c>
      <c r="AY825" s="9">
        <v>21265.226803699999</v>
      </c>
      <c r="AZ825" s="9">
        <v>20765.440039599998</v>
      </c>
      <c r="BA825" s="9">
        <v>20755.088335600001</v>
      </c>
      <c r="BB825" s="9">
        <v>21985.3359814</v>
      </c>
      <c r="BC825" s="9">
        <v>24508.708719400001</v>
      </c>
      <c r="BD825" s="9">
        <v>27045.1452589</v>
      </c>
      <c r="BE825" s="9">
        <v>28446.086069100002</v>
      </c>
      <c r="BF825" s="9">
        <v>26894.6084099</v>
      </c>
      <c r="BG825" s="11">
        <v>-8</v>
      </c>
      <c r="BH825" s="13">
        <v>-0.5</v>
      </c>
      <c r="BI825" s="6">
        <v>0</v>
      </c>
      <c r="BJ825" s="13">
        <v>0</v>
      </c>
      <c r="BK825" s="6">
        <v>-4</v>
      </c>
      <c r="BL825" s="13">
        <v>-0.25</v>
      </c>
      <c r="BM825" s="11">
        <v>-4</v>
      </c>
      <c r="BN825" s="13">
        <v>-0.33333333333333331</v>
      </c>
      <c r="BO825" s="11">
        <v>-8</v>
      </c>
      <c r="BP825" s="13">
        <v>-0.5</v>
      </c>
      <c r="BQ825" s="6">
        <v>16</v>
      </c>
      <c r="BR825" s="6">
        <v>18</v>
      </c>
      <c r="BS825" s="6">
        <v>16</v>
      </c>
      <c r="BT825" s="6">
        <v>16</v>
      </c>
      <c r="BU825" s="6">
        <v>15</v>
      </c>
      <c r="BV825" s="6">
        <v>12</v>
      </c>
      <c r="BW825" s="6">
        <v>12</v>
      </c>
      <c r="BX825" s="6">
        <v>9</v>
      </c>
      <c r="BY825" s="6">
        <v>9</v>
      </c>
      <c r="BZ825" s="6">
        <v>9</v>
      </c>
      <c r="CA825" s="6">
        <v>10</v>
      </c>
      <c r="CB825" s="6">
        <v>9</v>
      </c>
      <c r="CC825" s="11">
        <v>8</v>
      </c>
      <c r="CD825" s="11">
        <v>-18.697600000000001</v>
      </c>
      <c r="CE825" s="11">
        <v>-15.2333</v>
      </c>
      <c r="CF825" s="11">
        <v>13.7475</v>
      </c>
      <c r="CG825" s="11">
        <v>-1</v>
      </c>
      <c r="CH825" s="20">
        <v>0.65950900000000001</v>
      </c>
      <c r="CI825" s="20">
        <v>0.64603500000000003</v>
      </c>
      <c r="CJ825" s="20">
        <v>0.68910800000000005</v>
      </c>
      <c r="CK825" s="20">
        <v>0.63695900000000005</v>
      </c>
      <c r="CL825" s="20">
        <v>0.73074899999999998</v>
      </c>
      <c r="CM825" s="20">
        <v>0.60264200000000001</v>
      </c>
      <c r="CN825" s="20">
        <v>0.61351100000000003</v>
      </c>
      <c r="CO825" s="20">
        <v>0.65251800000000004</v>
      </c>
      <c r="CP825" s="20">
        <v>0.66468700000000003</v>
      </c>
      <c r="CQ825" s="20">
        <v>0.66858600000000001</v>
      </c>
      <c r="CR825" s="20">
        <v>0.65463700000000002</v>
      </c>
      <c r="CS825" s="20">
        <v>0.65007599999999999</v>
      </c>
      <c r="CT825" s="20">
        <v>0.66326600000000002</v>
      </c>
      <c r="CU825" s="20">
        <v>0.65633399999999997</v>
      </c>
      <c r="CV825" s="20">
        <v>0.66642699999999999</v>
      </c>
      <c r="CW825" s="20">
        <v>0.615981</v>
      </c>
      <c r="CX825" s="20">
        <v>0.61270000000000002</v>
      </c>
      <c r="CY825" s="6" t="s">
        <v>521</v>
      </c>
      <c r="CZ825" s="6" t="s">
        <v>522</v>
      </c>
      <c r="DA825" s="6" t="s">
        <v>60</v>
      </c>
      <c r="DB825" s="6"/>
      <c r="DC825" s="6"/>
      <c r="DD825" s="6"/>
      <c r="DE825" s="6"/>
      <c r="DF825" s="6"/>
      <c r="DG825" s="6"/>
      <c r="DH825" s="6" t="s">
        <v>333</v>
      </c>
      <c r="DI825" s="6"/>
      <c r="DJ825" s="6"/>
      <c r="DK825" s="6"/>
      <c r="DL825" s="6">
        <v>11</v>
      </c>
      <c r="DM825" s="6" t="s">
        <v>520</v>
      </c>
      <c r="DN825" s="6">
        <v>7</v>
      </c>
      <c r="DO825" s="6" t="s">
        <v>369</v>
      </c>
      <c r="DP825" s="6"/>
      <c r="DQ825" s="6"/>
    </row>
    <row r="826" spans="1:121" x14ac:dyDescent="0.2">
      <c r="A826" s="6" t="s">
        <v>792</v>
      </c>
      <c r="B826" s="6" t="s">
        <v>176</v>
      </c>
      <c r="C826" s="6" t="s">
        <v>177</v>
      </c>
      <c r="D826" s="6" t="s">
        <v>60</v>
      </c>
      <c r="E826" s="6" t="s">
        <v>201</v>
      </c>
      <c r="F826" s="11">
        <v>-23</v>
      </c>
      <c r="G826" s="13">
        <v>-0.27710843373499999</v>
      </c>
      <c r="H826" s="11">
        <v>-36.364181164299993</v>
      </c>
      <c r="I826" s="13">
        <v>-0.43656135934005791</v>
      </c>
      <c r="J826" s="11">
        <v>7.1273124936999963</v>
      </c>
      <c r="K826" s="13">
        <v>0.15186253786937165</v>
      </c>
      <c r="L826" s="11">
        <v>6.3550739690999976</v>
      </c>
      <c r="M826" s="13">
        <v>0.11755600228484972</v>
      </c>
      <c r="N826" s="11">
        <v>13.482386462799994</v>
      </c>
      <c r="O826" s="13">
        <v>0.28727089300297626</v>
      </c>
      <c r="P826" s="7">
        <v>83.296838774899996</v>
      </c>
      <c r="Q826" s="7">
        <v>85.801688707099999</v>
      </c>
      <c r="R826" s="7">
        <v>80.857423027300001</v>
      </c>
      <c r="S826" s="7">
        <v>71.306763053200001</v>
      </c>
      <c r="T826" s="7">
        <v>68.173447169100001</v>
      </c>
      <c r="U826" s="7">
        <v>57.797635547900001</v>
      </c>
      <c r="V826" s="7">
        <v>46.932657610600003</v>
      </c>
      <c r="W826" s="7">
        <v>52.003124425000003</v>
      </c>
      <c r="X826" s="7">
        <v>55.6498349381</v>
      </c>
      <c r="Y826" s="7">
        <v>54.0599701043</v>
      </c>
      <c r="Z826" s="7">
        <v>57.495293730500002</v>
      </c>
      <c r="AA826" s="7">
        <v>61.075713009200001</v>
      </c>
      <c r="AB826" s="7">
        <v>55.358955608700001</v>
      </c>
      <c r="AC826" s="7">
        <v>53.169847456100001</v>
      </c>
      <c r="AD826" s="7">
        <v>54.071921138900002</v>
      </c>
      <c r="AE826" s="7">
        <v>57.178983457299999</v>
      </c>
      <c r="AF826" s="7">
        <v>60.415044073399997</v>
      </c>
      <c r="AG826" s="9">
        <v>18109.291914200003</v>
      </c>
      <c r="AH826" s="13">
        <v>1.0366554317258807</v>
      </c>
      <c r="AI826" s="9">
        <v>6912.6623370999987</v>
      </c>
      <c r="AJ826" s="13">
        <v>0.3957111627220794</v>
      </c>
      <c r="AK826" s="9">
        <v>3734.464916500001</v>
      </c>
      <c r="AL826" s="13">
        <v>0.15316720591953323</v>
      </c>
      <c r="AM826" s="9">
        <v>7462.1646606000031</v>
      </c>
      <c r="AN826" s="13">
        <v>0.2654055197844416</v>
      </c>
      <c r="AO826" s="9">
        <v>11196.629577100004</v>
      </c>
      <c r="AP826" s="13">
        <v>0.45922414760497909</v>
      </c>
      <c r="AQ826" s="9">
        <v>17468.959656200001</v>
      </c>
      <c r="AR826" s="9">
        <v>17220.726216499999</v>
      </c>
      <c r="AS826" s="9">
        <v>18044.554290700002</v>
      </c>
      <c r="AT826" s="9">
        <v>19480.157830200002</v>
      </c>
      <c r="AU826" s="9">
        <v>20442.290526299999</v>
      </c>
      <c r="AV826" s="9">
        <v>22283.616798499999</v>
      </c>
      <c r="AW826" s="9">
        <v>24381.621993299999</v>
      </c>
      <c r="AX826" s="9">
        <v>24388.781479500001</v>
      </c>
      <c r="AY826" s="9">
        <v>27070.088445599999</v>
      </c>
      <c r="AZ826" s="9">
        <v>28116.0869098</v>
      </c>
      <c r="BA826" s="9">
        <v>28195.051588800001</v>
      </c>
      <c r="BB826" s="9">
        <v>28698.531108700001</v>
      </c>
      <c r="BC826" s="9">
        <v>30272.552209400001</v>
      </c>
      <c r="BD826" s="9">
        <v>32228.691279999999</v>
      </c>
      <c r="BE826" s="9">
        <v>35075.299044500003</v>
      </c>
      <c r="BF826" s="9">
        <v>35578.251570400003</v>
      </c>
      <c r="BG826" s="11">
        <v>-1</v>
      </c>
      <c r="BH826" s="13">
        <v>-0.14285714285714285</v>
      </c>
      <c r="BI826" s="6">
        <v>-1</v>
      </c>
      <c r="BJ826" s="13">
        <v>-0.14285714285714285</v>
      </c>
      <c r="BK826" s="6">
        <v>1</v>
      </c>
      <c r="BL826" s="13">
        <v>0.16666666666666666</v>
      </c>
      <c r="BM826" s="11">
        <v>-1</v>
      </c>
      <c r="BN826" s="13">
        <v>-0.14285714285714285</v>
      </c>
      <c r="BO826" s="11">
        <v>0</v>
      </c>
      <c r="BP826" s="13">
        <v>0</v>
      </c>
      <c r="BQ826" s="6">
        <v>7</v>
      </c>
      <c r="BR826" s="6">
        <v>7</v>
      </c>
      <c r="BS826" s="6">
        <v>7</v>
      </c>
      <c r="BT826" s="6">
        <v>6</v>
      </c>
      <c r="BU826" s="6">
        <v>6</v>
      </c>
      <c r="BV826" s="6">
        <v>6</v>
      </c>
      <c r="BW826" s="6">
        <v>7</v>
      </c>
      <c r="BX826" s="6">
        <v>7</v>
      </c>
      <c r="BY826" s="6">
        <v>6</v>
      </c>
      <c r="BZ826" s="6">
        <v>6</v>
      </c>
      <c r="CA826" s="6">
        <v>6</v>
      </c>
      <c r="CB826" s="6">
        <v>6</v>
      </c>
      <c r="CC826" s="11">
        <v>6</v>
      </c>
      <c r="CD826" s="11">
        <v>-2.5852200000000001</v>
      </c>
      <c r="CE826" s="11">
        <v>-29.401900000000001</v>
      </c>
      <c r="CF826" s="11">
        <v>9.1053499999999996</v>
      </c>
      <c r="CG826" s="11">
        <v>-20</v>
      </c>
      <c r="CH826" s="20">
        <v>0.22816400000000001</v>
      </c>
      <c r="CI826" s="20">
        <v>0.24499000000000001</v>
      </c>
      <c r="CJ826" s="20">
        <v>0.24834899999999999</v>
      </c>
      <c r="CK826" s="20">
        <v>0.221521</v>
      </c>
      <c r="CL826" s="20">
        <v>0.20136699999999999</v>
      </c>
      <c r="CM826" s="20">
        <v>0.17200799999999999</v>
      </c>
      <c r="CN826" s="20">
        <v>0.14876300000000001</v>
      </c>
      <c r="CO826" s="20">
        <v>0.172009</v>
      </c>
      <c r="CP826" s="20">
        <v>0.199133</v>
      </c>
      <c r="CQ826" s="20">
        <v>0.20963899999999999</v>
      </c>
      <c r="CR826" s="20">
        <v>0.22704199999999999</v>
      </c>
      <c r="CS826" s="20">
        <v>0.243867</v>
      </c>
      <c r="CT826" s="20">
        <v>0.22715299999999999</v>
      </c>
      <c r="CU826" s="20">
        <v>0.217086</v>
      </c>
      <c r="CV826" s="20">
        <v>0.214119</v>
      </c>
      <c r="CW826" s="20">
        <v>0.22675000000000001</v>
      </c>
      <c r="CX826" s="20">
        <v>0.23927000000000001</v>
      </c>
      <c r="CY826" s="6" t="s">
        <v>521</v>
      </c>
      <c r="CZ826" s="6" t="s">
        <v>522</v>
      </c>
      <c r="DA826" s="6" t="s">
        <v>60</v>
      </c>
      <c r="DB826" s="6"/>
      <c r="DC826" s="6"/>
      <c r="DD826" s="6"/>
      <c r="DE826" s="6"/>
      <c r="DF826" s="6"/>
      <c r="DG826" s="6"/>
      <c r="DH826" s="6" t="s">
        <v>333</v>
      </c>
      <c r="DI826" s="6"/>
      <c r="DJ826" s="6"/>
      <c r="DK826" s="6"/>
      <c r="DL826" s="6">
        <v>11</v>
      </c>
      <c r="DM826" s="6" t="s">
        <v>520</v>
      </c>
      <c r="DN826" s="6">
        <v>7</v>
      </c>
      <c r="DO826" s="6" t="s">
        <v>369</v>
      </c>
      <c r="DP826" s="6"/>
      <c r="DQ826" s="6"/>
    </row>
    <row r="827" spans="1:121" x14ac:dyDescent="0.2">
      <c r="A827" s="6" t="s">
        <v>313</v>
      </c>
      <c r="B827" s="6" t="s">
        <v>313</v>
      </c>
      <c r="C827" s="6" t="s">
        <v>178</v>
      </c>
      <c r="D827" s="6" t="s">
        <v>60</v>
      </c>
      <c r="E827" s="6" t="s">
        <v>201</v>
      </c>
      <c r="F827" s="11">
        <v>-81</v>
      </c>
      <c r="G827" s="13">
        <v>-0.38942307692299999</v>
      </c>
      <c r="H827" s="11">
        <v>29.585847151999985</v>
      </c>
      <c r="I827" s="13">
        <v>0.14231109957253027</v>
      </c>
      <c r="J827" s="11">
        <v>-56.921108865000008</v>
      </c>
      <c r="K827" s="13">
        <v>-0.23968658081159888</v>
      </c>
      <c r="L827" s="11">
        <v>-53.872619899999989</v>
      </c>
      <c r="M827" s="13">
        <v>-0.29836357964865479</v>
      </c>
      <c r="N827" s="11">
        <v>-110.793728765</v>
      </c>
      <c r="O827" s="13">
        <v>-0.46653641421555847</v>
      </c>
      <c r="P827" s="7">
        <v>207.89556992300001</v>
      </c>
      <c r="Q827" s="7">
        <v>212.7632572</v>
      </c>
      <c r="R827" s="7">
        <v>192.46619103500001</v>
      </c>
      <c r="S827" s="7">
        <v>191.20621093599999</v>
      </c>
      <c r="T827" s="7">
        <v>221.61669122199999</v>
      </c>
      <c r="U827" s="7">
        <v>239.792684345</v>
      </c>
      <c r="V827" s="7">
        <v>237.481417075</v>
      </c>
      <c r="W827" s="7">
        <v>234.81837730199999</v>
      </c>
      <c r="X827" s="7">
        <v>210.82288302699999</v>
      </c>
      <c r="Y827" s="7">
        <v>180.56030820999999</v>
      </c>
      <c r="Z827" s="7">
        <v>158.26445084100001</v>
      </c>
      <c r="AA827" s="7">
        <v>153.877863168</v>
      </c>
      <c r="AB827" s="7">
        <v>153.002251301</v>
      </c>
      <c r="AC827" s="7">
        <v>150.299417667</v>
      </c>
      <c r="AD827" s="7">
        <v>139.55344384700001</v>
      </c>
      <c r="AE827" s="7">
        <v>134.094365772</v>
      </c>
      <c r="AF827" s="7">
        <v>126.68768831</v>
      </c>
      <c r="AG827" s="9">
        <v>11571.210002100001</v>
      </c>
      <c r="AH827" s="13">
        <v>0.44585508522601486</v>
      </c>
      <c r="AI827" s="9">
        <v>4364.1985429000015</v>
      </c>
      <c r="AJ827" s="13">
        <v>0.16815874164713948</v>
      </c>
      <c r="AK827" s="9">
        <v>1161.5846089999977</v>
      </c>
      <c r="AL827" s="13">
        <v>3.8314568119863973E-2</v>
      </c>
      <c r="AM827" s="9">
        <v>6045.4268502000014</v>
      </c>
      <c r="AN827" s="13">
        <v>0.19204858368960895</v>
      </c>
      <c r="AO827" s="9">
        <v>7207.0114591999991</v>
      </c>
      <c r="AP827" s="13">
        <v>0.23772141035157185</v>
      </c>
      <c r="AQ827" s="9">
        <v>25952.849671399999</v>
      </c>
      <c r="AR827" s="9">
        <v>28136.706144700001</v>
      </c>
      <c r="AS827" s="9">
        <v>26069.007499899999</v>
      </c>
      <c r="AT827" s="9">
        <v>30297.422776300002</v>
      </c>
      <c r="AU827" s="9">
        <v>27786.621030800001</v>
      </c>
      <c r="AV827" s="9">
        <v>28088.737945699999</v>
      </c>
      <c r="AW827" s="9">
        <v>30317.048214300001</v>
      </c>
      <c r="AX827" s="9">
        <v>31319.433197300001</v>
      </c>
      <c r="AY827" s="9">
        <v>33048.948055200002</v>
      </c>
      <c r="AZ827" s="9">
        <v>31478.632823299999</v>
      </c>
      <c r="BA827" s="9">
        <v>31841.487476800001</v>
      </c>
      <c r="BB827" s="9">
        <v>33765.980383000002</v>
      </c>
      <c r="BC827" s="9">
        <v>34897.796320499998</v>
      </c>
      <c r="BD827" s="9">
        <v>36350.157104999998</v>
      </c>
      <c r="BE827" s="9">
        <v>44551.7041264</v>
      </c>
      <c r="BF827" s="9">
        <v>37524.0596735</v>
      </c>
      <c r="BG827" s="11">
        <v>-1.5</v>
      </c>
      <c r="BH827" s="13">
        <v>-7.8947368421052627E-2</v>
      </c>
      <c r="BI827" s="6">
        <v>-4</v>
      </c>
      <c r="BJ827" s="13">
        <v>-0.21052631578947367</v>
      </c>
      <c r="BK827" s="6">
        <v>0</v>
      </c>
      <c r="BL827" s="13">
        <v>0</v>
      </c>
      <c r="BM827" s="11">
        <v>2.5</v>
      </c>
      <c r="BN827" s="13">
        <v>0.16666666666666666</v>
      </c>
      <c r="BO827" s="11">
        <v>2.5</v>
      </c>
      <c r="BP827" s="13">
        <v>0.16666666666666666</v>
      </c>
      <c r="BQ827" s="6">
        <v>19</v>
      </c>
      <c r="BR827" s="6">
        <v>19</v>
      </c>
      <c r="BS827" s="6">
        <v>16</v>
      </c>
      <c r="BT827" s="6">
        <v>15</v>
      </c>
      <c r="BU827" s="6">
        <v>15</v>
      </c>
      <c r="BV827" s="6">
        <v>16</v>
      </c>
      <c r="BW827" s="6">
        <v>15</v>
      </c>
      <c r="BX827" s="6">
        <v>17</v>
      </c>
      <c r="BY827" s="6">
        <v>18</v>
      </c>
      <c r="BZ827" s="6">
        <v>18</v>
      </c>
      <c r="CA827" s="6">
        <v>21</v>
      </c>
      <c r="CB827" s="6">
        <v>20</v>
      </c>
      <c r="CC827" s="11">
        <v>17.5</v>
      </c>
      <c r="CD827" s="11">
        <v>-86.934299999999993</v>
      </c>
      <c r="CE827" s="11">
        <v>-16.999099999999999</v>
      </c>
      <c r="CF827" s="11">
        <v>22.7255</v>
      </c>
      <c r="CG827" s="11">
        <v>6</v>
      </c>
      <c r="CH827" s="20">
        <v>1.5992500000000001</v>
      </c>
      <c r="CI827" s="20">
        <v>1.6203700000000001</v>
      </c>
      <c r="CJ827" s="20">
        <v>1.5072399999999999</v>
      </c>
      <c r="CK827" s="20">
        <v>1.4786699999999999</v>
      </c>
      <c r="CL827" s="20">
        <v>1.59087</v>
      </c>
      <c r="CM827" s="20">
        <v>1.6874499999999999</v>
      </c>
      <c r="CN827" s="20">
        <v>1.7169300000000001</v>
      </c>
      <c r="CO827" s="20">
        <v>1.72617</v>
      </c>
      <c r="CP827" s="20">
        <v>1.5848599999999999</v>
      </c>
      <c r="CQ827" s="20">
        <v>1.45635</v>
      </c>
      <c r="CR827" s="20">
        <v>1.30559</v>
      </c>
      <c r="CS827" s="20">
        <v>1.28203</v>
      </c>
      <c r="CT827" s="20">
        <v>1.3025599999999999</v>
      </c>
      <c r="CU827" s="20">
        <v>1.27478</v>
      </c>
      <c r="CV827" s="20">
        <v>1.14873</v>
      </c>
      <c r="CW827" s="20">
        <v>1.10825</v>
      </c>
      <c r="CX827" s="20">
        <v>1.03715</v>
      </c>
      <c r="CY827" s="6" t="s">
        <v>521</v>
      </c>
      <c r="CZ827" s="6" t="s">
        <v>522</v>
      </c>
      <c r="DA827" s="6" t="s">
        <v>60</v>
      </c>
      <c r="DB827" s="6"/>
      <c r="DC827" s="6"/>
      <c r="DD827" s="6"/>
      <c r="DE827" s="6"/>
      <c r="DF827" s="6"/>
      <c r="DG827" s="6"/>
      <c r="DH827" s="6" t="s">
        <v>333</v>
      </c>
      <c r="DI827" s="6"/>
      <c r="DJ827" s="6"/>
      <c r="DK827" s="6"/>
      <c r="DL827" s="6">
        <v>11</v>
      </c>
      <c r="DM827" s="6" t="s">
        <v>520</v>
      </c>
      <c r="DN827" s="6">
        <v>7</v>
      </c>
      <c r="DO827" s="6" t="s">
        <v>369</v>
      </c>
      <c r="DP827" s="6"/>
      <c r="DQ827" s="6"/>
    </row>
    <row r="828" spans="1:121" x14ac:dyDescent="0.2">
      <c r="A828" s="6" t="s">
        <v>793</v>
      </c>
      <c r="B828" s="6" t="s">
        <v>179</v>
      </c>
      <c r="C828" s="6" t="s">
        <v>180</v>
      </c>
      <c r="D828" s="6" t="s">
        <v>60</v>
      </c>
      <c r="E828" s="6" t="s">
        <v>201</v>
      </c>
      <c r="F828" s="11">
        <v>-18</v>
      </c>
      <c r="G828" s="13">
        <v>-0.03</v>
      </c>
      <c r="H828" s="11">
        <v>25</v>
      </c>
      <c r="I828" s="13">
        <v>3.7091988130563795E-2</v>
      </c>
      <c r="J828" s="11">
        <v>-88</v>
      </c>
      <c r="K828" s="13">
        <v>-0.12589413447782546</v>
      </c>
      <c r="L828" s="11">
        <v>45</v>
      </c>
      <c r="M828" s="13">
        <v>7.3649754500818329E-2</v>
      </c>
      <c r="N828" s="11">
        <v>-43</v>
      </c>
      <c r="O828" s="13">
        <v>-6.1516452074391992E-2</v>
      </c>
      <c r="P828" s="7">
        <v>674</v>
      </c>
      <c r="Q828" s="7">
        <v>631</v>
      </c>
      <c r="R828" s="7">
        <v>648</v>
      </c>
      <c r="S828" s="7">
        <v>646</v>
      </c>
      <c r="T828" s="7">
        <v>739</v>
      </c>
      <c r="U828" s="7">
        <v>715</v>
      </c>
      <c r="V828" s="7">
        <v>699</v>
      </c>
      <c r="W828" s="7">
        <v>685</v>
      </c>
      <c r="X828" s="7">
        <v>647</v>
      </c>
      <c r="Y828" s="7">
        <v>611</v>
      </c>
      <c r="Z828" s="7">
        <v>598</v>
      </c>
      <c r="AA828" s="7">
        <v>607</v>
      </c>
      <c r="AB828" s="7">
        <v>608</v>
      </c>
      <c r="AC828" s="7">
        <v>614</v>
      </c>
      <c r="AD828" s="7">
        <v>617</v>
      </c>
      <c r="AE828" s="7">
        <v>629</v>
      </c>
      <c r="AF828" s="7">
        <v>656</v>
      </c>
      <c r="AG828" s="9">
        <v>8357</v>
      </c>
      <c r="AH828" s="13">
        <v>0.41428713067618478</v>
      </c>
      <c r="AI828" s="9">
        <v>2637</v>
      </c>
      <c r="AJ828" s="13">
        <v>0.13072575847709697</v>
      </c>
      <c r="AK828" s="9">
        <v>1817</v>
      </c>
      <c r="AL828" s="13">
        <v>7.9661537112543299E-2</v>
      </c>
      <c r="AM828" s="9">
        <v>3903</v>
      </c>
      <c r="AN828" s="13">
        <v>0.1584910257451474</v>
      </c>
      <c r="AO828" s="9">
        <v>5720</v>
      </c>
      <c r="AP828" s="13">
        <v>0.2507782015870928</v>
      </c>
      <c r="AQ828" s="9">
        <v>20172</v>
      </c>
      <c r="AR828" s="9">
        <v>22379</v>
      </c>
      <c r="AS828" s="9">
        <v>22152</v>
      </c>
      <c r="AT828" s="9">
        <v>21996</v>
      </c>
      <c r="AU828" s="9">
        <v>21082</v>
      </c>
      <c r="AV828" s="9">
        <v>21786</v>
      </c>
      <c r="AW828" s="9">
        <v>22809</v>
      </c>
      <c r="AX828" s="9">
        <v>23696</v>
      </c>
      <c r="AY828" s="9">
        <v>24217</v>
      </c>
      <c r="AZ828" s="9">
        <v>24626</v>
      </c>
      <c r="BA828" s="9">
        <v>25218</v>
      </c>
      <c r="BB828" s="9">
        <v>24695</v>
      </c>
      <c r="BC828" s="9">
        <v>25180</v>
      </c>
      <c r="BD828" s="9">
        <v>26612</v>
      </c>
      <c r="BE828" s="9">
        <v>27371</v>
      </c>
      <c r="BF828" s="9">
        <v>28529</v>
      </c>
      <c r="BG828" s="11">
        <v>-5</v>
      </c>
      <c r="BH828" s="13">
        <v>-0.10869565217391304</v>
      </c>
      <c r="BI828" s="6">
        <v>6</v>
      </c>
      <c r="BJ828" s="13">
        <v>0.13043478260869565</v>
      </c>
      <c r="BK828" s="6">
        <v>-8</v>
      </c>
      <c r="BL828" s="13">
        <v>-0.15384615384615385</v>
      </c>
      <c r="BM828" s="11">
        <v>-3</v>
      </c>
      <c r="BN828" s="13">
        <v>-6.8181818181818177E-2</v>
      </c>
      <c r="BO828" s="11">
        <v>-11</v>
      </c>
      <c r="BP828" s="13">
        <v>-0.21153846153846154</v>
      </c>
      <c r="BQ828" s="6">
        <v>46</v>
      </c>
      <c r="BR828" s="6">
        <v>47</v>
      </c>
      <c r="BS828" s="6">
        <v>51</v>
      </c>
      <c r="BT828" s="6">
        <v>52</v>
      </c>
      <c r="BU828" s="6">
        <v>47</v>
      </c>
      <c r="BV828" s="6">
        <v>48</v>
      </c>
      <c r="BW828" s="6">
        <v>44</v>
      </c>
      <c r="BX828" s="6">
        <v>44</v>
      </c>
      <c r="BY828" s="6">
        <v>41</v>
      </c>
      <c r="BZ828" s="6">
        <v>40</v>
      </c>
      <c r="CA828" s="6">
        <v>42</v>
      </c>
      <c r="CB828" s="6">
        <v>41</v>
      </c>
      <c r="CC828" s="11">
        <v>41</v>
      </c>
      <c r="CD828" s="11">
        <v>-49</v>
      </c>
      <c r="CE828" s="11">
        <v>-43</v>
      </c>
      <c r="CF828" s="11">
        <v>74</v>
      </c>
      <c r="CG828" s="11">
        <v>31</v>
      </c>
      <c r="CH828" s="20">
        <v>1.93</v>
      </c>
      <c r="CI828" s="20">
        <v>1.76</v>
      </c>
      <c r="CJ828" s="20">
        <v>1.87</v>
      </c>
      <c r="CK828" s="20">
        <v>1.84</v>
      </c>
      <c r="CL828" s="20">
        <v>1.97</v>
      </c>
      <c r="CM828" s="20">
        <v>1.9</v>
      </c>
      <c r="CN828" s="20">
        <v>1.92</v>
      </c>
      <c r="CO828" s="20">
        <v>1.93</v>
      </c>
      <c r="CP828" s="20">
        <v>1.83</v>
      </c>
      <c r="CQ828" s="20">
        <v>1.83</v>
      </c>
      <c r="CR828" s="20">
        <v>1.84</v>
      </c>
      <c r="CS828" s="20">
        <v>1.89</v>
      </c>
      <c r="CT828" s="20">
        <v>1.94</v>
      </c>
      <c r="CU828" s="20">
        <v>1.94</v>
      </c>
      <c r="CV828" s="20">
        <v>1.88</v>
      </c>
      <c r="CW828" s="20">
        <v>1.9</v>
      </c>
      <c r="CX828" s="20">
        <v>1.97</v>
      </c>
      <c r="CY828" s="6" t="s">
        <v>521</v>
      </c>
      <c r="CZ828" s="6" t="s">
        <v>522</v>
      </c>
      <c r="DA828" s="6" t="s">
        <v>60</v>
      </c>
      <c r="DB828" s="6"/>
      <c r="DC828" s="6"/>
      <c r="DD828" s="6"/>
      <c r="DE828" s="6"/>
      <c r="DF828" s="6"/>
      <c r="DG828" s="6"/>
      <c r="DH828" s="6" t="s">
        <v>333</v>
      </c>
      <c r="DI828" s="6"/>
      <c r="DJ828" s="6"/>
      <c r="DK828" s="6"/>
      <c r="DL828" s="6">
        <v>11</v>
      </c>
      <c r="DM828" s="6" t="s">
        <v>520</v>
      </c>
      <c r="DN828" s="6">
        <v>7</v>
      </c>
      <c r="DO828" s="6" t="s">
        <v>369</v>
      </c>
      <c r="DP828" s="6"/>
      <c r="DQ828" s="6"/>
    </row>
    <row r="829" spans="1:121" x14ac:dyDescent="0.2">
      <c r="A829" s="6" t="s">
        <v>794</v>
      </c>
      <c r="B829" s="6" t="s">
        <v>181</v>
      </c>
      <c r="C829" s="6" t="s">
        <v>182</v>
      </c>
      <c r="D829" s="6" t="s">
        <v>60</v>
      </c>
      <c r="E829" s="6" t="s">
        <v>201</v>
      </c>
      <c r="F829" s="11">
        <v>-35</v>
      </c>
      <c r="G829" s="13">
        <v>-0.33018867924500001</v>
      </c>
      <c r="H829" s="11">
        <v>-14.567546123099987</v>
      </c>
      <c r="I829" s="13">
        <v>-0.13781338458587108</v>
      </c>
      <c r="J829" s="11">
        <v>-1.8673493855000061</v>
      </c>
      <c r="K829" s="13">
        <v>-2.0489402949078903E-2</v>
      </c>
      <c r="L829" s="11">
        <v>-18.255009366500005</v>
      </c>
      <c r="M829" s="13">
        <v>-0.20449215026995143</v>
      </c>
      <c r="N829" s="11">
        <v>-20.122358752000011</v>
      </c>
      <c r="O829" s="13">
        <v>-0.22079163115222575</v>
      </c>
      <c r="P829" s="7">
        <v>105.70487160499999</v>
      </c>
      <c r="Q829" s="7">
        <v>106.55833679600001</v>
      </c>
      <c r="R829" s="7">
        <v>96.009682820099997</v>
      </c>
      <c r="S829" s="7">
        <v>98.031593899300006</v>
      </c>
      <c r="T829" s="7">
        <v>105.197470436</v>
      </c>
      <c r="U829" s="7">
        <v>99.966702461799997</v>
      </c>
      <c r="V829" s="7">
        <v>91.137325481900007</v>
      </c>
      <c r="W829" s="7">
        <v>88.809635810700001</v>
      </c>
      <c r="X829" s="7">
        <v>94.307261912399994</v>
      </c>
      <c r="Y829" s="7">
        <v>89.269976096400001</v>
      </c>
      <c r="Z829" s="7">
        <v>92.1083592361</v>
      </c>
      <c r="AA829" s="7">
        <v>89.939937740100007</v>
      </c>
      <c r="AB829" s="7">
        <v>80.948731066299999</v>
      </c>
      <c r="AC829" s="7">
        <v>71.319376032500003</v>
      </c>
      <c r="AD829" s="7">
        <v>69.7965904088</v>
      </c>
      <c r="AE829" s="7">
        <v>72.728928230700006</v>
      </c>
      <c r="AF829" s="7">
        <v>71.014966729899996</v>
      </c>
      <c r="AG829" s="9">
        <v>22513.035260100001</v>
      </c>
      <c r="AH829" s="13">
        <v>0.70105831718849798</v>
      </c>
      <c r="AI829" s="9">
        <v>10315.33426</v>
      </c>
      <c r="AJ829" s="13">
        <v>0.32122060815003306</v>
      </c>
      <c r="AK829" s="9">
        <v>2949.1815769000023</v>
      </c>
      <c r="AL829" s="13">
        <v>6.9509836608012479E-2</v>
      </c>
      <c r="AM829" s="9">
        <v>9248.5194231999994</v>
      </c>
      <c r="AN829" s="13">
        <v>0.2038131424388154</v>
      </c>
      <c r="AO829" s="9">
        <v>12197.701000100002</v>
      </c>
      <c r="AP829" s="13">
        <v>0.28748999727631552</v>
      </c>
      <c r="AQ829" s="9">
        <v>32112.927994900001</v>
      </c>
      <c r="AR829" s="9">
        <v>33048.340622700001</v>
      </c>
      <c r="AS829" s="9">
        <v>36649.694833699999</v>
      </c>
      <c r="AT829" s="9">
        <v>39589.313605099996</v>
      </c>
      <c r="AU829" s="9">
        <v>39577.652535499998</v>
      </c>
      <c r="AV829" s="9">
        <v>39381.367273000003</v>
      </c>
      <c r="AW829" s="9">
        <v>42428.262254900001</v>
      </c>
      <c r="AX829" s="9">
        <v>46751.818530700002</v>
      </c>
      <c r="AY829" s="9">
        <v>40545.044246700003</v>
      </c>
      <c r="AZ829" s="9">
        <v>45377.443831800003</v>
      </c>
      <c r="BA829" s="9">
        <v>46698.933295299998</v>
      </c>
      <c r="BB829" s="9">
        <v>49045.399488199997</v>
      </c>
      <c r="BC829" s="9">
        <v>53385.164942299998</v>
      </c>
      <c r="BD829" s="9">
        <v>53199.4378621</v>
      </c>
      <c r="BE829" s="9">
        <v>53597.164371899999</v>
      </c>
      <c r="BF829" s="9">
        <v>54625.963255000002</v>
      </c>
      <c r="BG829" s="11">
        <v>3.25</v>
      </c>
      <c r="BH829" s="13">
        <v>0.32500000000000001</v>
      </c>
      <c r="BI829" s="6">
        <v>5</v>
      </c>
      <c r="BJ829" s="13">
        <v>0.5</v>
      </c>
      <c r="BK829" s="6">
        <v>-2</v>
      </c>
      <c r="BL829" s="13">
        <v>-0.13333333333333333</v>
      </c>
      <c r="BM829" s="11">
        <v>0.25</v>
      </c>
      <c r="BN829" s="13">
        <v>1.9230769230769232E-2</v>
      </c>
      <c r="BO829" s="11">
        <v>-1.75</v>
      </c>
      <c r="BP829" s="13">
        <v>-0.11666666666666667</v>
      </c>
      <c r="BQ829" s="6">
        <v>10</v>
      </c>
      <c r="BR829" s="6">
        <v>11</v>
      </c>
      <c r="BS829" s="6">
        <v>14</v>
      </c>
      <c r="BT829" s="6">
        <v>15</v>
      </c>
      <c r="BU829" s="6">
        <v>14</v>
      </c>
      <c r="BV829" s="6">
        <v>14</v>
      </c>
      <c r="BW829" s="6">
        <v>13</v>
      </c>
      <c r="BX829" s="6">
        <v>14</v>
      </c>
      <c r="BY829" s="6">
        <v>14</v>
      </c>
      <c r="BZ829" s="6">
        <v>16</v>
      </c>
      <c r="CA829" s="6">
        <v>14</v>
      </c>
      <c r="CB829" s="6">
        <v>14</v>
      </c>
      <c r="CC829" s="11">
        <v>13.25</v>
      </c>
      <c r="CD829" s="11">
        <v>-52.907299999999999</v>
      </c>
      <c r="CE829" s="11">
        <v>6.6626200000000004</v>
      </c>
      <c r="CF829" s="11">
        <v>11.5548</v>
      </c>
      <c r="CG829" s="11">
        <v>19</v>
      </c>
      <c r="CH829" s="20">
        <v>1.02721</v>
      </c>
      <c r="CI829" s="20">
        <v>1.0338700000000001</v>
      </c>
      <c r="CJ829" s="20">
        <v>0.95987999999999996</v>
      </c>
      <c r="CK829" s="20">
        <v>0.95852800000000005</v>
      </c>
      <c r="CL829" s="20">
        <v>0.94906999999999997</v>
      </c>
      <c r="CM829" s="20">
        <v>0.88157700000000006</v>
      </c>
      <c r="CN829" s="20">
        <v>0.82393700000000003</v>
      </c>
      <c r="CO829" s="20">
        <v>0.81645900000000005</v>
      </c>
      <c r="CP829" s="20">
        <v>0.88404000000000005</v>
      </c>
      <c r="CQ829" s="20">
        <v>0.89242900000000003</v>
      </c>
      <c r="CR829" s="20">
        <v>0.92956899999999998</v>
      </c>
      <c r="CS829" s="20">
        <v>0.91313999999999995</v>
      </c>
      <c r="CT829" s="20">
        <v>0.83475299999999997</v>
      </c>
      <c r="CU829" s="20">
        <v>0.71638599999999997</v>
      </c>
      <c r="CV829" s="20">
        <v>0.65711799999999998</v>
      </c>
      <c r="CW829" s="20">
        <v>0.66991199999999995</v>
      </c>
      <c r="CX829" s="20">
        <v>0.64371999999999996</v>
      </c>
      <c r="CY829" s="6" t="s">
        <v>521</v>
      </c>
      <c r="CZ829" s="6" t="s">
        <v>522</v>
      </c>
      <c r="DA829" s="6" t="s">
        <v>60</v>
      </c>
      <c r="DB829" s="6"/>
      <c r="DC829" s="6"/>
      <c r="DD829" s="6"/>
      <c r="DE829" s="6"/>
      <c r="DF829" s="6"/>
      <c r="DG829" s="6"/>
      <c r="DH829" s="6" t="s">
        <v>333</v>
      </c>
      <c r="DI829" s="6"/>
      <c r="DJ829" s="6"/>
      <c r="DK829" s="6"/>
      <c r="DL829" s="6">
        <v>11</v>
      </c>
      <c r="DM829" s="6" t="s">
        <v>520</v>
      </c>
      <c r="DN829" s="6">
        <v>7</v>
      </c>
      <c r="DO829" s="6" t="s">
        <v>369</v>
      </c>
      <c r="DP829" s="6"/>
      <c r="DQ829" s="6"/>
    </row>
    <row r="830" spans="1:121" x14ac:dyDescent="0.2">
      <c r="A830" s="6" t="s">
        <v>314</v>
      </c>
      <c r="B830" s="6" t="s">
        <v>314</v>
      </c>
      <c r="C830" s="6" t="s">
        <v>183</v>
      </c>
      <c r="D830" s="6" t="s">
        <v>60</v>
      </c>
      <c r="E830" s="6" t="s">
        <v>201</v>
      </c>
      <c r="F830" s="11">
        <v>-17</v>
      </c>
      <c r="G830" s="13">
        <v>-0.26153846153799998</v>
      </c>
      <c r="H830" s="11">
        <v>-5.9619336737000026</v>
      </c>
      <c r="I830" s="13">
        <v>-9.2382745223017509E-2</v>
      </c>
      <c r="J830" s="11">
        <v>12.850946629999996</v>
      </c>
      <c r="K830" s="13">
        <v>0.21939973543894209</v>
      </c>
      <c r="L830" s="11">
        <v>-23.263657677299996</v>
      </c>
      <c r="M830" s="13">
        <v>-0.3257113418537782</v>
      </c>
      <c r="N830" s="11">
        <v>-10.4127110473</v>
      </c>
      <c r="O830" s="13">
        <v>-0.17777258864701789</v>
      </c>
      <c r="P830" s="7">
        <v>64.535143000000005</v>
      </c>
      <c r="Q830" s="7">
        <v>63.905164548800002</v>
      </c>
      <c r="R830" s="7">
        <v>47.520510000000002</v>
      </c>
      <c r="S830" s="7">
        <v>48.847368753200001</v>
      </c>
      <c r="T830" s="7">
        <v>47.7034157553</v>
      </c>
      <c r="U830" s="7">
        <v>53.751722297800001</v>
      </c>
      <c r="V830" s="7">
        <v>58.573209326300002</v>
      </c>
      <c r="W830" s="7">
        <v>62.204760069099997</v>
      </c>
      <c r="X830" s="7">
        <v>73.875898078099993</v>
      </c>
      <c r="Y830" s="7">
        <v>71.424155956299998</v>
      </c>
      <c r="Z830" s="7">
        <v>59.435902025799997</v>
      </c>
      <c r="AA830" s="7">
        <v>56.021577999999998</v>
      </c>
      <c r="AB830" s="7">
        <v>51.881554000000001</v>
      </c>
      <c r="AC830" s="7">
        <v>55.563770466800001</v>
      </c>
      <c r="AD830" s="7">
        <v>53.679330913400001</v>
      </c>
      <c r="AE830" s="7">
        <v>49.561719994400001</v>
      </c>
      <c r="AF830" s="7">
        <v>48.160498279000002</v>
      </c>
      <c r="AG830" s="9">
        <v>9076.6180447000006</v>
      </c>
      <c r="AH830" s="13">
        <v>0.31582572095915601</v>
      </c>
      <c r="AI830" s="9">
        <v>3584.0050898000009</v>
      </c>
      <c r="AJ830" s="13">
        <v>0.12470735089137289</v>
      </c>
      <c r="AK830" s="9">
        <v>-735.60497349999787</v>
      </c>
      <c r="AL830" s="13">
        <v>-2.2757710018549825E-2</v>
      </c>
      <c r="AM830" s="9">
        <v>6228.2179283999976</v>
      </c>
      <c r="AN830" s="13">
        <v>0.19717209458069029</v>
      </c>
      <c r="AO830" s="9">
        <v>5492.6129548999997</v>
      </c>
      <c r="AP830" s="13">
        <v>0.16992719920992302</v>
      </c>
      <c r="AQ830" s="9">
        <v>28739.325021199998</v>
      </c>
      <c r="AR830" s="9">
        <v>30145.2571126</v>
      </c>
      <c r="AS830" s="9">
        <v>34646.133858300003</v>
      </c>
      <c r="AT830" s="9">
        <v>34806.778469999997</v>
      </c>
      <c r="AU830" s="9">
        <v>34713.768788399997</v>
      </c>
      <c r="AV830" s="9">
        <v>32992.814851700001</v>
      </c>
      <c r="AW830" s="9">
        <v>32323.330110999999</v>
      </c>
      <c r="AX830" s="9">
        <v>35212.247284899997</v>
      </c>
      <c r="AY830" s="9">
        <v>32461.1272866</v>
      </c>
      <c r="AZ830" s="9">
        <v>31587.725137500001</v>
      </c>
      <c r="BA830" s="9">
        <v>34976.791422499999</v>
      </c>
      <c r="BB830" s="9">
        <v>37114.126011699998</v>
      </c>
      <c r="BC830" s="9">
        <v>38569.114493300003</v>
      </c>
      <c r="BD830" s="9">
        <v>36330.2300149</v>
      </c>
      <c r="BE830" s="9">
        <v>38951.061044900001</v>
      </c>
      <c r="BF830" s="9">
        <v>37815.943065899999</v>
      </c>
      <c r="BG830" s="11">
        <v>-1</v>
      </c>
      <c r="BH830" s="13">
        <v>-0.16666666666666666</v>
      </c>
      <c r="BI830" s="6">
        <v>-1</v>
      </c>
      <c r="BJ830" s="13">
        <v>-0.16666666666666666</v>
      </c>
      <c r="BK830" s="6">
        <v>0</v>
      </c>
      <c r="BL830" s="13">
        <v>0</v>
      </c>
      <c r="BM830" s="11">
        <v>0</v>
      </c>
      <c r="BN830" s="13">
        <v>0</v>
      </c>
      <c r="BO830" s="11">
        <v>0</v>
      </c>
      <c r="BP830" s="13">
        <v>0</v>
      </c>
      <c r="BQ830" s="6">
        <v>6</v>
      </c>
      <c r="BR830" s="6">
        <v>6</v>
      </c>
      <c r="BS830" s="6">
        <v>6</v>
      </c>
      <c r="BT830" s="6">
        <v>5</v>
      </c>
      <c r="BU830" s="6">
        <v>5</v>
      </c>
      <c r="BV830" s="6">
        <v>5</v>
      </c>
      <c r="BW830" s="6">
        <v>5</v>
      </c>
      <c r="BX830" s="6">
        <v>6</v>
      </c>
      <c r="BY830" s="6">
        <v>6</v>
      </c>
      <c r="BZ830" s="6">
        <v>4</v>
      </c>
      <c r="CA830" s="6">
        <v>5</v>
      </c>
      <c r="CB830" s="6">
        <v>5</v>
      </c>
      <c r="CC830" s="11">
        <v>5</v>
      </c>
      <c r="CD830" s="11">
        <v>-3.6626099999999999</v>
      </c>
      <c r="CE830" s="11">
        <v>-19.766500000000001</v>
      </c>
      <c r="CF830" s="11">
        <v>7.0544700000000002</v>
      </c>
      <c r="CG830" s="11">
        <v>-13</v>
      </c>
      <c r="CH830" s="20">
        <v>0.79637899999999995</v>
      </c>
      <c r="CI830" s="20">
        <v>0.80957500000000004</v>
      </c>
      <c r="CJ830" s="20">
        <v>0.64773199999999997</v>
      </c>
      <c r="CK830" s="20">
        <v>0.67871099999999995</v>
      </c>
      <c r="CL830" s="20">
        <v>0.63475899999999996</v>
      </c>
      <c r="CM830" s="20">
        <v>0.71997500000000003</v>
      </c>
      <c r="CN830" s="20">
        <v>0.82271300000000003</v>
      </c>
      <c r="CO830" s="20">
        <v>0.89621099999999998</v>
      </c>
      <c r="CP830" s="20">
        <v>1.0801400000000001</v>
      </c>
      <c r="CQ830" s="20">
        <v>1.1423399999999999</v>
      </c>
      <c r="CR830" s="20">
        <v>0.99537299999999995</v>
      </c>
      <c r="CS830" s="20">
        <v>0.962897</v>
      </c>
      <c r="CT830" s="20">
        <v>0.91513299999999997</v>
      </c>
      <c r="CU830" s="20">
        <v>0.97516700000000001</v>
      </c>
      <c r="CV830" s="20">
        <v>0.91525299999999998</v>
      </c>
      <c r="CW830" s="20">
        <v>0.83577699999999999</v>
      </c>
      <c r="CX830" s="20">
        <v>0.80932899999999997</v>
      </c>
      <c r="CY830" s="6" t="s">
        <v>521</v>
      </c>
      <c r="CZ830" s="6" t="s">
        <v>522</v>
      </c>
      <c r="DA830" s="6" t="s">
        <v>60</v>
      </c>
      <c r="DB830" s="6"/>
      <c r="DC830" s="6"/>
      <c r="DD830" s="6"/>
      <c r="DE830" s="6"/>
      <c r="DF830" s="6"/>
      <c r="DG830" s="6"/>
      <c r="DH830" s="6" t="s">
        <v>333</v>
      </c>
      <c r="DI830" s="6"/>
      <c r="DJ830" s="6"/>
      <c r="DK830" s="6"/>
      <c r="DL830" s="6">
        <v>11</v>
      </c>
      <c r="DM830" s="6" t="s">
        <v>520</v>
      </c>
      <c r="DN830" s="6">
        <v>7</v>
      </c>
      <c r="DO830" s="6" t="s">
        <v>369</v>
      </c>
      <c r="DP830" s="6"/>
      <c r="DQ830" s="6"/>
    </row>
    <row r="831" spans="1:121" x14ac:dyDescent="0.2">
      <c r="A831" s="6" t="s">
        <v>315</v>
      </c>
      <c r="B831" s="6" t="s">
        <v>315</v>
      </c>
      <c r="C831" s="6" t="s">
        <v>184</v>
      </c>
      <c r="D831" s="6" t="s">
        <v>60</v>
      </c>
      <c r="E831" s="6" t="s">
        <v>201</v>
      </c>
      <c r="F831" s="11">
        <v>8</v>
      </c>
      <c r="G831" s="13">
        <v>7.0000000000000007E-2</v>
      </c>
      <c r="H831" s="11">
        <v>12</v>
      </c>
      <c r="I831" s="13">
        <v>0.10810810810810811</v>
      </c>
      <c r="J831" s="11">
        <v>1</v>
      </c>
      <c r="K831" s="13">
        <v>8.130081300813009E-3</v>
      </c>
      <c r="L831" s="11">
        <v>-5</v>
      </c>
      <c r="M831" s="13">
        <v>-4.0322580645161289E-2</v>
      </c>
      <c r="N831" s="11">
        <v>-4</v>
      </c>
      <c r="O831" s="13">
        <v>-3.2520325203252036E-2</v>
      </c>
      <c r="P831" s="7">
        <v>111</v>
      </c>
      <c r="Q831" s="7">
        <v>112</v>
      </c>
      <c r="R831" s="7">
        <v>111</v>
      </c>
      <c r="S831" s="7">
        <v>113</v>
      </c>
      <c r="T831" s="7">
        <v>120</v>
      </c>
      <c r="U831" s="7">
        <v>126</v>
      </c>
      <c r="V831" s="7">
        <v>123</v>
      </c>
      <c r="W831" s="7">
        <v>121</v>
      </c>
      <c r="X831" s="7">
        <v>124</v>
      </c>
      <c r="Y831" s="7">
        <v>124</v>
      </c>
      <c r="Z831" s="7">
        <v>123</v>
      </c>
      <c r="AA831" s="7">
        <v>116</v>
      </c>
      <c r="AB831" s="7">
        <v>103</v>
      </c>
      <c r="AC831" s="7">
        <v>118</v>
      </c>
      <c r="AD831" s="7">
        <v>120</v>
      </c>
      <c r="AE831" s="7">
        <v>118</v>
      </c>
      <c r="AF831" s="7">
        <v>119</v>
      </c>
      <c r="AG831" s="9">
        <v>21381</v>
      </c>
      <c r="AH831" s="13">
        <v>0.71009631351710401</v>
      </c>
      <c r="AI831" s="9">
        <v>5817</v>
      </c>
      <c r="AJ831" s="13">
        <v>0.19319163068747924</v>
      </c>
      <c r="AK831" s="9">
        <v>7634</v>
      </c>
      <c r="AL831" s="13">
        <v>0.21248643081804772</v>
      </c>
      <c r="AM831" s="9">
        <v>7930</v>
      </c>
      <c r="AN831" s="13">
        <v>0.18204357108422672</v>
      </c>
      <c r="AO831" s="9">
        <v>15564</v>
      </c>
      <c r="AP831" s="13">
        <v>0.43321179057533327</v>
      </c>
      <c r="AQ831" s="9">
        <v>30110</v>
      </c>
      <c r="AR831" s="9">
        <v>32518</v>
      </c>
      <c r="AS831" s="9">
        <v>30665</v>
      </c>
      <c r="AT831" s="9">
        <v>31816</v>
      </c>
      <c r="AU831" s="9">
        <v>33165</v>
      </c>
      <c r="AV831" s="9">
        <v>34304</v>
      </c>
      <c r="AW831" s="9">
        <v>35927</v>
      </c>
      <c r="AX831" s="9">
        <v>39036</v>
      </c>
      <c r="AY831" s="9">
        <v>39771</v>
      </c>
      <c r="AZ831" s="9">
        <v>43561</v>
      </c>
      <c r="BA831" s="9">
        <v>43762</v>
      </c>
      <c r="BB831" s="9">
        <v>46849</v>
      </c>
      <c r="BC831" s="9">
        <v>50040</v>
      </c>
      <c r="BD831" s="9">
        <v>47673</v>
      </c>
      <c r="BE831" s="9">
        <v>49546</v>
      </c>
      <c r="BF831" s="9">
        <v>51491</v>
      </c>
      <c r="BG831" s="11">
        <v>3</v>
      </c>
      <c r="BH831" s="13">
        <v>0.16666666666666666</v>
      </c>
      <c r="BI831" s="6">
        <v>3</v>
      </c>
      <c r="BJ831" s="13">
        <v>0.16666666666666666</v>
      </c>
      <c r="BK831" s="6">
        <v>-4</v>
      </c>
      <c r="BL831" s="13">
        <v>-0.19047619047619047</v>
      </c>
      <c r="BM831" s="11">
        <v>4</v>
      </c>
      <c r="BN831" s="13">
        <v>0.23529411764705882</v>
      </c>
      <c r="BO831" s="11">
        <v>0</v>
      </c>
      <c r="BP831" s="13">
        <v>0</v>
      </c>
      <c r="BQ831" s="6">
        <v>18</v>
      </c>
      <c r="BR831" s="6">
        <v>19</v>
      </c>
      <c r="BS831" s="6">
        <v>20</v>
      </c>
      <c r="BT831" s="6">
        <v>21</v>
      </c>
      <c r="BU831" s="6">
        <v>20</v>
      </c>
      <c r="BV831" s="6">
        <v>19</v>
      </c>
      <c r="BW831" s="6">
        <v>17</v>
      </c>
      <c r="BX831" s="6">
        <v>19</v>
      </c>
      <c r="BY831" s="6">
        <v>18</v>
      </c>
      <c r="BZ831" s="6">
        <v>17</v>
      </c>
      <c r="CA831" s="6">
        <v>19</v>
      </c>
      <c r="CB831" s="6">
        <v>21</v>
      </c>
      <c r="CC831" s="11">
        <v>21</v>
      </c>
      <c r="CD831" s="11">
        <v>5</v>
      </c>
      <c r="CE831" s="11">
        <v>-9</v>
      </c>
      <c r="CF831" s="11">
        <v>12</v>
      </c>
      <c r="CG831" s="11">
        <v>3</v>
      </c>
      <c r="CH831" s="20">
        <v>0.84</v>
      </c>
      <c r="CI831" s="20">
        <v>0.83</v>
      </c>
      <c r="CJ831" s="20">
        <v>0.82</v>
      </c>
      <c r="CK831" s="20">
        <v>0.82</v>
      </c>
      <c r="CL831" s="20">
        <v>0.82</v>
      </c>
      <c r="CM831" s="20">
        <v>0.84</v>
      </c>
      <c r="CN831" s="20">
        <v>0.86</v>
      </c>
      <c r="CO831" s="20">
        <v>0.88</v>
      </c>
      <c r="CP831" s="20">
        <v>0.9</v>
      </c>
      <c r="CQ831" s="20">
        <v>0.97</v>
      </c>
      <c r="CR831" s="20">
        <v>0.99</v>
      </c>
      <c r="CS831" s="20">
        <v>0.95</v>
      </c>
      <c r="CT831" s="20">
        <v>0.87</v>
      </c>
      <c r="CU831" s="20">
        <v>1</v>
      </c>
      <c r="CV831" s="20">
        <v>0.98</v>
      </c>
      <c r="CW831" s="20">
        <v>0.96</v>
      </c>
      <c r="CX831" s="20">
        <v>0.96</v>
      </c>
      <c r="CY831" s="6" t="s">
        <v>521</v>
      </c>
      <c r="CZ831" s="6" t="s">
        <v>522</v>
      </c>
      <c r="DA831" s="6" t="s">
        <v>60</v>
      </c>
      <c r="DB831" s="6"/>
      <c r="DC831" s="6"/>
      <c r="DD831" s="6"/>
      <c r="DE831" s="6"/>
      <c r="DF831" s="6"/>
      <c r="DG831" s="6"/>
      <c r="DH831" s="6" t="s">
        <v>333</v>
      </c>
      <c r="DI831" s="6"/>
      <c r="DJ831" s="6"/>
      <c r="DK831" s="6"/>
      <c r="DL831" s="6">
        <v>11</v>
      </c>
      <c r="DM831" s="6" t="s">
        <v>520</v>
      </c>
      <c r="DN831" s="6">
        <v>7</v>
      </c>
      <c r="DO831" s="6" t="s">
        <v>369</v>
      </c>
      <c r="DP831" s="6"/>
      <c r="DQ831" s="6"/>
    </row>
    <row r="832" spans="1:121" x14ac:dyDescent="0.2">
      <c r="A832" s="6" t="s">
        <v>316</v>
      </c>
      <c r="B832" s="6" t="s">
        <v>316</v>
      </c>
      <c r="C832" s="6" t="s">
        <v>185</v>
      </c>
      <c r="D832" s="6" t="s">
        <v>60</v>
      </c>
      <c r="E832" s="6" t="s">
        <v>201</v>
      </c>
      <c r="F832" s="11">
        <v>1</v>
      </c>
      <c r="G832" s="13">
        <v>1</v>
      </c>
      <c r="H832" s="11">
        <v>-5</v>
      </c>
      <c r="I832" s="13">
        <v>-0.14705882352941177</v>
      </c>
      <c r="J832" s="11">
        <v>-4</v>
      </c>
      <c r="K832" s="13">
        <v>-0.13793103448275862</v>
      </c>
      <c r="L832" s="11">
        <v>-20</v>
      </c>
      <c r="M832" s="13">
        <v>-0.8</v>
      </c>
      <c r="N832" s="11">
        <v>-24</v>
      </c>
      <c r="O832" s="13">
        <v>-0.82758620689655171</v>
      </c>
      <c r="P832" s="7">
        <v>34</v>
      </c>
      <c r="Q832" s="7">
        <v>35</v>
      </c>
      <c r="R832" s="7">
        <v>31</v>
      </c>
      <c r="S832" s="7">
        <v>30</v>
      </c>
      <c r="T832" s="7">
        <v>28</v>
      </c>
      <c r="U832" s="7">
        <v>113</v>
      </c>
      <c r="V832" s="7">
        <v>29</v>
      </c>
      <c r="W832" s="7">
        <v>26</v>
      </c>
      <c r="X832" s="7">
        <v>23</v>
      </c>
      <c r="Y832" s="7">
        <v>25</v>
      </c>
      <c r="Z832" s="7">
        <v>22</v>
      </c>
      <c r="AA832" s="7">
        <v>20</v>
      </c>
      <c r="AB832" s="7">
        <v>20</v>
      </c>
      <c r="AC832" s="7">
        <v>13</v>
      </c>
      <c r="AD832" s="7">
        <v>11</v>
      </c>
      <c r="AE832" s="7">
        <v>11</v>
      </c>
      <c r="AF832" s="7">
        <v>5</v>
      </c>
      <c r="AG832" s="9">
        <v>9297</v>
      </c>
      <c r="AH832" s="13">
        <v>0.64410419842039623</v>
      </c>
      <c r="AI832" s="9">
        <v>2038</v>
      </c>
      <c r="AJ832" s="13">
        <v>0.14119440210613829</v>
      </c>
      <c r="AK832" s="9">
        <v>-132</v>
      </c>
      <c r="AL832" s="13">
        <v>-8.0135988343856233E-3</v>
      </c>
      <c r="AM832" s="9">
        <v>7391</v>
      </c>
      <c r="AN832" s="13">
        <v>0.45232558139534879</v>
      </c>
      <c r="AO832" s="9">
        <v>7259</v>
      </c>
      <c r="AP832" s="13">
        <v>0.44068722680913064</v>
      </c>
      <c r="AQ832" s="9">
        <v>14434</v>
      </c>
      <c r="AR832" s="9">
        <v>14669</v>
      </c>
      <c r="AS832" s="9">
        <v>13389</v>
      </c>
      <c r="AT832" s="9">
        <v>15272</v>
      </c>
      <c r="AU832" s="9">
        <v>15841</v>
      </c>
      <c r="AV832" s="9">
        <v>19411</v>
      </c>
      <c r="AW832" s="9">
        <v>16472</v>
      </c>
      <c r="AX832" s="9">
        <v>18102</v>
      </c>
      <c r="AY832" s="9">
        <v>17410</v>
      </c>
      <c r="AZ832" s="9">
        <v>16340</v>
      </c>
      <c r="BA832" s="9">
        <v>17993</v>
      </c>
      <c r="BB832" s="9">
        <v>23277</v>
      </c>
      <c r="BC832" s="9">
        <v>24351</v>
      </c>
      <c r="BD832" s="9">
        <v>22639</v>
      </c>
      <c r="BE832" s="9">
        <v>24258</v>
      </c>
      <c r="BF832" s="9">
        <v>23731</v>
      </c>
      <c r="BG832" s="11">
        <v>-3</v>
      </c>
      <c r="BH832" s="13">
        <v>-0.33333333333333331</v>
      </c>
      <c r="BI832" s="6">
        <v>-2</v>
      </c>
      <c r="BJ832" s="13">
        <v>-0.22222222222222221</v>
      </c>
      <c r="BK832" s="6">
        <v>0</v>
      </c>
      <c r="BL832" s="13">
        <v>0</v>
      </c>
      <c r="BM832" s="11">
        <v>-1</v>
      </c>
      <c r="BN832" s="13">
        <v>-0.14285714285714285</v>
      </c>
      <c r="BO832" s="11">
        <v>-1</v>
      </c>
      <c r="BP832" s="13">
        <v>-0.14285714285714285</v>
      </c>
      <c r="BQ832" s="6">
        <v>9</v>
      </c>
      <c r="BR832" s="6">
        <v>10</v>
      </c>
      <c r="BS832" s="6">
        <v>8</v>
      </c>
      <c r="BT832" s="6">
        <v>7</v>
      </c>
      <c r="BU832" s="6">
        <v>7</v>
      </c>
      <c r="BV832" s="6">
        <v>6</v>
      </c>
      <c r="BW832" s="6">
        <v>7</v>
      </c>
      <c r="BX832" s="6">
        <v>8</v>
      </c>
      <c r="BY832" s="6">
        <v>7</v>
      </c>
      <c r="BZ832" s="6">
        <v>7</v>
      </c>
      <c r="CA832" s="6">
        <v>6</v>
      </c>
      <c r="CB832" s="6">
        <v>6</v>
      </c>
      <c r="CC832" s="11">
        <v>6</v>
      </c>
      <c r="CD832" s="11">
        <v>-26</v>
      </c>
      <c r="CE832" s="11">
        <v>-2</v>
      </c>
      <c r="CF832" s="11">
        <v>4</v>
      </c>
      <c r="CG832" s="11">
        <v>2</v>
      </c>
      <c r="CH832" s="20">
        <v>0.62</v>
      </c>
      <c r="CI832" s="20">
        <v>0.63</v>
      </c>
      <c r="CJ832" s="20">
        <v>0.55000000000000004</v>
      </c>
      <c r="CK832" s="20">
        <v>0.52</v>
      </c>
      <c r="CL832" s="20">
        <v>0.44</v>
      </c>
      <c r="CM832" s="20">
        <v>1.76</v>
      </c>
      <c r="CN832" s="20">
        <v>0.47</v>
      </c>
      <c r="CO832" s="20">
        <v>0.43</v>
      </c>
      <c r="CP832" s="20">
        <v>0.4</v>
      </c>
      <c r="CQ832" s="20">
        <v>0.47</v>
      </c>
      <c r="CR832" s="20">
        <v>0.43</v>
      </c>
      <c r="CS832" s="20">
        <v>0.39</v>
      </c>
      <c r="CT832" s="20">
        <v>0.42</v>
      </c>
      <c r="CU832" s="20">
        <v>0.26</v>
      </c>
      <c r="CV832" s="20">
        <v>0.22</v>
      </c>
      <c r="CW832" s="20">
        <v>0.2</v>
      </c>
      <c r="CX832" s="20">
        <v>0.19</v>
      </c>
      <c r="CY832" s="6" t="s">
        <v>521</v>
      </c>
      <c r="CZ832" s="6" t="s">
        <v>522</v>
      </c>
      <c r="DA832" s="6" t="s">
        <v>60</v>
      </c>
      <c r="DB832" s="6"/>
      <c r="DC832" s="6"/>
      <c r="DD832" s="6"/>
      <c r="DE832" s="6"/>
      <c r="DF832" s="6"/>
      <c r="DG832" s="6"/>
      <c r="DH832" s="6" t="s">
        <v>333</v>
      </c>
      <c r="DI832" s="6"/>
      <c r="DJ832" s="6"/>
      <c r="DK832" s="6"/>
      <c r="DL832" s="6">
        <v>11</v>
      </c>
      <c r="DM832" s="6" t="s">
        <v>520</v>
      </c>
      <c r="DN832" s="6">
        <v>7</v>
      </c>
      <c r="DO832" s="6" t="s">
        <v>369</v>
      </c>
      <c r="DP832" s="6"/>
      <c r="DQ832" s="6"/>
    </row>
    <row r="833" spans="1:121" x14ac:dyDescent="0.2">
      <c r="A833" s="6" t="s">
        <v>317</v>
      </c>
      <c r="B833" s="6" t="s">
        <v>317</v>
      </c>
      <c r="C833" s="6" t="s">
        <v>186</v>
      </c>
      <c r="D833" s="6" t="s">
        <v>60</v>
      </c>
      <c r="E833" s="6" t="s">
        <v>201</v>
      </c>
      <c r="F833" s="11">
        <v>-2</v>
      </c>
      <c r="G833" s="13">
        <v>-0.06</v>
      </c>
      <c r="H833" s="11">
        <v>-3</v>
      </c>
      <c r="I833" s="13">
        <v>-8.5714285714285715E-2</v>
      </c>
      <c r="J833" s="11">
        <v>-3</v>
      </c>
      <c r="K833" s="13">
        <v>-9.375E-2</v>
      </c>
      <c r="L833" s="11">
        <v>4</v>
      </c>
      <c r="M833" s="13">
        <v>0.13793103448275862</v>
      </c>
      <c r="N833" s="11">
        <v>1</v>
      </c>
      <c r="O833" s="13">
        <v>3.125E-2</v>
      </c>
      <c r="P833" s="7">
        <v>35</v>
      </c>
      <c r="Q833" s="7">
        <v>34</v>
      </c>
      <c r="R833" s="7">
        <v>33</v>
      </c>
      <c r="S833" s="7">
        <v>40</v>
      </c>
      <c r="T833" s="7">
        <v>39</v>
      </c>
      <c r="U833" s="7">
        <v>36</v>
      </c>
      <c r="V833" s="7">
        <v>32</v>
      </c>
      <c r="W833" s="7">
        <v>32</v>
      </c>
      <c r="X833" s="7">
        <v>30</v>
      </c>
      <c r="Y833" s="7">
        <v>29</v>
      </c>
      <c r="Z833" s="7">
        <v>33</v>
      </c>
      <c r="AA833" s="7">
        <v>34</v>
      </c>
      <c r="AB833" s="7">
        <v>34</v>
      </c>
      <c r="AC833" s="7">
        <v>36</v>
      </c>
      <c r="AD833" s="7">
        <v>32</v>
      </c>
      <c r="AE833" s="7">
        <v>32</v>
      </c>
      <c r="AF833" s="7">
        <v>33</v>
      </c>
      <c r="AG833" s="9">
        <v>12364</v>
      </c>
      <c r="AH833" s="13">
        <v>0.52709212601781985</v>
      </c>
      <c r="AI833" s="9">
        <v>-11</v>
      </c>
      <c r="AJ833" s="13">
        <v>-4.6894317261371871E-4</v>
      </c>
      <c r="AK833" s="9">
        <v>3742</v>
      </c>
      <c r="AL833" s="13">
        <v>0.15960078478205236</v>
      </c>
      <c r="AM833" s="9">
        <v>8633</v>
      </c>
      <c r="AN833" s="13">
        <v>0.3175297925555392</v>
      </c>
      <c r="AO833" s="9">
        <v>12375</v>
      </c>
      <c r="AP833" s="13">
        <v>0.52780858142113796</v>
      </c>
      <c r="AQ833" s="9">
        <v>23457</v>
      </c>
      <c r="AR833" s="9">
        <v>27123</v>
      </c>
      <c r="AS833" s="9">
        <v>21942</v>
      </c>
      <c r="AT833" s="9">
        <v>22447</v>
      </c>
      <c r="AU833" s="9">
        <v>22337</v>
      </c>
      <c r="AV833" s="9">
        <v>24148</v>
      </c>
      <c r="AW833" s="9">
        <v>23446</v>
      </c>
      <c r="AX833" s="9">
        <v>23686</v>
      </c>
      <c r="AY833" s="9">
        <v>28260</v>
      </c>
      <c r="AZ833" s="9">
        <v>27188</v>
      </c>
      <c r="BA833" s="9">
        <v>27290</v>
      </c>
      <c r="BB833" s="9">
        <v>31314</v>
      </c>
      <c r="BC833" s="9">
        <v>32317</v>
      </c>
      <c r="BD833" s="9">
        <v>35600</v>
      </c>
      <c r="BE833" s="9">
        <v>41063</v>
      </c>
      <c r="BF833" s="9">
        <v>35821</v>
      </c>
      <c r="BG833" s="11">
        <v>-3</v>
      </c>
      <c r="BH833" s="13">
        <v>-0.23076923076923078</v>
      </c>
      <c r="BI833" s="6">
        <v>-4</v>
      </c>
      <c r="BJ833" s="13">
        <v>-0.30769230769230771</v>
      </c>
      <c r="BK833" s="6">
        <v>1</v>
      </c>
      <c r="BL833" s="13">
        <v>0.1111111111111111</v>
      </c>
      <c r="BM833" s="11">
        <v>0</v>
      </c>
      <c r="BN833" s="13">
        <v>0</v>
      </c>
      <c r="BO833" s="11">
        <v>1</v>
      </c>
      <c r="BP833" s="13">
        <v>0.1111111111111111</v>
      </c>
      <c r="BQ833" s="6">
        <v>13</v>
      </c>
      <c r="BR833" s="6">
        <v>12</v>
      </c>
      <c r="BS833" s="6">
        <v>9</v>
      </c>
      <c r="BT833" s="6">
        <v>9</v>
      </c>
      <c r="BU833" s="6">
        <v>10</v>
      </c>
      <c r="BV833" s="6">
        <v>10</v>
      </c>
      <c r="BW833" s="6">
        <v>10</v>
      </c>
      <c r="BX833" s="6">
        <v>10</v>
      </c>
      <c r="BY833" s="6">
        <v>12</v>
      </c>
      <c r="BZ833" s="6">
        <v>10</v>
      </c>
      <c r="CA833" s="6">
        <v>10</v>
      </c>
      <c r="CB833" s="6">
        <v>10</v>
      </c>
      <c r="CC833" s="11">
        <v>10</v>
      </c>
      <c r="CD833" s="11">
        <v>-14</v>
      </c>
      <c r="CE833" s="11">
        <v>7</v>
      </c>
      <c r="CF833" s="11">
        <v>4</v>
      </c>
      <c r="CG833" s="11">
        <v>11</v>
      </c>
      <c r="CH833" s="20">
        <v>0.2</v>
      </c>
      <c r="CI833" s="20">
        <v>0.19</v>
      </c>
      <c r="CJ833" s="20">
        <v>0.19</v>
      </c>
      <c r="CK833" s="20">
        <v>0.23</v>
      </c>
      <c r="CL833" s="20">
        <v>0.2</v>
      </c>
      <c r="CM833" s="20">
        <v>0.18</v>
      </c>
      <c r="CN833" s="20">
        <v>0.16</v>
      </c>
      <c r="CO833" s="20">
        <v>0.16</v>
      </c>
      <c r="CP833" s="20">
        <v>0.15</v>
      </c>
      <c r="CQ833" s="20">
        <v>0.15</v>
      </c>
      <c r="CR833" s="20">
        <v>0.18</v>
      </c>
      <c r="CS833" s="20">
        <v>0.18</v>
      </c>
      <c r="CT833" s="20">
        <v>0.18</v>
      </c>
      <c r="CU833" s="20">
        <v>0.19</v>
      </c>
      <c r="CV833" s="20">
        <v>0.16</v>
      </c>
      <c r="CW833" s="20">
        <v>0.16</v>
      </c>
      <c r="CX833" s="20">
        <v>0.16</v>
      </c>
      <c r="CY833" s="6" t="s">
        <v>521</v>
      </c>
      <c r="CZ833" s="6" t="s">
        <v>522</v>
      </c>
      <c r="DA833" s="6" t="s">
        <v>60</v>
      </c>
      <c r="DB833" s="6"/>
      <c r="DC833" s="6"/>
      <c r="DD833" s="6"/>
      <c r="DE833" s="6"/>
      <c r="DF833" s="6"/>
      <c r="DG833" s="6"/>
      <c r="DH833" s="6" t="s">
        <v>333</v>
      </c>
      <c r="DI833" s="6"/>
      <c r="DJ833" s="6"/>
      <c r="DK833" s="6"/>
      <c r="DL833" s="6">
        <v>11</v>
      </c>
      <c r="DM833" s="6" t="s">
        <v>520</v>
      </c>
      <c r="DN833" s="6">
        <v>7</v>
      </c>
      <c r="DO833" s="6" t="s">
        <v>369</v>
      </c>
      <c r="DP833" s="6"/>
      <c r="DQ833" s="6"/>
    </row>
    <row r="834" spans="1:121" x14ac:dyDescent="0.2">
      <c r="A834" s="6" t="s">
        <v>318</v>
      </c>
      <c r="B834" s="6" t="s">
        <v>318</v>
      </c>
      <c r="C834" s="6" t="s">
        <v>187</v>
      </c>
      <c r="D834" s="6" t="s">
        <v>60</v>
      </c>
      <c r="E834" s="6" t="s">
        <v>201</v>
      </c>
      <c r="F834" s="11">
        <v>1</v>
      </c>
      <c r="G834" s="13">
        <v>1</v>
      </c>
      <c r="H834" s="11">
        <v>63.656451999999994</v>
      </c>
      <c r="I834" s="13">
        <v>4.3472096679246004</v>
      </c>
      <c r="J834" s="11">
        <v>-73.299511999999993</v>
      </c>
      <c r="K834" s="13">
        <v>-0.93614264160420324</v>
      </c>
      <c r="L834" s="11">
        <v>0</v>
      </c>
      <c r="M834" s="13">
        <v>0</v>
      </c>
      <c r="N834" s="11">
        <v>-73.299511999999993</v>
      </c>
      <c r="O834" s="13">
        <v>-0.93614264160420324</v>
      </c>
      <c r="P834" s="7">
        <v>14.64306</v>
      </c>
      <c r="Q834" s="7">
        <v>10.480509</v>
      </c>
      <c r="R834" s="7">
        <v>13.445816000000001</v>
      </c>
      <c r="S834" s="7">
        <v>5</v>
      </c>
      <c r="T834" s="7">
        <v>30.299302000000001</v>
      </c>
      <c r="U834" s="7">
        <v>5</v>
      </c>
      <c r="V834" s="7">
        <v>78.299511999999993</v>
      </c>
      <c r="W834" s="7">
        <v>59.625629000000004</v>
      </c>
      <c r="X834" s="7">
        <v>10.809511000000001</v>
      </c>
      <c r="Y834" s="7">
        <v>5</v>
      </c>
      <c r="Z834" s="7">
        <v>11.919146</v>
      </c>
      <c r="AA834" s="7">
        <v>11.068662</v>
      </c>
      <c r="AB834" s="7">
        <v>13.039491999999999</v>
      </c>
      <c r="AC834" s="7">
        <v>5</v>
      </c>
      <c r="AD834" s="7">
        <v>5</v>
      </c>
      <c r="AE834" s="7">
        <v>5</v>
      </c>
      <c r="AF834" s="7">
        <v>5</v>
      </c>
      <c r="AG834" s="9">
        <v>-69707.730585400001</v>
      </c>
      <c r="AH834" s="13">
        <v>-0.99998565459460242</v>
      </c>
      <c r="AI834" s="9">
        <v>-40237.5369957</v>
      </c>
      <c r="AJ834" s="13">
        <v>-0.57722378040445144</v>
      </c>
      <c r="AK834" s="9">
        <v>-29470.1935897</v>
      </c>
      <c r="AL834" s="13">
        <v>-0.99996606856125603</v>
      </c>
      <c r="AM834" s="9">
        <v>0</v>
      </c>
      <c r="AN834" s="13">
        <v>0</v>
      </c>
      <c r="AO834" s="9">
        <v>-29470.1935897</v>
      </c>
      <c r="AP834" s="13">
        <v>-0.99996606856125603</v>
      </c>
      <c r="AQ834" s="9">
        <v>69708.730585400001</v>
      </c>
      <c r="AR834" s="9">
        <v>34540.748714200003</v>
      </c>
      <c r="AS834" s="9">
        <v>25602.636786499999</v>
      </c>
      <c r="AT834" s="9">
        <v>1</v>
      </c>
      <c r="AU834" s="9">
        <v>24463.270688799999</v>
      </c>
      <c r="AV834" s="9">
        <v>1</v>
      </c>
      <c r="AW834" s="9">
        <v>29471.1935897</v>
      </c>
      <c r="AX834" s="9">
        <v>37298.061768799998</v>
      </c>
      <c r="AY834" s="9">
        <v>24028.234662700001</v>
      </c>
      <c r="AZ834" s="9">
        <v>1</v>
      </c>
      <c r="BA834" s="9">
        <v>34675.718967100001</v>
      </c>
      <c r="BB834" s="9">
        <v>35691.846617800002</v>
      </c>
      <c r="BC834" s="9">
        <v>47526.483633600001</v>
      </c>
      <c r="BD834" s="9">
        <v>1</v>
      </c>
      <c r="BE834" s="9">
        <v>1</v>
      </c>
      <c r="BF834" s="9">
        <v>1</v>
      </c>
      <c r="BG834" s="11">
        <v>-1</v>
      </c>
      <c r="BH834" s="13">
        <v>-0.5</v>
      </c>
      <c r="BI834" s="6">
        <v>0</v>
      </c>
      <c r="BJ834" s="13">
        <v>0</v>
      </c>
      <c r="BK834" s="6">
        <v>0</v>
      </c>
      <c r="BL834" s="13">
        <v>0</v>
      </c>
      <c r="BM834" s="11">
        <v>-1</v>
      </c>
      <c r="BN834" s="13">
        <v>-0.5</v>
      </c>
      <c r="BO834" s="11">
        <v>-1</v>
      </c>
      <c r="BP834" s="13">
        <v>-0.5</v>
      </c>
      <c r="BQ834" s="6">
        <v>2</v>
      </c>
      <c r="BR834" s="6">
        <v>1</v>
      </c>
      <c r="BS834" s="6">
        <v>1</v>
      </c>
      <c r="BT834" s="6">
        <v>2</v>
      </c>
      <c r="BU834" s="6">
        <v>2</v>
      </c>
      <c r="BV834" s="6">
        <v>2</v>
      </c>
      <c r="BW834" s="6">
        <v>2</v>
      </c>
      <c r="BX834" s="6">
        <v>3</v>
      </c>
      <c r="BY834" s="6">
        <v>3</v>
      </c>
      <c r="BZ834" s="6">
        <v>3</v>
      </c>
      <c r="CA834" s="6">
        <v>3</v>
      </c>
      <c r="CB834" s="6">
        <v>2</v>
      </c>
      <c r="CC834" s="11">
        <v>1</v>
      </c>
      <c r="CD834" s="11">
        <v>-14.1241</v>
      </c>
      <c r="CE834" s="11">
        <v>3.1352000000000002</v>
      </c>
      <c r="CF834" s="11">
        <v>1.60066</v>
      </c>
      <c r="CG834" s="11">
        <v>5</v>
      </c>
      <c r="CH834" s="20">
        <v>0.38933400000000001</v>
      </c>
      <c r="CI834" s="20">
        <v>0.27345000000000003</v>
      </c>
      <c r="CJ834" s="20">
        <v>0.36693799999999999</v>
      </c>
      <c r="CK834" s="20">
        <v>0.21795700000000001</v>
      </c>
      <c r="CL834" s="20">
        <v>0.74264799999999997</v>
      </c>
      <c r="CM834" s="20">
        <v>0.16133600000000001</v>
      </c>
      <c r="CN834" s="20">
        <v>1.9017299999999999</v>
      </c>
      <c r="CO834" s="20">
        <v>1.41831</v>
      </c>
      <c r="CP834" s="20">
        <v>0.251301</v>
      </c>
      <c r="CQ834" s="20">
        <v>0.122165</v>
      </c>
      <c r="CR834" s="20">
        <v>0.293072</v>
      </c>
      <c r="CS834" s="20">
        <v>0.26752799999999999</v>
      </c>
      <c r="CT834" s="20">
        <v>0.31310100000000002</v>
      </c>
      <c r="CU834" s="20">
        <v>0.20944299999999999</v>
      </c>
      <c r="CV834" s="20">
        <v>0.169487</v>
      </c>
      <c r="CW834" s="20">
        <v>0.14554400000000001</v>
      </c>
      <c r="CX834" s="20">
        <v>0.115448</v>
      </c>
      <c r="CY834" s="6" t="s">
        <v>521</v>
      </c>
      <c r="CZ834" s="6" t="s">
        <v>522</v>
      </c>
      <c r="DA834" s="6" t="s">
        <v>60</v>
      </c>
      <c r="DB834" s="6"/>
      <c r="DC834" s="6"/>
      <c r="DD834" s="6"/>
      <c r="DE834" s="6"/>
      <c r="DF834" s="6"/>
      <c r="DG834" s="6"/>
      <c r="DH834" s="6" t="s">
        <v>333</v>
      </c>
      <c r="DI834" s="6"/>
      <c r="DJ834" s="6"/>
      <c r="DK834" s="6"/>
      <c r="DL834" s="6">
        <v>11</v>
      </c>
      <c r="DM834" s="6" t="s">
        <v>520</v>
      </c>
      <c r="DN834" s="6">
        <v>7</v>
      </c>
      <c r="DO834" s="6" t="s">
        <v>369</v>
      </c>
      <c r="DP834" s="6"/>
      <c r="DQ834" s="6"/>
    </row>
    <row r="835" spans="1:121" x14ac:dyDescent="0.2">
      <c r="A835" s="6" t="s">
        <v>319</v>
      </c>
      <c r="B835" s="6" t="s">
        <v>319</v>
      </c>
      <c r="C835" s="6" t="s">
        <v>188</v>
      </c>
      <c r="D835" s="6" t="s">
        <v>60</v>
      </c>
      <c r="E835" s="6" t="s">
        <v>201</v>
      </c>
      <c r="F835" s="11">
        <v>-18</v>
      </c>
      <c r="G835" s="13">
        <v>-0.26865671641799999</v>
      </c>
      <c r="H835" s="11">
        <v>-22.966952528100009</v>
      </c>
      <c r="I835" s="13">
        <v>-0.34160318794609934</v>
      </c>
      <c r="J835" s="11">
        <v>-5.6776212191999988</v>
      </c>
      <c r="K835" s="13">
        <v>-0.12826177277581244</v>
      </c>
      <c r="L835" s="11">
        <v>9.9187303876000001</v>
      </c>
      <c r="M835" s="13">
        <v>0.25704006200880547</v>
      </c>
      <c r="N835" s="11">
        <v>4.2411091684000013</v>
      </c>
      <c r="O835" s="13">
        <v>9.5809875205338874E-2</v>
      </c>
      <c r="P835" s="7">
        <v>67.232840144700006</v>
      </c>
      <c r="Q835" s="7">
        <v>34.261225684700001</v>
      </c>
      <c r="R835" s="7">
        <v>17.3217702464</v>
      </c>
      <c r="S835" s="7">
        <v>18.676580013399999</v>
      </c>
      <c r="T835" s="7">
        <v>47.066484839799998</v>
      </c>
      <c r="U835" s="7">
        <v>17.7811731637</v>
      </c>
      <c r="V835" s="7">
        <v>44.265887616599997</v>
      </c>
      <c r="W835" s="7">
        <v>68.331438694599996</v>
      </c>
      <c r="X835" s="7">
        <v>93.739328100899996</v>
      </c>
      <c r="Y835" s="7">
        <v>38.588266397399998</v>
      </c>
      <c r="Z835" s="7">
        <v>46.648844736500003</v>
      </c>
      <c r="AA835" s="7">
        <v>43.099922561699998</v>
      </c>
      <c r="AB835" s="7">
        <v>37.183472646600002</v>
      </c>
      <c r="AC835" s="7">
        <v>41.867815784400001</v>
      </c>
      <c r="AD835" s="7">
        <v>40.664143230599997</v>
      </c>
      <c r="AE835" s="7">
        <v>46.868939812000001</v>
      </c>
      <c r="AF835" s="7">
        <v>48.506996784999998</v>
      </c>
      <c r="AG835" s="9">
        <v>8326.7895905000005</v>
      </c>
      <c r="AH835" s="13">
        <v>0.54560806261041883</v>
      </c>
      <c r="AI835" s="9">
        <v>-3772.3261014999989</v>
      </c>
      <c r="AJ835" s="13">
        <v>-0.24717948176837967</v>
      </c>
      <c r="AK835" s="9">
        <v>5203.7276248999988</v>
      </c>
      <c r="AL835" s="13">
        <v>0.45292500515863227</v>
      </c>
      <c r="AM835" s="9">
        <v>6895.3880671000006</v>
      </c>
      <c r="AN835" s="13">
        <v>0.41307342560536575</v>
      </c>
      <c r="AO835" s="9">
        <v>12099.115691999999</v>
      </c>
      <c r="AP835" s="13">
        <v>1.0530897141872022</v>
      </c>
      <c r="AQ835" s="9">
        <v>15261.4855995</v>
      </c>
      <c r="AR835" s="9">
        <v>17055.107632499999</v>
      </c>
      <c r="AS835" s="9">
        <v>22900.321742200002</v>
      </c>
      <c r="AT835" s="9">
        <v>15896.235305</v>
      </c>
      <c r="AU835" s="9">
        <v>14420.6728152</v>
      </c>
      <c r="AV835" s="9">
        <v>14140.3869197</v>
      </c>
      <c r="AW835" s="9">
        <v>11489.159498000001</v>
      </c>
      <c r="AX835" s="9">
        <v>10276.533570400001</v>
      </c>
      <c r="AY835" s="9">
        <v>18591.866646099999</v>
      </c>
      <c r="AZ835" s="9">
        <v>16692.8871229</v>
      </c>
      <c r="BA835" s="9">
        <v>17565.680362999999</v>
      </c>
      <c r="BB835" s="9">
        <v>18932.4435921</v>
      </c>
      <c r="BC835" s="9">
        <v>20822.555165599999</v>
      </c>
      <c r="BD835" s="9">
        <v>16869.957665000002</v>
      </c>
      <c r="BE835" s="9">
        <v>17283.321587300001</v>
      </c>
      <c r="BF835" s="9">
        <v>23588.27519</v>
      </c>
      <c r="BG835" s="11">
        <v>2.75</v>
      </c>
      <c r="BH835" s="13">
        <v>1.375</v>
      </c>
      <c r="BI835" s="6">
        <v>1</v>
      </c>
      <c r="BJ835" s="13">
        <v>0.5</v>
      </c>
      <c r="BK835" s="6">
        <v>1</v>
      </c>
      <c r="BL835" s="13">
        <v>0.33333333333333331</v>
      </c>
      <c r="BM835" s="11">
        <v>0.75</v>
      </c>
      <c r="BN835" s="13">
        <v>0.1875</v>
      </c>
      <c r="BO835" s="11">
        <v>1.75</v>
      </c>
      <c r="BP835" s="13">
        <v>0.58333333333333337</v>
      </c>
      <c r="BQ835" s="6">
        <v>2</v>
      </c>
      <c r="BR835" s="6">
        <v>4</v>
      </c>
      <c r="BS835" s="6">
        <v>3</v>
      </c>
      <c r="BT835" s="6">
        <v>3</v>
      </c>
      <c r="BU835" s="6">
        <v>3</v>
      </c>
      <c r="BV835" s="6">
        <v>4</v>
      </c>
      <c r="BW835" s="6">
        <v>4</v>
      </c>
      <c r="BX835" s="6">
        <v>4</v>
      </c>
      <c r="BY835" s="6">
        <v>4</v>
      </c>
      <c r="BZ835" s="6">
        <v>4</v>
      </c>
      <c r="CA835" s="6">
        <v>3</v>
      </c>
      <c r="CB835" s="6">
        <v>3</v>
      </c>
      <c r="CC835" s="11">
        <v>4.75</v>
      </c>
      <c r="CD835" s="11">
        <v>-32.124299999999998</v>
      </c>
      <c r="CE835" s="11">
        <v>6.0491099999999998</v>
      </c>
      <c r="CF835" s="11">
        <v>7.3493599999999999</v>
      </c>
      <c r="CG835" s="11">
        <v>13</v>
      </c>
      <c r="CH835" s="20">
        <v>0.36442799999999997</v>
      </c>
      <c r="CI835" s="20">
        <v>0.18046000000000001</v>
      </c>
      <c r="CJ835" s="20">
        <v>9.3733499999999997E-2</v>
      </c>
      <c r="CK835" s="20">
        <v>9.74825E-2</v>
      </c>
      <c r="CL835" s="20">
        <v>0.22448000000000001</v>
      </c>
      <c r="CM835" s="20">
        <v>8.2585400000000003E-2</v>
      </c>
      <c r="CN835" s="20">
        <v>0.21262600000000001</v>
      </c>
      <c r="CO835" s="20">
        <v>0.34637899999999999</v>
      </c>
      <c r="CP835" s="20">
        <v>0.49995000000000001</v>
      </c>
      <c r="CQ835" s="20">
        <v>0.210725</v>
      </c>
      <c r="CR835" s="20">
        <v>0.25437900000000002</v>
      </c>
      <c r="CS835" s="20">
        <v>0.23399600000000001</v>
      </c>
      <c r="CT835" s="20">
        <v>0.20283999999999999</v>
      </c>
      <c r="CU835" s="20">
        <v>0.22290499999999999</v>
      </c>
      <c r="CV835" s="20">
        <v>0.20744499999999999</v>
      </c>
      <c r="CW835" s="20">
        <v>0.235988</v>
      </c>
      <c r="CX835" s="20">
        <v>0.23974599999999999</v>
      </c>
      <c r="CY835" s="6" t="s">
        <v>521</v>
      </c>
      <c r="CZ835" s="6" t="s">
        <v>522</v>
      </c>
      <c r="DA835" s="6" t="s">
        <v>60</v>
      </c>
      <c r="DB835" s="6"/>
      <c r="DC835" s="6"/>
      <c r="DD835" s="6"/>
      <c r="DE835" s="6"/>
      <c r="DF835" s="6"/>
      <c r="DG835" s="6"/>
      <c r="DH835" s="6" t="s">
        <v>333</v>
      </c>
      <c r="DI835" s="6"/>
      <c r="DJ835" s="6"/>
      <c r="DK835" s="6"/>
      <c r="DL835" s="6">
        <v>11</v>
      </c>
      <c r="DM835" s="6" t="s">
        <v>520</v>
      </c>
      <c r="DN835" s="6">
        <v>7</v>
      </c>
      <c r="DO835" s="6" t="s">
        <v>369</v>
      </c>
      <c r="DP835" s="6"/>
      <c r="DQ835" s="6"/>
    </row>
    <row r="836" spans="1:121" x14ac:dyDescent="0.2">
      <c r="A836" s="6" t="s">
        <v>320</v>
      </c>
      <c r="B836" s="6" t="s">
        <v>320</v>
      </c>
      <c r="C836" s="6" t="s">
        <v>189</v>
      </c>
      <c r="D836" s="6" t="s">
        <v>60</v>
      </c>
      <c r="E836" s="6" t="s">
        <v>201</v>
      </c>
      <c r="F836" s="11">
        <v>0</v>
      </c>
      <c r="G836" s="13">
        <v>0</v>
      </c>
      <c r="H836" s="11">
        <v>5</v>
      </c>
      <c r="I836" s="13"/>
      <c r="J836" s="11">
        <v>-5</v>
      </c>
      <c r="K836" s="13">
        <v>-1</v>
      </c>
      <c r="L836" s="11">
        <v>0</v>
      </c>
      <c r="M836" s="13"/>
      <c r="N836" s="11">
        <v>-5</v>
      </c>
      <c r="O836" s="13">
        <v>-1</v>
      </c>
      <c r="P836" s="7">
        <v>0</v>
      </c>
      <c r="Q836" s="7">
        <v>0</v>
      </c>
      <c r="R836" s="7">
        <v>5</v>
      </c>
      <c r="S836" s="7">
        <v>5</v>
      </c>
      <c r="T836" s="7">
        <v>0</v>
      </c>
      <c r="U836" s="7">
        <v>0</v>
      </c>
      <c r="V836" s="7">
        <v>5</v>
      </c>
      <c r="W836" s="7">
        <v>5</v>
      </c>
      <c r="X836" s="7">
        <v>0</v>
      </c>
      <c r="Y836" s="7">
        <v>0</v>
      </c>
      <c r="Z836" s="7">
        <v>5</v>
      </c>
      <c r="AA836" s="7">
        <v>0</v>
      </c>
      <c r="AB836" s="7">
        <v>0</v>
      </c>
      <c r="AC836" s="7">
        <v>0</v>
      </c>
      <c r="AD836" s="7">
        <v>0</v>
      </c>
      <c r="AE836" s="7">
        <v>0</v>
      </c>
      <c r="AF836" s="7">
        <v>0</v>
      </c>
      <c r="AG836" s="9">
        <v>0</v>
      </c>
      <c r="AH836" s="13"/>
      <c r="AI836" s="9">
        <v>1</v>
      </c>
      <c r="AJ836" s="13"/>
      <c r="AK836" s="9">
        <v>-1</v>
      </c>
      <c r="AL836" s="13">
        <v>-1</v>
      </c>
      <c r="AM836" s="9">
        <v>0</v>
      </c>
      <c r="AN836" s="13"/>
      <c r="AO836" s="9">
        <v>-1</v>
      </c>
      <c r="AP836" s="13">
        <v>-1</v>
      </c>
      <c r="AQ836" s="9">
        <v>0</v>
      </c>
      <c r="AR836" s="9">
        <v>0</v>
      </c>
      <c r="AS836" s="9">
        <v>1</v>
      </c>
      <c r="AT836" s="9">
        <v>1</v>
      </c>
      <c r="AU836" s="9">
        <v>0</v>
      </c>
      <c r="AV836" s="9">
        <v>0</v>
      </c>
      <c r="AW836" s="9">
        <v>1</v>
      </c>
      <c r="AX836" s="9">
        <v>1</v>
      </c>
      <c r="AY836" s="9">
        <v>0</v>
      </c>
      <c r="AZ836" s="9">
        <v>0</v>
      </c>
      <c r="BA836" s="9">
        <v>1</v>
      </c>
      <c r="BB836" s="9">
        <v>0</v>
      </c>
      <c r="BC836" s="9">
        <v>0</v>
      </c>
      <c r="BD836" s="9">
        <v>0</v>
      </c>
      <c r="BE836" s="9">
        <v>0</v>
      </c>
      <c r="BF836" s="9">
        <v>0</v>
      </c>
      <c r="BG836" s="11">
        <v>0</v>
      </c>
      <c r="BH836" s="13" t="e">
        <v>#DIV/0!</v>
      </c>
      <c r="BI836" s="6">
        <v>0</v>
      </c>
      <c r="BJ836" s="13" t="e">
        <v>#DIV/0!</v>
      </c>
      <c r="BK836" s="6">
        <v>0</v>
      </c>
      <c r="BL836" s="13" t="e">
        <v>#DIV/0!</v>
      </c>
      <c r="BM836" s="11">
        <v>0</v>
      </c>
      <c r="BN836" s="13" t="e">
        <v>#DIV/0!</v>
      </c>
      <c r="BO836" s="11">
        <v>0</v>
      </c>
      <c r="BP836" s="13" t="e">
        <v>#DIV/0!</v>
      </c>
      <c r="BQ836" s="6">
        <v>0</v>
      </c>
      <c r="BR836" s="6">
        <v>0</v>
      </c>
      <c r="BS836" s="6">
        <v>0</v>
      </c>
      <c r="BT836" s="6">
        <v>0</v>
      </c>
      <c r="BU836" s="6">
        <v>0</v>
      </c>
      <c r="BV836" s="6">
        <v>0</v>
      </c>
      <c r="BW836" s="6">
        <v>0</v>
      </c>
      <c r="BX836" s="6">
        <v>0</v>
      </c>
      <c r="BY836" s="6">
        <v>0</v>
      </c>
      <c r="BZ836" s="6">
        <v>0</v>
      </c>
      <c r="CA836" s="6">
        <v>0</v>
      </c>
      <c r="CB836" s="6">
        <v>0</v>
      </c>
      <c r="CC836" s="11">
        <v>0</v>
      </c>
      <c r="CD836" s="11">
        <v>0</v>
      </c>
      <c r="CE836" s="11">
        <v>0</v>
      </c>
      <c r="CF836" s="11">
        <v>0</v>
      </c>
      <c r="CG836" s="11">
        <v>0</v>
      </c>
      <c r="CH836" s="20">
        <v>0</v>
      </c>
      <c r="CI836" s="20">
        <v>0</v>
      </c>
      <c r="CJ836" s="20">
        <v>2.1031899999999999E-2</v>
      </c>
      <c r="CK836" s="20">
        <v>1.9468200000000001E-2</v>
      </c>
      <c r="CL836" s="20">
        <v>0</v>
      </c>
      <c r="CM836" s="20">
        <v>0</v>
      </c>
      <c r="CN836" s="20">
        <v>7.3729700000000004E-3</v>
      </c>
      <c r="CO836" s="20">
        <v>7.3162100000000001E-3</v>
      </c>
      <c r="CP836" s="20">
        <v>0</v>
      </c>
      <c r="CQ836" s="20">
        <v>0</v>
      </c>
      <c r="CR836" s="20">
        <v>3.5391100000000002E-2</v>
      </c>
      <c r="CS836" s="20">
        <v>0</v>
      </c>
      <c r="CT836" s="20">
        <v>0</v>
      </c>
      <c r="CU836" s="20">
        <v>0</v>
      </c>
      <c r="CV836" s="20">
        <v>0</v>
      </c>
      <c r="CW836" s="20">
        <v>0</v>
      </c>
      <c r="CX836" s="20">
        <v>0</v>
      </c>
      <c r="CY836" s="6" t="s">
        <v>521</v>
      </c>
      <c r="CZ836" s="6" t="s">
        <v>522</v>
      </c>
      <c r="DA836" s="6" t="s">
        <v>60</v>
      </c>
      <c r="DB836" s="6"/>
      <c r="DC836" s="6"/>
      <c r="DD836" s="6"/>
      <c r="DE836" s="6"/>
      <c r="DF836" s="6"/>
      <c r="DG836" s="6"/>
      <c r="DH836" s="6" t="s">
        <v>333</v>
      </c>
      <c r="DI836" s="6"/>
      <c r="DJ836" s="6"/>
      <c r="DK836" s="6"/>
      <c r="DL836" s="6">
        <v>11</v>
      </c>
      <c r="DM836" s="6" t="s">
        <v>520</v>
      </c>
      <c r="DN836" s="6">
        <v>7</v>
      </c>
      <c r="DO836" s="6" t="s">
        <v>369</v>
      </c>
      <c r="DP836" s="6"/>
      <c r="DQ836" s="6"/>
    </row>
    <row r="837" spans="1:121" x14ac:dyDescent="0.2">
      <c r="A837" s="6" t="s">
        <v>321</v>
      </c>
      <c r="B837" s="6" t="s">
        <v>321</v>
      </c>
      <c r="C837" s="6" t="s">
        <v>190</v>
      </c>
      <c r="D837" s="6" t="s">
        <v>60</v>
      </c>
      <c r="E837" s="6" t="s">
        <v>201</v>
      </c>
      <c r="F837" s="11">
        <v>-74</v>
      </c>
      <c r="G837" s="13">
        <v>-0.21022727272700001</v>
      </c>
      <c r="H837" s="11">
        <v>-21.479592012000012</v>
      </c>
      <c r="I837" s="13">
        <v>-6.0947282929175957E-2</v>
      </c>
      <c r="J837" s="11">
        <v>-17.049856366999961</v>
      </c>
      <c r="K837" s="13">
        <v>-5.1518009200197459E-2</v>
      </c>
      <c r="L837" s="11">
        <v>-35.583154583999999</v>
      </c>
      <c r="M837" s="13">
        <v>-0.11335839956564166</v>
      </c>
      <c r="N837" s="11">
        <v>-52.63301095099996</v>
      </c>
      <c r="O837" s="13">
        <v>-0.15903640969409671</v>
      </c>
      <c r="P837" s="7">
        <v>352.42903341499999</v>
      </c>
      <c r="Q837" s="7">
        <v>367.767642045</v>
      </c>
      <c r="R837" s="7">
        <v>378.441038311</v>
      </c>
      <c r="S837" s="7">
        <v>374.83206493199998</v>
      </c>
      <c r="T837" s="7">
        <v>377.49176504500002</v>
      </c>
      <c r="U837" s="7">
        <v>321.08070979199999</v>
      </c>
      <c r="V837" s="7">
        <v>330.94944140299998</v>
      </c>
      <c r="W837" s="7">
        <v>301.57163085299999</v>
      </c>
      <c r="X837" s="7">
        <v>314.223675034</v>
      </c>
      <c r="Y837" s="7">
        <v>313.89958503600002</v>
      </c>
      <c r="Z837" s="7">
        <v>301.35766968600001</v>
      </c>
      <c r="AA837" s="7">
        <v>304.37882742099998</v>
      </c>
      <c r="AB837" s="7">
        <v>290.514663606</v>
      </c>
      <c r="AC837" s="7">
        <v>276.50752648600002</v>
      </c>
      <c r="AD837" s="7">
        <v>279.34492907999999</v>
      </c>
      <c r="AE837" s="7">
        <v>280.20644088400002</v>
      </c>
      <c r="AF837" s="7">
        <v>278.31643045200002</v>
      </c>
      <c r="AG837" s="9">
        <v>9357.0779045999989</v>
      </c>
      <c r="AH837" s="13">
        <v>0.47957929724926435</v>
      </c>
      <c r="AI837" s="9">
        <v>2413.9909819999993</v>
      </c>
      <c r="AJ837" s="13">
        <v>0.12372453350468404</v>
      </c>
      <c r="AK837" s="9">
        <v>3162.1737070000017</v>
      </c>
      <c r="AL837" s="13">
        <v>0.14422682473231951</v>
      </c>
      <c r="AM837" s="9">
        <v>3780.9132155999978</v>
      </c>
      <c r="AN837" s="13">
        <v>0.15071098319703319</v>
      </c>
      <c r="AO837" s="9">
        <v>6943.0869225999995</v>
      </c>
      <c r="AP837" s="13">
        <v>0.31667437448814673</v>
      </c>
      <c r="AQ837" s="9">
        <v>19511.013003</v>
      </c>
      <c r="AR837" s="9">
        <v>20728.735723000002</v>
      </c>
      <c r="AS837" s="9">
        <v>21037.2837922</v>
      </c>
      <c r="AT837" s="9">
        <v>22392.911256300002</v>
      </c>
      <c r="AU837" s="9">
        <v>21776.0585966</v>
      </c>
      <c r="AV837" s="9">
        <v>23281.860686200002</v>
      </c>
      <c r="AW837" s="9">
        <v>21925.003984999999</v>
      </c>
      <c r="AX837" s="9">
        <v>24370.998058199999</v>
      </c>
      <c r="AY837" s="9">
        <v>25026.526597700002</v>
      </c>
      <c r="AZ837" s="9">
        <v>25087.177692000001</v>
      </c>
      <c r="BA837" s="9">
        <v>24519.000247799999</v>
      </c>
      <c r="BB837" s="9">
        <v>24975.096715</v>
      </c>
      <c r="BC837" s="9">
        <v>26894.549314600001</v>
      </c>
      <c r="BD837" s="9">
        <v>28045.554064399999</v>
      </c>
      <c r="BE837" s="9">
        <v>28836.722467700001</v>
      </c>
      <c r="BF837" s="9">
        <v>28868.090907599999</v>
      </c>
      <c r="BG837" s="11">
        <v>22.25</v>
      </c>
      <c r="BH837" s="13">
        <v>1.0113636363636365</v>
      </c>
      <c r="BI837" s="6">
        <v>1</v>
      </c>
      <c r="BJ837" s="13">
        <v>4.5454545454545456E-2</v>
      </c>
      <c r="BK837" s="6">
        <v>3</v>
      </c>
      <c r="BL837" s="13">
        <v>0.13043478260869565</v>
      </c>
      <c r="BM837" s="11">
        <v>18.25</v>
      </c>
      <c r="BN837" s="13">
        <v>0.70192307692307687</v>
      </c>
      <c r="BO837" s="11">
        <v>21.25</v>
      </c>
      <c r="BP837" s="13">
        <v>0.92391304347826086</v>
      </c>
      <c r="BQ837" s="6">
        <v>22</v>
      </c>
      <c r="BR837" s="6">
        <v>23</v>
      </c>
      <c r="BS837" s="6">
        <v>23</v>
      </c>
      <c r="BT837" s="6">
        <v>23</v>
      </c>
      <c r="BU837" s="6">
        <v>25</v>
      </c>
      <c r="BV837" s="6">
        <v>24</v>
      </c>
      <c r="BW837" s="6">
        <v>26</v>
      </c>
      <c r="BX837" s="6">
        <v>26</v>
      </c>
      <c r="BY837" s="6">
        <v>26</v>
      </c>
      <c r="BZ837" s="6">
        <v>36</v>
      </c>
      <c r="CA837" s="6">
        <v>36</v>
      </c>
      <c r="CB837" s="6">
        <v>41</v>
      </c>
      <c r="CC837" s="11">
        <v>44.25</v>
      </c>
      <c r="CD837" s="11">
        <v>-240.98</v>
      </c>
      <c r="CE837" s="11">
        <v>128.34299999999999</v>
      </c>
      <c r="CF837" s="11">
        <v>38.524700000000003</v>
      </c>
      <c r="CG837" s="11">
        <v>167</v>
      </c>
      <c r="CH837" s="20">
        <v>1.1593800000000001</v>
      </c>
      <c r="CI837" s="20">
        <v>1.13164</v>
      </c>
      <c r="CJ837" s="20">
        <v>1.1597999999999999</v>
      </c>
      <c r="CK837" s="20">
        <v>1.12171</v>
      </c>
      <c r="CL837" s="20">
        <v>1.04396</v>
      </c>
      <c r="CM837" s="20">
        <v>0.86618899999999999</v>
      </c>
      <c r="CN837" s="20">
        <v>0.90693299999999999</v>
      </c>
      <c r="CO837" s="20">
        <v>0.81332000000000004</v>
      </c>
      <c r="CP837" s="20">
        <v>0.79542900000000005</v>
      </c>
      <c r="CQ837" s="20">
        <v>0.82485600000000003</v>
      </c>
      <c r="CR837" s="20">
        <v>0.81077699999999997</v>
      </c>
      <c r="CS837" s="20">
        <v>0.80962699999999999</v>
      </c>
      <c r="CT837" s="20">
        <v>0.78245200000000004</v>
      </c>
      <c r="CU837" s="20">
        <v>0.73704800000000004</v>
      </c>
      <c r="CV837" s="20">
        <v>0.71399999999999997</v>
      </c>
      <c r="CW837" s="20">
        <v>0.70355199999999996</v>
      </c>
      <c r="CX837" s="20">
        <v>0.67949499999999996</v>
      </c>
      <c r="CY837" s="6" t="s">
        <v>521</v>
      </c>
      <c r="CZ837" s="6" t="s">
        <v>522</v>
      </c>
      <c r="DA837" s="6" t="s">
        <v>60</v>
      </c>
      <c r="DB837" s="6"/>
      <c r="DC837" s="6"/>
      <c r="DD837" s="6"/>
      <c r="DE837" s="6"/>
      <c r="DF837" s="6"/>
      <c r="DG837" s="6"/>
      <c r="DH837" s="6" t="s">
        <v>333</v>
      </c>
      <c r="DI837" s="6"/>
      <c r="DJ837" s="6"/>
      <c r="DK837" s="6"/>
      <c r="DL837" s="6">
        <v>11</v>
      </c>
      <c r="DM837" s="6" t="s">
        <v>520</v>
      </c>
      <c r="DN837" s="6">
        <v>7</v>
      </c>
      <c r="DO837" s="6" t="s">
        <v>369</v>
      </c>
      <c r="DP837" s="6"/>
      <c r="DQ837" s="6"/>
    </row>
    <row r="838" spans="1:121" x14ac:dyDescent="0.2">
      <c r="A838" s="6" t="s">
        <v>322</v>
      </c>
      <c r="B838" s="6" t="s">
        <v>322</v>
      </c>
      <c r="C838" s="6" t="s">
        <v>191</v>
      </c>
      <c r="D838" s="6" t="s">
        <v>60</v>
      </c>
      <c r="E838" s="6" t="s">
        <v>201</v>
      </c>
      <c r="F838" s="11">
        <v>1</v>
      </c>
      <c r="G838" s="13">
        <v>1</v>
      </c>
      <c r="H838" s="11">
        <v>4</v>
      </c>
      <c r="I838" s="13">
        <v>0.4</v>
      </c>
      <c r="J838" s="11">
        <v>-9</v>
      </c>
      <c r="K838" s="13">
        <v>-0.6428571428571429</v>
      </c>
      <c r="L838" s="11">
        <v>0</v>
      </c>
      <c r="M838" s="13">
        <v>0</v>
      </c>
      <c r="N838" s="11">
        <v>-9</v>
      </c>
      <c r="O838" s="13">
        <v>-0.6428571428571429</v>
      </c>
      <c r="P838" s="7">
        <v>10</v>
      </c>
      <c r="Q838" s="7">
        <v>13</v>
      </c>
      <c r="R838" s="7">
        <v>5</v>
      </c>
      <c r="S838" s="7">
        <v>5</v>
      </c>
      <c r="T838" s="7">
        <v>5</v>
      </c>
      <c r="U838" s="7">
        <v>11</v>
      </c>
      <c r="V838" s="7">
        <v>14</v>
      </c>
      <c r="W838" s="7">
        <v>15</v>
      </c>
      <c r="X838" s="7">
        <v>5</v>
      </c>
      <c r="Y838" s="7">
        <v>5</v>
      </c>
      <c r="Z838" s="7">
        <v>5</v>
      </c>
      <c r="AA838" s="7">
        <v>5</v>
      </c>
      <c r="AB838" s="7">
        <v>5</v>
      </c>
      <c r="AC838" s="7">
        <v>5</v>
      </c>
      <c r="AD838" s="7">
        <v>5</v>
      </c>
      <c r="AE838" s="7">
        <v>5</v>
      </c>
      <c r="AF838" s="7">
        <v>5</v>
      </c>
      <c r="AG838" s="9">
        <v>-11614</v>
      </c>
      <c r="AH838" s="13">
        <v>-0.99991390443392159</v>
      </c>
      <c r="AI838" s="9">
        <v>4137</v>
      </c>
      <c r="AJ838" s="13">
        <v>0.3561773568661214</v>
      </c>
      <c r="AK838" s="9">
        <v>-15751</v>
      </c>
      <c r="AL838" s="13">
        <v>-0.99993651599796851</v>
      </c>
      <c r="AM838" s="9">
        <v>0</v>
      </c>
      <c r="AN838" s="13">
        <v>0</v>
      </c>
      <c r="AO838" s="9">
        <v>-15751</v>
      </c>
      <c r="AP838" s="13">
        <v>-0.99993651599796851</v>
      </c>
      <c r="AQ838" s="9">
        <v>11615</v>
      </c>
      <c r="AR838" s="9">
        <v>9519</v>
      </c>
      <c r="AS838" s="9">
        <v>1</v>
      </c>
      <c r="AT838" s="9">
        <v>1</v>
      </c>
      <c r="AU838" s="9">
        <v>1</v>
      </c>
      <c r="AV838" s="9">
        <v>11477</v>
      </c>
      <c r="AW838" s="9">
        <v>15752</v>
      </c>
      <c r="AX838" s="9">
        <v>12906</v>
      </c>
      <c r="AY838" s="9">
        <v>1</v>
      </c>
      <c r="AZ838" s="9">
        <v>1</v>
      </c>
      <c r="BA838" s="9">
        <v>1</v>
      </c>
      <c r="BB838" s="9">
        <v>1</v>
      </c>
      <c r="BC838" s="9">
        <v>1</v>
      </c>
      <c r="BD838" s="9">
        <v>1</v>
      </c>
      <c r="BE838" s="9">
        <v>1</v>
      </c>
      <c r="BF838" s="9">
        <v>1</v>
      </c>
      <c r="BG838" s="11">
        <v>-1</v>
      </c>
      <c r="BH838" s="13">
        <v>-0.33333333333333331</v>
      </c>
      <c r="BI838" s="6">
        <v>0</v>
      </c>
      <c r="BJ838" s="13">
        <v>0</v>
      </c>
      <c r="BK838" s="6">
        <v>-1</v>
      </c>
      <c r="BL838" s="13">
        <v>-0.33333333333333331</v>
      </c>
      <c r="BM838" s="11">
        <v>0</v>
      </c>
      <c r="BN838" s="13">
        <v>0</v>
      </c>
      <c r="BO838" s="11">
        <v>-1</v>
      </c>
      <c r="BP838" s="13">
        <v>-0.33333333333333331</v>
      </c>
      <c r="BQ838" s="6">
        <v>3</v>
      </c>
      <c r="BR838" s="6">
        <v>3</v>
      </c>
      <c r="BS838" s="6">
        <v>3</v>
      </c>
      <c r="BT838" s="6">
        <v>3</v>
      </c>
      <c r="BU838" s="6">
        <v>2</v>
      </c>
      <c r="BV838" s="6">
        <v>2</v>
      </c>
      <c r="BW838" s="6">
        <v>2</v>
      </c>
      <c r="BX838" s="6">
        <v>1</v>
      </c>
      <c r="BY838" s="6">
        <v>1</v>
      </c>
      <c r="BZ838" s="6">
        <v>1</v>
      </c>
      <c r="CA838" s="6">
        <v>1</v>
      </c>
      <c r="CB838" s="6">
        <v>1</v>
      </c>
      <c r="CC838" s="11">
        <v>2</v>
      </c>
      <c r="CD838" s="11">
        <v>-6</v>
      </c>
      <c r="CE838" s="11">
        <v>2</v>
      </c>
      <c r="CF838" s="11">
        <v>1</v>
      </c>
      <c r="CG838" s="11">
        <v>3</v>
      </c>
      <c r="CH838" s="20">
        <v>0.22</v>
      </c>
      <c r="CI838" s="20">
        <v>0.26</v>
      </c>
      <c r="CJ838" s="20">
        <v>0.18</v>
      </c>
      <c r="CK838" s="20">
        <v>0.16</v>
      </c>
      <c r="CL838" s="20">
        <v>0.18</v>
      </c>
      <c r="CM838" s="20">
        <v>0.21</v>
      </c>
      <c r="CN838" s="20">
        <v>0.26</v>
      </c>
      <c r="CO838" s="20">
        <v>0.28000000000000003</v>
      </c>
      <c r="CP838" s="20">
        <v>0.1</v>
      </c>
      <c r="CQ838" s="20">
        <v>0.14000000000000001</v>
      </c>
      <c r="CR838" s="20">
        <v>0.16</v>
      </c>
      <c r="CS838" s="20">
        <v>0.17</v>
      </c>
      <c r="CT838" s="20">
        <v>0.12</v>
      </c>
      <c r="CU838" s="20">
        <v>0.09</v>
      </c>
      <c r="CV838" s="20">
        <v>0.09</v>
      </c>
      <c r="CW838" s="20">
        <v>0.13</v>
      </c>
      <c r="CX838" s="20">
        <v>0.14000000000000001</v>
      </c>
      <c r="CY838" s="6" t="s">
        <v>521</v>
      </c>
      <c r="CZ838" s="6" t="s">
        <v>522</v>
      </c>
      <c r="DA838" s="6" t="s">
        <v>60</v>
      </c>
      <c r="DB838" s="6"/>
      <c r="DC838" s="6"/>
      <c r="DD838" s="6"/>
      <c r="DE838" s="6"/>
      <c r="DF838" s="6"/>
      <c r="DG838" s="6"/>
      <c r="DH838" s="6" t="s">
        <v>333</v>
      </c>
      <c r="DI838" s="6"/>
      <c r="DJ838" s="6"/>
      <c r="DK838" s="6"/>
      <c r="DL838" s="6">
        <v>11</v>
      </c>
      <c r="DM838" s="6" t="s">
        <v>520</v>
      </c>
      <c r="DN838" s="6">
        <v>7</v>
      </c>
      <c r="DO838" s="6" t="s">
        <v>369</v>
      </c>
      <c r="DP838" s="6"/>
      <c r="DQ838" s="6"/>
    </row>
    <row r="839" spans="1:121" x14ac:dyDescent="0.2">
      <c r="A839" s="6" t="s">
        <v>323</v>
      </c>
      <c r="B839" s="6" t="s">
        <v>323</v>
      </c>
      <c r="C839" s="6" t="s">
        <v>192</v>
      </c>
      <c r="D839" s="6" t="s">
        <v>60</v>
      </c>
      <c r="E839" s="6" t="s">
        <v>201</v>
      </c>
      <c r="F839" s="11">
        <v>-23</v>
      </c>
      <c r="G839" s="13">
        <v>-8.0985915492999994E-2</v>
      </c>
      <c r="H839" s="11">
        <v>4.6799856790000263</v>
      </c>
      <c r="I839" s="13">
        <v>1.646422180158779E-2</v>
      </c>
      <c r="J839" s="11">
        <v>-0.13984268500001917</v>
      </c>
      <c r="K839" s="13">
        <v>-4.839988628567146E-4</v>
      </c>
      <c r="L839" s="11">
        <v>-27.698633840000014</v>
      </c>
      <c r="M839" s="13">
        <v>-9.5912052631778044E-2</v>
      </c>
      <c r="N839" s="11">
        <v>-27.838476525000033</v>
      </c>
      <c r="O839" s="13">
        <v>-9.6349630170226713E-2</v>
      </c>
      <c r="P839" s="7">
        <v>284.251860513</v>
      </c>
      <c r="Q839" s="7">
        <v>318.50360785499998</v>
      </c>
      <c r="R839" s="7">
        <v>321.21625312899999</v>
      </c>
      <c r="S839" s="7">
        <v>355.13212216900001</v>
      </c>
      <c r="T839" s="7">
        <v>326.52037051299999</v>
      </c>
      <c r="U839" s="7">
        <v>302.33078578599998</v>
      </c>
      <c r="V839" s="7">
        <v>288.93184619200002</v>
      </c>
      <c r="W839" s="7">
        <v>291.09078559099999</v>
      </c>
      <c r="X839" s="7">
        <v>324.17157634500001</v>
      </c>
      <c r="Y839" s="7">
        <v>288.792003507</v>
      </c>
      <c r="Z839" s="7">
        <v>286.26709001799998</v>
      </c>
      <c r="AA839" s="7">
        <v>268.9960107</v>
      </c>
      <c r="AB839" s="7">
        <v>279.69446252699998</v>
      </c>
      <c r="AC839" s="7">
        <v>254.718564448</v>
      </c>
      <c r="AD839" s="7">
        <v>267.15344007300001</v>
      </c>
      <c r="AE839" s="7">
        <v>265.98991108799999</v>
      </c>
      <c r="AF839" s="7">
        <v>261.09336966699999</v>
      </c>
      <c r="AG839" s="9">
        <v>4380.3120741999992</v>
      </c>
      <c r="AH839" s="13">
        <v>0.40557068135275443</v>
      </c>
      <c r="AI839" s="9">
        <v>850.83312639999895</v>
      </c>
      <c r="AJ839" s="13">
        <v>7.8778170355491034E-2</v>
      </c>
      <c r="AK839" s="9">
        <v>1852.1862316000006</v>
      </c>
      <c r="AL839" s="13">
        <v>0.15896957068893158</v>
      </c>
      <c r="AM839" s="9">
        <v>1677.2927161999996</v>
      </c>
      <c r="AN839" s="13">
        <v>0.12421275013498288</v>
      </c>
      <c r="AO839" s="9">
        <v>3529.4789478000002</v>
      </c>
      <c r="AP839" s="13">
        <v>0.30292836838696419</v>
      </c>
      <c r="AQ839" s="9">
        <v>10800.3666823</v>
      </c>
      <c r="AR839" s="9">
        <v>11030.160259599999</v>
      </c>
      <c r="AS839" s="9">
        <v>11109.998286399999</v>
      </c>
      <c r="AT839" s="9">
        <v>10188.926306900001</v>
      </c>
      <c r="AU839" s="9">
        <v>10730.9820805</v>
      </c>
      <c r="AV839" s="9">
        <v>11152.4971637</v>
      </c>
      <c r="AW839" s="9">
        <v>11651.199808699999</v>
      </c>
      <c r="AX839" s="9">
        <v>12379.164746300001</v>
      </c>
      <c r="AY839" s="9">
        <v>12286.930557899999</v>
      </c>
      <c r="AZ839" s="9">
        <v>13503.3860403</v>
      </c>
      <c r="BA839" s="9">
        <v>13564.720868799999</v>
      </c>
      <c r="BB839" s="9">
        <v>13785.259083700001</v>
      </c>
      <c r="BC839" s="9">
        <v>13689.2547583</v>
      </c>
      <c r="BD839" s="9">
        <v>14056.413448900001</v>
      </c>
      <c r="BE839" s="9">
        <v>14186.710901500001</v>
      </c>
      <c r="BF839" s="9">
        <v>15180.6787565</v>
      </c>
      <c r="BG839" s="11">
        <v>-6</v>
      </c>
      <c r="BH839" s="13">
        <v>-0.2857142857142857</v>
      </c>
      <c r="BI839" s="6">
        <v>-2</v>
      </c>
      <c r="BJ839" s="13">
        <v>-9.5238095238095233E-2</v>
      </c>
      <c r="BK839" s="6">
        <v>0</v>
      </c>
      <c r="BL839" s="13">
        <v>0</v>
      </c>
      <c r="BM839" s="11">
        <v>-4</v>
      </c>
      <c r="BN839" s="13">
        <v>-0.21052631578947367</v>
      </c>
      <c r="BO839" s="11">
        <v>-4</v>
      </c>
      <c r="BP839" s="13">
        <v>-0.21052631578947367</v>
      </c>
      <c r="BQ839" s="6">
        <v>21</v>
      </c>
      <c r="BR839" s="6">
        <v>21</v>
      </c>
      <c r="BS839" s="6">
        <v>20</v>
      </c>
      <c r="BT839" s="6">
        <v>19</v>
      </c>
      <c r="BU839" s="6">
        <v>18</v>
      </c>
      <c r="BV839" s="6">
        <v>21</v>
      </c>
      <c r="BW839" s="6">
        <v>19</v>
      </c>
      <c r="BX839" s="6">
        <v>19</v>
      </c>
      <c r="BY839" s="6">
        <v>15</v>
      </c>
      <c r="BZ839" s="6">
        <v>16</v>
      </c>
      <c r="CA839" s="6">
        <v>13</v>
      </c>
      <c r="CB839" s="6">
        <v>15</v>
      </c>
      <c r="CC839" s="11">
        <v>15</v>
      </c>
      <c r="CD839" s="11">
        <v>-118.871</v>
      </c>
      <c r="CE839" s="11">
        <v>64.640500000000003</v>
      </c>
      <c r="CF839" s="11">
        <v>31.072199999999999</v>
      </c>
      <c r="CG839" s="11">
        <v>96</v>
      </c>
      <c r="CH839" s="20">
        <v>1.26003</v>
      </c>
      <c r="CI839" s="20">
        <v>1.35419</v>
      </c>
      <c r="CJ839" s="20">
        <v>1.3768800000000001</v>
      </c>
      <c r="CK839" s="20">
        <v>1.4786900000000001</v>
      </c>
      <c r="CL839" s="20">
        <v>1.25545</v>
      </c>
      <c r="CM839" s="20">
        <v>1.1384399999999999</v>
      </c>
      <c r="CN839" s="20">
        <v>1.1113900000000001</v>
      </c>
      <c r="CO839" s="20">
        <v>1.12717</v>
      </c>
      <c r="CP839" s="20">
        <v>1.2366299999999999</v>
      </c>
      <c r="CQ839" s="20">
        <v>1.15856</v>
      </c>
      <c r="CR839" s="20">
        <v>1.1629400000000001</v>
      </c>
      <c r="CS839" s="20">
        <v>1.0870899999999999</v>
      </c>
      <c r="CT839" s="20">
        <v>1.1323099999999999</v>
      </c>
      <c r="CU839" s="20">
        <v>1.0098199999999999</v>
      </c>
      <c r="CV839" s="20">
        <v>1.0058499999999999</v>
      </c>
      <c r="CW839" s="20">
        <v>0.98146299999999997</v>
      </c>
      <c r="CX839" s="20">
        <v>0.94682999999999995</v>
      </c>
      <c r="CY839" s="6" t="s">
        <v>521</v>
      </c>
      <c r="CZ839" s="6" t="s">
        <v>522</v>
      </c>
      <c r="DA839" s="6" t="s">
        <v>60</v>
      </c>
      <c r="DB839" s="6"/>
      <c r="DC839" s="6"/>
      <c r="DD839" s="6"/>
      <c r="DE839" s="6"/>
      <c r="DF839" s="6"/>
      <c r="DG839" s="6"/>
      <c r="DH839" s="6" t="s">
        <v>333</v>
      </c>
      <c r="DI839" s="6"/>
      <c r="DJ839" s="6"/>
      <c r="DK839" s="6"/>
      <c r="DL839" s="6">
        <v>11</v>
      </c>
      <c r="DM839" s="6" t="s">
        <v>520</v>
      </c>
      <c r="DN839" s="6">
        <v>7</v>
      </c>
      <c r="DO839" s="6" t="s">
        <v>369</v>
      </c>
      <c r="DP839" s="6"/>
      <c r="DQ839" s="6"/>
    </row>
    <row r="840" spans="1:121" x14ac:dyDescent="0.2">
      <c r="A840" s="6" t="s">
        <v>325</v>
      </c>
      <c r="B840" s="6" t="s">
        <v>325</v>
      </c>
      <c r="C840" s="6" t="s">
        <v>193</v>
      </c>
      <c r="D840" s="6" t="s">
        <v>60</v>
      </c>
      <c r="E840" s="6" t="s">
        <v>201</v>
      </c>
      <c r="F840" s="11">
        <v>0</v>
      </c>
      <c r="G840" s="13">
        <v>0</v>
      </c>
      <c r="H840" s="11">
        <v>12.815551260000007</v>
      </c>
      <c r="I840" s="13">
        <v>9.0481657915671101E-2</v>
      </c>
      <c r="J840" s="11">
        <v>-10.454023795000012</v>
      </c>
      <c r="K840" s="13">
        <v>-6.7684367805478832E-2</v>
      </c>
      <c r="L840" s="11">
        <v>-1.9082901789999767</v>
      </c>
      <c r="M840" s="13">
        <v>-1.3252149958213612E-2</v>
      </c>
      <c r="N840" s="11">
        <v>-12.362313973999989</v>
      </c>
      <c r="O840" s="13">
        <v>-8.0039554371707358E-2</v>
      </c>
      <c r="P840" s="7">
        <v>141.63700749099999</v>
      </c>
      <c r="Q840" s="7">
        <v>150.59916795500001</v>
      </c>
      <c r="R840" s="7">
        <v>176.63749580300001</v>
      </c>
      <c r="S840" s="7">
        <v>195.09735649800001</v>
      </c>
      <c r="T840" s="7">
        <v>188.43675368699999</v>
      </c>
      <c r="U840" s="7">
        <v>164.45507904900001</v>
      </c>
      <c r="V840" s="7">
        <v>154.452558751</v>
      </c>
      <c r="W840" s="7">
        <v>143.87460703100001</v>
      </c>
      <c r="X840" s="7">
        <v>148.17481567999999</v>
      </c>
      <c r="Y840" s="7">
        <v>143.99853495599999</v>
      </c>
      <c r="Z840" s="7">
        <v>153.93884722999999</v>
      </c>
      <c r="AA840" s="7">
        <v>169.67260949199999</v>
      </c>
      <c r="AB840" s="7">
        <v>160.848976545</v>
      </c>
      <c r="AC840" s="7">
        <v>141.066647867</v>
      </c>
      <c r="AD840" s="7">
        <v>142.82920904700001</v>
      </c>
      <c r="AE840" s="7">
        <v>142.51337221200001</v>
      </c>
      <c r="AF840" s="7">
        <v>142.09024477700001</v>
      </c>
      <c r="AG840" s="9">
        <v>3816.6240499000014</v>
      </c>
      <c r="AH840" s="13">
        <v>0.2320878805973165</v>
      </c>
      <c r="AI840" s="9">
        <v>2117.2575374000007</v>
      </c>
      <c r="AJ840" s="13">
        <v>0.12874986063841801</v>
      </c>
      <c r="AK840" s="9">
        <v>-99.59288000000015</v>
      </c>
      <c r="AL840" s="13">
        <v>-5.3654192324240528E-3</v>
      </c>
      <c r="AM840" s="9">
        <v>1798.9593925000008</v>
      </c>
      <c r="AN840" s="13">
        <v>9.7439080298296843E-2</v>
      </c>
      <c r="AO840" s="9">
        <v>1699.3665125000007</v>
      </c>
      <c r="AP840" s="13">
        <v>9.15508595504506E-2</v>
      </c>
      <c r="AQ840" s="9">
        <v>16444.736537199999</v>
      </c>
      <c r="AR840" s="9">
        <v>16059.708547</v>
      </c>
      <c r="AS840" s="9">
        <v>16376.9531379</v>
      </c>
      <c r="AT840" s="9">
        <v>16569.183786599999</v>
      </c>
      <c r="AU840" s="9">
        <v>16650.535228100001</v>
      </c>
      <c r="AV840" s="9">
        <v>19094.612831499999</v>
      </c>
      <c r="AW840" s="9">
        <v>18561.994074599999</v>
      </c>
      <c r="AX840" s="9">
        <v>17603.411287300001</v>
      </c>
      <c r="AY840" s="9">
        <v>18098.559948300001</v>
      </c>
      <c r="AZ840" s="9">
        <v>18462.401194599999</v>
      </c>
      <c r="BA840" s="9">
        <v>18391.7929186</v>
      </c>
      <c r="BB840" s="9">
        <v>18333.3588189</v>
      </c>
      <c r="BC840" s="9">
        <v>21192.284022399999</v>
      </c>
      <c r="BD840" s="9">
        <v>21543.960268700001</v>
      </c>
      <c r="BE840" s="9">
        <v>20273.659563099998</v>
      </c>
      <c r="BF840" s="9">
        <v>20261.3605871</v>
      </c>
      <c r="BG840" s="11">
        <v>-7</v>
      </c>
      <c r="BH840" s="13">
        <v>-0.30434782608695654</v>
      </c>
      <c r="BI840" s="6">
        <v>0</v>
      </c>
      <c r="BJ840" s="13">
        <v>0</v>
      </c>
      <c r="BK840" s="6">
        <v>-1</v>
      </c>
      <c r="BL840" s="13">
        <v>-4.3478260869565216E-2</v>
      </c>
      <c r="BM840" s="11">
        <v>-6</v>
      </c>
      <c r="BN840" s="13">
        <v>-0.27272727272727271</v>
      </c>
      <c r="BO840" s="11">
        <v>-7</v>
      </c>
      <c r="BP840" s="13">
        <v>-0.30434782608695654</v>
      </c>
      <c r="BQ840" s="6">
        <v>23</v>
      </c>
      <c r="BR840" s="6">
        <v>27</v>
      </c>
      <c r="BS840" s="6">
        <v>23</v>
      </c>
      <c r="BT840" s="6">
        <v>23</v>
      </c>
      <c r="BU840" s="6">
        <v>21</v>
      </c>
      <c r="BV840" s="6">
        <v>19</v>
      </c>
      <c r="BW840" s="6">
        <v>22</v>
      </c>
      <c r="BX840" s="6">
        <v>29</v>
      </c>
      <c r="BY840" s="6">
        <v>29</v>
      </c>
      <c r="BZ840" s="6">
        <v>22</v>
      </c>
      <c r="CA840" s="6">
        <v>20</v>
      </c>
      <c r="CB840" s="6">
        <v>19</v>
      </c>
      <c r="CC840" s="11">
        <v>16</v>
      </c>
      <c r="CD840" s="11">
        <v>-13.725099999999999</v>
      </c>
      <c r="CE840" s="11">
        <v>-1.3043400000000001</v>
      </c>
      <c r="CF840" s="11">
        <v>15.4826</v>
      </c>
      <c r="CG840" s="11">
        <v>14</v>
      </c>
      <c r="CH840" s="20">
        <v>0.924319</v>
      </c>
      <c r="CI840" s="20">
        <v>0.938747</v>
      </c>
      <c r="CJ840" s="20">
        <v>1.11643</v>
      </c>
      <c r="CK840" s="20">
        <v>1.21949</v>
      </c>
      <c r="CL840" s="20">
        <v>1.1056999999999999</v>
      </c>
      <c r="CM840" s="20">
        <v>0.95389599999999997</v>
      </c>
      <c r="CN840" s="20">
        <v>0.91967699999999997</v>
      </c>
      <c r="CO840" s="20">
        <v>0.86158900000000005</v>
      </c>
      <c r="CP840" s="20">
        <v>0.856348</v>
      </c>
      <c r="CQ840" s="20">
        <v>0.88167899999999999</v>
      </c>
      <c r="CR840" s="20">
        <v>0.96837799999999996</v>
      </c>
      <c r="CS840" s="20">
        <v>1.0700099999999999</v>
      </c>
      <c r="CT840" s="20">
        <v>1.1084499999999999</v>
      </c>
      <c r="CU840" s="20">
        <v>0.96210399999999996</v>
      </c>
      <c r="CV840" s="20">
        <v>0.94344300000000003</v>
      </c>
      <c r="CW840" s="20">
        <v>0.93235400000000002</v>
      </c>
      <c r="CX840" s="20">
        <v>0.92175200000000002</v>
      </c>
      <c r="CY840" s="6" t="s">
        <v>521</v>
      </c>
      <c r="CZ840" s="6" t="s">
        <v>522</v>
      </c>
      <c r="DA840" s="6" t="s">
        <v>60</v>
      </c>
      <c r="DB840" s="6"/>
      <c r="DC840" s="6"/>
      <c r="DD840" s="6"/>
      <c r="DE840" s="6"/>
      <c r="DF840" s="6"/>
      <c r="DG840" s="6"/>
      <c r="DH840" s="6" t="s">
        <v>333</v>
      </c>
      <c r="DI840" s="6"/>
      <c r="DJ840" s="6"/>
      <c r="DK840" s="6"/>
      <c r="DL840" s="6">
        <v>11</v>
      </c>
      <c r="DM840" s="6" t="s">
        <v>520</v>
      </c>
      <c r="DN840" s="6">
        <v>7</v>
      </c>
      <c r="DO840" s="6" t="s">
        <v>369</v>
      </c>
      <c r="DP840" s="6"/>
      <c r="DQ840" s="6"/>
    </row>
    <row r="841" spans="1:121" x14ac:dyDescent="0.2">
      <c r="A841" s="6" t="s">
        <v>327</v>
      </c>
      <c r="B841" s="6" t="s">
        <v>327</v>
      </c>
      <c r="C841" s="6" t="s">
        <v>194</v>
      </c>
      <c r="D841" s="6" t="s">
        <v>60</v>
      </c>
      <c r="E841" s="6" t="s">
        <v>201</v>
      </c>
      <c r="F841" s="11">
        <v>74</v>
      </c>
      <c r="G841" s="13">
        <v>9.5730918499400006E-2</v>
      </c>
      <c r="H841" s="11">
        <v>40.044433000000026</v>
      </c>
      <c r="I841" s="13">
        <v>5.1827505859635845E-2</v>
      </c>
      <c r="J841" s="11">
        <v>0.11870199999998476</v>
      </c>
      <c r="K841" s="13">
        <v>1.4606012682469492E-4</v>
      </c>
      <c r="L841" s="11">
        <v>33.904252449999944</v>
      </c>
      <c r="M841" s="13">
        <v>4.1712323465045775E-2</v>
      </c>
      <c r="N841" s="11">
        <v>34.022954449999929</v>
      </c>
      <c r="O841" s="13">
        <v>4.1864476099125927E-2</v>
      </c>
      <c r="P841" s="7">
        <v>772.64827500000001</v>
      </c>
      <c r="Q841" s="7">
        <v>774.837626</v>
      </c>
      <c r="R841" s="7">
        <v>781.27830600000004</v>
      </c>
      <c r="S841" s="7">
        <v>773.81582200000003</v>
      </c>
      <c r="T841" s="7">
        <v>762.99093400000004</v>
      </c>
      <c r="U841" s="7">
        <v>790.13980900000001</v>
      </c>
      <c r="V841" s="7">
        <v>812.69270800000004</v>
      </c>
      <c r="W841" s="7">
        <v>837.61804400000005</v>
      </c>
      <c r="X841" s="7">
        <v>838.74299099999996</v>
      </c>
      <c r="Y841" s="7">
        <v>812.81141000000002</v>
      </c>
      <c r="Z841" s="7">
        <v>795.01522899999998</v>
      </c>
      <c r="AA841" s="7">
        <v>793.87280199999998</v>
      </c>
      <c r="AB841" s="7">
        <v>793.30166599999995</v>
      </c>
      <c r="AC841" s="7">
        <v>842.34273700000006</v>
      </c>
      <c r="AD841" s="7">
        <v>843.03200700000002</v>
      </c>
      <c r="AE841" s="7">
        <v>839.95947450000006</v>
      </c>
      <c r="AF841" s="7">
        <v>846.71566244999997</v>
      </c>
      <c r="AG841" s="9">
        <v>17139.956798899999</v>
      </c>
      <c r="AH841" s="13">
        <v>0.59777049411696703</v>
      </c>
      <c r="AI841" s="9">
        <v>8173.1434708000015</v>
      </c>
      <c r="AJ841" s="13">
        <v>0.28504529319131827</v>
      </c>
      <c r="AK841" s="9">
        <v>4390.2233166000005</v>
      </c>
      <c r="AL841" s="13">
        <v>0.11914969316391652</v>
      </c>
      <c r="AM841" s="9">
        <v>4576.5900114999968</v>
      </c>
      <c r="AN841" s="13">
        <v>0.11098394159881959</v>
      </c>
      <c r="AO841" s="9">
        <v>8966.8133280999973</v>
      </c>
      <c r="AP841" s="13">
        <v>0.2433573373503575</v>
      </c>
      <c r="AQ841" s="9">
        <v>28673.139553699999</v>
      </c>
      <c r="AR841" s="9">
        <v>30116.196313699998</v>
      </c>
      <c r="AS841" s="9">
        <v>31427.401203000001</v>
      </c>
      <c r="AT841" s="9">
        <v>32931.382512800003</v>
      </c>
      <c r="AU841" s="9">
        <v>34199.630800799998</v>
      </c>
      <c r="AV841" s="9">
        <v>35207.339010600001</v>
      </c>
      <c r="AW841" s="9">
        <v>36846.2830245</v>
      </c>
      <c r="AX841" s="9">
        <v>37629.153065099999</v>
      </c>
      <c r="AY841" s="9">
        <v>39298.430401500002</v>
      </c>
      <c r="AZ841" s="9">
        <v>41236.506341100001</v>
      </c>
      <c r="BA841" s="9">
        <v>44502.815345399998</v>
      </c>
      <c r="BB841" s="9">
        <v>40963.709406200003</v>
      </c>
      <c r="BC841" s="9">
        <v>42323.123698099997</v>
      </c>
      <c r="BD841" s="9">
        <v>43397.384479599998</v>
      </c>
      <c r="BE841" s="9">
        <v>44537.312207000003</v>
      </c>
      <c r="BF841" s="9">
        <v>45813.096352599998</v>
      </c>
      <c r="BG841" s="11">
        <v>1.25</v>
      </c>
      <c r="BH841" s="13">
        <v>1.8115942028985508E-2</v>
      </c>
      <c r="BI841" s="6">
        <v>1</v>
      </c>
      <c r="BJ841" s="13">
        <v>1.4492753623188406E-2</v>
      </c>
      <c r="BK841" s="6">
        <v>-2</v>
      </c>
      <c r="BL841" s="13">
        <v>-2.8571428571428571E-2</v>
      </c>
      <c r="BM841" s="11">
        <v>2.25</v>
      </c>
      <c r="BN841" s="13">
        <v>3.3088235294117647E-2</v>
      </c>
      <c r="BO841" s="11">
        <v>0.25</v>
      </c>
      <c r="BP841" s="13">
        <v>3.5714285714285713E-3</v>
      </c>
      <c r="BQ841" s="6">
        <v>69</v>
      </c>
      <c r="BR841" s="6">
        <v>67</v>
      </c>
      <c r="BS841" s="6">
        <v>66</v>
      </c>
      <c r="BT841" s="6">
        <v>70</v>
      </c>
      <c r="BU841" s="6">
        <v>68</v>
      </c>
      <c r="BV841" s="6">
        <v>70</v>
      </c>
      <c r="BW841" s="6">
        <v>68</v>
      </c>
      <c r="BX841" s="6">
        <v>69</v>
      </c>
      <c r="BY841" s="6">
        <v>70</v>
      </c>
      <c r="BZ841" s="6">
        <v>70</v>
      </c>
      <c r="CA841" s="6">
        <v>71</v>
      </c>
      <c r="CB841" s="6">
        <v>72</v>
      </c>
      <c r="CC841" s="11">
        <v>70.25</v>
      </c>
      <c r="CD841" s="11">
        <v>34.9039</v>
      </c>
      <c r="CE841" s="11">
        <v>-45.296199999999999</v>
      </c>
      <c r="CF841" s="11">
        <v>84.459800000000001</v>
      </c>
      <c r="CG841" s="11">
        <v>39</v>
      </c>
      <c r="CH841" s="20">
        <v>1.5179400000000001</v>
      </c>
      <c r="CI841" s="20">
        <v>1.45113</v>
      </c>
      <c r="CJ841" s="20">
        <v>1.49457</v>
      </c>
      <c r="CK841" s="20">
        <v>1.4745600000000001</v>
      </c>
      <c r="CL841" s="20">
        <v>1.3680099999999999</v>
      </c>
      <c r="CM841" s="20">
        <v>1.4096500000000001</v>
      </c>
      <c r="CN841" s="20">
        <v>1.49908</v>
      </c>
      <c r="CO841" s="20">
        <v>1.53834</v>
      </c>
      <c r="CP841" s="20">
        <v>1.4699800000000001</v>
      </c>
      <c r="CQ841" s="20">
        <v>1.5005599999999999</v>
      </c>
      <c r="CR841" s="20">
        <v>1.5433399999999999</v>
      </c>
      <c r="CS841" s="20">
        <v>1.5973599999999999</v>
      </c>
      <c r="CT841" s="20">
        <v>1.65676</v>
      </c>
      <c r="CU841" s="20">
        <v>1.77396</v>
      </c>
      <c r="CV841" s="20">
        <v>1.73427</v>
      </c>
      <c r="CW841" s="20">
        <v>1.72007</v>
      </c>
      <c r="CX841" s="20">
        <v>1.7313099999999999</v>
      </c>
      <c r="CY841" s="6" t="s">
        <v>521</v>
      </c>
      <c r="CZ841" s="6" t="s">
        <v>522</v>
      </c>
      <c r="DA841" s="6" t="s">
        <v>60</v>
      </c>
      <c r="DB841" s="6"/>
      <c r="DC841" s="6"/>
      <c r="DD841" s="6"/>
      <c r="DE841" s="6"/>
      <c r="DF841" s="6"/>
      <c r="DG841" s="6"/>
      <c r="DH841" s="6" t="s">
        <v>333</v>
      </c>
      <c r="DI841" s="6"/>
      <c r="DJ841" s="6"/>
      <c r="DK841" s="6"/>
      <c r="DL841" s="6">
        <v>11</v>
      </c>
      <c r="DM841" s="6" t="s">
        <v>520</v>
      </c>
      <c r="DN841" s="6">
        <v>7</v>
      </c>
      <c r="DO841" s="6" t="s">
        <v>369</v>
      </c>
      <c r="DP841" s="6"/>
      <c r="DQ841" s="6"/>
    </row>
    <row r="842" spans="1:121" x14ac:dyDescent="0.2">
      <c r="A842" s="6" t="s">
        <v>1</v>
      </c>
      <c r="B842" s="6" t="s">
        <v>1</v>
      </c>
      <c r="C842" s="6" t="s">
        <v>2</v>
      </c>
      <c r="D842" s="6" t="s">
        <v>122</v>
      </c>
      <c r="E842" s="6" t="s">
        <v>263</v>
      </c>
      <c r="F842" s="11">
        <v>-17</v>
      </c>
      <c r="G842" s="13">
        <v>-0.12318840579699999</v>
      </c>
      <c r="H842" s="11">
        <v>-27.49836518799998</v>
      </c>
      <c r="I842" s="13">
        <v>-0.19883816544444533</v>
      </c>
      <c r="J842" s="11">
        <v>-16.826779033000008</v>
      </c>
      <c r="K842" s="13">
        <v>-0.15187056602778939</v>
      </c>
      <c r="L842" s="11">
        <v>27.014586594999997</v>
      </c>
      <c r="M842" s="13">
        <v>0.28748077723064092</v>
      </c>
      <c r="N842" s="11">
        <v>10.187807561999989</v>
      </c>
      <c r="O842" s="13">
        <v>9.1950342842725241E-2</v>
      </c>
      <c r="P842" s="7">
        <v>138.29520668999999</v>
      </c>
      <c r="Q842" s="7">
        <v>107.227056659</v>
      </c>
      <c r="R842" s="7">
        <v>94.498561891400001</v>
      </c>
      <c r="S842" s="7">
        <v>112.28667308199999</v>
      </c>
      <c r="T842" s="7">
        <v>89.233723179899997</v>
      </c>
      <c r="U842" s="7">
        <v>102.35240423499999</v>
      </c>
      <c r="V842" s="7">
        <v>110.79684150200001</v>
      </c>
      <c r="W842" s="7">
        <v>120.51971647400001</v>
      </c>
      <c r="X842" s="7">
        <v>102.87528043899999</v>
      </c>
      <c r="Y842" s="7">
        <v>93.970062468999998</v>
      </c>
      <c r="Z842" s="7">
        <v>108.65404955299999</v>
      </c>
      <c r="AA842" s="7">
        <v>101.251403252</v>
      </c>
      <c r="AB842" s="7">
        <v>99.480499964499998</v>
      </c>
      <c r="AC842" s="7">
        <v>115.36242160499999</v>
      </c>
      <c r="AD842" s="7">
        <v>118.80527384200001</v>
      </c>
      <c r="AE842" s="7">
        <v>119.174799948</v>
      </c>
      <c r="AF842" s="7">
        <v>120.984649064</v>
      </c>
      <c r="AG842" s="9">
        <v>9613.3694203999985</v>
      </c>
      <c r="AH842" s="13">
        <v>0.53161114610101856</v>
      </c>
      <c r="AI842" s="9">
        <v>5189.3566816999992</v>
      </c>
      <c r="AJ842" s="13">
        <v>0.28696700734618485</v>
      </c>
      <c r="AK842" s="9">
        <v>925.29417779999858</v>
      </c>
      <c r="AL842" s="13">
        <v>3.9758579773186344E-2</v>
      </c>
      <c r="AM842" s="9">
        <v>3498.7185609000007</v>
      </c>
      <c r="AN842" s="13">
        <v>0.14458642819717621</v>
      </c>
      <c r="AO842" s="9">
        <v>4424.0127386999993</v>
      </c>
      <c r="AP842" s="13">
        <v>0.19009355900996008</v>
      </c>
      <c r="AQ842" s="9">
        <v>18083.460986300001</v>
      </c>
      <c r="AR842" s="9">
        <v>20120.1199772</v>
      </c>
      <c r="AS842" s="9">
        <v>19601.507070600001</v>
      </c>
      <c r="AT842" s="9">
        <v>20327.600638299999</v>
      </c>
      <c r="AU842" s="9">
        <v>20419.3898137</v>
      </c>
      <c r="AV842" s="9">
        <v>20832.125943899999</v>
      </c>
      <c r="AW842" s="9">
        <v>23272.817668</v>
      </c>
      <c r="AX842" s="9">
        <v>23339.394220599999</v>
      </c>
      <c r="AY842" s="9">
        <v>24408.1534412</v>
      </c>
      <c r="AZ842" s="9">
        <v>24198.111845799998</v>
      </c>
      <c r="BA842" s="9">
        <v>23813.624166400001</v>
      </c>
      <c r="BB842" s="9">
        <v>27495.5890769</v>
      </c>
      <c r="BC842" s="9">
        <v>36271.337369300003</v>
      </c>
      <c r="BD842" s="9">
        <v>28899.1959489</v>
      </c>
      <c r="BE842" s="9">
        <v>28349.904929100001</v>
      </c>
      <c r="BF842" s="9">
        <v>27696.830406699999</v>
      </c>
      <c r="BG842" s="11">
        <v>7.25</v>
      </c>
      <c r="BH842" s="13">
        <v>1.45</v>
      </c>
      <c r="BI842" s="6">
        <v>1</v>
      </c>
      <c r="BJ842" s="13">
        <v>0.2</v>
      </c>
      <c r="BK842" s="6">
        <v>0</v>
      </c>
      <c r="BL842" s="13">
        <v>0</v>
      </c>
      <c r="BM842" s="11">
        <v>6.25</v>
      </c>
      <c r="BN842" s="13">
        <v>1.0416666666666667</v>
      </c>
      <c r="BO842" s="11">
        <v>6.25</v>
      </c>
      <c r="BP842" s="13">
        <v>1.0416666666666667</v>
      </c>
      <c r="BQ842" s="6">
        <v>5</v>
      </c>
      <c r="BR842" s="6">
        <v>5</v>
      </c>
      <c r="BS842" s="6">
        <v>6</v>
      </c>
      <c r="BT842" s="6">
        <v>6</v>
      </c>
      <c r="BU842" s="6">
        <v>6</v>
      </c>
      <c r="BV842" s="6">
        <v>6</v>
      </c>
      <c r="BW842" s="6">
        <v>6</v>
      </c>
      <c r="BX842" s="6">
        <v>6</v>
      </c>
      <c r="BY842" s="6">
        <v>6</v>
      </c>
      <c r="BZ842" s="6">
        <v>8</v>
      </c>
      <c r="CA842" s="6">
        <v>9</v>
      </c>
      <c r="CB842" s="6">
        <v>10</v>
      </c>
      <c r="CC842" s="11">
        <v>12.25</v>
      </c>
      <c r="CD842" s="11">
        <v>-19.818999999999999</v>
      </c>
      <c r="CE842" s="11">
        <v>-12.6089</v>
      </c>
      <c r="CF842" s="11">
        <v>15.1173</v>
      </c>
      <c r="CG842" s="11">
        <v>2</v>
      </c>
      <c r="CH842" s="20">
        <v>1.14594</v>
      </c>
      <c r="CI842" s="20">
        <v>0.90387300000000004</v>
      </c>
      <c r="CJ842" s="20">
        <v>0.805365</v>
      </c>
      <c r="CK842" s="20">
        <v>0.97048199999999996</v>
      </c>
      <c r="CL842" s="20">
        <v>0.77768400000000004</v>
      </c>
      <c r="CM842" s="20">
        <v>0.90023299999999995</v>
      </c>
      <c r="CN842" s="20">
        <v>0.98463599999999996</v>
      </c>
      <c r="CO842" s="20">
        <v>1.1311899999999999</v>
      </c>
      <c r="CP842" s="20">
        <v>0.95692200000000005</v>
      </c>
      <c r="CQ842" s="20">
        <v>0.88491699999999995</v>
      </c>
      <c r="CR842" s="20">
        <v>1.0449999999999999</v>
      </c>
      <c r="CS842" s="20">
        <v>0.97264799999999996</v>
      </c>
      <c r="CT842" s="20">
        <v>0.95333299999999999</v>
      </c>
      <c r="CU842" s="20">
        <v>1.07677</v>
      </c>
      <c r="CV842" s="20">
        <v>1.11311</v>
      </c>
      <c r="CW842" s="20">
        <v>1.1448700000000001</v>
      </c>
      <c r="CX842" s="20">
        <v>1.16188</v>
      </c>
      <c r="CY842" s="6" t="s">
        <v>523</v>
      </c>
      <c r="CZ842" s="6" t="s">
        <v>524</v>
      </c>
      <c r="DA842" s="6" t="s">
        <v>122</v>
      </c>
      <c r="DB842" s="6"/>
      <c r="DC842" s="6"/>
      <c r="DD842" s="6"/>
      <c r="DE842" s="6"/>
      <c r="DF842" s="6"/>
      <c r="DG842" s="6"/>
      <c r="DH842" s="6" t="s">
        <v>333</v>
      </c>
      <c r="DI842" s="6"/>
      <c r="DJ842" s="6"/>
      <c r="DK842" s="6"/>
      <c r="DL842" s="6">
        <v>4</v>
      </c>
      <c r="DM842" s="6" t="s">
        <v>446</v>
      </c>
      <c r="DN842" s="6">
        <v>6</v>
      </c>
      <c r="DO842" s="6" t="s">
        <v>393</v>
      </c>
      <c r="DP842" s="6"/>
      <c r="DQ842" s="6"/>
    </row>
    <row r="843" spans="1:121" x14ac:dyDescent="0.2">
      <c r="A843" s="6" t="s">
        <v>310</v>
      </c>
      <c r="B843" s="6" t="s">
        <v>310</v>
      </c>
      <c r="C843" s="6" t="s">
        <v>173</v>
      </c>
      <c r="D843" s="6" t="s">
        <v>122</v>
      </c>
      <c r="E843" s="6" t="s">
        <v>263</v>
      </c>
      <c r="F843" s="11">
        <v>1</v>
      </c>
      <c r="G843" s="13">
        <v>1</v>
      </c>
      <c r="H843" s="11">
        <v>-12.289374655700001</v>
      </c>
      <c r="I843" s="13">
        <v>-0.399948644184698</v>
      </c>
      <c r="J843" s="11">
        <v>-13.438007057899998</v>
      </c>
      <c r="K843" s="13">
        <v>-0.7288210171360312</v>
      </c>
      <c r="L843" s="11">
        <v>0</v>
      </c>
      <c r="M843" s="13">
        <v>0</v>
      </c>
      <c r="N843" s="11">
        <v>-13.438007057899998</v>
      </c>
      <c r="O843" s="13">
        <v>-0.7288210171360312</v>
      </c>
      <c r="P843" s="7">
        <v>30.7273817136</v>
      </c>
      <c r="Q843" s="7">
        <v>31.751888703599999</v>
      </c>
      <c r="R843" s="7">
        <v>39.0380427411</v>
      </c>
      <c r="S843" s="7">
        <v>32.154137836099999</v>
      </c>
      <c r="T843" s="7">
        <v>38.724166997799998</v>
      </c>
      <c r="U843" s="7">
        <v>28.531825735400002</v>
      </c>
      <c r="V843" s="7">
        <v>18.438007057899998</v>
      </c>
      <c r="W843" s="7">
        <v>14.2491811007</v>
      </c>
      <c r="X843" s="7">
        <v>19.458629115099999</v>
      </c>
      <c r="Y843" s="7">
        <v>5</v>
      </c>
      <c r="Z843" s="7">
        <v>5</v>
      </c>
      <c r="AA843" s="7">
        <v>5</v>
      </c>
      <c r="AB843" s="7">
        <v>5</v>
      </c>
      <c r="AC843" s="7">
        <v>5</v>
      </c>
      <c r="AD843" s="7">
        <v>5</v>
      </c>
      <c r="AE843" s="7">
        <v>5</v>
      </c>
      <c r="AF843" s="7">
        <v>5</v>
      </c>
      <c r="AG843" s="9">
        <v>-43291.441113699999</v>
      </c>
      <c r="AH843" s="13">
        <v>-0.99997690127943184</v>
      </c>
      <c r="AI843" s="9">
        <v>-2264.0115388999984</v>
      </c>
      <c r="AJ843" s="13">
        <v>-5.2295769900199657E-2</v>
      </c>
      <c r="AK843" s="9">
        <v>-41027.4295748</v>
      </c>
      <c r="AL843" s="13">
        <v>-0.99997562665667772</v>
      </c>
      <c r="AM843" s="9">
        <v>0</v>
      </c>
      <c r="AN843" s="13">
        <v>0</v>
      </c>
      <c r="AO843" s="9">
        <v>-41027.4295748</v>
      </c>
      <c r="AP843" s="13">
        <v>-0.99997562665667772</v>
      </c>
      <c r="AQ843" s="9">
        <v>43292.441113699999</v>
      </c>
      <c r="AR843" s="9">
        <v>41058.647095100001</v>
      </c>
      <c r="AS843" s="9">
        <v>38313.969141599999</v>
      </c>
      <c r="AT843" s="9">
        <v>41478.1647027</v>
      </c>
      <c r="AU843" s="9">
        <v>38318.475833099998</v>
      </c>
      <c r="AV843" s="9">
        <v>37767.622665000003</v>
      </c>
      <c r="AW843" s="9">
        <v>41028.4295748</v>
      </c>
      <c r="AX843" s="9">
        <v>39718.309877200001</v>
      </c>
      <c r="AY843" s="9">
        <v>48198.421240399999</v>
      </c>
      <c r="AZ843" s="9">
        <v>1</v>
      </c>
      <c r="BA843" s="9">
        <v>1</v>
      </c>
      <c r="BB843" s="9">
        <v>1</v>
      </c>
      <c r="BC843" s="9">
        <v>1</v>
      </c>
      <c r="BD843" s="9">
        <v>1</v>
      </c>
      <c r="BE843" s="9">
        <v>1</v>
      </c>
      <c r="BF843" s="9">
        <v>1</v>
      </c>
      <c r="BG843" s="11">
        <v>-4</v>
      </c>
      <c r="BH843" s="13">
        <v>-0.8</v>
      </c>
      <c r="BI843" s="6">
        <v>-1</v>
      </c>
      <c r="BJ843" s="13">
        <v>-0.2</v>
      </c>
      <c r="BK843" s="6">
        <v>0</v>
      </c>
      <c r="BL843" s="13">
        <v>0</v>
      </c>
      <c r="BM843" s="11">
        <v>-3</v>
      </c>
      <c r="BN843" s="13">
        <v>-0.75</v>
      </c>
      <c r="BO843" s="11">
        <v>-3</v>
      </c>
      <c r="BP843" s="13">
        <v>-0.75</v>
      </c>
      <c r="BQ843" s="6">
        <v>5</v>
      </c>
      <c r="BR843" s="6">
        <v>5</v>
      </c>
      <c r="BS843" s="6">
        <v>5</v>
      </c>
      <c r="BT843" s="6">
        <v>4</v>
      </c>
      <c r="BU843" s="6">
        <v>4</v>
      </c>
      <c r="BV843" s="6">
        <v>4</v>
      </c>
      <c r="BW843" s="6">
        <v>4</v>
      </c>
      <c r="BX843" s="6">
        <v>1</v>
      </c>
      <c r="BY843" s="6">
        <v>1</v>
      </c>
      <c r="BZ843" s="6">
        <v>1</v>
      </c>
      <c r="CA843" s="6">
        <v>1</v>
      </c>
      <c r="CB843" s="6">
        <v>1</v>
      </c>
      <c r="CC843" s="11">
        <v>1</v>
      </c>
      <c r="CD843" s="11">
        <v>-35.403799999999997</v>
      </c>
      <c r="CE843" s="11">
        <v>3.1879</v>
      </c>
      <c r="CF843" s="11">
        <v>3.35887</v>
      </c>
      <c r="CG843" s="11">
        <v>6</v>
      </c>
      <c r="CH843" s="20">
        <v>0.89740600000000004</v>
      </c>
      <c r="CI843" s="20">
        <v>0.98542099999999999</v>
      </c>
      <c r="CJ843" s="20">
        <v>1.24227</v>
      </c>
      <c r="CK843" s="20">
        <v>1.0040500000000001</v>
      </c>
      <c r="CL843" s="20">
        <v>1.13761</v>
      </c>
      <c r="CM843" s="20">
        <v>0.76788000000000001</v>
      </c>
      <c r="CN843" s="20">
        <v>0.46526699999999999</v>
      </c>
      <c r="CO843" s="20">
        <v>0.34263199999999999</v>
      </c>
      <c r="CP843" s="20">
        <v>0.50938399999999995</v>
      </c>
      <c r="CQ843" s="20">
        <v>0.24591499999999999</v>
      </c>
      <c r="CR843" s="20">
        <v>5.01418E-2</v>
      </c>
      <c r="CS843" s="20">
        <v>1.94953E-2</v>
      </c>
      <c r="CT843" s="20">
        <v>3.5155499999999999E-2</v>
      </c>
      <c r="CU843" s="20">
        <v>5.5434700000000003E-2</v>
      </c>
      <c r="CV843" s="20">
        <v>5.2731899999999998E-2</v>
      </c>
      <c r="CW843" s="20">
        <v>6.8512600000000007E-2</v>
      </c>
      <c r="CX843" s="20">
        <v>5.3134199999999999E-2</v>
      </c>
      <c r="CY843" s="6" t="s">
        <v>523</v>
      </c>
      <c r="CZ843" s="6" t="s">
        <v>524</v>
      </c>
      <c r="DA843" s="6" t="s">
        <v>122</v>
      </c>
      <c r="DB843" s="6"/>
      <c r="DC843" s="6"/>
      <c r="DD843" s="6"/>
      <c r="DE843" s="6"/>
      <c r="DF843" s="6"/>
      <c r="DG843" s="6"/>
      <c r="DH843" s="6" t="s">
        <v>333</v>
      </c>
      <c r="DI843" s="6"/>
      <c r="DJ843" s="6"/>
      <c r="DK843" s="6"/>
      <c r="DL843" s="6">
        <v>4</v>
      </c>
      <c r="DM843" s="6" t="s">
        <v>446</v>
      </c>
      <c r="DN843" s="6">
        <v>6</v>
      </c>
      <c r="DO843" s="6" t="s">
        <v>393</v>
      </c>
      <c r="DP843" s="6"/>
      <c r="DQ843" s="6"/>
    </row>
    <row r="844" spans="1:121" x14ac:dyDescent="0.2">
      <c r="A844" s="6" t="s">
        <v>311</v>
      </c>
      <c r="B844" s="6" t="s">
        <v>311</v>
      </c>
      <c r="C844" s="6" t="s">
        <v>174</v>
      </c>
      <c r="D844" s="6" t="s">
        <v>122</v>
      </c>
      <c r="E844" s="6" t="s">
        <v>263</v>
      </c>
      <c r="F844" s="11">
        <v>-25</v>
      </c>
      <c r="G844" s="13">
        <v>-0.130208333333</v>
      </c>
      <c r="H844" s="11">
        <v>-4.5305600000000084</v>
      </c>
      <c r="I844" s="13">
        <v>-2.3536239822613797E-2</v>
      </c>
      <c r="J844" s="11">
        <v>5.8814529999999934</v>
      </c>
      <c r="K844" s="13">
        <v>3.129058591405362E-2</v>
      </c>
      <c r="L844" s="11">
        <v>-26.762130194999997</v>
      </c>
      <c r="M844" s="13">
        <v>-0.13806026109172118</v>
      </c>
      <c r="N844" s="11">
        <v>-20.880677195000004</v>
      </c>
      <c r="O844" s="13">
        <v>-0.11108966163867474</v>
      </c>
      <c r="P844" s="7">
        <v>192.49294</v>
      </c>
      <c r="Q844" s="7">
        <v>194.296246</v>
      </c>
      <c r="R844" s="7">
        <v>194.95974100000001</v>
      </c>
      <c r="S844" s="7">
        <v>190.62160700000001</v>
      </c>
      <c r="T844" s="7">
        <v>184.96014299999999</v>
      </c>
      <c r="U844" s="7">
        <v>183.81073900000001</v>
      </c>
      <c r="V844" s="7">
        <v>187.96238</v>
      </c>
      <c r="W844" s="7">
        <v>177.000474</v>
      </c>
      <c r="X844" s="7">
        <v>175.888677</v>
      </c>
      <c r="Y844" s="7">
        <v>193.84383299999999</v>
      </c>
      <c r="Z844" s="7">
        <v>196.22124600000001</v>
      </c>
      <c r="AA844" s="7">
        <v>197.32685000000001</v>
      </c>
      <c r="AB844" s="7">
        <v>191.38938387100001</v>
      </c>
      <c r="AC844" s="7">
        <v>184.558414</v>
      </c>
      <c r="AD844" s="7">
        <v>181.48981624800001</v>
      </c>
      <c r="AE844" s="7">
        <v>169.33073884199999</v>
      </c>
      <c r="AF844" s="7">
        <v>167.08170280499999</v>
      </c>
      <c r="AG844" s="9">
        <v>44544.572895200006</v>
      </c>
      <c r="AH844" s="13">
        <v>0.5314188866547519</v>
      </c>
      <c r="AI844" s="9">
        <v>18781.831002200008</v>
      </c>
      <c r="AJ844" s="13">
        <v>0.22406814280179924</v>
      </c>
      <c r="AK844" s="9">
        <v>32786.661355999997</v>
      </c>
      <c r="AL844" s="13">
        <v>0.31954629448459115</v>
      </c>
      <c r="AM844" s="9">
        <v>-7023.9194629999984</v>
      </c>
      <c r="AN844" s="13">
        <v>-5.1878986425843453E-2</v>
      </c>
      <c r="AO844" s="9">
        <v>25762.741892999999</v>
      </c>
      <c r="AP844" s="13">
        <v>0.25108957018475303</v>
      </c>
      <c r="AQ844" s="9">
        <v>83821.960441799994</v>
      </c>
      <c r="AR844" s="9">
        <v>81741.896500000003</v>
      </c>
      <c r="AS844" s="9">
        <v>81164.642638799996</v>
      </c>
      <c r="AT844" s="9">
        <v>90174.395976900007</v>
      </c>
      <c r="AU844" s="9">
        <v>89184.011050100002</v>
      </c>
      <c r="AV844" s="9">
        <v>101966.43502400001</v>
      </c>
      <c r="AW844" s="9">
        <v>102603.791444</v>
      </c>
      <c r="AX844" s="9">
        <v>115258.090759</v>
      </c>
      <c r="AY844" s="9">
        <v>129989.218079</v>
      </c>
      <c r="AZ844" s="9">
        <v>135390.4528</v>
      </c>
      <c r="BA844" s="9">
        <v>135132.36131599999</v>
      </c>
      <c r="BB844" s="9">
        <v>115428.736756</v>
      </c>
      <c r="BC844" s="9">
        <v>134192.832838</v>
      </c>
      <c r="BD844" s="9">
        <v>127514.027655</v>
      </c>
      <c r="BE844" s="9">
        <v>126134.645617</v>
      </c>
      <c r="BF844" s="9">
        <v>128366.533337</v>
      </c>
      <c r="BG844" s="11">
        <v>1</v>
      </c>
      <c r="BH844" s="13">
        <v>0.2</v>
      </c>
      <c r="BI844" s="6">
        <v>0</v>
      </c>
      <c r="BJ844" s="13">
        <v>0</v>
      </c>
      <c r="BK844" s="6">
        <v>1</v>
      </c>
      <c r="BL844" s="13">
        <v>0.2</v>
      </c>
      <c r="BM844" s="11">
        <v>0</v>
      </c>
      <c r="BN844" s="13">
        <v>0</v>
      </c>
      <c r="BO844" s="11">
        <v>1</v>
      </c>
      <c r="BP844" s="13">
        <v>0.2</v>
      </c>
      <c r="BQ844" s="6">
        <v>5</v>
      </c>
      <c r="BR844" s="6">
        <v>5</v>
      </c>
      <c r="BS844" s="6">
        <v>5</v>
      </c>
      <c r="BT844" s="6">
        <v>5</v>
      </c>
      <c r="BU844" s="6">
        <v>5</v>
      </c>
      <c r="BV844" s="6">
        <v>5</v>
      </c>
      <c r="BW844" s="6">
        <v>6</v>
      </c>
      <c r="BX844" s="6">
        <v>6</v>
      </c>
      <c r="BY844" s="6">
        <v>6</v>
      </c>
      <c r="BZ844" s="6">
        <v>6</v>
      </c>
      <c r="CA844" s="6">
        <v>6</v>
      </c>
      <c r="CB844" s="6">
        <v>6</v>
      </c>
      <c r="CC844" s="11">
        <v>6</v>
      </c>
      <c r="CD844" s="11">
        <v>-15.1068</v>
      </c>
      <c r="CE844" s="11">
        <v>-31.346299999999999</v>
      </c>
      <c r="CF844" s="11">
        <v>21.041799999999999</v>
      </c>
      <c r="CG844" s="11">
        <v>-10</v>
      </c>
      <c r="CH844" s="20">
        <v>5.1310700000000002</v>
      </c>
      <c r="CI844" s="20">
        <v>5.2862799999999996</v>
      </c>
      <c r="CJ844" s="20">
        <v>5.5376200000000004</v>
      </c>
      <c r="CK844" s="20">
        <v>5.6402700000000001</v>
      </c>
      <c r="CL844" s="20">
        <v>5.6877500000000003</v>
      </c>
      <c r="CM844" s="20">
        <v>5.7343700000000002</v>
      </c>
      <c r="CN844" s="20">
        <v>5.84497</v>
      </c>
      <c r="CO844" s="20">
        <v>5.5672100000000002</v>
      </c>
      <c r="CP844" s="20">
        <v>5.40733</v>
      </c>
      <c r="CQ844" s="20">
        <v>6.0964999999999998</v>
      </c>
      <c r="CR844" s="20">
        <v>6.3568300000000004</v>
      </c>
      <c r="CS844" s="20">
        <v>6.4690000000000003</v>
      </c>
      <c r="CT844" s="20">
        <v>6.3367500000000003</v>
      </c>
      <c r="CU844" s="20">
        <v>5.9961700000000002</v>
      </c>
      <c r="CV844" s="20">
        <v>5.92753</v>
      </c>
      <c r="CW844" s="20">
        <v>5.6633399999999998</v>
      </c>
      <c r="CX844" s="20">
        <v>5.5526</v>
      </c>
      <c r="CY844" s="6" t="s">
        <v>523</v>
      </c>
      <c r="CZ844" s="6" t="s">
        <v>524</v>
      </c>
      <c r="DA844" s="6" t="s">
        <v>122</v>
      </c>
      <c r="DB844" s="6"/>
      <c r="DC844" s="6"/>
      <c r="DD844" s="6"/>
      <c r="DE844" s="6"/>
      <c r="DF844" s="6"/>
      <c r="DG844" s="6"/>
      <c r="DH844" s="6" t="s">
        <v>333</v>
      </c>
      <c r="DI844" s="6"/>
      <c r="DJ844" s="6"/>
      <c r="DK844" s="6"/>
      <c r="DL844" s="6">
        <v>4</v>
      </c>
      <c r="DM844" s="6" t="s">
        <v>446</v>
      </c>
      <c r="DN844" s="6">
        <v>6</v>
      </c>
      <c r="DO844" s="6" t="s">
        <v>393</v>
      </c>
      <c r="DP844" s="6"/>
      <c r="DQ844" s="6"/>
    </row>
    <row r="845" spans="1:121" x14ac:dyDescent="0.2">
      <c r="A845" s="6" t="s">
        <v>312</v>
      </c>
      <c r="B845" s="6" t="s">
        <v>312</v>
      </c>
      <c r="C845" s="6" t="s">
        <v>175</v>
      </c>
      <c r="D845" s="6" t="s">
        <v>122</v>
      </c>
      <c r="E845" s="6" t="s">
        <v>263</v>
      </c>
      <c r="F845" s="11">
        <v>93</v>
      </c>
      <c r="G845" s="13">
        <v>0.176470588235</v>
      </c>
      <c r="H845" s="11">
        <v>0.926094422999995</v>
      </c>
      <c r="I845" s="13">
        <v>1.7576656275199358E-3</v>
      </c>
      <c r="J845" s="11">
        <v>-71.246014057000025</v>
      </c>
      <c r="K845" s="13">
        <v>-0.13498294178508519</v>
      </c>
      <c r="L845" s="11">
        <v>163.58821976000002</v>
      </c>
      <c r="M845" s="13">
        <v>0.35829906177696963</v>
      </c>
      <c r="N845" s="11">
        <v>92.342205702999991</v>
      </c>
      <c r="O845" s="13">
        <v>0.17495185859439313</v>
      </c>
      <c r="P845" s="7">
        <v>526.88885104200006</v>
      </c>
      <c r="Q845" s="7">
        <v>528.59438192300001</v>
      </c>
      <c r="R845" s="7">
        <v>554.32934122300003</v>
      </c>
      <c r="S845" s="7">
        <v>561.54235136099999</v>
      </c>
      <c r="T845" s="7">
        <v>536.07973025199999</v>
      </c>
      <c r="U845" s="7">
        <v>536.49774371399997</v>
      </c>
      <c r="V845" s="7">
        <v>527.81494546500005</v>
      </c>
      <c r="W845" s="7">
        <v>529.21479649100002</v>
      </c>
      <c r="X845" s="7">
        <v>485.398523813</v>
      </c>
      <c r="Y845" s="7">
        <v>456.56893140800003</v>
      </c>
      <c r="Z845" s="7">
        <v>459.93237197899998</v>
      </c>
      <c r="AA845" s="7">
        <v>462.54250062199998</v>
      </c>
      <c r="AB845" s="7">
        <v>435.07739777</v>
      </c>
      <c r="AC845" s="7">
        <v>713.87953727199999</v>
      </c>
      <c r="AD845" s="7">
        <v>694.31291603600005</v>
      </c>
      <c r="AE845" s="7">
        <v>586.62111689799997</v>
      </c>
      <c r="AF845" s="7">
        <v>620.15715116800004</v>
      </c>
      <c r="AG845" s="9">
        <v>35344.9522259</v>
      </c>
      <c r="AH845" s="13">
        <v>1.3217005226568479</v>
      </c>
      <c r="AI845" s="9">
        <v>5310.6049136999973</v>
      </c>
      <c r="AJ845" s="13">
        <v>0.1985864698642292</v>
      </c>
      <c r="AK845" s="9">
        <v>-1163.6805181999989</v>
      </c>
      <c r="AL845" s="13">
        <v>-3.6305302147557825E-2</v>
      </c>
      <c r="AM845" s="9">
        <v>31198.027830400002</v>
      </c>
      <c r="AN845" s="13">
        <v>1.0100060226110406</v>
      </c>
      <c r="AO845" s="9">
        <v>30034.347312200003</v>
      </c>
      <c r="AP845" s="13">
        <v>0.93703214664173573</v>
      </c>
      <c r="AQ845" s="9">
        <v>26742.027880000001</v>
      </c>
      <c r="AR845" s="9">
        <v>28311.1404846</v>
      </c>
      <c r="AS845" s="9">
        <v>28891.094850500001</v>
      </c>
      <c r="AT845" s="9">
        <v>28333.6048907</v>
      </c>
      <c r="AU845" s="9">
        <v>29926.8873957</v>
      </c>
      <c r="AV845" s="9">
        <v>31701.223775800001</v>
      </c>
      <c r="AW845" s="9">
        <v>32052.632793699999</v>
      </c>
      <c r="AX845" s="9">
        <v>30952.940195399999</v>
      </c>
      <c r="AY845" s="9">
        <v>31244.6170303</v>
      </c>
      <c r="AZ845" s="9">
        <v>30888.9522755</v>
      </c>
      <c r="BA845" s="9">
        <v>31638.049486299999</v>
      </c>
      <c r="BB845" s="9">
        <v>34806.746261499997</v>
      </c>
      <c r="BC845" s="9">
        <v>35341.303348599999</v>
      </c>
      <c r="BD845" s="9">
        <v>75141.947433499998</v>
      </c>
      <c r="BE845" s="9">
        <v>71353.672020400001</v>
      </c>
      <c r="BF845" s="9">
        <v>62086.980105900002</v>
      </c>
      <c r="BG845" s="11">
        <v>-9.75</v>
      </c>
      <c r="BH845" s="13">
        <v>-0.13732394366197184</v>
      </c>
      <c r="BI845" s="6">
        <v>4</v>
      </c>
      <c r="BJ845" s="13">
        <v>5.6338028169014086E-2</v>
      </c>
      <c r="BK845" s="6">
        <v>-11</v>
      </c>
      <c r="BL845" s="13">
        <v>-0.14666666666666667</v>
      </c>
      <c r="BM845" s="11">
        <v>-2.75</v>
      </c>
      <c r="BN845" s="13">
        <v>-4.296875E-2</v>
      </c>
      <c r="BO845" s="11">
        <v>-13.75</v>
      </c>
      <c r="BP845" s="13">
        <v>-0.18333333333333332</v>
      </c>
      <c r="BQ845" s="6">
        <v>71</v>
      </c>
      <c r="BR845" s="6">
        <v>73</v>
      </c>
      <c r="BS845" s="6">
        <v>74</v>
      </c>
      <c r="BT845" s="6">
        <v>75</v>
      </c>
      <c r="BU845" s="6">
        <v>76</v>
      </c>
      <c r="BV845" s="6">
        <v>70</v>
      </c>
      <c r="BW845" s="6">
        <v>64</v>
      </c>
      <c r="BX845" s="6">
        <v>58</v>
      </c>
      <c r="BY845" s="6">
        <v>54</v>
      </c>
      <c r="BZ845" s="6">
        <v>54</v>
      </c>
      <c r="CA845" s="6">
        <v>54</v>
      </c>
      <c r="CB845" s="6">
        <v>61</v>
      </c>
      <c r="CC845" s="11">
        <v>61.25</v>
      </c>
      <c r="CD845" s="11">
        <v>99.492699999999999</v>
      </c>
      <c r="CE845" s="11">
        <v>-63.819600000000001</v>
      </c>
      <c r="CF845" s="11">
        <v>57.595300000000002</v>
      </c>
      <c r="CG845" s="11">
        <v>-6</v>
      </c>
      <c r="CH845" s="20">
        <v>0.96830799999999995</v>
      </c>
      <c r="CI845" s="20">
        <v>0.98468500000000003</v>
      </c>
      <c r="CJ845" s="20">
        <v>1.0302</v>
      </c>
      <c r="CK845" s="20">
        <v>1.0193000000000001</v>
      </c>
      <c r="CL845" s="20">
        <v>0.94285099999999999</v>
      </c>
      <c r="CM845" s="20">
        <v>0.91167699999999996</v>
      </c>
      <c r="CN845" s="20">
        <v>0.90606799999999998</v>
      </c>
      <c r="CO845" s="20">
        <v>0.98616400000000004</v>
      </c>
      <c r="CP845" s="20">
        <v>1.01979</v>
      </c>
      <c r="CQ845" s="20">
        <v>1.04983</v>
      </c>
      <c r="CR845" s="20">
        <v>1.10083</v>
      </c>
      <c r="CS845" s="20">
        <v>1.10975</v>
      </c>
      <c r="CT845" s="20">
        <v>1.02871</v>
      </c>
      <c r="CU845" s="20">
        <v>1.60605</v>
      </c>
      <c r="CV845" s="20">
        <v>1.52677</v>
      </c>
      <c r="CW845" s="20">
        <v>1.29372</v>
      </c>
      <c r="CX845" s="20">
        <v>1.36094</v>
      </c>
      <c r="CY845" s="6" t="s">
        <v>523</v>
      </c>
      <c r="CZ845" s="6" t="s">
        <v>524</v>
      </c>
      <c r="DA845" s="6" t="s">
        <v>122</v>
      </c>
      <c r="DB845" s="6"/>
      <c r="DC845" s="6"/>
      <c r="DD845" s="6"/>
      <c r="DE845" s="6"/>
      <c r="DF845" s="6"/>
      <c r="DG845" s="6"/>
      <c r="DH845" s="6" t="s">
        <v>333</v>
      </c>
      <c r="DI845" s="6"/>
      <c r="DJ845" s="6"/>
      <c r="DK845" s="6"/>
      <c r="DL845" s="6">
        <v>4</v>
      </c>
      <c r="DM845" s="6" t="s">
        <v>446</v>
      </c>
      <c r="DN845" s="6">
        <v>6</v>
      </c>
      <c r="DO845" s="6" t="s">
        <v>393</v>
      </c>
      <c r="DP845" s="6"/>
      <c r="DQ845" s="6"/>
    </row>
    <row r="846" spans="1:121" x14ac:dyDescent="0.2">
      <c r="A846" s="6" t="s">
        <v>792</v>
      </c>
      <c r="B846" s="6" t="s">
        <v>176</v>
      </c>
      <c r="C846" s="6" t="s">
        <v>177</v>
      </c>
      <c r="D846" s="6" t="s">
        <v>122</v>
      </c>
      <c r="E846" s="6" t="s">
        <v>263</v>
      </c>
      <c r="F846" s="11">
        <v>-764</v>
      </c>
      <c r="G846" s="13">
        <v>-0.432861189802</v>
      </c>
      <c r="H846" s="11">
        <v>-326.94675333999999</v>
      </c>
      <c r="I846" s="13">
        <v>-0.18520678164415644</v>
      </c>
      <c r="J846" s="11">
        <v>-196.00001508999981</v>
      </c>
      <c r="K846" s="13">
        <v>-0.13626632864620083</v>
      </c>
      <c r="L846" s="11">
        <v>-240.97573312000009</v>
      </c>
      <c r="M846" s="13">
        <v>-0.19396613419795805</v>
      </c>
      <c r="N846" s="11">
        <v>-436.97574820999989</v>
      </c>
      <c r="O846" s="13">
        <v>-0.30380140985530685</v>
      </c>
      <c r="P846" s="7">
        <v>1765.3065964299999</v>
      </c>
      <c r="Q846" s="7">
        <v>1659.236265</v>
      </c>
      <c r="R846" s="7">
        <v>1470.3006524800001</v>
      </c>
      <c r="S846" s="7">
        <v>1512.8806307</v>
      </c>
      <c r="T846" s="7">
        <v>1472.97136273</v>
      </c>
      <c r="U846" s="7">
        <v>1488.9135916600001</v>
      </c>
      <c r="V846" s="7">
        <v>1438.3598430899999</v>
      </c>
      <c r="W846" s="7">
        <v>1403.16748766</v>
      </c>
      <c r="X846" s="7">
        <v>1287.4280495200001</v>
      </c>
      <c r="Y846" s="7">
        <v>1242.3598280000001</v>
      </c>
      <c r="Z846" s="7">
        <v>1241.3886721700001</v>
      </c>
      <c r="AA846" s="7">
        <v>1216.8079047799999</v>
      </c>
      <c r="AB846" s="7">
        <v>1207.38700075</v>
      </c>
      <c r="AC846" s="7">
        <v>1156.1793376600001</v>
      </c>
      <c r="AD846" s="7">
        <v>1118.73164342</v>
      </c>
      <c r="AE846" s="7">
        <v>1036.1537934600001</v>
      </c>
      <c r="AF846" s="7">
        <v>1001.38409488</v>
      </c>
      <c r="AG846" s="9">
        <v>24450.323624900004</v>
      </c>
      <c r="AH846" s="13">
        <v>0.8365893558184202</v>
      </c>
      <c r="AI846" s="9">
        <v>10847.845422600003</v>
      </c>
      <c r="AJ846" s="13">
        <v>0.37116858465090558</v>
      </c>
      <c r="AK846" s="9">
        <v>8220.6168630999964</v>
      </c>
      <c r="AL846" s="13">
        <v>0.20513571334689248</v>
      </c>
      <c r="AM846" s="9">
        <v>5381.8613392000043</v>
      </c>
      <c r="AN846" s="13">
        <v>0.11143802740847696</v>
      </c>
      <c r="AO846" s="9">
        <v>13602.478202300001</v>
      </c>
      <c r="AP846" s="13">
        <v>0.33943366000177788</v>
      </c>
      <c r="AQ846" s="9">
        <v>29226.1949723</v>
      </c>
      <c r="AR846" s="9">
        <v>32489.159866499998</v>
      </c>
      <c r="AS846" s="9">
        <v>35451.359548300003</v>
      </c>
      <c r="AT846" s="9">
        <v>37115.568659999997</v>
      </c>
      <c r="AU846" s="9">
        <v>43753.846524799999</v>
      </c>
      <c r="AV846" s="9">
        <v>39648.437369300002</v>
      </c>
      <c r="AW846" s="9">
        <v>40074.040394900003</v>
      </c>
      <c r="AX846" s="9">
        <v>42655.498521699999</v>
      </c>
      <c r="AY846" s="9">
        <v>48410.596614499998</v>
      </c>
      <c r="AZ846" s="9">
        <v>48294.657257999999</v>
      </c>
      <c r="BA846" s="9">
        <v>47006.923212299997</v>
      </c>
      <c r="BB846" s="9">
        <v>50663.145924299999</v>
      </c>
      <c r="BC846" s="9">
        <v>50396.840786499997</v>
      </c>
      <c r="BD846" s="9">
        <v>56281.026667300001</v>
      </c>
      <c r="BE846" s="9">
        <v>55884.817230000001</v>
      </c>
      <c r="BF846" s="9">
        <v>53676.518597200004</v>
      </c>
      <c r="BG846" s="11">
        <v>-18.5</v>
      </c>
      <c r="BH846" s="13">
        <v>-0.51388888888888884</v>
      </c>
      <c r="BI846" s="6">
        <v>-3</v>
      </c>
      <c r="BJ846" s="13">
        <v>-8.3333333333333329E-2</v>
      </c>
      <c r="BK846" s="6">
        <v>-5</v>
      </c>
      <c r="BL846" s="13">
        <v>-0.15151515151515152</v>
      </c>
      <c r="BM846" s="11">
        <v>-10.5</v>
      </c>
      <c r="BN846" s="13">
        <v>-0.375</v>
      </c>
      <c r="BO846" s="11">
        <v>-15.5</v>
      </c>
      <c r="BP846" s="13">
        <v>-0.46969696969696972</v>
      </c>
      <c r="BQ846" s="6">
        <v>36</v>
      </c>
      <c r="BR846" s="6">
        <v>35</v>
      </c>
      <c r="BS846" s="6">
        <v>33</v>
      </c>
      <c r="BT846" s="6">
        <v>33</v>
      </c>
      <c r="BU846" s="6">
        <v>31</v>
      </c>
      <c r="BV846" s="6">
        <v>28</v>
      </c>
      <c r="BW846" s="6">
        <v>28</v>
      </c>
      <c r="BX846" s="6">
        <v>23</v>
      </c>
      <c r="BY846" s="6">
        <v>21</v>
      </c>
      <c r="BZ846" s="6">
        <v>20</v>
      </c>
      <c r="CA846" s="6">
        <v>19</v>
      </c>
      <c r="CB846" s="6">
        <v>19</v>
      </c>
      <c r="CC846" s="11">
        <v>17.5</v>
      </c>
      <c r="CD846" s="11">
        <v>-333.77800000000002</v>
      </c>
      <c r="CE846" s="11">
        <v>-623.11400000000003</v>
      </c>
      <c r="CF846" s="11">
        <v>192.96899999999999</v>
      </c>
      <c r="CG846" s="11">
        <v>-430</v>
      </c>
      <c r="CH846" s="20">
        <v>1.6946099999999999</v>
      </c>
      <c r="CI846" s="20">
        <v>1.72533</v>
      </c>
      <c r="CJ846" s="20">
        <v>1.63045</v>
      </c>
      <c r="CK846" s="20">
        <v>1.73556</v>
      </c>
      <c r="CL846" s="20">
        <v>1.7240800000000001</v>
      </c>
      <c r="CM846" s="20">
        <v>1.7648900000000001</v>
      </c>
      <c r="CN846" s="20">
        <v>1.74373</v>
      </c>
      <c r="CO846" s="20">
        <v>1.8066500000000001</v>
      </c>
      <c r="CP846" s="20">
        <v>1.8412900000000001</v>
      </c>
      <c r="CQ846" s="20">
        <v>1.83968</v>
      </c>
      <c r="CR846" s="20">
        <v>1.8564499999999999</v>
      </c>
      <c r="CS846" s="20">
        <v>1.8109999999999999</v>
      </c>
      <c r="CT846" s="20">
        <v>1.7987899999999999</v>
      </c>
      <c r="CU846" s="20">
        <v>1.6791199999999999</v>
      </c>
      <c r="CV846" s="20">
        <v>1.6325499999999999</v>
      </c>
      <c r="CW846" s="20">
        <v>1.5495300000000001</v>
      </c>
      <c r="CX846" s="20">
        <v>1.4997400000000001</v>
      </c>
      <c r="CY846" s="6" t="s">
        <v>523</v>
      </c>
      <c r="CZ846" s="6" t="s">
        <v>524</v>
      </c>
      <c r="DA846" s="6" t="s">
        <v>122</v>
      </c>
      <c r="DB846" s="6"/>
      <c r="DC846" s="6"/>
      <c r="DD846" s="6"/>
      <c r="DE846" s="6"/>
      <c r="DF846" s="6"/>
      <c r="DG846" s="6"/>
      <c r="DH846" s="6" t="s">
        <v>333</v>
      </c>
      <c r="DI846" s="6"/>
      <c r="DJ846" s="6"/>
      <c r="DK846" s="6"/>
      <c r="DL846" s="6">
        <v>4</v>
      </c>
      <c r="DM846" s="6" t="s">
        <v>446</v>
      </c>
      <c r="DN846" s="6">
        <v>6</v>
      </c>
      <c r="DO846" s="6" t="s">
        <v>393</v>
      </c>
      <c r="DP846" s="6"/>
      <c r="DQ846" s="6"/>
    </row>
    <row r="847" spans="1:121" x14ac:dyDescent="0.2">
      <c r="A847" s="6" t="s">
        <v>313</v>
      </c>
      <c r="B847" s="6" t="s">
        <v>313</v>
      </c>
      <c r="C847" s="6" t="s">
        <v>178</v>
      </c>
      <c r="D847" s="6" t="s">
        <v>122</v>
      </c>
      <c r="E847" s="6" t="s">
        <v>263</v>
      </c>
      <c r="F847" s="11">
        <v>-69</v>
      </c>
      <c r="G847" s="13">
        <v>-0.20972644376899999</v>
      </c>
      <c r="H847" s="11">
        <v>23.147425565999981</v>
      </c>
      <c r="I847" s="13">
        <v>7.0320306227665899E-2</v>
      </c>
      <c r="J847" s="11">
        <v>-42.655314304000001</v>
      </c>
      <c r="K847" s="13">
        <v>-0.1210702498017826</v>
      </c>
      <c r="L847" s="11">
        <v>-49.633179600000005</v>
      </c>
      <c r="M847" s="13">
        <v>-0.16028106709180634</v>
      </c>
      <c r="N847" s="11">
        <v>-92.288493904000006</v>
      </c>
      <c r="O847" s="13">
        <v>-0.26194604806228766</v>
      </c>
      <c r="P847" s="7">
        <v>329.17128504900001</v>
      </c>
      <c r="Q847" s="7">
        <v>290.31691829900001</v>
      </c>
      <c r="R847" s="7">
        <v>298.79815007000002</v>
      </c>
      <c r="S847" s="7">
        <v>316.60070337399998</v>
      </c>
      <c r="T847" s="7">
        <v>309.91827255200002</v>
      </c>
      <c r="U847" s="7">
        <v>338.232127542</v>
      </c>
      <c r="V847" s="7">
        <v>352.31871061499999</v>
      </c>
      <c r="W847" s="7">
        <v>349.57494782600003</v>
      </c>
      <c r="X847" s="7">
        <v>346.89553340800001</v>
      </c>
      <c r="Y847" s="7">
        <v>309.66339631099999</v>
      </c>
      <c r="Z847" s="7">
        <v>277.62654997200002</v>
      </c>
      <c r="AA847" s="7">
        <v>272.34519173199999</v>
      </c>
      <c r="AB847" s="7">
        <v>241.83643594899999</v>
      </c>
      <c r="AC847" s="7">
        <v>237.65187089400001</v>
      </c>
      <c r="AD847" s="7">
        <v>237.20672965899999</v>
      </c>
      <c r="AE847" s="7">
        <v>251.477518242</v>
      </c>
      <c r="AF847" s="7">
        <v>260.03021671099998</v>
      </c>
      <c r="AG847" s="9">
        <v>19016.708531300003</v>
      </c>
      <c r="AH847" s="13">
        <v>0.76975953512961515</v>
      </c>
      <c r="AI847" s="9">
        <v>9092.7870108999959</v>
      </c>
      <c r="AJ847" s="13">
        <v>0.36805840984641247</v>
      </c>
      <c r="AK847" s="9">
        <v>3612.9322342000014</v>
      </c>
      <c r="AL847" s="13">
        <v>0.10689931020190382</v>
      </c>
      <c r="AM847" s="9">
        <v>6310.9892862000052</v>
      </c>
      <c r="AN847" s="13">
        <v>0.1686958555241776</v>
      </c>
      <c r="AO847" s="9">
        <v>9923.9215204000066</v>
      </c>
      <c r="AP847" s="13">
        <v>0.29362863631553604</v>
      </c>
      <c r="AQ847" s="9">
        <v>24704.739160000001</v>
      </c>
      <c r="AR847" s="9">
        <v>27009.721244600001</v>
      </c>
      <c r="AS847" s="9">
        <v>26974.6182286</v>
      </c>
      <c r="AT847" s="9">
        <v>29151.750722000001</v>
      </c>
      <c r="AU847" s="9">
        <v>29744.040944199998</v>
      </c>
      <c r="AV847" s="9">
        <v>34069.9328121</v>
      </c>
      <c r="AW847" s="9">
        <v>33797.526170899997</v>
      </c>
      <c r="AX847" s="9">
        <v>34896.660294000001</v>
      </c>
      <c r="AY847" s="9">
        <v>35015.780227199997</v>
      </c>
      <c r="AZ847" s="9">
        <v>37410.458405099998</v>
      </c>
      <c r="BA847" s="9">
        <v>38145.605490800001</v>
      </c>
      <c r="BB847" s="9">
        <v>39716.707338799999</v>
      </c>
      <c r="BC847" s="9">
        <v>40795.860940699997</v>
      </c>
      <c r="BD847" s="9">
        <v>40885.054581700002</v>
      </c>
      <c r="BE847" s="9">
        <v>44120.819152999997</v>
      </c>
      <c r="BF847" s="9">
        <v>43721.447691300003</v>
      </c>
      <c r="BG847" s="11">
        <v>-7.5</v>
      </c>
      <c r="BH847" s="13">
        <v>-0.19736842105263158</v>
      </c>
      <c r="BI847" s="6">
        <v>-4</v>
      </c>
      <c r="BJ847" s="13">
        <v>-0.10526315789473684</v>
      </c>
      <c r="BK847" s="6">
        <v>-4</v>
      </c>
      <c r="BL847" s="13">
        <v>-0.11764705882352941</v>
      </c>
      <c r="BM847" s="11">
        <v>0.5</v>
      </c>
      <c r="BN847" s="13">
        <v>1.6666666666666666E-2</v>
      </c>
      <c r="BO847" s="11">
        <v>-3.5</v>
      </c>
      <c r="BP847" s="13">
        <v>-0.10294117647058823</v>
      </c>
      <c r="BQ847" s="6">
        <v>38</v>
      </c>
      <c r="BR847" s="6">
        <v>38</v>
      </c>
      <c r="BS847" s="6">
        <v>37</v>
      </c>
      <c r="BT847" s="6">
        <v>34</v>
      </c>
      <c r="BU847" s="6">
        <v>35</v>
      </c>
      <c r="BV847" s="6">
        <v>35</v>
      </c>
      <c r="BW847" s="6">
        <v>30</v>
      </c>
      <c r="BX847" s="6">
        <v>28</v>
      </c>
      <c r="BY847" s="6">
        <v>32</v>
      </c>
      <c r="BZ847" s="6">
        <v>32</v>
      </c>
      <c r="CA847" s="6">
        <v>30</v>
      </c>
      <c r="CB847" s="6">
        <v>29</v>
      </c>
      <c r="CC847" s="11">
        <v>30.5</v>
      </c>
      <c r="CD847" s="11">
        <v>-78.207899999999995</v>
      </c>
      <c r="CE847" s="11">
        <v>-26.915500000000002</v>
      </c>
      <c r="CF847" s="11">
        <v>35.982399999999998</v>
      </c>
      <c r="CG847" s="11">
        <v>9</v>
      </c>
      <c r="CH847" s="20">
        <v>0.88741099999999995</v>
      </c>
      <c r="CI847" s="20">
        <v>0.80519499999999999</v>
      </c>
      <c r="CJ847" s="20">
        <v>0.84482000000000002</v>
      </c>
      <c r="CK847" s="20">
        <v>0.90412899999999996</v>
      </c>
      <c r="CL847" s="20">
        <v>0.88159600000000005</v>
      </c>
      <c r="CM847" s="20">
        <v>0.94802500000000001</v>
      </c>
      <c r="CN847" s="20">
        <v>0.97420399999999996</v>
      </c>
      <c r="CO847" s="20">
        <v>1.00031</v>
      </c>
      <c r="CP847" s="20">
        <v>1.0423</v>
      </c>
      <c r="CQ847" s="20">
        <v>0.95374199999999998</v>
      </c>
      <c r="CR847" s="20">
        <v>0.86733199999999999</v>
      </c>
      <c r="CS847" s="20">
        <v>0.845777</v>
      </c>
      <c r="CT847" s="20">
        <v>0.74752600000000002</v>
      </c>
      <c r="CU847" s="20">
        <v>0.71698700000000004</v>
      </c>
      <c r="CV847" s="20">
        <v>0.71955400000000003</v>
      </c>
      <c r="CW847" s="20">
        <v>0.783775</v>
      </c>
      <c r="CX847" s="20">
        <v>0.80501999999999996</v>
      </c>
      <c r="CY847" s="6" t="s">
        <v>523</v>
      </c>
      <c r="CZ847" s="6" t="s">
        <v>524</v>
      </c>
      <c r="DA847" s="6" t="s">
        <v>122</v>
      </c>
      <c r="DB847" s="6"/>
      <c r="DC847" s="6"/>
      <c r="DD847" s="6"/>
      <c r="DE847" s="6"/>
      <c r="DF847" s="6"/>
      <c r="DG847" s="6"/>
      <c r="DH847" s="6" t="s">
        <v>333</v>
      </c>
      <c r="DI847" s="6"/>
      <c r="DJ847" s="6"/>
      <c r="DK847" s="6"/>
      <c r="DL847" s="6">
        <v>4</v>
      </c>
      <c r="DM847" s="6" t="s">
        <v>446</v>
      </c>
      <c r="DN847" s="6">
        <v>6</v>
      </c>
      <c r="DO847" s="6" t="s">
        <v>393</v>
      </c>
      <c r="DP847" s="6"/>
      <c r="DQ847" s="6"/>
    </row>
    <row r="848" spans="1:121" x14ac:dyDescent="0.2">
      <c r="A848" s="6" t="s">
        <v>793</v>
      </c>
      <c r="B848" s="6" t="s">
        <v>179</v>
      </c>
      <c r="C848" s="6" t="s">
        <v>180</v>
      </c>
      <c r="D848" s="6" t="s">
        <v>122</v>
      </c>
      <c r="E848" s="6" t="s">
        <v>263</v>
      </c>
      <c r="F848" s="11">
        <v>-116</v>
      </c>
      <c r="G848" s="13">
        <v>-0.08</v>
      </c>
      <c r="H848" s="11">
        <v>-179</v>
      </c>
      <c r="I848" s="13">
        <v>-0.12804005722460657</v>
      </c>
      <c r="J848" s="11">
        <v>-74</v>
      </c>
      <c r="K848" s="13">
        <v>-6.0705496308449555E-2</v>
      </c>
      <c r="L848" s="11">
        <v>137</v>
      </c>
      <c r="M848" s="13">
        <v>0.11965065502183406</v>
      </c>
      <c r="N848" s="11">
        <v>63</v>
      </c>
      <c r="O848" s="13">
        <v>5.1681706316652989E-2</v>
      </c>
      <c r="P848" s="7">
        <v>1398</v>
      </c>
      <c r="Q848" s="7">
        <v>1338</v>
      </c>
      <c r="R848" s="7">
        <v>1349</v>
      </c>
      <c r="S848" s="7">
        <v>1354</v>
      </c>
      <c r="T848" s="7">
        <v>1319</v>
      </c>
      <c r="U848" s="7">
        <v>1325</v>
      </c>
      <c r="V848" s="7">
        <v>1219</v>
      </c>
      <c r="W848" s="7">
        <v>1160</v>
      </c>
      <c r="X848" s="7">
        <v>1114</v>
      </c>
      <c r="Y848" s="7">
        <v>1145</v>
      </c>
      <c r="Z848" s="7">
        <v>1129</v>
      </c>
      <c r="AA848" s="7">
        <v>1169</v>
      </c>
      <c r="AB848" s="7">
        <v>1193</v>
      </c>
      <c r="AC848" s="7">
        <v>1140</v>
      </c>
      <c r="AD848" s="7">
        <v>1226</v>
      </c>
      <c r="AE848" s="7">
        <v>1258</v>
      </c>
      <c r="AF848" s="7">
        <v>1282</v>
      </c>
      <c r="AG848" s="9">
        <v>10159</v>
      </c>
      <c r="AH848" s="13">
        <v>0.52417315927970698</v>
      </c>
      <c r="AI848" s="9">
        <v>5205</v>
      </c>
      <c r="AJ848" s="13">
        <v>0.26856199370517519</v>
      </c>
      <c r="AK848" s="9">
        <v>2011</v>
      </c>
      <c r="AL848" s="13">
        <v>8.1794517204913361E-2</v>
      </c>
      <c r="AM848" s="9">
        <v>2943</v>
      </c>
      <c r="AN848" s="13">
        <v>0.11065157724555399</v>
      </c>
      <c r="AO848" s="9">
        <v>4954</v>
      </c>
      <c r="AP848" s="13">
        <v>0.20149678678922964</v>
      </c>
      <c r="AQ848" s="9">
        <v>19381</v>
      </c>
      <c r="AR848" s="9">
        <v>20596</v>
      </c>
      <c r="AS848" s="9">
        <v>21426</v>
      </c>
      <c r="AT848" s="9">
        <v>21796</v>
      </c>
      <c r="AU848" s="9">
        <v>22478</v>
      </c>
      <c r="AV848" s="9">
        <v>22905</v>
      </c>
      <c r="AW848" s="9">
        <v>24586</v>
      </c>
      <c r="AX848" s="9">
        <v>25229</v>
      </c>
      <c r="AY848" s="9">
        <v>25809</v>
      </c>
      <c r="AZ848" s="9">
        <v>26597</v>
      </c>
      <c r="BA848" s="9">
        <v>25837</v>
      </c>
      <c r="BB848" s="9">
        <v>26366</v>
      </c>
      <c r="BC848" s="9">
        <v>27646</v>
      </c>
      <c r="BD848" s="9">
        <v>29030</v>
      </c>
      <c r="BE848" s="9">
        <v>28552</v>
      </c>
      <c r="BF848" s="9">
        <v>29540</v>
      </c>
      <c r="BG848" s="11">
        <v>-10</v>
      </c>
      <c r="BH848" s="13">
        <v>-8.6206896551724144E-2</v>
      </c>
      <c r="BI848" s="6">
        <v>-11</v>
      </c>
      <c r="BJ848" s="13">
        <v>-9.4827586206896547E-2</v>
      </c>
      <c r="BK848" s="6">
        <v>-3</v>
      </c>
      <c r="BL848" s="13">
        <v>-2.8571428571428571E-2</v>
      </c>
      <c r="BM848" s="11">
        <v>4</v>
      </c>
      <c r="BN848" s="13">
        <v>3.9215686274509803E-2</v>
      </c>
      <c r="BO848" s="11">
        <v>1</v>
      </c>
      <c r="BP848" s="13">
        <v>9.5238095238095247E-3</v>
      </c>
      <c r="BQ848" s="6">
        <v>116</v>
      </c>
      <c r="BR848" s="6">
        <v>112</v>
      </c>
      <c r="BS848" s="6">
        <v>110</v>
      </c>
      <c r="BT848" s="6">
        <v>105</v>
      </c>
      <c r="BU848" s="6">
        <v>101</v>
      </c>
      <c r="BV848" s="6">
        <v>101</v>
      </c>
      <c r="BW848" s="6">
        <v>102</v>
      </c>
      <c r="BX848" s="6">
        <v>104</v>
      </c>
      <c r="BY848" s="6">
        <v>105</v>
      </c>
      <c r="BZ848" s="6">
        <v>111</v>
      </c>
      <c r="CA848" s="6">
        <v>102</v>
      </c>
      <c r="CB848" s="6">
        <v>105</v>
      </c>
      <c r="CC848" s="11">
        <v>106</v>
      </c>
      <c r="CD848" s="11">
        <v>-180</v>
      </c>
      <c r="CE848" s="11">
        <v>-90</v>
      </c>
      <c r="CF848" s="11">
        <v>153</v>
      </c>
      <c r="CG848" s="11">
        <v>63</v>
      </c>
      <c r="CH848" s="20">
        <v>1.4</v>
      </c>
      <c r="CI848" s="20">
        <v>1.36</v>
      </c>
      <c r="CJ848" s="20">
        <v>1.4</v>
      </c>
      <c r="CK848" s="20">
        <v>1.43</v>
      </c>
      <c r="CL848" s="20">
        <v>1.39</v>
      </c>
      <c r="CM848" s="20">
        <v>1.4</v>
      </c>
      <c r="CN848" s="20">
        <v>1.28</v>
      </c>
      <c r="CO848" s="20">
        <v>1.27</v>
      </c>
      <c r="CP848" s="20">
        <v>1.26</v>
      </c>
      <c r="CQ848" s="20">
        <v>1.31</v>
      </c>
      <c r="CR848" s="20">
        <v>1.31</v>
      </c>
      <c r="CS848" s="20">
        <v>1.36</v>
      </c>
      <c r="CT848" s="20">
        <v>1.38</v>
      </c>
      <c r="CU848" s="20">
        <v>1.28</v>
      </c>
      <c r="CV848" s="20">
        <v>1.38</v>
      </c>
      <c r="CW848" s="20">
        <v>1.43</v>
      </c>
      <c r="CX848" s="20">
        <v>1.45</v>
      </c>
      <c r="CY848" s="6" t="s">
        <v>523</v>
      </c>
      <c r="CZ848" s="6" t="s">
        <v>524</v>
      </c>
      <c r="DA848" s="6" t="s">
        <v>122</v>
      </c>
      <c r="DB848" s="6"/>
      <c r="DC848" s="6"/>
      <c r="DD848" s="6"/>
      <c r="DE848" s="6"/>
      <c r="DF848" s="6"/>
      <c r="DG848" s="6"/>
      <c r="DH848" s="6" t="s">
        <v>333</v>
      </c>
      <c r="DI848" s="6"/>
      <c r="DJ848" s="6"/>
      <c r="DK848" s="6"/>
      <c r="DL848" s="6">
        <v>4</v>
      </c>
      <c r="DM848" s="6" t="s">
        <v>446</v>
      </c>
      <c r="DN848" s="6">
        <v>6</v>
      </c>
      <c r="DO848" s="6" t="s">
        <v>393</v>
      </c>
      <c r="DP848" s="6"/>
      <c r="DQ848" s="6"/>
    </row>
    <row r="849" spans="1:121" x14ac:dyDescent="0.2">
      <c r="A849" s="6" t="s">
        <v>794</v>
      </c>
      <c r="B849" s="6" t="s">
        <v>181</v>
      </c>
      <c r="C849" s="6" t="s">
        <v>182</v>
      </c>
      <c r="D849" s="6" t="s">
        <v>122</v>
      </c>
      <c r="E849" s="6" t="s">
        <v>263</v>
      </c>
      <c r="F849" s="11">
        <v>90</v>
      </c>
      <c r="G849" s="13">
        <v>0.72580645161299995</v>
      </c>
      <c r="H849" s="11">
        <v>9.7765859189999844</v>
      </c>
      <c r="I849" s="13">
        <v>7.8580558263104214E-2</v>
      </c>
      <c r="J849" s="11">
        <v>-19.460237553999988</v>
      </c>
      <c r="K849" s="13">
        <v>-0.14501850988142526</v>
      </c>
      <c r="L849" s="11">
        <v>98.993510347999987</v>
      </c>
      <c r="M849" s="13">
        <v>0.862830151368017</v>
      </c>
      <c r="N849" s="11">
        <v>79.533272793999998</v>
      </c>
      <c r="O849" s="13">
        <v>0.59268529865443731</v>
      </c>
      <c r="P849" s="7">
        <v>124.414818819</v>
      </c>
      <c r="Q849" s="7">
        <v>122.040350381</v>
      </c>
      <c r="R849" s="7">
        <v>114.737836773</v>
      </c>
      <c r="S849" s="7">
        <v>129.843601476</v>
      </c>
      <c r="T849" s="7">
        <v>133.97808965499999</v>
      </c>
      <c r="U849" s="7">
        <v>146.46935514</v>
      </c>
      <c r="V849" s="7">
        <v>134.19140473799999</v>
      </c>
      <c r="W849" s="7">
        <v>122.78636434000001</v>
      </c>
      <c r="X849" s="7">
        <v>116.348325257</v>
      </c>
      <c r="Y849" s="7">
        <v>114.731167184</v>
      </c>
      <c r="Z849" s="7">
        <v>135.475729331</v>
      </c>
      <c r="AA849" s="7">
        <v>158.41357870600001</v>
      </c>
      <c r="AB849" s="7">
        <v>167.85077337800001</v>
      </c>
      <c r="AC849" s="7">
        <v>176.90639113</v>
      </c>
      <c r="AD849" s="7">
        <v>195.285253934</v>
      </c>
      <c r="AE849" s="7">
        <v>202.984404332</v>
      </c>
      <c r="AF849" s="7">
        <v>213.72467753199999</v>
      </c>
      <c r="AG849" s="9">
        <v>8535.3484769000024</v>
      </c>
      <c r="AH849" s="13">
        <v>0.27646369942552568</v>
      </c>
      <c r="AI849" s="9">
        <v>12490.5170597</v>
      </c>
      <c r="AJ849" s="13">
        <v>0.40457335320379073</v>
      </c>
      <c r="AK849" s="9">
        <v>3423.7178472000014</v>
      </c>
      <c r="AL849" s="13">
        <v>7.8953320553460368E-2</v>
      </c>
      <c r="AM849" s="9">
        <v>-7378.8864299999987</v>
      </c>
      <c r="AN849" s="13">
        <v>-0.15771049808444465</v>
      </c>
      <c r="AO849" s="9">
        <v>-3955.1685827999972</v>
      </c>
      <c r="AP849" s="13">
        <v>-9.1208945040891345E-2</v>
      </c>
      <c r="AQ849" s="9">
        <v>30873.3063134</v>
      </c>
      <c r="AR849" s="9">
        <v>32139.3037616</v>
      </c>
      <c r="AS849" s="9">
        <v>34643.6138183</v>
      </c>
      <c r="AT849" s="9">
        <v>39501.979384400001</v>
      </c>
      <c r="AU849" s="9">
        <v>40565.4114501</v>
      </c>
      <c r="AV849" s="9">
        <v>41655.537560600002</v>
      </c>
      <c r="AW849" s="9">
        <v>43363.8233731</v>
      </c>
      <c r="AX849" s="9">
        <v>47010.7996069</v>
      </c>
      <c r="AY849" s="9">
        <v>45416.389010600004</v>
      </c>
      <c r="AZ849" s="9">
        <v>46787.541220300001</v>
      </c>
      <c r="BA849" s="9">
        <v>45289.130782100001</v>
      </c>
      <c r="BB849" s="9">
        <v>45219.013052499999</v>
      </c>
      <c r="BC849" s="9">
        <v>45004.719308799999</v>
      </c>
      <c r="BD849" s="9">
        <v>43637.1964955</v>
      </c>
      <c r="BE849" s="9">
        <v>40302.014176899997</v>
      </c>
      <c r="BF849" s="9">
        <v>39408.654790300003</v>
      </c>
      <c r="BG849" s="11">
        <v>9</v>
      </c>
      <c r="BH849" s="13">
        <v>0.47368421052631576</v>
      </c>
      <c r="BI849" s="6">
        <v>4</v>
      </c>
      <c r="BJ849" s="13">
        <v>0.21052631578947367</v>
      </c>
      <c r="BK849" s="6">
        <v>0</v>
      </c>
      <c r="BL849" s="13">
        <v>0</v>
      </c>
      <c r="BM849" s="11">
        <v>5</v>
      </c>
      <c r="BN849" s="13">
        <v>0.21739130434782608</v>
      </c>
      <c r="BO849" s="11">
        <v>5</v>
      </c>
      <c r="BP849" s="13">
        <v>0.21739130434782608</v>
      </c>
      <c r="BQ849" s="6">
        <v>19</v>
      </c>
      <c r="BR849" s="6">
        <v>25</v>
      </c>
      <c r="BS849" s="6">
        <v>24</v>
      </c>
      <c r="BT849" s="6">
        <v>23</v>
      </c>
      <c r="BU849" s="6">
        <v>23</v>
      </c>
      <c r="BV849" s="6">
        <v>22</v>
      </c>
      <c r="BW849" s="6">
        <v>23</v>
      </c>
      <c r="BX849" s="6">
        <v>24</v>
      </c>
      <c r="BY849" s="6">
        <v>24</v>
      </c>
      <c r="BZ849" s="6">
        <v>25</v>
      </c>
      <c r="CA849" s="6">
        <v>29</v>
      </c>
      <c r="CB849" s="6">
        <v>28</v>
      </c>
      <c r="CC849" s="11">
        <v>28</v>
      </c>
      <c r="CD849" s="11">
        <v>67.867900000000006</v>
      </c>
      <c r="CE849" s="11">
        <v>7.8419100000000004</v>
      </c>
      <c r="CF849" s="11">
        <v>13.6</v>
      </c>
      <c r="CG849" s="11">
        <v>22</v>
      </c>
      <c r="CH849" s="20">
        <v>0.42370799999999997</v>
      </c>
      <c r="CI849" s="20">
        <v>0.43121500000000001</v>
      </c>
      <c r="CJ849" s="20">
        <v>0.414159</v>
      </c>
      <c r="CK849" s="20">
        <v>0.46882400000000002</v>
      </c>
      <c r="CL849" s="20">
        <v>0.47898099999999999</v>
      </c>
      <c r="CM849" s="20">
        <v>0.51447299999999996</v>
      </c>
      <c r="CN849" s="20">
        <v>0.46399600000000002</v>
      </c>
      <c r="CO849" s="20">
        <v>0.43940699999999999</v>
      </c>
      <c r="CP849" s="20">
        <v>0.435921</v>
      </c>
      <c r="CQ849" s="20">
        <v>0.437973</v>
      </c>
      <c r="CR849" s="20">
        <v>0.51778100000000005</v>
      </c>
      <c r="CS849" s="20">
        <v>0.59950099999999995</v>
      </c>
      <c r="CT849" s="20">
        <v>0.62845899999999999</v>
      </c>
      <c r="CU849" s="20">
        <v>0.63208299999999995</v>
      </c>
      <c r="CV849" s="20">
        <v>0.67754300000000001</v>
      </c>
      <c r="CW849" s="20">
        <v>0.70508099999999996</v>
      </c>
      <c r="CX849" s="20">
        <v>0.73261399999999999</v>
      </c>
      <c r="CY849" s="6" t="s">
        <v>523</v>
      </c>
      <c r="CZ849" s="6" t="s">
        <v>524</v>
      </c>
      <c r="DA849" s="6" t="s">
        <v>122</v>
      </c>
      <c r="DB849" s="6"/>
      <c r="DC849" s="6"/>
      <c r="DD849" s="6"/>
      <c r="DE849" s="6"/>
      <c r="DF849" s="6"/>
      <c r="DG849" s="6"/>
      <c r="DH849" s="6" t="s">
        <v>333</v>
      </c>
      <c r="DI849" s="6"/>
      <c r="DJ849" s="6"/>
      <c r="DK849" s="6"/>
      <c r="DL849" s="6">
        <v>4</v>
      </c>
      <c r="DM849" s="6" t="s">
        <v>446</v>
      </c>
      <c r="DN849" s="6">
        <v>6</v>
      </c>
      <c r="DO849" s="6" t="s">
        <v>393</v>
      </c>
      <c r="DP849" s="6"/>
      <c r="DQ849" s="6"/>
    </row>
    <row r="850" spans="1:121" x14ac:dyDescent="0.2">
      <c r="A850" s="6" t="s">
        <v>314</v>
      </c>
      <c r="B850" s="6" t="s">
        <v>314</v>
      </c>
      <c r="C850" s="6" t="s">
        <v>183</v>
      </c>
      <c r="D850" s="6" t="s">
        <v>122</v>
      </c>
      <c r="E850" s="6" t="s">
        <v>263</v>
      </c>
      <c r="F850" s="11">
        <v>-28</v>
      </c>
      <c r="G850" s="13">
        <v>-0.29473684210500001</v>
      </c>
      <c r="H850" s="11">
        <v>-15.958566545400004</v>
      </c>
      <c r="I850" s="13">
        <v>-0.1671789187894385</v>
      </c>
      <c r="J850" s="11">
        <v>-15.787403144000002</v>
      </c>
      <c r="K850" s="13">
        <v>-0.19858508287697815</v>
      </c>
      <c r="L850" s="11">
        <v>2.7993739537999929</v>
      </c>
      <c r="M850" s="13">
        <v>4.3937912422314422E-2</v>
      </c>
      <c r="N850" s="11">
        <v>-12.98802919020001</v>
      </c>
      <c r="O850" s="13">
        <v>-0.16337258443449046</v>
      </c>
      <c r="P850" s="7">
        <v>95.458007869400006</v>
      </c>
      <c r="Q850" s="7">
        <v>85.836053000000007</v>
      </c>
      <c r="R850" s="7">
        <v>93.934869590700004</v>
      </c>
      <c r="S850" s="7">
        <v>89.593521908</v>
      </c>
      <c r="T850" s="7">
        <v>86.803657349399998</v>
      </c>
      <c r="U850" s="7">
        <v>82.530550565599995</v>
      </c>
      <c r="V850" s="7">
        <v>79.499441324000003</v>
      </c>
      <c r="W850" s="7">
        <v>72.403271427700005</v>
      </c>
      <c r="X850" s="7">
        <v>62.893177000000001</v>
      </c>
      <c r="Y850" s="7">
        <v>63.71203818</v>
      </c>
      <c r="Z850" s="7">
        <v>61.562962144700002</v>
      </c>
      <c r="AA850" s="7">
        <v>68.958802000000006</v>
      </c>
      <c r="AB850" s="7">
        <v>68.616172671100003</v>
      </c>
      <c r="AC850" s="7">
        <v>64.060857157100003</v>
      </c>
      <c r="AD850" s="7">
        <v>67.808855973899995</v>
      </c>
      <c r="AE850" s="7">
        <v>66.339625670399997</v>
      </c>
      <c r="AF850" s="7">
        <v>66.511412133799993</v>
      </c>
      <c r="AG850" s="9">
        <v>-8180.0687648000021</v>
      </c>
      <c r="AH850" s="13">
        <v>-0.26948634255151005</v>
      </c>
      <c r="AI850" s="9">
        <v>-5480.1655957000003</v>
      </c>
      <c r="AJ850" s="13">
        <v>-0.18054002055787335</v>
      </c>
      <c r="AK850" s="9">
        <v>839.66358929999842</v>
      </c>
      <c r="AL850" s="13">
        <v>3.3756497458498617E-2</v>
      </c>
      <c r="AM850" s="9">
        <v>-3539.5667584000003</v>
      </c>
      <c r="AN850" s="13">
        <v>-0.13765243961167345</v>
      </c>
      <c r="AO850" s="9">
        <v>-2699.9031691000018</v>
      </c>
      <c r="AP850" s="13">
        <v>-0.10854260638108244</v>
      </c>
      <c r="AQ850" s="9">
        <v>30354.298059600002</v>
      </c>
      <c r="AR850" s="9">
        <v>34082.270781300002</v>
      </c>
      <c r="AS850" s="9">
        <v>30159.9146664</v>
      </c>
      <c r="AT850" s="9">
        <v>24543.4095614</v>
      </c>
      <c r="AU850" s="9">
        <v>19904.366537400001</v>
      </c>
      <c r="AV850" s="9">
        <v>24793.6439216</v>
      </c>
      <c r="AW850" s="9">
        <v>24874.132463900001</v>
      </c>
      <c r="AX850" s="9">
        <v>28267.111237900001</v>
      </c>
      <c r="AY850" s="9">
        <v>25998.745154200002</v>
      </c>
      <c r="AZ850" s="9">
        <v>25713.7960532</v>
      </c>
      <c r="BA850" s="9">
        <v>25413.065273200002</v>
      </c>
      <c r="BB850" s="9">
        <v>24854.119498399999</v>
      </c>
      <c r="BC850" s="9">
        <v>24875.976962299999</v>
      </c>
      <c r="BD850" s="9">
        <v>22850.045863799998</v>
      </c>
      <c r="BE850" s="9">
        <v>22392.152123299998</v>
      </c>
      <c r="BF850" s="9">
        <v>22174.229294799999</v>
      </c>
      <c r="BG850" s="11">
        <v>-1.5</v>
      </c>
      <c r="BH850" s="13">
        <v>-0.1875</v>
      </c>
      <c r="BI850" s="6">
        <v>2</v>
      </c>
      <c r="BJ850" s="13">
        <v>0.25</v>
      </c>
      <c r="BK850" s="6">
        <v>-3</v>
      </c>
      <c r="BL850" s="13">
        <v>-0.3</v>
      </c>
      <c r="BM850" s="11">
        <v>-0.5</v>
      </c>
      <c r="BN850" s="13">
        <v>-7.1428571428571425E-2</v>
      </c>
      <c r="BO850" s="11">
        <v>-3.5</v>
      </c>
      <c r="BP850" s="13">
        <v>-0.35</v>
      </c>
      <c r="BQ850" s="6">
        <v>8</v>
      </c>
      <c r="BR850" s="6">
        <v>9</v>
      </c>
      <c r="BS850" s="6">
        <v>9</v>
      </c>
      <c r="BT850" s="6">
        <v>10</v>
      </c>
      <c r="BU850" s="6">
        <v>11</v>
      </c>
      <c r="BV850" s="6">
        <v>8</v>
      </c>
      <c r="BW850" s="6">
        <v>7</v>
      </c>
      <c r="BX850" s="6">
        <v>7</v>
      </c>
      <c r="BY850" s="6">
        <v>8</v>
      </c>
      <c r="BZ850" s="6">
        <v>7</v>
      </c>
      <c r="CA850" s="6">
        <v>6</v>
      </c>
      <c r="CB850" s="6">
        <v>6</v>
      </c>
      <c r="CC850" s="11">
        <v>6.5</v>
      </c>
      <c r="CD850" s="11">
        <v>-10.1434</v>
      </c>
      <c r="CE850" s="11">
        <v>-29.2379</v>
      </c>
      <c r="CF850" s="11">
        <v>10.434699999999999</v>
      </c>
      <c r="CG850" s="11">
        <v>-19</v>
      </c>
      <c r="CH850" s="20">
        <v>0.41282600000000003</v>
      </c>
      <c r="CI850" s="20">
        <v>0.39600600000000002</v>
      </c>
      <c r="CJ850" s="20">
        <v>0.46227299999999999</v>
      </c>
      <c r="CK850" s="20">
        <v>0.45969599999999999</v>
      </c>
      <c r="CL850" s="20">
        <v>0.457708</v>
      </c>
      <c r="CM850" s="20">
        <v>0.44030200000000003</v>
      </c>
      <c r="CN850" s="20">
        <v>0.42707699999999998</v>
      </c>
      <c r="CO850" s="20">
        <v>0.406057</v>
      </c>
      <c r="CP850" s="20">
        <v>0.367537</v>
      </c>
      <c r="CQ850" s="20">
        <v>0.38910899999999998</v>
      </c>
      <c r="CR850" s="20">
        <v>0.39044400000000001</v>
      </c>
      <c r="CS850" s="20">
        <v>0.441801</v>
      </c>
      <c r="CT850" s="20">
        <v>0.43944299999999997</v>
      </c>
      <c r="CU850" s="20">
        <v>0.399918</v>
      </c>
      <c r="CV850" s="20">
        <v>0.426068</v>
      </c>
      <c r="CW850" s="20">
        <v>0.42187400000000003</v>
      </c>
      <c r="CX850" s="20">
        <v>0.42267300000000002</v>
      </c>
      <c r="CY850" s="6" t="s">
        <v>523</v>
      </c>
      <c r="CZ850" s="6" t="s">
        <v>524</v>
      </c>
      <c r="DA850" s="6" t="s">
        <v>122</v>
      </c>
      <c r="DB850" s="6"/>
      <c r="DC850" s="6"/>
      <c r="DD850" s="6"/>
      <c r="DE850" s="6"/>
      <c r="DF850" s="6"/>
      <c r="DG850" s="6"/>
      <c r="DH850" s="6" t="s">
        <v>333</v>
      </c>
      <c r="DI850" s="6"/>
      <c r="DJ850" s="6"/>
      <c r="DK850" s="6"/>
      <c r="DL850" s="6">
        <v>4</v>
      </c>
      <c r="DM850" s="6" t="s">
        <v>446</v>
      </c>
      <c r="DN850" s="6">
        <v>6</v>
      </c>
      <c r="DO850" s="6" t="s">
        <v>393</v>
      </c>
      <c r="DP850" s="6"/>
      <c r="DQ850" s="6"/>
    </row>
    <row r="851" spans="1:121" x14ac:dyDescent="0.2">
      <c r="A851" s="6" t="s">
        <v>315</v>
      </c>
      <c r="B851" s="6" t="s">
        <v>315</v>
      </c>
      <c r="C851" s="6" t="s">
        <v>184</v>
      </c>
      <c r="D851" s="6" t="s">
        <v>122</v>
      </c>
      <c r="E851" s="6" t="s">
        <v>263</v>
      </c>
      <c r="F851" s="11">
        <v>-11</v>
      </c>
      <c r="G851" s="13">
        <v>-0.04</v>
      </c>
      <c r="H851" s="11">
        <v>53</v>
      </c>
      <c r="I851" s="13">
        <v>0.18661971830985916</v>
      </c>
      <c r="J851" s="11">
        <v>-61</v>
      </c>
      <c r="K851" s="13">
        <v>-0.18100890207715137</v>
      </c>
      <c r="L851" s="11">
        <v>-3</v>
      </c>
      <c r="M851" s="13">
        <v>-1.0869565217391304E-2</v>
      </c>
      <c r="N851" s="11">
        <v>-64</v>
      </c>
      <c r="O851" s="13">
        <v>-0.18991097922848665</v>
      </c>
      <c r="P851" s="7">
        <v>284</v>
      </c>
      <c r="Q851" s="7">
        <v>299</v>
      </c>
      <c r="R851" s="7">
        <v>314</v>
      </c>
      <c r="S851" s="7">
        <v>327</v>
      </c>
      <c r="T851" s="7">
        <v>323</v>
      </c>
      <c r="U851" s="7">
        <v>329</v>
      </c>
      <c r="V851" s="7">
        <v>337</v>
      </c>
      <c r="W851" s="7">
        <v>253</v>
      </c>
      <c r="X851" s="7">
        <v>260</v>
      </c>
      <c r="Y851" s="7">
        <v>276</v>
      </c>
      <c r="Z851" s="7">
        <v>279</v>
      </c>
      <c r="AA851" s="7">
        <v>261</v>
      </c>
      <c r="AB851" s="7">
        <v>258</v>
      </c>
      <c r="AC851" s="7">
        <v>270</v>
      </c>
      <c r="AD851" s="7">
        <v>270</v>
      </c>
      <c r="AE851" s="7">
        <v>273</v>
      </c>
      <c r="AF851" s="7">
        <v>273</v>
      </c>
      <c r="AG851" s="9">
        <v>33318</v>
      </c>
      <c r="AH851" s="13">
        <v>1.0849588068644371</v>
      </c>
      <c r="AI851" s="9">
        <v>11127</v>
      </c>
      <c r="AJ851" s="13">
        <v>0.36233677423556609</v>
      </c>
      <c r="AK851" s="9">
        <v>9788</v>
      </c>
      <c r="AL851" s="13">
        <v>0.23396118175733815</v>
      </c>
      <c r="AM851" s="9">
        <v>12403</v>
      </c>
      <c r="AN851" s="13">
        <v>0.24025646985898033</v>
      </c>
      <c r="AO851" s="9">
        <v>22191</v>
      </c>
      <c r="AP851" s="13">
        <v>0.53042833922937183</v>
      </c>
      <c r="AQ851" s="9">
        <v>30709</v>
      </c>
      <c r="AR851" s="9">
        <v>31956</v>
      </c>
      <c r="AS851" s="9">
        <v>34477</v>
      </c>
      <c r="AT851" s="9">
        <v>36284</v>
      </c>
      <c r="AU851" s="9">
        <v>36096</v>
      </c>
      <c r="AV851" s="9">
        <v>40271</v>
      </c>
      <c r="AW851" s="9">
        <v>41836</v>
      </c>
      <c r="AX851" s="9">
        <v>44682</v>
      </c>
      <c r="AY851" s="9">
        <v>49068</v>
      </c>
      <c r="AZ851" s="9">
        <v>51624</v>
      </c>
      <c r="BA851" s="9">
        <v>53001</v>
      </c>
      <c r="BB851" s="9">
        <v>54286</v>
      </c>
      <c r="BC851" s="9">
        <v>56554</v>
      </c>
      <c r="BD851" s="9">
        <v>56233</v>
      </c>
      <c r="BE851" s="9">
        <v>60628</v>
      </c>
      <c r="BF851" s="9">
        <v>64027</v>
      </c>
      <c r="BG851" s="11">
        <v>4</v>
      </c>
      <c r="BH851" s="13">
        <v>0.10810810810810811</v>
      </c>
      <c r="BI851" s="6">
        <v>2</v>
      </c>
      <c r="BJ851" s="13">
        <v>5.4054054054054057E-2</v>
      </c>
      <c r="BK851" s="6">
        <v>3</v>
      </c>
      <c r="BL851" s="13">
        <v>7.6923076923076927E-2</v>
      </c>
      <c r="BM851" s="11">
        <v>-1</v>
      </c>
      <c r="BN851" s="13">
        <v>-2.3809523809523808E-2</v>
      </c>
      <c r="BO851" s="11">
        <v>2</v>
      </c>
      <c r="BP851" s="13">
        <v>5.128205128205128E-2</v>
      </c>
      <c r="BQ851" s="6">
        <v>37</v>
      </c>
      <c r="BR851" s="6">
        <v>41</v>
      </c>
      <c r="BS851" s="6">
        <v>38</v>
      </c>
      <c r="BT851" s="6">
        <v>39</v>
      </c>
      <c r="BU851" s="6">
        <v>38</v>
      </c>
      <c r="BV851" s="6">
        <v>41</v>
      </c>
      <c r="BW851" s="6">
        <v>42</v>
      </c>
      <c r="BX851" s="6">
        <v>43</v>
      </c>
      <c r="BY851" s="6">
        <v>42</v>
      </c>
      <c r="BZ851" s="6">
        <v>44</v>
      </c>
      <c r="CA851" s="6">
        <v>45</v>
      </c>
      <c r="CB851" s="6">
        <v>45</v>
      </c>
      <c r="CC851" s="11">
        <v>41</v>
      </c>
      <c r="CD851" s="11">
        <v>-19</v>
      </c>
      <c r="CE851" s="11">
        <v>-23</v>
      </c>
      <c r="CF851" s="11">
        <v>31</v>
      </c>
      <c r="CG851" s="11">
        <v>8</v>
      </c>
      <c r="CH851" s="20">
        <v>0.75</v>
      </c>
      <c r="CI851" s="20">
        <v>0.8</v>
      </c>
      <c r="CJ851" s="20">
        <v>0.84</v>
      </c>
      <c r="CK851" s="20">
        <v>0.88</v>
      </c>
      <c r="CL851" s="20">
        <v>0.87</v>
      </c>
      <c r="CM851" s="20">
        <v>0.88</v>
      </c>
      <c r="CN851" s="20">
        <v>0.91</v>
      </c>
      <c r="CO851" s="20">
        <v>0.71</v>
      </c>
      <c r="CP851" s="20">
        <v>0.75</v>
      </c>
      <c r="CQ851" s="20">
        <v>0.82</v>
      </c>
      <c r="CR851" s="20">
        <v>0.85</v>
      </c>
      <c r="CS851" s="20">
        <v>0.8</v>
      </c>
      <c r="CT851" s="20">
        <v>0.79</v>
      </c>
      <c r="CU851" s="20">
        <v>0.82</v>
      </c>
      <c r="CV851" s="20">
        <v>0.81</v>
      </c>
      <c r="CW851" s="20">
        <v>0.83</v>
      </c>
      <c r="CX851" s="20">
        <v>0.83</v>
      </c>
      <c r="CY851" s="6" t="s">
        <v>523</v>
      </c>
      <c r="CZ851" s="6" t="s">
        <v>524</v>
      </c>
      <c r="DA851" s="6" t="s">
        <v>122</v>
      </c>
      <c r="DB851" s="6"/>
      <c r="DC851" s="6"/>
      <c r="DD851" s="6"/>
      <c r="DE851" s="6"/>
      <c r="DF851" s="6"/>
      <c r="DG851" s="6"/>
      <c r="DH851" s="6" t="s">
        <v>333</v>
      </c>
      <c r="DI851" s="6"/>
      <c r="DJ851" s="6"/>
      <c r="DK851" s="6"/>
      <c r="DL851" s="6">
        <v>4</v>
      </c>
      <c r="DM851" s="6" t="s">
        <v>446</v>
      </c>
      <c r="DN851" s="6">
        <v>6</v>
      </c>
      <c r="DO851" s="6" t="s">
        <v>393</v>
      </c>
      <c r="DP851" s="6"/>
      <c r="DQ851" s="6"/>
    </row>
    <row r="852" spans="1:121" x14ac:dyDescent="0.2">
      <c r="A852" s="6" t="s">
        <v>316</v>
      </c>
      <c r="B852" s="6" t="s">
        <v>316</v>
      </c>
      <c r="C852" s="6" t="s">
        <v>185</v>
      </c>
      <c r="D852" s="6" t="s">
        <v>122</v>
      </c>
      <c r="E852" s="6" t="s">
        <v>263</v>
      </c>
      <c r="F852" s="11">
        <v>-11</v>
      </c>
      <c r="G852" s="13">
        <v>-0.15</v>
      </c>
      <c r="H852" s="11">
        <v>9</v>
      </c>
      <c r="I852" s="13">
        <v>0.12162162162162164</v>
      </c>
      <c r="J852" s="11">
        <v>-12</v>
      </c>
      <c r="K852" s="13">
        <v>-0.14457831325301204</v>
      </c>
      <c r="L852" s="11">
        <v>-8</v>
      </c>
      <c r="M852" s="13">
        <v>-0.11267605633802816</v>
      </c>
      <c r="N852" s="11">
        <v>-20</v>
      </c>
      <c r="O852" s="13">
        <v>-0.24096385542168677</v>
      </c>
      <c r="P852" s="7">
        <v>74</v>
      </c>
      <c r="Q852" s="7">
        <v>76</v>
      </c>
      <c r="R852" s="7">
        <v>75</v>
      </c>
      <c r="S852" s="7">
        <v>84</v>
      </c>
      <c r="T852" s="7">
        <v>87</v>
      </c>
      <c r="U852" s="7">
        <v>82</v>
      </c>
      <c r="V852" s="7">
        <v>83</v>
      </c>
      <c r="W852" s="7">
        <v>77</v>
      </c>
      <c r="X852" s="7">
        <v>74</v>
      </c>
      <c r="Y852" s="7">
        <v>71</v>
      </c>
      <c r="Z852" s="7">
        <v>62</v>
      </c>
      <c r="AA852" s="7">
        <v>64</v>
      </c>
      <c r="AB852" s="7">
        <v>69</v>
      </c>
      <c r="AC852" s="7">
        <v>72</v>
      </c>
      <c r="AD852" s="7">
        <v>64</v>
      </c>
      <c r="AE852" s="7">
        <v>64</v>
      </c>
      <c r="AF852" s="7">
        <v>63</v>
      </c>
      <c r="AG852" s="9">
        <v>12382</v>
      </c>
      <c r="AH852" s="13">
        <v>0.68051662544655123</v>
      </c>
      <c r="AI852" s="9">
        <v>6788</v>
      </c>
      <c r="AJ852" s="13">
        <v>0.37306952459466886</v>
      </c>
      <c r="AK852" s="9">
        <v>-750</v>
      </c>
      <c r="AL852" s="13">
        <v>-3.0020413881439379E-2</v>
      </c>
      <c r="AM852" s="9">
        <v>6344</v>
      </c>
      <c r="AN852" s="13">
        <v>0.26179177155119054</v>
      </c>
      <c r="AO852" s="9">
        <v>5594</v>
      </c>
      <c r="AP852" s="13">
        <v>0.22391226033702921</v>
      </c>
      <c r="AQ852" s="9">
        <v>18195</v>
      </c>
      <c r="AR852" s="9">
        <v>18678</v>
      </c>
      <c r="AS852" s="9">
        <v>20095</v>
      </c>
      <c r="AT852" s="9">
        <v>19945</v>
      </c>
      <c r="AU852" s="9">
        <v>21271</v>
      </c>
      <c r="AV852" s="9">
        <v>22046</v>
      </c>
      <c r="AW852" s="9">
        <v>24983</v>
      </c>
      <c r="AX852" s="9">
        <v>25438</v>
      </c>
      <c r="AY852" s="9">
        <v>24396</v>
      </c>
      <c r="AZ852" s="9">
        <v>24233</v>
      </c>
      <c r="BA852" s="9">
        <v>27975</v>
      </c>
      <c r="BB852" s="9">
        <v>29955</v>
      </c>
      <c r="BC852" s="9">
        <v>28732</v>
      </c>
      <c r="BD852" s="9">
        <v>29137</v>
      </c>
      <c r="BE852" s="9">
        <v>32248</v>
      </c>
      <c r="BF852" s="9">
        <v>30577</v>
      </c>
      <c r="BG852" s="11">
        <v>-2</v>
      </c>
      <c r="BH852" s="13">
        <v>-0.1111111111111111</v>
      </c>
      <c r="BI852" s="6">
        <v>-3</v>
      </c>
      <c r="BJ852" s="13">
        <v>-0.16666666666666666</v>
      </c>
      <c r="BK852" s="6">
        <v>-1</v>
      </c>
      <c r="BL852" s="13">
        <v>-6.6666666666666666E-2</v>
      </c>
      <c r="BM852" s="11">
        <v>2</v>
      </c>
      <c r="BN852" s="13">
        <v>0.14285714285714285</v>
      </c>
      <c r="BO852" s="11">
        <v>1</v>
      </c>
      <c r="BP852" s="13">
        <v>6.6666666666666666E-2</v>
      </c>
      <c r="BQ852" s="6">
        <v>18</v>
      </c>
      <c r="BR852" s="6">
        <v>15</v>
      </c>
      <c r="BS852" s="6">
        <v>14</v>
      </c>
      <c r="BT852" s="6">
        <v>15</v>
      </c>
      <c r="BU852" s="6">
        <v>15</v>
      </c>
      <c r="BV852" s="6">
        <v>14</v>
      </c>
      <c r="BW852" s="6">
        <v>14</v>
      </c>
      <c r="BX852" s="6">
        <v>14</v>
      </c>
      <c r="BY852" s="6">
        <v>14</v>
      </c>
      <c r="BZ852" s="6">
        <v>14</v>
      </c>
      <c r="CA852" s="6">
        <v>13</v>
      </c>
      <c r="CB852" s="6">
        <v>14</v>
      </c>
      <c r="CC852" s="11">
        <v>16</v>
      </c>
      <c r="CD852" s="11">
        <v>-15</v>
      </c>
      <c r="CE852" s="11">
        <v>-4</v>
      </c>
      <c r="CF852" s="11">
        <v>8</v>
      </c>
      <c r="CG852" s="11">
        <v>4</v>
      </c>
      <c r="CH852" s="20">
        <v>0.48</v>
      </c>
      <c r="CI852" s="20">
        <v>0.49</v>
      </c>
      <c r="CJ852" s="20">
        <v>0.48</v>
      </c>
      <c r="CK852" s="20">
        <v>0.54</v>
      </c>
      <c r="CL852" s="20">
        <v>0.54</v>
      </c>
      <c r="CM852" s="20">
        <v>0.51</v>
      </c>
      <c r="CN852" s="20">
        <v>0.52</v>
      </c>
      <c r="CO852" s="20">
        <v>0.51</v>
      </c>
      <c r="CP852" s="20">
        <v>0.51</v>
      </c>
      <c r="CQ852" s="20">
        <v>0.52</v>
      </c>
      <c r="CR852" s="20">
        <v>0.46</v>
      </c>
      <c r="CS852" s="20">
        <v>0.48</v>
      </c>
      <c r="CT852" s="20">
        <v>0.51</v>
      </c>
      <c r="CU852" s="20">
        <v>0.51</v>
      </c>
      <c r="CV852" s="20">
        <v>0.45</v>
      </c>
      <c r="CW852" s="20">
        <v>0.46</v>
      </c>
      <c r="CX852" s="20">
        <v>0.46</v>
      </c>
      <c r="CY852" s="6" t="s">
        <v>523</v>
      </c>
      <c r="CZ852" s="6" t="s">
        <v>524</v>
      </c>
      <c r="DA852" s="6" t="s">
        <v>122</v>
      </c>
      <c r="DB852" s="6"/>
      <c r="DC852" s="6"/>
      <c r="DD852" s="6"/>
      <c r="DE852" s="6"/>
      <c r="DF852" s="6"/>
      <c r="DG852" s="6"/>
      <c r="DH852" s="6" t="s">
        <v>333</v>
      </c>
      <c r="DI852" s="6"/>
      <c r="DJ852" s="6"/>
      <c r="DK852" s="6"/>
      <c r="DL852" s="6">
        <v>4</v>
      </c>
      <c r="DM852" s="6" t="s">
        <v>446</v>
      </c>
      <c r="DN852" s="6">
        <v>6</v>
      </c>
      <c r="DO852" s="6" t="s">
        <v>393</v>
      </c>
      <c r="DP852" s="6"/>
      <c r="DQ852" s="6"/>
    </row>
    <row r="853" spans="1:121" x14ac:dyDescent="0.2">
      <c r="A853" s="6" t="s">
        <v>317</v>
      </c>
      <c r="B853" s="6" t="s">
        <v>317</v>
      </c>
      <c r="C853" s="6" t="s">
        <v>186</v>
      </c>
      <c r="D853" s="6" t="s">
        <v>122</v>
      </c>
      <c r="E853" s="6" t="s">
        <v>263</v>
      </c>
      <c r="F853" s="11">
        <v>25</v>
      </c>
      <c r="G853" s="13">
        <v>0.18</v>
      </c>
      <c r="H853" s="11">
        <v>2</v>
      </c>
      <c r="I853" s="13">
        <v>1.4184397163120569E-2</v>
      </c>
      <c r="J853" s="11">
        <v>-10</v>
      </c>
      <c r="K853" s="13">
        <v>-6.9930069930069935E-2</v>
      </c>
      <c r="L853" s="11">
        <v>33</v>
      </c>
      <c r="M853" s="13">
        <v>0.24812030075187969</v>
      </c>
      <c r="N853" s="11">
        <v>23</v>
      </c>
      <c r="O853" s="13">
        <v>0.16083916083916083</v>
      </c>
      <c r="P853" s="7">
        <v>141</v>
      </c>
      <c r="Q853" s="7">
        <v>141</v>
      </c>
      <c r="R853" s="7">
        <v>135</v>
      </c>
      <c r="S853" s="7">
        <v>138</v>
      </c>
      <c r="T853" s="7">
        <v>140</v>
      </c>
      <c r="U853" s="7">
        <v>158</v>
      </c>
      <c r="V853" s="7">
        <v>143</v>
      </c>
      <c r="W853" s="7">
        <v>151</v>
      </c>
      <c r="X853" s="7">
        <v>141</v>
      </c>
      <c r="Y853" s="7">
        <v>133</v>
      </c>
      <c r="Z853" s="7">
        <v>138</v>
      </c>
      <c r="AA853" s="7">
        <v>135</v>
      </c>
      <c r="AB853" s="7">
        <v>150</v>
      </c>
      <c r="AC853" s="7">
        <v>154</v>
      </c>
      <c r="AD853" s="7">
        <v>151</v>
      </c>
      <c r="AE853" s="7">
        <v>160</v>
      </c>
      <c r="AF853" s="7">
        <v>166</v>
      </c>
      <c r="AG853" s="9">
        <v>21396</v>
      </c>
      <c r="AH853" s="13">
        <v>0.75446948058817309</v>
      </c>
      <c r="AI853" s="9">
        <v>225</v>
      </c>
      <c r="AJ853" s="13">
        <v>7.933989209774674E-3</v>
      </c>
      <c r="AK853" s="9">
        <v>4579</v>
      </c>
      <c r="AL853" s="13">
        <v>0.16019451441365798</v>
      </c>
      <c r="AM853" s="9">
        <v>16592</v>
      </c>
      <c r="AN853" s="13">
        <v>0.50031661791755877</v>
      </c>
      <c r="AO853" s="9">
        <v>21171</v>
      </c>
      <c r="AP853" s="13">
        <v>0.74065910999160367</v>
      </c>
      <c r="AQ853" s="9">
        <v>28359</v>
      </c>
      <c r="AR853" s="9">
        <v>28684</v>
      </c>
      <c r="AS853" s="9">
        <v>30029</v>
      </c>
      <c r="AT853" s="9">
        <v>29557</v>
      </c>
      <c r="AU853" s="9">
        <v>29411</v>
      </c>
      <c r="AV853" s="9">
        <v>29236</v>
      </c>
      <c r="AW853" s="9">
        <v>28584</v>
      </c>
      <c r="AX853" s="9">
        <v>31770</v>
      </c>
      <c r="AY853" s="9">
        <v>32590</v>
      </c>
      <c r="AZ853" s="9">
        <v>33163</v>
      </c>
      <c r="BA853" s="9">
        <v>33950</v>
      </c>
      <c r="BB853" s="9">
        <v>34217</v>
      </c>
      <c r="BC853" s="9">
        <v>33587</v>
      </c>
      <c r="BD853" s="9">
        <v>36474</v>
      </c>
      <c r="BE853" s="9">
        <v>45821</v>
      </c>
      <c r="BF853" s="9">
        <v>49755</v>
      </c>
      <c r="BG853" s="11">
        <v>-4</v>
      </c>
      <c r="BH853" s="13">
        <v>-0.10810810810810811</v>
      </c>
      <c r="BI853" s="6">
        <v>1</v>
      </c>
      <c r="BJ853" s="13">
        <v>2.7027027027027029E-2</v>
      </c>
      <c r="BK853" s="6">
        <v>1</v>
      </c>
      <c r="BL853" s="13">
        <v>2.6315789473684209E-2</v>
      </c>
      <c r="BM853" s="11">
        <v>-6</v>
      </c>
      <c r="BN853" s="13">
        <v>-0.15384615384615385</v>
      </c>
      <c r="BO853" s="11">
        <v>-5</v>
      </c>
      <c r="BP853" s="13">
        <v>-0.13157894736842105</v>
      </c>
      <c r="BQ853" s="6">
        <v>37</v>
      </c>
      <c r="BR853" s="6">
        <v>39</v>
      </c>
      <c r="BS853" s="6">
        <v>36</v>
      </c>
      <c r="BT853" s="6">
        <v>38</v>
      </c>
      <c r="BU853" s="6">
        <v>40</v>
      </c>
      <c r="BV853" s="6">
        <v>39</v>
      </c>
      <c r="BW853" s="6">
        <v>39</v>
      </c>
      <c r="BX853" s="6">
        <v>39</v>
      </c>
      <c r="BY853" s="6">
        <v>36</v>
      </c>
      <c r="BZ853" s="6">
        <v>37</v>
      </c>
      <c r="CA853" s="6">
        <v>35</v>
      </c>
      <c r="CB853" s="6">
        <v>34</v>
      </c>
      <c r="CC853" s="11">
        <v>33</v>
      </c>
      <c r="CD853" s="11">
        <v>-19</v>
      </c>
      <c r="CE853" s="11">
        <v>28</v>
      </c>
      <c r="CF853" s="11">
        <v>15</v>
      </c>
      <c r="CG853" s="11">
        <v>43</v>
      </c>
      <c r="CH853" s="20">
        <v>0.28999999999999998</v>
      </c>
      <c r="CI853" s="20">
        <v>0.28999999999999998</v>
      </c>
      <c r="CJ853" s="20">
        <v>0.28000000000000003</v>
      </c>
      <c r="CK853" s="20">
        <v>0.28999999999999998</v>
      </c>
      <c r="CL853" s="20">
        <v>0.28999999999999998</v>
      </c>
      <c r="CM853" s="20">
        <v>0.31</v>
      </c>
      <c r="CN853" s="20">
        <v>0.28000000000000003</v>
      </c>
      <c r="CO853" s="20">
        <v>0.28999999999999998</v>
      </c>
      <c r="CP853" s="20">
        <v>0.28000000000000003</v>
      </c>
      <c r="CQ853" s="20">
        <v>0.27</v>
      </c>
      <c r="CR853" s="20">
        <v>0.28000000000000003</v>
      </c>
      <c r="CS853" s="20">
        <v>0.27</v>
      </c>
      <c r="CT853" s="20">
        <v>0.28999999999999998</v>
      </c>
      <c r="CU853" s="20">
        <v>0.28999999999999998</v>
      </c>
      <c r="CV853" s="20">
        <v>0.28000000000000003</v>
      </c>
      <c r="CW853" s="20">
        <v>0.3</v>
      </c>
      <c r="CX853" s="20">
        <v>0.3</v>
      </c>
      <c r="CY853" s="6" t="s">
        <v>523</v>
      </c>
      <c r="CZ853" s="6" t="s">
        <v>524</v>
      </c>
      <c r="DA853" s="6" t="s">
        <v>122</v>
      </c>
      <c r="DB853" s="6"/>
      <c r="DC853" s="6"/>
      <c r="DD853" s="6"/>
      <c r="DE853" s="6"/>
      <c r="DF853" s="6"/>
      <c r="DG853" s="6"/>
      <c r="DH853" s="6" t="s">
        <v>333</v>
      </c>
      <c r="DI853" s="6"/>
      <c r="DJ853" s="6"/>
      <c r="DK853" s="6"/>
      <c r="DL853" s="6">
        <v>4</v>
      </c>
      <c r="DM853" s="6" t="s">
        <v>446</v>
      </c>
      <c r="DN853" s="6">
        <v>6</v>
      </c>
      <c r="DO853" s="6" t="s">
        <v>393</v>
      </c>
      <c r="DP853" s="6"/>
      <c r="DQ853" s="6"/>
    </row>
    <row r="854" spans="1:121" x14ac:dyDescent="0.2">
      <c r="A854" s="6" t="s">
        <v>318</v>
      </c>
      <c r="B854" s="6" t="s">
        <v>318</v>
      </c>
      <c r="C854" s="6" t="s">
        <v>187</v>
      </c>
      <c r="D854" s="6" t="s">
        <v>122</v>
      </c>
      <c r="E854" s="6" t="s">
        <v>263</v>
      </c>
      <c r="F854" s="11">
        <v>1</v>
      </c>
      <c r="G854" s="13">
        <v>1</v>
      </c>
      <c r="H854" s="11">
        <v>33.833480000000002</v>
      </c>
      <c r="I854" s="13">
        <v>2.4136077234351401</v>
      </c>
      <c r="J854" s="11">
        <v>-27.909220999999999</v>
      </c>
      <c r="K854" s="13">
        <v>-0.58324915586382176</v>
      </c>
      <c r="L854" s="11">
        <v>-14.942063000000001</v>
      </c>
      <c r="M854" s="13">
        <v>-0.74927368346996004</v>
      </c>
      <c r="N854" s="11">
        <v>-42.851284</v>
      </c>
      <c r="O854" s="13">
        <v>-0.89550959593895119</v>
      </c>
      <c r="P854" s="7">
        <v>14.017804</v>
      </c>
      <c r="Q854" s="7">
        <v>18.104265000000002</v>
      </c>
      <c r="R854" s="7">
        <v>24.912589000000001</v>
      </c>
      <c r="S854" s="7">
        <v>29.629595999999999</v>
      </c>
      <c r="T854" s="7">
        <v>63.539099999999998</v>
      </c>
      <c r="U854" s="7">
        <v>65.423993999999993</v>
      </c>
      <c r="V854" s="7">
        <v>47.851284</v>
      </c>
      <c r="W854" s="7">
        <v>21.992263999999999</v>
      </c>
      <c r="X854" s="7">
        <v>29.584538999999999</v>
      </c>
      <c r="Y854" s="7">
        <v>19.942063000000001</v>
      </c>
      <c r="Z854" s="7">
        <v>5</v>
      </c>
      <c r="AA854" s="7">
        <v>5</v>
      </c>
      <c r="AB854" s="7">
        <v>5</v>
      </c>
      <c r="AC854" s="7">
        <v>5</v>
      </c>
      <c r="AD854" s="7">
        <v>5</v>
      </c>
      <c r="AE854" s="7">
        <v>5</v>
      </c>
      <c r="AF854" s="7">
        <v>5</v>
      </c>
      <c r="AG854" s="9">
        <v>-100984.28478099999</v>
      </c>
      <c r="AH854" s="13">
        <v>-0.99999009756716373</v>
      </c>
      <c r="AI854" s="9">
        <v>-14193.808371499996</v>
      </c>
      <c r="AJ854" s="13">
        <v>-0.14055323409030487</v>
      </c>
      <c r="AK854" s="9">
        <v>-33497.366788300002</v>
      </c>
      <c r="AL854" s="13">
        <v>-0.38595226367912616</v>
      </c>
      <c r="AM854" s="9">
        <v>-53293.109621199997</v>
      </c>
      <c r="AN854" s="13">
        <v>-0.9999812362002648</v>
      </c>
      <c r="AO854" s="9">
        <v>-86790.476409499999</v>
      </c>
      <c r="AP854" s="13">
        <v>-0.9999884781312478</v>
      </c>
      <c r="AQ854" s="9">
        <v>100985.28478099999</v>
      </c>
      <c r="AR854" s="9">
        <v>90152.682837700006</v>
      </c>
      <c r="AS854" s="9">
        <v>62183.966156900002</v>
      </c>
      <c r="AT854" s="9">
        <v>100624.18818300001</v>
      </c>
      <c r="AU854" s="9">
        <v>115752.291769</v>
      </c>
      <c r="AV854" s="9">
        <v>102974.910972</v>
      </c>
      <c r="AW854" s="9">
        <v>86791.476409499999</v>
      </c>
      <c r="AX854" s="9">
        <v>137866.41431699999</v>
      </c>
      <c r="AY854" s="9">
        <v>50817.127849099998</v>
      </c>
      <c r="AZ854" s="9">
        <v>53294.109621199997</v>
      </c>
      <c r="BA854" s="9">
        <v>1</v>
      </c>
      <c r="BB854" s="9">
        <v>1</v>
      </c>
      <c r="BC854" s="9">
        <v>1</v>
      </c>
      <c r="BD854" s="9">
        <v>1</v>
      </c>
      <c r="BE854" s="9">
        <v>1</v>
      </c>
      <c r="BF854" s="9">
        <v>1</v>
      </c>
      <c r="BG854" s="11">
        <v>-2</v>
      </c>
      <c r="BH854" s="13">
        <v>-0.5</v>
      </c>
      <c r="BI854" s="6">
        <v>1</v>
      </c>
      <c r="BJ854" s="13">
        <v>0.25</v>
      </c>
      <c r="BK854" s="6">
        <v>-1</v>
      </c>
      <c r="BL854" s="13">
        <v>-0.2</v>
      </c>
      <c r="BM854" s="11">
        <v>-2</v>
      </c>
      <c r="BN854" s="13">
        <v>-0.5</v>
      </c>
      <c r="BO854" s="11">
        <v>-3</v>
      </c>
      <c r="BP854" s="13">
        <v>-0.6</v>
      </c>
      <c r="BQ854" s="6">
        <v>4</v>
      </c>
      <c r="BR854" s="6">
        <v>5</v>
      </c>
      <c r="BS854" s="6">
        <v>5</v>
      </c>
      <c r="BT854" s="6">
        <v>5</v>
      </c>
      <c r="BU854" s="6">
        <v>5</v>
      </c>
      <c r="BV854" s="6">
        <v>4</v>
      </c>
      <c r="BW854" s="6">
        <v>4</v>
      </c>
      <c r="BX854" s="6">
        <v>3</v>
      </c>
      <c r="BY854" s="6">
        <v>3</v>
      </c>
      <c r="BZ854" s="6">
        <v>3</v>
      </c>
      <c r="CA854" s="6">
        <v>3</v>
      </c>
      <c r="CB854" s="6">
        <v>2</v>
      </c>
      <c r="CC854" s="11">
        <v>2</v>
      </c>
      <c r="CD854" s="11">
        <v>-12.317</v>
      </c>
      <c r="CE854" s="11">
        <v>3.0013200000000002</v>
      </c>
      <c r="CF854" s="11">
        <v>1.5323100000000001</v>
      </c>
      <c r="CG854" s="11">
        <v>5</v>
      </c>
      <c r="CH854" s="20">
        <v>0.13061700000000001</v>
      </c>
      <c r="CI854" s="20">
        <v>0.17202400000000001</v>
      </c>
      <c r="CJ854" s="20">
        <v>0.24546100000000001</v>
      </c>
      <c r="CK854" s="20">
        <v>0.29141699999999998</v>
      </c>
      <c r="CL854" s="20">
        <v>0.61713899999999999</v>
      </c>
      <c r="CM854" s="20">
        <v>0.62482599999999999</v>
      </c>
      <c r="CN854" s="20">
        <v>0.44450499999999998</v>
      </c>
      <c r="CO854" s="20">
        <v>0.20363400000000001</v>
      </c>
      <c r="CP854" s="20">
        <v>0.27489999999999998</v>
      </c>
      <c r="CQ854" s="20">
        <v>0.18648200000000001</v>
      </c>
      <c r="CR854" s="20">
        <v>7.4855000000000005E-2</v>
      </c>
      <c r="CS854" s="20">
        <v>7.3919600000000002E-2</v>
      </c>
      <c r="CT854" s="20">
        <v>6.1947799999999997E-2</v>
      </c>
      <c r="CU854" s="20">
        <v>5.9574599999999998E-2</v>
      </c>
      <c r="CV854" s="20">
        <v>5.0851500000000001E-2</v>
      </c>
      <c r="CW854" s="20">
        <v>6.21904E-2</v>
      </c>
      <c r="CX854" s="20">
        <v>5.17969E-2</v>
      </c>
      <c r="CY854" s="6" t="s">
        <v>523</v>
      </c>
      <c r="CZ854" s="6" t="s">
        <v>524</v>
      </c>
      <c r="DA854" s="6" t="s">
        <v>122</v>
      </c>
      <c r="DB854" s="6"/>
      <c r="DC854" s="6"/>
      <c r="DD854" s="6"/>
      <c r="DE854" s="6"/>
      <c r="DF854" s="6"/>
      <c r="DG854" s="6"/>
      <c r="DH854" s="6" t="s">
        <v>333</v>
      </c>
      <c r="DI854" s="6"/>
      <c r="DJ854" s="6"/>
      <c r="DK854" s="6"/>
      <c r="DL854" s="6">
        <v>4</v>
      </c>
      <c r="DM854" s="6" t="s">
        <v>446</v>
      </c>
      <c r="DN854" s="6">
        <v>6</v>
      </c>
      <c r="DO854" s="6" t="s">
        <v>393</v>
      </c>
      <c r="DP854" s="6"/>
      <c r="DQ854" s="6"/>
    </row>
    <row r="855" spans="1:121" x14ac:dyDescent="0.2">
      <c r="A855" s="6" t="s">
        <v>319</v>
      </c>
      <c r="B855" s="6" t="s">
        <v>319</v>
      </c>
      <c r="C855" s="6" t="s">
        <v>188</v>
      </c>
      <c r="D855" s="6" t="s">
        <v>122</v>
      </c>
      <c r="E855" s="6" t="s">
        <v>263</v>
      </c>
      <c r="F855" s="11">
        <v>0</v>
      </c>
      <c r="G855" s="13">
        <v>0</v>
      </c>
      <c r="H855" s="11">
        <v>52.921092837000003</v>
      </c>
      <c r="I855" s="13">
        <v>0.4493968586522773</v>
      </c>
      <c r="J855" s="11">
        <v>-7.180874321999994</v>
      </c>
      <c r="K855" s="13">
        <v>-4.2071814073392381E-2</v>
      </c>
      <c r="L855" s="11">
        <v>-45.551791577000003</v>
      </c>
      <c r="M855" s="13">
        <v>-0.27860340716485671</v>
      </c>
      <c r="N855" s="11">
        <v>-52.732665898999997</v>
      </c>
      <c r="O855" s="13">
        <v>-0.30895387049179562</v>
      </c>
      <c r="P855" s="7">
        <v>117.76026426999999</v>
      </c>
      <c r="Q855" s="7">
        <v>160.73997981100001</v>
      </c>
      <c r="R855" s="7">
        <v>146.07631060099999</v>
      </c>
      <c r="S855" s="7">
        <v>151.54429728400001</v>
      </c>
      <c r="T855" s="7">
        <v>141.28732384700001</v>
      </c>
      <c r="U855" s="7">
        <v>143.062331895</v>
      </c>
      <c r="V855" s="7">
        <v>170.681357107</v>
      </c>
      <c r="W855" s="7">
        <v>197.710979065</v>
      </c>
      <c r="X855" s="7">
        <v>184.969796006</v>
      </c>
      <c r="Y855" s="7">
        <v>163.500482785</v>
      </c>
      <c r="Z855" s="7">
        <v>169.940772947</v>
      </c>
      <c r="AA855" s="7">
        <v>142.214893902</v>
      </c>
      <c r="AB855" s="7">
        <v>147.48926524699999</v>
      </c>
      <c r="AC855" s="7">
        <v>144.901483789</v>
      </c>
      <c r="AD855" s="7">
        <v>125.813865115</v>
      </c>
      <c r="AE855" s="7">
        <v>122.28729061999999</v>
      </c>
      <c r="AF855" s="7">
        <v>117.948691208</v>
      </c>
      <c r="AG855" s="9">
        <v>-2873.8505425000003</v>
      </c>
      <c r="AH855" s="13">
        <v>-0.12429855556287311</v>
      </c>
      <c r="AI855" s="9">
        <v>1119.3421334999985</v>
      </c>
      <c r="AJ855" s="13">
        <v>4.8413307622351583E-2</v>
      </c>
      <c r="AK855" s="9">
        <v>-3611.3744913999981</v>
      </c>
      <c r="AL855" s="13">
        <v>-0.1489847802332836</v>
      </c>
      <c r="AM855" s="9">
        <v>-381.81818460000068</v>
      </c>
      <c r="AN855" s="13">
        <v>-1.8509243112251727E-2</v>
      </c>
      <c r="AO855" s="9">
        <v>-3993.1926759999988</v>
      </c>
      <c r="AP855" s="13">
        <v>-0.16473642782817208</v>
      </c>
      <c r="AQ855" s="9">
        <v>23120.5465702</v>
      </c>
      <c r="AR855" s="9">
        <v>22895.616546199999</v>
      </c>
      <c r="AS855" s="9">
        <v>30558.186830400002</v>
      </c>
      <c r="AT855" s="9">
        <v>25692.126412000001</v>
      </c>
      <c r="AU855" s="9">
        <v>17366.8772197</v>
      </c>
      <c r="AV855" s="9">
        <v>18440.8000207</v>
      </c>
      <c r="AW855" s="9">
        <v>24239.888703699999</v>
      </c>
      <c r="AX855" s="9">
        <v>20834.019342200001</v>
      </c>
      <c r="AY855" s="9">
        <v>29717.669589900001</v>
      </c>
      <c r="AZ855" s="9">
        <v>20628.514212300001</v>
      </c>
      <c r="BA855" s="9">
        <v>18281.090246700001</v>
      </c>
      <c r="BB855" s="9">
        <v>18342.031819299998</v>
      </c>
      <c r="BC855" s="9">
        <v>17777.7702001</v>
      </c>
      <c r="BD855" s="9">
        <v>18160.208450499998</v>
      </c>
      <c r="BE855" s="9">
        <v>20156.039341299998</v>
      </c>
      <c r="BF855" s="9">
        <v>20246.6960277</v>
      </c>
      <c r="BG855" s="11">
        <v>-2</v>
      </c>
      <c r="BH855" s="13">
        <v>-0.10526315789473684</v>
      </c>
      <c r="BI855" s="6">
        <v>3</v>
      </c>
      <c r="BJ855" s="13">
        <v>0.15789473684210525</v>
      </c>
      <c r="BK855" s="6">
        <v>-3</v>
      </c>
      <c r="BL855" s="13">
        <v>-0.13636363636363635</v>
      </c>
      <c r="BM855" s="11">
        <v>-2</v>
      </c>
      <c r="BN855" s="13">
        <v>-0.10526315789473684</v>
      </c>
      <c r="BO855" s="11">
        <v>-5</v>
      </c>
      <c r="BP855" s="13">
        <v>-0.22727272727272727</v>
      </c>
      <c r="BQ855" s="6">
        <v>19</v>
      </c>
      <c r="BR855" s="6">
        <v>19</v>
      </c>
      <c r="BS855" s="6">
        <v>21</v>
      </c>
      <c r="BT855" s="6">
        <v>22</v>
      </c>
      <c r="BU855" s="6">
        <v>21</v>
      </c>
      <c r="BV855" s="6">
        <v>20</v>
      </c>
      <c r="BW855" s="6">
        <v>19</v>
      </c>
      <c r="BX855" s="6">
        <v>20</v>
      </c>
      <c r="BY855" s="6">
        <v>20</v>
      </c>
      <c r="BZ855" s="6">
        <v>21</v>
      </c>
      <c r="CA855" s="6">
        <v>22</v>
      </c>
      <c r="CB855" s="6">
        <v>20</v>
      </c>
      <c r="CC855" s="11">
        <v>17</v>
      </c>
      <c r="CD855" s="11">
        <v>-23.279399999999999</v>
      </c>
      <c r="CE855" s="11">
        <v>10.5952</v>
      </c>
      <c r="CF855" s="11">
        <v>12.8726</v>
      </c>
      <c r="CG855" s="11">
        <v>24</v>
      </c>
      <c r="CH855" s="20">
        <v>0.22369700000000001</v>
      </c>
      <c r="CI855" s="20">
        <v>0.30832799999999999</v>
      </c>
      <c r="CJ855" s="20">
        <v>0.28539100000000001</v>
      </c>
      <c r="CK855" s="20">
        <v>0.29209200000000002</v>
      </c>
      <c r="CL855" s="20">
        <v>0.26703100000000002</v>
      </c>
      <c r="CM855" s="20">
        <v>0.264654</v>
      </c>
      <c r="CN855" s="20">
        <v>0.31356299999999998</v>
      </c>
      <c r="CO855" s="20">
        <v>0.390125</v>
      </c>
      <c r="CP855" s="20">
        <v>0.39429900000000001</v>
      </c>
      <c r="CQ855" s="20">
        <v>0.34093899999999999</v>
      </c>
      <c r="CR855" s="20">
        <v>0.35094599999999998</v>
      </c>
      <c r="CS855" s="20">
        <v>0.28779900000000003</v>
      </c>
      <c r="CT855" s="20">
        <v>0.292126</v>
      </c>
      <c r="CU855" s="20">
        <v>0.27441199999999999</v>
      </c>
      <c r="CV855" s="20">
        <v>0.23652500000000001</v>
      </c>
      <c r="CW855" s="20">
        <v>0.23219400000000001</v>
      </c>
      <c r="CX855" s="20">
        <v>0.22045100000000001</v>
      </c>
      <c r="CY855" s="6" t="s">
        <v>523</v>
      </c>
      <c r="CZ855" s="6" t="s">
        <v>524</v>
      </c>
      <c r="DA855" s="6" t="s">
        <v>122</v>
      </c>
      <c r="DB855" s="6"/>
      <c r="DC855" s="6"/>
      <c r="DD855" s="6"/>
      <c r="DE855" s="6"/>
      <c r="DF855" s="6"/>
      <c r="DG855" s="6"/>
      <c r="DH855" s="6" t="s">
        <v>333</v>
      </c>
      <c r="DI855" s="6"/>
      <c r="DJ855" s="6"/>
      <c r="DK855" s="6"/>
      <c r="DL855" s="6">
        <v>4</v>
      </c>
      <c r="DM855" s="6" t="s">
        <v>446</v>
      </c>
      <c r="DN855" s="6">
        <v>6</v>
      </c>
      <c r="DO855" s="6" t="s">
        <v>393</v>
      </c>
      <c r="DP855" s="6"/>
      <c r="DQ855" s="6"/>
    </row>
    <row r="856" spans="1:121" x14ac:dyDescent="0.2">
      <c r="A856" s="6" t="s">
        <v>320</v>
      </c>
      <c r="B856" s="6" t="s">
        <v>320</v>
      </c>
      <c r="C856" s="6" t="s">
        <v>189</v>
      </c>
      <c r="D856" s="6" t="s">
        <v>122</v>
      </c>
      <c r="E856" s="6" t="s">
        <v>263</v>
      </c>
      <c r="F856" s="11">
        <v>12</v>
      </c>
      <c r="G856" s="13">
        <v>0.16</v>
      </c>
      <c r="H856" s="11">
        <v>-21.211479128699999</v>
      </c>
      <c r="I856" s="13">
        <v>-0.28238490387735032</v>
      </c>
      <c r="J856" s="11">
        <v>33.878115907399994</v>
      </c>
      <c r="K856" s="13">
        <v>0.62848975876254598</v>
      </c>
      <c r="L856" s="11">
        <v>-1.2258223556000019</v>
      </c>
      <c r="M856" s="13">
        <v>-1.396437366700834E-2</v>
      </c>
      <c r="N856" s="11">
        <v>32.652293551799993</v>
      </c>
      <c r="O856" s="13">
        <v>0.60574891925828944</v>
      </c>
      <c r="P856" s="7">
        <v>75.1154854153</v>
      </c>
      <c r="Q856" s="7">
        <v>43.449802128100004</v>
      </c>
      <c r="R856" s="7">
        <v>41.209290512199999</v>
      </c>
      <c r="S856" s="7">
        <v>56.890850461600003</v>
      </c>
      <c r="T856" s="7">
        <v>53.304163862800003</v>
      </c>
      <c r="U856" s="7">
        <v>57.749160677600003</v>
      </c>
      <c r="V856" s="7">
        <v>53.904006286600001</v>
      </c>
      <c r="W856" s="7">
        <v>60.680637893899998</v>
      </c>
      <c r="X856" s="7">
        <v>87.333198355199997</v>
      </c>
      <c r="Y856" s="7">
        <v>87.782122193999996</v>
      </c>
      <c r="Z856" s="7">
        <v>89.034376827499997</v>
      </c>
      <c r="AA856" s="7">
        <v>80.596906899399997</v>
      </c>
      <c r="AB856" s="7">
        <v>77.773211038300005</v>
      </c>
      <c r="AC856" s="7">
        <v>84.507464122200005</v>
      </c>
      <c r="AD856" s="7">
        <v>82.643259769699995</v>
      </c>
      <c r="AE856" s="7">
        <v>83.797487007699999</v>
      </c>
      <c r="AF856" s="7">
        <v>86.556299838399994</v>
      </c>
      <c r="AG856" s="9">
        <v>-12646.255365100002</v>
      </c>
      <c r="AH856" s="13">
        <v>-0.44448210663235127</v>
      </c>
      <c r="AI856" s="9">
        <v>-13640.390959300003</v>
      </c>
      <c r="AJ856" s="13">
        <v>-0.47942331811600269</v>
      </c>
      <c r="AK856" s="9">
        <v>-1550.0917072999982</v>
      </c>
      <c r="AL856" s="13">
        <v>-0.10465621334692142</v>
      </c>
      <c r="AM856" s="9">
        <v>2544.2273014999992</v>
      </c>
      <c r="AN856" s="13">
        <v>0.19185525920898153</v>
      </c>
      <c r="AO856" s="9">
        <v>994.13559420000092</v>
      </c>
      <c r="AP856" s="13">
        <v>6.7120200922556036E-2</v>
      </c>
      <c r="AQ856" s="9">
        <v>28451.663579700002</v>
      </c>
      <c r="AR856" s="9">
        <v>12403.5611885</v>
      </c>
      <c r="AS856" s="9">
        <v>12860.6517929</v>
      </c>
      <c r="AT856" s="9">
        <v>10366.2069663</v>
      </c>
      <c r="AU856" s="9">
        <v>8358.0755034100002</v>
      </c>
      <c r="AV856" s="9">
        <v>13500.3955718</v>
      </c>
      <c r="AW856" s="9">
        <v>14811.272620399999</v>
      </c>
      <c r="AX856" s="9">
        <v>13581.5242012</v>
      </c>
      <c r="AY856" s="9">
        <v>12198.207570299999</v>
      </c>
      <c r="AZ856" s="9">
        <v>13261.180913100001</v>
      </c>
      <c r="BA856" s="9">
        <v>13247.131570699999</v>
      </c>
      <c r="BB856" s="9">
        <v>14186.532431600001</v>
      </c>
      <c r="BC856" s="9">
        <v>17017.4507041</v>
      </c>
      <c r="BD856" s="9">
        <v>15250.820393</v>
      </c>
      <c r="BE856" s="9">
        <v>15754.1851616</v>
      </c>
      <c r="BF856" s="9">
        <v>15805.4082146</v>
      </c>
      <c r="BG856" s="11">
        <v>2</v>
      </c>
      <c r="BH856" s="13">
        <v>0.66666666666666663</v>
      </c>
      <c r="BI856" s="6">
        <v>1</v>
      </c>
      <c r="BJ856" s="13">
        <v>0.33333333333333331</v>
      </c>
      <c r="BK856" s="6">
        <v>1</v>
      </c>
      <c r="BL856" s="13">
        <v>0.25</v>
      </c>
      <c r="BM856" s="11">
        <v>0</v>
      </c>
      <c r="BN856" s="13">
        <v>0</v>
      </c>
      <c r="BO856" s="11">
        <v>1</v>
      </c>
      <c r="BP856" s="13">
        <v>0.25</v>
      </c>
      <c r="BQ856" s="6">
        <v>3</v>
      </c>
      <c r="BR856" s="6">
        <v>3</v>
      </c>
      <c r="BS856" s="6">
        <v>3</v>
      </c>
      <c r="BT856" s="6">
        <v>4</v>
      </c>
      <c r="BU856" s="6">
        <v>4</v>
      </c>
      <c r="BV856" s="6">
        <v>5</v>
      </c>
      <c r="BW856" s="6">
        <v>5</v>
      </c>
      <c r="BX856" s="6">
        <v>4</v>
      </c>
      <c r="BY856" s="6">
        <v>4</v>
      </c>
      <c r="BZ856" s="6">
        <v>5</v>
      </c>
      <c r="CA856" s="6">
        <v>5</v>
      </c>
      <c r="CB856" s="6">
        <v>5</v>
      </c>
      <c r="CC856" s="11">
        <v>5</v>
      </c>
      <c r="CD856" s="11">
        <v>-23.969899999999999</v>
      </c>
      <c r="CE856" s="11">
        <v>27.1997</v>
      </c>
      <c r="CF856" s="11">
        <v>8.2110299999999992</v>
      </c>
      <c r="CG856" s="11">
        <v>35</v>
      </c>
      <c r="CH856" s="20">
        <v>0.42768899999999999</v>
      </c>
      <c r="CI856" s="20">
        <v>0.23872699999999999</v>
      </c>
      <c r="CJ856" s="20">
        <v>0.22395499999999999</v>
      </c>
      <c r="CK856" s="20">
        <v>0.30385400000000001</v>
      </c>
      <c r="CL856" s="20">
        <v>0.28541699999999998</v>
      </c>
      <c r="CM856" s="20">
        <v>0.30414799999999997</v>
      </c>
      <c r="CN856" s="20">
        <v>0.277534</v>
      </c>
      <c r="CO856" s="20">
        <v>0.31188399999999999</v>
      </c>
      <c r="CP856" s="20">
        <v>0.42930699999999999</v>
      </c>
      <c r="CQ856" s="20">
        <v>0.42527900000000002</v>
      </c>
      <c r="CR856" s="20">
        <v>0.430307</v>
      </c>
      <c r="CS856" s="20">
        <v>0.38539899999999999</v>
      </c>
      <c r="CT856" s="20">
        <v>0.36874400000000002</v>
      </c>
      <c r="CU856" s="20">
        <v>0.38768999999999998</v>
      </c>
      <c r="CV856" s="20">
        <v>0.38043900000000003</v>
      </c>
      <c r="CW856" s="20">
        <v>0.39011699999999999</v>
      </c>
      <c r="CX856" s="20">
        <v>0.39522299999999999</v>
      </c>
      <c r="CY856" s="6" t="s">
        <v>523</v>
      </c>
      <c r="CZ856" s="6" t="s">
        <v>524</v>
      </c>
      <c r="DA856" s="6" t="s">
        <v>122</v>
      </c>
      <c r="DB856" s="6"/>
      <c r="DC856" s="6"/>
      <c r="DD856" s="6"/>
      <c r="DE856" s="6"/>
      <c r="DF856" s="6"/>
      <c r="DG856" s="6"/>
      <c r="DH856" s="6" t="s">
        <v>333</v>
      </c>
      <c r="DI856" s="6"/>
      <c r="DJ856" s="6"/>
      <c r="DK856" s="6"/>
      <c r="DL856" s="6">
        <v>4</v>
      </c>
      <c r="DM856" s="6" t="s">
        <v>446</v>
      </c>
      <c r="DN856" s="6">
        <v>6</v>
      </c>
      <c r="DO856" s="6" t="s">
        <v>393</v>
      </c>
      <c r="DP856" s="6"/>
      <c r="DQ856" s="6"/>
    </row>
    <row r="857" spans="1:121" x14ac:dyDescent="0.2">
      <c r="A857" s="6" t="s">
        <v>321</v>
      </c>
      <c r="B857" s="6" t="s">
        <v>321</v>
      </c>
      <c r="C857" s="6" t="s">
        <v>190</v>
      </c>
      <c r="D857" s="6" t="s">
        <v>122</v>
      </c>
      <c r="E857" s="6" t="s">
        <v>263</v>
      </c>
      <c r="F857" s="11">
        <v>190</v>
      </c>
      <c r="G857" s="13">
        <v>0.19567456230700001</v>
      </c>
      <c r="H857" s="11">
        <v>7.3004889640000101</v>
      </c>
      <c r="I857" s="13">
        <v>7.5204102831427106E-3</v>
      </c>
      <c r="J857" s="11">
        <v>-16.854713199999992</v>
      </c>
      <c r="K857" s="13">
        <v>-1.7232849688594103E-2</v>
      </c>
      <c r="L857" s="11">
        <v>200.17929024399996</v>
      </c>
      <c r="M857" s="13">
        <v>0.20825922438311367</v>
      </c>
      <c r="N857" s="11">
        <v>183.32457704399997</v>
      </c>
      <c r="O857" s="13">
        <v>0.18743747478446215</v>
      </c>
      <c r="P857" s="7">
        <v>970.75673921199996</v>
      </c>
      <c r="Q857" s="7">
        <v>1041.4346619299999</v>
      </c>
      <c r="R857" s="7">
        <v>1066.28392947</v>
      </c>
      <c r="S857" s="7">
        <v>752.31148343500001</v>
      </c>
      <c r="T857" s="7">
        <v>910.11034508199998</v>
      </c>
      <c r="U857" s="7">
        <v>845.381919262</v>
      </c>
      <c r="V857" s="7">
        <v>978.05722817599997</v>
      </c>
      <c r="W857" s="7">
        <v>999.13055156400003</v>
      </c>
      <c r="X857" s="7">
        <v>977.70878208099998</v>
      </c>
      <c r="Y857" s="7">
        <v>961.20251497599997</v>
      </c>
      <c r="Z857" s="7">
        <v>936.057211639</v>
      </c>
      <c r="AA857" s="7">
        <v>1011.18459974</v>
      </c>
      <c r="AB857" s="7">
        <v>1055.83739762</v>
      </c>
      <c r="AC857" s="7">
        <v>1117.7115975199999</v>
      </c>
      <c r="AD857" s="7">
        <v>1120.14947613</v>
      </c>
      <c r="AE857" s="7">
        <v>1129.8257938500001</v>
      </c>
      <c r="AF857" s="7">
        <v>1161.3818052199999</v>
      </c>
      <c r="AG857" s="9">
        <v>4970.7126210999995</v>
      </c>
      <c r="AH857" s="13">
        <v>0.15795992156388652</v>
      </c>
      <c r="AI857" s="9">
        <v>-1348.2275173999988</v>
      </c>
      <c r="AJ857" s="13">
        <v>-4.2844141098555145E-2</v>
      </c>
      <c r="AK857" s="9">
        <v>2173.5130449999997</v>
      </c>
      <c r="AL857" s="13">
        <v>7.2161880647086257E-2</v>
      </c>
      <c r="AM857" s="9">
        <v>4145.4270934999986</v>
      </c>
      <c r="AN857" s="13">
        <v>0.12836733088618052</v>
      </c>
      <c r="AO857" s="9">
        <v>6318.9401384999983</v>
      </c>
      <c r="AP857" s="13">
        <v>0.20979243954366036</v>
      </c>
      <c r="AQ857" s="9">
        <v>31468.1887145</v>
      </c>
      <c r="AR857" s="9">
        <v>30888.065285000001</v>
      </c>
      <c r="AS857" s="9">
        <v>29844.282506200001</v>
      </c>
      <c r="AT857" s="9">
        <v>29089.733039700001</v>
      </c>
      <c r="AU857" s="9">
        <v>31489.706310500002</v>
      </c>
      <c r="AV857" s="9">
        <v>31202.266923200001</v>
      </c>
      <c r="AW857" s="9">
        <v>30119.961197100001</v>
      </c>
      <c r="AX857" s="9">
        <v>31433.267118299998</v>
      </c>
      <c r="AY857" s="9">
        <v>31075.113864399998</v>
      </c>
      <c r="AZ857" s="9">
        <v>32293.474242100001</v>
      </c>
      <c r="BA857" s="9">
        <v>33240.612078899998</v>
      </c>
      <c r="BB857" s="9">
        <v>33783.910477600002</v>
      </c>
      <c r="BC857" s="9">
        <v>33155.046545500001</v>
      </c>
      <c r="BD857" s="9">
        <v>32903.563854799999</v>
      </c>
      <c r="BE857" s="9">
        <v>34426.508796800001</v>
      </c>
      <c r="BF857" s="9">
        <v>36438.9013356</v>
      </c>
      <c r="BG857" s="11">
        <v>78.25</v>
      </c>
      <c r="BH857" s="13">
        <v>1.7784090909090908</v>
      </c>
      <c r="BI857" s="6">
        <v>3</v>
      </c>
      <c r="BJ857" s="13">
        <v>6.8181818181818177E-2</v>
      </c>
      <c r="BK857" s="6">
        <v>0</v>
      </c>
      <c r="BL857" s="13">
        <v>0</v>
      </c>
      <c r="BM857" s="11">
        <v>75.25</v>
      </c>
      <c r="BN857" s="13">
        <v>1.6010638297872339</v>
      </c>
      <c r="BO857" s="11">
        <v>75.25</v>
      </c>
      <c r="BP857" s="13">
        <v>1.6010638297872339</v>
      </c>
      <c r="BQ857" s="6">
        <v>44</v>
      </c>
      <c r="BR857" s="6">
        <v>46</v>
      </c>
      <c r="BS857" s="6">
        <v>46</v>
      </c>
      <c r="BT857" s="6">
        <v>47</v>
      </c>
      <c r="BU857" s="6">
        <v>50</v>
      </c>
      <c r="BV857" s="6">
        <v>48</v>
      </c>
      <c r="BW857" s="6">
        <v>47</v>
      </c>
      <c r="BX857" s="6">
        <v>48</v>
      </c>
      <c r="BY857" s="6">
        <v>48</v>
      </c>
      <c r="BZ857" s="6">
        <v>114</v>
      </c>
      <c r="CA857" s="6">
        <v>112</v>
      </c>
      <c r="CB857" s="6">
        <v>113</v>
      </c>
      <c r="CC857" s="11">
        <v>122.25</v>
      </c>
      <c r="CD857" s="11">
        <v>-269.00700000000001</v>
      </c>
      <c r="CE857" s="11">
        <v>353.517</v>
      </c>
      <c r="CF857" s="11">
        <v>106.11499999999999</v>
      </c>
      <c r="CG857" s="11">
        <v>460</v>
      </c>
      <c r="CH857" s="20">
        <v>1.11917</v>
      </c>
      <c r="CI857" s="20">
        <v>1.1670199999999999</v>
      </c>
      <c r="CJ857" s="20">
        <v>1.1798200000000001</v>
      </c>
      <c r="CK857" s="20">
        <v>0.83136900000000002</v>
      </c>
      <c r="CL857" s="20">
        <v>0.99738099999999996</v>
      </c>
      <c r="CM857" s="20">
        <v>0.90836899999999998</v>
      </c>
      <c r="CN857" s="20">
        <v>1.02511</v>
      </c>
      <c r="CO857" s="20">
        <v>1.0488999999999999</v>
      </c>
      <c r="CP857" s="20">
        <v>0.98921999999999999</v>
      </c>
      <c r="CQ857" s="20">
        <v>0.96449600000000002</v>
      </c>
      <c r="CR857" s="20">
        <v>0.95372599999999996</v>
      </c>
      <c r="CS857" s="20">
        <v>1.00257</v>
      </c>
      <c r="CT857" s="20">
        <v>1.0325</v>
      </c>
      <c r="CU857" s="20">
        <v>1.05976</v>
      </c>
      <c r="CV857" s="20">
        <v>1.0550999999999999</v>
      </c>
      <c r="CW857" s="20">
        <v>1.06978</v>
      </c>
      <c r="CX857" s="20">
        <v>1.0722499999999999</v>
      </c>
      <c r="CY857" s="6" t="s">
        <v>523</v>
      </c>
      <c r="CZ857" s="6" t="s">
        <v>524</v>
      </c>
      <c r="DA857" s="6" t="s">
        <v>122</v>
      </c>
      <c r="DB857" s="6"/>
      <c r="DC857" s="6"/>
      <c r="DD857" s="6"/>
      <c r="DE857" s="6"/>
      <c r="DF857" s="6"/>
      <c r="DG857" s="6"/>
      <c r="DH857" s="6" t="s">
        <v>333</v>
      </c>
      <c r="DI857" s="6"/>
      <c r="DJ857" s="6"/>
      <c r="DK857" s="6"/>
      <c r="DL857" s="6">
        <v>4</v>
      </c>
      <c r="DM857" s="6" t="s">
        <v>446</v>
      </c>
      <c r="DN857" s="6">
        <v>6</v>
      </c>
      <c r="DO857" s="6" t="s">
        <v>393</v>
      </c>
      <c r="DP857" s="6"/>
      <c r="DQ857" s="6"/>
    </row>
    <row r="858" spans="1:121" x14ac:dyDescent="0.2">
      <c r="A858" s="6" t="s">
        <v>322</v>
      </c>
      <c r="B858" s="6" t="s">
        <v>322</v>
      </c>
      <c r="C858" s="6" t="s">
        <v>191</v>
      </c>
      <c r="D858" s="6" t="s">
        <v>122</v>
      </c>
      <c r="E858" s="6" t="s">
        <v>263</v>
      </c>
      <c r="F858" s="11">
        <v>-35</v>
      </c>
      <c r="G858" s="13">
        <v>-0.44</v>
      </c>
      <c r="H858" s="11">
        <v>-21</v>
      </c>
      <c r="I858" s="13">
        <v>-0.26250000000000001</v>
      </c>
      <c r="J858" s="11">
        <v>17</v>
      </c>
      <c r="K858" s="13">
        <v>0.28813559322033899</v>
      </c>
      <c r="L858" s="11">
        <v>-31</v>
      </c>
      <c r="M858" s="13">
        <v>-0.40789473684210525</v>
      </c>
      <c r="N858" s="11">
        <v>-14</v>
      </c>
      <c r="O858" s="13">
        <v>-0.23728813559322037</v>
      </c>
      <c r="P858" s="7">
        <v>80</v>
      </c>
      <c r="Q858" s="7">
        <v>85</v>
      </c>
      <c r="R858" s="7">
        <v>72</v>
      </c>
      <c r="S858" s="7">
        <v>75</v>
      </c>
      <c r="T858" s="7">
        <v>64</v>
      </c>
      <c r="U858" s="7">
        <v>58</v>
      </c>
      <c r="V858" s="7">
        <v>59</v>
      </c>
      <c r="W858" s="7">
        <v>58</v>
      </c>
      <c r="X858" s="7">
        <v>62</v>
      </c>
      <c r="Y858" s="7">
        <v>76</v>
      </c>
      <c r="Z858" s="7">
        <v>71</v>
      </c>
      <c r="AA858" s="7">
        <v>68</v>
      </c>
      <c r="AB858" s="7">
        <v>63</v>
      </c>
      <c r="AC858" s="7">
        <v>51</v>
      </c>
      <c r="AD858" s="7">
        <v>50</v>
      </c>
      <c r="AE858" s="7">
        <v>45</v>
      </c>
      <c r="AF858" s="7">
        <v>45</v>
      </c>
      <c r="AG858" s="9">
        <v>6543</v>
      </c>
      <c r="AH858" s="13">
        <v>0.52114695340501793</v>
      </c>
      <c r="AI858" s="9">
        <v>4658</v>
      </c>
      <c r="AJ858" s="13">
        <v>0.37100756670649143</v>
      </c>
      <c r="AK858" s="9">
        <v>-1922</v>
      </c>
      <c r="AL858" s="13">
        <v>-0.11165979201766107</v>
      </c>
      <c r="AM858" s="9">
        <v>3807</v>
      </c>
      <c r="AN858" s="13">
        <v>0.24896998234255444</v>
      </c>
      <c r="AO858" s="9">
        <v>1885</v>
      </c>
      <c r="AP858" s="13">
        <v>0.109510253877883</v>
      </c>
      <c r="AQ858" s="9">
        <v>12555</v>
      </c>
      <c r="AR858" s="9">
        <v>13769</v>
      </c>
      <c r="AS858" s="9">
        <v>15154</v>
      </c>
      <c r="AT858" s="9">
        <v>15311</v>
      </c>
      <c r="AU858" s="9">
        <v>15594</v>
      </c>
      <c r="AV858" s="9">
        <v>16965</v>
      </c>
      <c r="AW858" s="9">
        <v>17213</v>
      </c>
      <c r="AX858" s="9">
        <v>17421</v>
      </c>
      <c r="AY858" s="9">
        <v>17174</v>
      </c>
      <c r="AZ858" s="9">
        <v>15291</v>
      </c>
      <c r="BA858" s="9">
        <v>15715</v>
      </c>
      <c r="BB858" s="9">
        <v>16761</v>
      </c>
      <c r="BC858" s="9">
        <v>16022</v>
      </c>
      <c r="BD858" s="9">
        <v>18346</v>
      </c>
      <c r="BE858" s="9">
        <v>20464</v>
      </c>
      <c r="BF858" s="9">
        <v>19098</v>
      </c>
      <c r="BG858" s="11">
        <v>-3</v>
      </c>
      <c r="BH858" s="13">
        <v>-0.33333333333333331</v>
      </c>
      <c r="BI858" s="6">
        <v>0</v>
      </c>
      <c r="BJ858" s="13">
        <v>0</v>
      </c>
      <c r="BK858" s="6">
        <v>0</v>
      </c>
      <c r="BL858" s="13">
        <v>0</v>
      </c>
      <c r="BM858" s="11">
        <v>-3</v>
      </c>
      <c r="BN858" s="13">
        <v>-0.33333333333333331</v>
      </c>
      <c r="BO858" s="11">
        <v>-3</v>
      </c>
      <c r="BP858" s="13">
        <v>-0.33333333333333331</v>
      </c>
      <c r="BQ858" s="6">
        <v>9</v>
      </c>
      <c r="BR858" s="6">
        <v>10</v>
      </c>
      <c r="BS858" s="6">
        <v>9</v>
      </c>
      <c r="BT858" s="6">
        <v>9</v>
      </c>
      <c r="BU858" s="6">
        <v>8</v>
      </c>
      <c r="BV858" s="6">
        <v>10</v>
      </c>
      <c r="BW858" s="6">
        <v>9</v>
      </c>
      <c r="BX858" s="6">
        <v>9</v>
      </c>
      <c r="BY858" s="6">
        <v>8</v>
      </c>
      <c r="BZ858" s="6">
        <v>8</v>
      </c>
      <c r="CA858" s="6">
        <v>8</v>
      </c>
      <c r="CB858" s="6">
        <v>9</v>
      </c>
      <c r="CC858" s="11">
        <v>6</v>
      </c>
      <c r="CD858" s="11">
        <v>-58</v>
      </c>
      <c r="CE858" s="11">
        <v>14</v>
      </c>
      <c r="CF858" s="11">
        <v>9</v>
      </c>
      <c r="CG858" s="11">
        <v>23</v>
      </c>
      <c r="CH858" s="20">
        <v>0.6</v>
      </c>
      <c r="CI858" s="20">
        <v>0.63</v>
      </c>
      <c r="CJ858" s="20">
        <v>0.54</v>
      </c>
      <c r="CK858" s="20">
        <v>0.56000000000000005</v>
      </c>
      <c r="CL858" s="20">
        <v>0.48</v>
      </c>
      <c r="CM858" s="20">
        <v>0.43</v>
      </c>
      <c r="CN858" s="20">
        <v>0.43</v>
      </c>
      <c r="CO858" s="20">
        <v>0.42</v>
      </c>
      <c r="CP858" s="20">
        <v>0.45</v>
      </c>
      <c r="CQ858" s="20">
        <v>0.56999999999999995</v>
      </c>
      <c r="CR858" s="20">
        <v>0.54</v>
      </c>
      <c r="CS858" s="20">
        <v>0.51</v>
      </c>
      <c r="CT858" s="20">
        <v>0.47</v>
      </c>
      <c r="CU858" s="20">
        <v>0.36</v>
      </c>
      <c r="CV858" s="20">
        <v>0.35</v>
      </c>
      <c r="CW858" s="20">
        <v>0.31</v>
      </c>
      <c r="CX858" s="20">
        <v>0.31</v>
      </c>
      <c r="CY858" s="6" t="s">
        <v>523</v>
      </c>
      <c r="CZ858" s="6" t="s">
        <v>524</v>
      </c>
      <c r="DA858" s="6" t="s">
        <v>122</v>
      </c>
      <c r="DB858" s="6"/>
      <c r="DC858" s="6"/>
      <c r="DD858" s="6"/>
      <c r="DE858" s="6"/>
      <c r="DF858" s="6"/>
      <c r="DG858" s="6"/>
      <c r="DH858" s="6" t="s">
        <v>333</v>
      </c>
      <c r="DI858" s="6"/>
      <c r="DJ858" s="6"/>
      <c r="DK858" s="6"/>
      <c r="DL858" s="6">
        <v>4</v>
      </c>
      <c r="DM858" s="6" t="s">
        <v>446</v>
      </c>
      <c r="DN858" s="6">
        <v>6</v>
      </c>
      <c r="DO858" s="6" t="s">
        <v>393</v>
      </c>
      <c r="DP858" s="6"/>
      <c r="DQ858" s="6"/>
    </row>
    <row r="859" spans="1:121" x14ac:dyDescent="0.2">
      <c r="A859" s="6" t="s">
        <v>323</v>
      </c>
      <c r="B859" s="6" t="s">
        <v>323</v>
      </c>
      <c r="C859" s="6" t="s">
        <v>192</v>
      </c>
      <c r="D859" s="6" t="s">
        <v>122</v>
      </c>
      <c r="E859" s="6" t="s">
        <v>263</v>
      </c>
      <c r="F859" s="11">
        <v>119</v>
      </c>
      <c r="G859" s="13">
        <v>0.19040000000000001</v>
      </c>
      <c r="H859" s="11">
        <v>132.53773516399997</v>
      </c>
      <c r="I859" s="13">
        <v>0.21219479642081668</v>
      </c>
      <c r="J859" s="11">
        <v>-84.945215887000018</v>
      </c>
      <c r="K859" s="13">
        <v>-0.11219194927004028</v>
      </c>
      <c r="L859" s="11">
        <v>72.096671068999967</v>
      </c>
      <c r="M859" s="13">
        <v>0.1072553347733777</v>
      </c>
      <c r="N859" s="11">
        <v>-12.84854481800005</v>
      </c>
      <c r="O859" s="13">
        <v>-1.6969799574498554E-2</v>
      </c>
      <c r="P859" s="7">
        <v>624.60407794900004</v>
      </c>
      <c r="Q859" s="7">
        <v>643.55462428600003</v>
      </c>
      <c r="R859" s="7">
        <v>633.05989270600003</v>
      </c>
      <c r="S859" s="7">
        <v>655.16364584300004</v>
      </c>
      <c r="T859" s="7">
        <v>682.50371372500001</v>
      </c>
      <c r="U859" s="7">
        <v>705.65466760599998</v>
      </c>
      <c r="V859" s="7">
        <v>757.14181311300001</v>
      </c>
      <c r="W859" s="7">
        <v>671.54765927699998</v>
      </c>
      <c r="X859" s="7">
        <v>668.426843287</v>
      </c>
      <c r="Y859" s="7">
        <v>672.19659722599999</v>
      </c>
      <c r="Z859" s="7">
        <v>651.180182425</v>
      </c>
      <c r="AA859" s="7">
        <v>670.34532088799995</v>
      </c>
      <c r="AB859" s="7">
        <v>737.79274317500006</v>
      </c>
      <c r="AC859" s="7">
        <v>741.93435231399997</v>
      </c>
      <c r="AD859" s="7">
        <v>719.26548442000001</v>
      </c>
      <c r="AE859" s="7">
        <v>738.14300049200006</v>
      </c>
      <c r="AF859" s="7">
        <v>744.29326829499996</v>
      </c>
      <c r="AG859" s="9">
        <v>3901.5748242999998</v>
      </c>
      <c r="AH859" s="13">
        <v>0.38066535458654222</v>
      </c>
      <c r="AI859" s="9">
        <v>1619.2757035000013</v>
      </c>
      <c r="AJ859" s="13">
        <v>0.15798804011321052</v>
      </c>
      <c r="AK859" s="9">
        <v>909.23688239999865</v>
      </c>
      <c r="AL859" s="13">
        <v>7.6608398284562298E-2</v>
      </c>
      <c r="AM859" s="9">
        <v>1373.0622383999998</v>
      </c>
      <c r="AN859" s="13">
        <v>0.10745627913218816</v>
      </c>
      <c r="AO859" s="9">
        <v>2282.2991207999985</v>
      </c>
      <c r="AP859" s="13">
        <v>0.19229673084668625</v>
      </c>
      <c r="AQ859" s="9">
        <v>10249.356231899999</v>
      </c>
      <c r="AR859" s="9">
        <v>10102.454808500001</v>
      </c>
      <c r="AS859" s="9">
        <v>10665.274818399999</v>
      </c>
      <c r="AT859" s="9">
        <v>10967.0232273</v>
      </c>
      <c r="AU859" s="9">
        <v>10860.922356999999</v>
      </c>
      <c r="AV859" s="9">
        <v>11218.4045664</v>
      </c>
      <c r="AW859" s="9">
        <v>11868.631935400001</v>
      </c>
      <c r="AX859" s="9">
        <v>12174.965742599999</v>
      </c>
      <c r="AY859" s="9">
        <v>12605.6888351</v>
      </c>
      <c r="AZ859" s="9">
        <v>12777.868817799999</v>
      </c>
      <c r="BA859" s="9">
        <v>12598.9225021</v>
      </c>
      <c r="BB859" s="9">
        <v>12981.8716288</v>
      </c>
      <c r="BC859" s="9">
        <v>13325.680439100001</v>
      </c>
      <c r="BD859" s="9">
        <v>13412.321158999999</v>
      </c>
      <c r="BE859" s="9">
        <v>13927.5553017</v>
      </c>
      <c r="BF859" s="9">
        <v>14150.931056199999</v>
      </c>
      <c r="BG859" s="11">
        <v>-7.75</v>
      </c>
      <c r="BH859" s="13">
        <v>-0.14622641509433962</v>
      </c>
      <c r="BI859" s="6">
        <v>4</v>
      </c>
      <c r="BJ859" s="13">
        <v>7.5471698113207544E-2</v>
      </c>
      <c r="BK859" s="6">
        <v>-4</v>
      </c>
      <c r="BL859" s="13">
        <v>-7.0175438596491224E-2</v>
      </c>
      <c r="BM859" s="11">
        <v>-7.75</v>
      </c>
      <c r="BN859" s="13">
        <v>-0.14622641509433962</v>
      </c>
      <c r="BO859" s="11">
        <v>-11.75</v>
      </c>
      <c r="BP859" s="13">
        <v>-0.20614035087719298</v>
      </c>
      <c r="BQ859" s="6">
        <v>53</v>
      </c>
      <c r="BR859" s="6">
        <v>51</v>
      </c>
      <c r="BS859" s="6">
        <v>52</v>
      </c>
      <c r="BT859" s="6">
        <v>57</v>
      </c>
      <c r="BU859" s="6">
        <v>56</v>
      </c>
      <c r="BV859" s="6">
        <v>56</v>
      </c>
      <c r="BW859" s="6">
        <v>53</v>
      </c>
      <c r="BX859" s="6">
        <v>48</v>
      </c>
      <c r="BY859" s="6">
        <v>50</v>
      </c>
      <c r="BZ859" s="6">
        <v>52</v>
      </c>
      <c r="CA859" s="6">
        <v>52</v>
      </c>
      <c r="CB859" s="6">
        <v>50</v>
      </c>
      <c r="CC859" s="11">
        <v>45.25</v>
      </c>
      <c r="CD859" s="11">
        <v>-90.626000000000005</v>
      </c>
      <c r="CE859" s="11">
        <v>142.03800000000001</v>
      </c>
      <c r="CF859" s="11">
        <v>68.276700000000005</v>
      </c>
      <c r="CG859" s="11">
        <v>210</v>
      </c>
      <c r="CH859" s="20">
        <v>0.97031699999999999</v>
      </c>
      <c r="CI859" s="20">
        <v>0.99646199999999996</v>
      </c>
      <c r="CJ859" s="20">
        <v>0.97972099999999995</v>
      </c>
      <c r="CK859" s="20">
        <v>1.00736</v>
      </c>
      <c r="CL859" s="20">
        <v>1.03989</v>
      </c>
      <c r="CM859" s="20">
        <v>1.0583499999999999</v>
      </c>
      <c r="CN859" s="20">
        <v>1.11388</v>
      </c>
      <c r="CO859" s="20">
        <v>1.01223</v>
      </c>
      <c r="CP859" s="20">
        <v>1.01915</v>
      </c>
      <c r="CQ859" s="20">
        <v>1.0297400000000001</v>
      </c>
      <c r="CR859" s="20">
        <v>1.0018199999999999</v>
      </c>
      <c r="CS859" s="20">
        <v>1.00979</v>
      </c>
      <c r="CT859" s="20">
        <v>1.0844800000000001</v>
      </c>
      <c r="CU859" s="20">
        <v>1.04626</v>
      </c>
      <c r="CV859" s="20">
        <v>0.99797199999999997</v>
      </c>
      <c r="CW859" s="20">
        <v>1.0270999999999999</v>
      </c>
      <c r="CX859" s="20">
        <v>1.0206900000000001</v>
      </c>
      <c r="CY859" s="6" t="s">
        <v>523</v>
      </c>
      <c r="CZ859" s="6" t="s">
        <v>524</v>
      </c>
      <c r="DA859" s="6" t="s">
        <v>122</v>
      </c>
      <c r="DB859" s="6"/>
      <c r="DC859" s="6"/>
      <c r="DD859" s="6"/>
      <c r="DE859" s="6"/>
      <c r="DF859" s="6"/>
      <c r="DG859" s="6"/>
      <c r="DH859" s="6" t="s">
        <v>333</v>
      </c>
      <c r="DI859" s="6"/>
      <c r="DJ859" s="6"/>
      <c r="DK859" s="6"/>
      <c r="DL859" s="6">
        <v>4</v>
      </c>
      <c r="DM859" s="6" t="s">
        <v>446</v>
      </c>
      <c r="DN859" s="6">
        <v>6</v>
      </c>
      <c r="DO859" s="6" t="s">
        <v>393</v>
      </c>
      <c r="DP859" s="6"/>
      <c r="DQ859" s="6"/>
    </row>
    <row r="860" spans="1:121" x14ac:dyDescent="0.2">
      <c r="A860" s="6" t="s">
        <v>325</v>
      </c>
      <c r="B860" s="6" t="s">
        <v>325</v>
      </c>
      <c r="C860" s="6" t="s">
        <v>193</v>
      </c>
      <c r="D860" s="6" t="s">
        <v>122</v>
      </c>
      <c r="E860" s="6" t="s">
        <v>263</v>
      </c>
      <c r="F860" s="11">
        <v>-20</v>
      </c>
      <c r="G860" s="13">
        <v>-5.2770448548800003E-2</v>
      </c>
      <c r="H860" s="11">
        <v>73.198488526999995</v>
      </c>
      <c r="I860" s="13">
        <v>0.1932492546541292</v>
      </c>
      <c r="J860" s="11">
        <v>-12.570620504999965</v>
      </c>
      <c r="K860" s="13">
        <v>-2.7812578751070328E-2</v>
      </c>
      <c r="L860" s="11">
        <v>-80.128418076000003</v>
      </c>
      <c r="M860" s="13">
        <v>-0.18235644351332625</v>
      </c>
      <c r="N860" s="11">
        <v>-92.699038580999968</v>
      </c>
      <c r="O860" s="13">
        <v>-0.20509721931841704</v>
      </c>
      <c r="P860" s="7">
        <v>378.77759817499998</v>
      </c>
      <c r="Q860" s="7">
        <v>385.41327500800003</v>
      </c>
      <c r="R860" s="7">
        <v>402.78634134499998</v>
      </c>
      <c r="S860" s="7">
        <v>420.66927179200002</v>
      </c>
      <c r="T860" s="7">
        <v>401.755528411</v>
      </c>
      <c r="U860" s="7">
        <v>421.09598851499999</v>
      </c>
      <c r="V860" s="7">
        <v>451.97608670199998</v>
      </c>
      <c r="W860" s="7">
        <v>397.88461714900001</v>
      </c>
      <c r="X860" s="7">
        <v>454.23733101599998</v>
      </c>
      <c r="Y860" s="7">
        <v>439.40546619700001</v>
      </c>
      <c r="Z860" s="7">
        <v>422.87266992000002</v>
      </c>
      <c r="AA860" s="7">
        <v>401.69102207100002</v>
      </c>
      <c r="AB860" s="7">
        <v>346.18988392599999</v>
      </c>
      <c r="AC860" s="7">
        <v>346.05696173000001</v>
      </c>
      <c r="AD860" s="7">
        <v>350.634824681</v>
      </c>
      <c r="AE860" s="7">
        <v>356.649157538</v>
      </c>
      <c r="AF860" s="7">
        <v>359.27704812100001</v>
      </c>
      <c r="AG860" s="9">
        <v>7466.6868560000003</v>
      </c>
      <c r="AH860" s="13">
        <v>0.47282268176262338</v>
      </c>
      <c r="AI860" s="9">
        <v>642.63331710000057</v>
      </c>
      <c r="AJ860" s="13">
        <v>4.0694301802286885E-2</v>
      </c>
      <c r="AK860" s="9">
        <v>141.06024500000058</v>
      </c>
      <c r="AL860" s="13">
        <v>8.5832511655038815E-3</v>
      </c>
      <c r="AM860" s="9">
        <v>6682.9932938999991</v>
      </c>
      <c r="AN860" s="13">
        <v>0.40318694443961089</v>
      </c>
      <c r="AO860" s="9">
        <v>6824.0535388999997</v>
      </c>
      <c r="AP860" s="13">
        <v>0.41523085041589203</v>
      </c>
      <c r="AQ860" s="9">
        <v>15791.7273092</v>
      </c>
      <c r="AR860" s="9">
        <v>16503.991755999999</v>
      </c>
      <c r="AS860" s="9">
        <v>16714.056219300001</v>
      </c>
      <c r="AT860" s="9">
        <v>16039.233558</v>
      </c>
      <c r="AU860" s="9">
        <v>16911.673095599999</v>
      </c>
      <c r="AV860" s="9">
        <v>16686.032908500001</v>
      </c>
      <c r="AW860" s="9">
        <v>16434.3606263</v>
      </c>
      <c r="AX860" s="9">
        <v>19467.000390500001</v>
      </c>
      <c r="AY860" s="9">
        <v>15529.978189699999</v>
      </c>
      <c r="AZ860" s="9">
        <v>16575.420871300001</v>
      </c>
      <c r="BA860" s="9">
        <v>16549.366077899998</v>
      </c>
      <c r="BB860" s="9">
        <v>17771.673447900001</v>
      </c>
      <c r="BC860" s="9">
        <v>18392.694618000001</v>
      </c>
      <c r="BD860" s="9">
        <v>19485.2418282</v>
      </c>
      <c r="BE860" s="9">
        <v>22853.920368200001</v>
      </c>
      <c r="BF860" s="9">
        <v>23258.4141652</v>
      </c>
      <c r="BG860" s="11">
        <v>-45</v>
      </c>
      <c r="BH860" s="13">
        <v>-0.4838709677419355</v>
      </c>
      <c r="BI860" s="6">
        <v>-11</v>
      </c>
      <c r="BJ860" s="13">
        <v>-0.11827956989247312</v>
      </c>
      <c r="BK860" s="6">
        <v>19</v>
      </c>
      <c r="BL860" s="13">
        <v>0.23170731707317074</v>
      </c>
      <c r="BM860" s="11">
        <v>-53</v>
      </c>
      <c r="BN860" s="13">
        <v>-0.52475247524752477</v>
      </c>
      <c r="BO860" s="11">
        <v>-34</v>
      </c>
      <c r="BP860" s="13">
        <v>-0.41463414634146339</v>
      </c>
      <c r="BQ860" s="6">
        <v>93</v>
      </c>
      <c r="BR860" s="6">
        <v>81</v>
      </c>
      <c r="BS860" s="6">
        <v>87</v>
      </c>
      <c r="BT860" s="6">
        <v>82</v>
      </c>
      <c r="BU860" s="6">
        <v>85</v>
      </c>
      <c r="BV860" s="6">
        <v>95</v>
      </c>
      <c r="BW860" s="6">
        <v>101</v>
      </c>
      <c r="BX860" s="6">
        <v>107</v>
      </c>
      <c r="BY860" s="6">
        <v>102</v>
      </c>
      <c r="BZ860" s="6">
        <v>40</v>
      </c>
      <c r="CA860" s="6">
        <v>47</v>
      </c>
      <c r="CB860" s="6">
        <v>46</v>
      </c>
      <c r="CC860" s="11">
        <v>48</v>
      </c>
      <c r="CD860" s="11">
        <v>-57.417299999999997</v>
      </c>
      <c r="CE860" s="11">
        <v>-3.4881799999999998</v>
      </c>
      <c r="CF860" s="11">
        <v>41.405000000000001</v>
      </c>
      <c r="CG860" s="11">
        <v>38</v>
      </c>
      <c r="CH860" s="20">
        <v>0.86628400000000005</v>
      </c>
      <c r="CI860" s="20">
        <v>0.87491099999999999</v>
      </c>
      <c r="CJ860" s="20">
        <v>0.91913900000000004</v>
      </c>
      <c r="CK860" s="20">
        <v>0.97099800000000003</v>
      </c>
      <c r="CL860" s="20">
        <v>0.934168</v>
      </c>
      <c r="CM860" s="20">
        <v>0.97284899999999996</v>
      </c>
      <c r="CN860" s="20">
        <v>1.0293099999999999</v>
      </c>
      <c r="CO860" s="20">
        <v>0.92750299999999997</v>
      </c>
      <c r="CP860" s="20">
        <v>1.04925</v>
      </c>
      <c r="CQ860" s="20">
        <v>1.0273399999999999</v>
      </c>
      <c r="CR860" s="20">
        <v>1.0074099999999999</v>
      </c>
      <c r="CS860" s="20">
        <v>0.94423800000000002</v>
      </c>
      <c r="CT860" s="20">
        <v>0.866201</v>
      </c>
      <c r="CU860" s="20">
        <v>0.83953100000000003</v>
      </c>
      <c r="CV860" s="20">
        <v>0.85351600000000005</v>
      </c>
      <c r="CW860" s="20">
        <v>0.87989700000000004</v>
      </c>
      <c r="CX860" s="20">
        <v>0.881359</v>
      </c>
      <c r="CY860" s="6" t="s">
        <v>523</v>
      </c>
      <c r="CZ860" s="6" t="s">
        <v>524</v>
      </c>
      <c r="DA860" s="6" t="s">
        <v>122</v>
      </c>
      <c r="DB860" s="6"/>
      <c r="DC860" s="6"/>
      <c r="DD860" s="6"/>
      <c r="DE860" s="6"/>
      <c r="DF860" s="6"/>
      <c r="DG860" s="6"/>
      <c r="DH860" s="6" t="s">
        <v>333</v>
      </c>
      <c r="DI860" s="6"/>
      <c r="DJ860" s="6"/>
      <c r="DK860" s="6"/>
      <c r="DL860" s="6">
        <v>4</v>
      </c>
      <c r="DM860" s="6" t="s">
        <v>446</v>
      </c>
      <c r="DN860" s="6">
        <v>6</v>
      </c>
      <c r="DO860" s="6" t="s">
        <v>393</v>
      </c>
      <c r="DP860" s="6"/>
      <c r="DQ860" s="6"/>
    </row>
    <row r="861" spans="1:121" x14ac:dyDescent="0.2">
      <c r="A861" s="6" t="s">
        <v>327</v>
      </c>
      <c r="B861" s="6" t="s">
        <v>327</v>
      </c>
      <c r="C861" s="6" t="s">
        <v>194</v>
      </c>
      <c r="D861" s="6" t="s">
        <v>122</v>
      </c>
      <c r="E861" s="6" t="s">
        <v>263</v>
      </c>
      <c r="F861" s="11">
        <v>62</v>
      </c>
      <c r="G861" s="13">
        <v>3.6599763872500003E-2</v>
      </c>
      <c r="H861" s="11">
        <v>76.158366999999998</v>
      </c>
      <c r="I861" s="13">
        <v>4.4947504164344829E-2</v>
      </c>
      <c r="J861" s="11">
        <v>14.190344000000096</v>
      </c>
      <c r="K861" s="13">
        <v>8.0146840906020634E-3</v>
      </c>
      <c r="L861" s="11">
        <v>-28.586500320000141</v>
      </c>
      <c r="M861" s="13">
        <v>-1.601723755851394E-2</v>
      </c>
      <c r="N861" s="11">
        <v>-14.396156320000046</v>
      </c>
      <c r="O861" s="13">
        <v>-8.1309265669474926E-3</v>
      </c>
      <c r="P861" s="7">
        <v>1694.384781</v>
      </c>
      <c r="Q861" s="7">
        <v>1689.717439</v>
      </c>
      <c r="R861" s="7">
        <v>1684.3671589999999</v>
      </c>
      <c r="S861" s="7">
        <v>1754.6838319999999</v>
      </c>
      <c r="T861" s="7">
        <v>1728.5452270000001</v>
      </c>
      <c r="U861" s="7">
        <v>1758.0026929999999</v>
      </c>
      <c r="V861" s="7">
        <v>1770.543148</v>
      </c>
      <c r="W861" s="7">
        <v>1797.145053</v>
      </c>
      <c r="X861" s="7">
        <v>1785.83377</v>
      </c>
      <c r="Y861" s="7">
        <v>1784.7334920000001</v>
      </c>
      <c r="Z861" s="7">
        <v>1733.941677</v>
      </c>
      <c r="AA861" s="7">
        <v>1735.467799</v>
      </c>
      <c r="AB861" s="7">
        <v>1735.3714540000001</v>
      </c>
      <c r="AC861" s="7">
        <v>1733.2286320000001</v>
      </c>
      <c r="AD861" s="7">
        <v>1759.178195</v>
      </c>
      <c r="AE861" s="7">
        <v>1758.7368405</v>
      </c>
      <c r="AF861" s="7">
        <v>1756.1469916799999</v>
      </c>
      <c r="AG861" s="9">
        <v>26241.426734100001</v>
      </c>
      <c r="AH861" s="13">
        <v>0.80285240053800622</v>
      </c>
      <c r="AI861" s="9">
        <v>14062.069797200005</v>
      </c>
      <c r="AJ861" s="13">
        <v>0.43022685495008867</v>
      </c>
      <c r="AK861" s="9">
        <v>4706.451761999997</v>
      </c>
      <c r="AL861" s="13">
        <v>0.10067854950020588</v>
      </c>
      <c r="AM861" s="9">
        <v>7472.9051748999991</v>
      </c>
      <c r="AN861" s="13">
        <v>0.14523534032534466</v>
      </c>
      <c r="AO861" s="9">
        <v>12179.356936899996</v>
      </c>
      <c r="AP861" s="13">
        <v>0.26053597322567495</v>
      </c>
      <c r="AQ861" s="9">
        <v>32685.244157599998</v>
      </c>
      <c r="AR861" s="9">
        <v>34026.287878000003</v>
      </c>
      <c r="AS861" s="9">
        <v>36480.888584200002</v>
      </c>
      <c r="AT861" s="9">
        <v>42207.419887700002</v>
      </c>
      <c r="AU861" s="9">
        <v>43573.924301300001</v>
      </c>
      <c r="AV861" s="9">
        <v>45553.257382199998</v>
      </c>
      <c r="AW861" s="9">
        <v>46747.313954800004</v>
      </c>
      <c r="AX861" s="9">
        <v>48880.700969600002</v>
      </c>
      <c r="AY861" s="9">
        <v>50809.109366700002</v>
      </c>
      <c r="AZ861" s="9">
        <v>51453.765716800001</v>
      </c>
      <c r="BA861" s="9">
        <v>53106.084178999998</v>
      </c>
      <c r="BB861" s="9">
        <v>53974.063422599997</v>
      </c>
      <c r="BC861" s="9">
        <v>57646.835909399997</v>
      </c>
      <c r="BD861" s="9">
        <v>57594.595490200001</v>
      </c>
      <c r="BE861" s="9">
        <v>57969.196344399999</v>
      </c>
      <c r="BF861" s="9">
        <v>58926.6708917</v>
      </c>
      <c r="BG861" s="11">
        <v>2.25</v>
      </c>
      <c r="BH861" s="13">
        <v>3.4090909090909088E-2</v>
      </c>
      <c r="BI861" s="6">
        <v>4</v>
      </c>
      <c r="BJ861" s="13">
        <v>6.0606060606060608E-2</v>
      </c>
      <c r="BK861" s="6">
        <v>0</v>
      </c>
      <c r="BL861" s="13">
        <v>0</v>
      </c>
      <c r="BM861" s="11">
        <v>-1.75</v>
      </c>
      <c r="BN861" s="13">
        <v>-2.5000000000000001E-2</v>
      </c>
      <c r="BO861" s="11">
        <v>-1.75</v>
      </c>
      <c r="BP861" s="13">
        <v>-2.5000000000000001E-2</v>
      </c>
      <c r="BQ861" s="6">
        <v>66</v>
      </c>
      <c r="BR861" s="6">
        <v>66</v>
      </c>
      <c r="BS861" s="6">
        <v>67</v>
      </c>
      <c r="BT861" s="6">
        <v>70</v>
      </c>
      <c r="BU861" s="6">
        <v>70</v>
      </c>
      <c r="BV861" s="6">
        <v>71</v>
      </c>
      <c r="BW861" s="6">
        <v>70</v>
      </c>
      <c r="BX861" s="6">
        <v>69</v>
      </c>
      <c r="BY861" s="6">
        <v>68</v>
      </c>
      <c r="BZ861" s="6">
        <v>68</v>
      </c>
      <c r="CA861" s="6">
        <v>68</v>
      </c>
      <c r="CB861" s="6">
        <v>68</v>
      </c>
      <c r="CC861" s="11">
        <v>68.25</v>
      </c>
      <c r="CD861" s="11">
        <v>-24.1218</v>
      </c>
      <c r="CE861" s="11">
        <v>-99.332700000000003</v>
      </c>
      <c r="CF861" s="11">
        <v>185.21700000000001</v>
      </c>
      <c r="CG861" s="11">
        <v>86</v>
      </c>
      <c r="CH861" s="20">
        <v>1.16658</v>
      </c>
      <c r="CI861" s="20">
        <v>1.15245</v>
      </c>
      <c r="CJ861" s="20">
        <v>1.16334</v>
      </c>
      <c r="CK861" s="20">
        <v>1.2347300000000001</v>
      </c>
      <c r="CL861" s="20">
        <v>1.2281200000000001</v>
      </c>
      <c r="CM861" s="20">
        <v>1.2492099999999999</v>
      </c>
      <c r="CN861" s="20">
        <v>1.2491000000000001</v>
      </c>
      <c r="CO861" s="20">
        <v>1.2847900000000001</v>
      </c>
      <c r="CP861" s="20">
        <v>1.2509600000000001</v>
      </c>
      <c r="CQ861" s="20">
        <v>1.2581599999999999</v>
      </c>
      <c r="CR861" s="20">
        <v>1.27474</v>
      </c>
      <c r="CS861" s="20">
        <v>1.3016099999999999</v>
      </c>
      <c r="CT861" s="20">
        <v>1.31589</v>
      </c>
      <c r="CU861" s="20">
        <v>1.2983800000000001</v>
      </c>
      <c r="CV861" s="20">
        <v>1.3336399999999999</v>
      </c>
      <c r="CW861" s="20">
        <v>1.3581700000000001</v>
      </c>
      <c r="CX861" s="20">
        <v>1.35791</v>
      </c>
      <c r="CY861" s="6" t="s">
        <v>523</v>
      </c>
      <c r="CZ861" s="6" t="s">
        <v>524</v>
      </c>
      <c r="DA861" s="6" t="s">
        <v>122</v>
      </c>
      <c r="DB861" s="6"/>
      <c r="DC861" s="6"/>
      <c r="DD861" s="6"/>
      <c r="DE861" s="6"/>
      <c r="DF861" s="6"/>
      <c r="DG861" s="6"/>
      <c r="DH861" s="6" t="s">
        <v>333</v>
      </c>
      <c r="DI861" s="6"/>
      <c r="DJ861" s="6"/>
      <c r="DK861" s="6"/>
      <c r="DL861" s="6">
        <v>4</v>
      </c>
      <c r="DM861" s="6" t="s">
        <v>446</v>
      </c>
      <c r="DN861" s="6">
        <v>6</v>
      </c>
      <c r="DO861" s="6" t="s">
        <v>393</v>
      </c>
      <c r="DP861" s="6"/>
      <c r="DQ861" s="6"/>
    </row>
    <row r="862" spans="1:121" x14ac:dyDescent="0.2">
      <c r="A862" s="6" t="s">
        <v>1</v>
      </c>
      <c r="B862" s="6" t="s">
        <v>1</v>
      </c>
      <c r="C862" s="6" t="s">
        <v>2</v>
      </c>
      <c r="D862" s="6" t="s">
        <v>62</v>
      </c>
      <c r="E862" s="6" t="s">
        <v>203</v>
      </c>
      <c r="F862" s="11">
        <v>202</v>
      </c>
      <c r="G862" s="13">
        <v>6.7333333333300001</v>
      </c>
      <c r="H862" s="11">
        <v>41.058997857900003</v>
      </c>
      <c r="I862" s="13">
        <v>1.3635302586318483</v>
      </c>
      <c r="J862" s="11">
        <v>61.3871185454</v>
      </c>
      <c r="K862" s="13">
        <v>0.86252663814185782</v>
      </c>
      <c r="L862" s="11">
        <v>99.336634884999995</v>
      </c>
      <c r="M862" s="13">
        <v>0.74938020880271083</v>
      </c>
      <c r="N862" s="11">
        <v>160.7237534304</v>
      </c>
      <c r="O862" s="13">
        <v>2.2582672391332146</v>
      </c>
      <c r="P862" s="7">
        <v>30.112274808700001</v>
      </c>
      <c r="Q862" s="7">
        <v>45.552533156000003</v>
      </c>
      <c r="R862" s="7">
        <v>132.004821174</v>
      </c>
      <c r="S862" s="7">
        <v>151.57217983800001</v>
      </c>
      <c r="T862" s="7">
        <v>134.610255964</v>
      </c>
      <c r="U862" s="7">
        <v>82.545802447200003</v>
      </c>
      <c r="V862" s="7">
        <v>71.171272666600004</v>
      </c>
      <c r="W862" s="7">
        <v>90.824264837399994</v>
      </c>
      <c r="X862" s="7">
        <v>117.61163543399999</v>
      </c>
      <c r="Y862" s="7">
        <v>132.558391212</v>
      </c>
      <c r="Z862" s="7">
        <v>137.14374989500001</v>
      </c>
      <c r="AA862" s="7">
        <v>130.07091065399999</v>
      </c>
      <c r="AB862" s="7">
        <v>209.62216647400001</v>
      </c>
      <c r="AC862" s="7">
        <v>208.1420918</v>
      </c>
      <c r="AD862" s="7">
        <v>203.851832016</v>
      </c>
      <c r="AE862" s="7">
        <v>216.117266712</v>
      </c>
      <c r="AF862" s="7">
        <v>231.895026097</v>
      </c>
      <c r="AG862" s="9">
        <v>11883.5082059</v>
      </c>
      <c r="AH862" s="13">
        <v>0.78747773432704316</v>
      </c>
      <c r="AI862" s="9">
        <v>5306.8589740000007</v>
      </c>
      <c r="AJ862" s="13">
        <v>0.35166662982264985</v>
      </c>
      <c r="AK862" s="9">
        <v>2282.4472411999996</v>
      </c>
      <c r="AL862" s="13">
        <v>0.11189862971935996</v>
      </c>
      <c r="AM862" s="9">
        <v>4294.2019906999994</v>
      </c>
      <c r="AN862" s="13">
        <v>0.18933952995273887</v>
      </c>
      <c r="AO862" s="9">
        <v>6576.649231899999</v>
      </c>
      <c r="AP862" s="13">
        <v>0.32242499362551796</v>
      </c>
      <c r="AQ862" s="9">
        <v>15090.5958199</v>
      </c>
      <c r="AR862" s="9">
        <v>16345.8780274</v>
      </c>
      <c r="AS862" s="9">
        <v>18547.567287900001</v>
      </c>
      <c r="AT862" s="9">
        <v>18420.618941100001</v>
      </c>
      <c r="AU862" s="9">
        <v>18784.059573499999</v>
      </c>
      <c r="AV862" s="9">
        <v>16651.585695500002</v>
      </c>
      <c r="AW862" s="9">
        <v>20397.4547939</v>
      </c>
      <c r="AX862" s="9">
        <v>19671.189084400001</v>
      </c>
      <c r="AY862" s="9">
        <v>20724.5510737</v>
      </c>
      <c r="AZ862" s="9">
        <v>22679.9020351</v>
      </c>
      <c r="BA862" s="9">
        <v>21746.490995700002</v>
      </c>
      <c r="BB862" s="9">
        <v>21446.115666099999</v>
      </c>
      <c r="BC862" s="9">
        <v>24536.864269999998</v>
      </c>
      <c r="BD862" s="9">
        <v>26064.403768600001</v>
      </c>
      <c r="BE862" s="9">
        <v>26780.576175400001</v>
      </c>
      <c r="BF862" s="9">
        <v>26974.104025799999</v>
      </c>
      <c r="BG862" s="11">
        <v>-1.75</v>
      </c>
      <c r="BH862" s="13">
        <v>-0.35</v>
      </c>
      <c r="BI862" s="6">
        <v>-2</v>
      </c>
      <c r="BJ862" s="13">
        <v>-0.4</v>
      </c>
      <c r="BK862" s="6">
        <v>0</v>
      </c>
      <c r="BL862" s="13">
        <v>0</v>
      </c>
      <c r="BM862" s="11">
        <v>0.25</v>
      </c>
      <c r="BN862" s="13">
        <v>8.3333333333333329E-2</v>
      </c>
      <c r="BO862" s="11">
        <v>0.25</v>
      </c>
      <c r="BP862" s="13">
        <v>8.3333333333333329E-2</v>
      </c>
      <c r="BQ862" s="6">
        <v>5</v>
      </c>
      <c r="BR862" s="6">
        <v>5</v>
      </c>
      <c r="BS862" s="6">
        <v>4</v>
      </c>
      <c r="BT862" s="6">
        <v>3</v>
      </c>
      <c r="BU862" s="6">
        <v>3</v>
      </c>
      <c r="BV862" s="6">
        <v>3</v>
      </c>
      <c r="BW862" s="6">
        <v>3</v>
      </c>
      <c r="BX862" s="6">
        <v>3</v>
      </c>
      <c r="BY862" s="6">
        <v>3</v>
      </c>
      <c r="BZ862" s="6">
        <v>4</v>
      </c>
      <c r="CA862" s="6">
        <v>4</v>
      </c>
      <c r="CB862" s="6">
        <v>4</v>
      </c>
      <c r="CC862" s="11">
        <v>3.25</v>
      </c>
      <c r="CD862" s="11">
        <v>201.23699999999999</v>
      </c>
      <c r="CE862" s="11">
        <v>-2.7454499999999999</v>
      </c>
      <c r="CF862" s="11">
        <v>3.2916300000000001</v>
      </c>
      <c r="CG862" s="11">
        <v>0</v>
      </c>
      <c r="CH862" s="20">
        <v>1.4500200000000001</v>
      </c>
      <c r="CI862" s="20">
        <v>2.1995100000000001</v>
      </c>
      <c r="CJ862" s="20">
        <v>5.9419199999999996</v>
      </c>
      <c r="CK862" s="20">
        <v>6.7888099999999998</v>
      </c>
      <c r="CL862" s="20">
        <v>6.31935</v>
      </c>
      <c r="CM862" s="20">
        <v>3.9465699999999999</v>
      </c>
      <c r="CN862" s="20">
        <v>3.4349599999999998</v>
      </c>
      <c r="CO862" s="20">
        <v>4.6008699999999996</v>
      </c>
      <c r="CP862" s="20">
        <v>5.72926</v>
      </c>
      <c r="CQ862" s="20">
        <v>6.3147000000000002</v>
      </c>
      <c r="CR862" s="20">
        <v>6.8821099999999999</v>
      </c>
      <c r="CS862" s="20">
        <v>6.5302499999999997</v>
      </c>
      <c r="CT862" s="20">
        <v>9.7796099999999999</v>
      </c>
      <c r="CU862" s="20">
        <v>9.5640599999999996</v>
      </c>
      <c r="CV862" s="20">
        <v>9.2930600000000005</v>
      </c>
      <c r="CW862" s="20">
        <v>9.8796999999999997</v>
      </c>
      <c r="CX862" s="20">
        <v>10.3972</v>
      </c>
      <c r="CY862" s="6" t="s">
        <v>525</v>
      </c>
      <c r="CZ862" s="6" t="s">
        <v>526</v>
      </c>
      <c r="DA862" s="6" t="s">
        <v>62</v>
      </c>
      <c r="DB862" s="6" t="s">
        <v>345</v>
      </c>
      <c r="DC862" s="6"/>
      <c r="DD862" s="6"/>
      <c r="DE862" s="6"/>
      <c r="DF862" s="6"/>
      <c r="DG862" s="6"/>
      <c r="DH862" s="6" t="s">
        <v>333</v>
      </c>
      <c r="DI862" s="6"/>
      <c r="DJ862" s="6"/>
      <c r="DK862" s="6"/>
      <c r="DL862" s="6">
        <v>7</v>
      </c>
      <c r="DM862" s="6" t="s">
        <v>485</v>
      </c>
      <c r="DN862" s="6">
        <v>8</v>
      </c>
      <c r="DO862" s="6" t="s">
        <v>486</v>
      </c>
      <c r="DP862" s="6"/>
      <c r="DQ862" s="6"/>
    </row>
    <row r="863" spans="1:121" x14ac:dyDescent="0.2">
      <c r="A863" s="6" t="s">
        <v>310</v>
      </c>
      <c r="B863" s="6" t="s">
        <v>310</v>
      </c>
      <c r="C863" s="6" t="s">
        <v>173</v>
      </c>
      <c r="D863" s="6" t="s">
        <v>62</v>
      </c>
      <c r="E863" s="6" t="s">
        <v>203</v>
      </c>
      <c r="F863" s="11">
        <v>-21</v>
      </c>
      <c r="G863" s="13">
        <v>-0.58333333333299997</v>
      </c>
      <c r="H863" s="11">
        <v>-31.294929000000003</v>
      </c>
      <c r="I863" s="13">
        <v>-0.8622397084727732</v>
      </c>
      <c r="J863" s="11">
        <v>0</v>
      </c>
      <c r="K863" s="13">
        <v>0</v>
      </c>
      <c r="L863" s="11">
        <v>9.7079773015999997</v>
      </c>
      <c r="M863" s="13">
        <v>1.9415954603200001</v>
      </c>
      <c r="N863" s="11">
        <v>9.7079773015999997</v>
      </c>
      <c r="O863" s="13">
        <v>1.9415954603200001</v>
      </c>
      <c r="P863" s="7">
        <v>36.294929000000003</v>
      </c>
      <c r="Q863" s="7">
        <v>34.452057000000003</v>
      </c>
      <c r="R863" s="7">
        <v>13.394825000000001</v>
      </c>
      <c r="S863" s="7">
        <v>5</v>
      </c>
      <c r="T863" s="7">
        <v>5</v>
      </c>
      <c r="U863" s="7">
        <v>11.680615</v>
      </c>
      <c r="V863" s="7">
        <v>5</v>
      </c>
      <c r="W863" s="7">
        <v>5</v>
      </c>
      <c r="X863" s="7">
        <v>10.135284</v>
      </c>
      <c r="Y863" s="7">
        <v>5</v>
      </c>
      <c r="Z863" s="7">
        <v>5</v>
      </c>
      <c r="AA863" s="7">
        <v>5</v>
      </c>
      <c r="AB863" s="7">
        <v>11.487069999999999</v>
      </c>
      <c r="AC863" s="7">
        <v>10.797046999999999</v>
      </c>
      <c r="AD863" s="7">
        <v>14.337811</v>
      </c>
      <c r="AE863" s="7">
        <v>14.4481915</v>
      </c>
      <c r="AF863" s="7">
        <v>14.7079773016</v>
      </c>
      <c r="AG863" s="9">
        <v>42064.632282499995</v>
      </c>
      <c r="AH863" s="13">
        <v>2.3236387220098287</v>
      </c>
      <c r="AI863" s="9">
        <v>-18101.914142400001</v>
      </c>
      <c r="AJ863" s="13">
        <v>-0.99994476027494061</v>
      </c>
      <c r="AK863" s="9">
        <v>0</v>
      </c>
      <c r="AL863" s="13">
        <v>0</v>
      </c>
      <c r="AM863" s="9">
        <v>60166.5464249</v>
      </c>
      <c r="AN863" s="13">
        <v>60166.5464249</v>
      </c>
      <c r="AO863" s="9">
        <v>60166.5464249</v>
      </c>
      <c r="AP863" s="13">
        <v>60166.5464249</v>
      </c>
      <c r="AQ863" s="9">
        <v>18102.914142400001</v>
      </c>
      <c r="AR863" s="9">
        <v>16933.399217300001</v>
      </c>
      <c r="AS863" s="9">
        <v>17040.010165899999</v>
      </c>
      <c r="AT863" s="9">
        <v>1</v>
      </c>
      <c r="AU863" s="9">
        <v>1</v>
      </c>
      <c r="AV863" s="9">
        <v>45860.4859468</v>
      </c>
      <c r="AW863" s="9">
        <v>1</v>
      </c>
      <c r="AX863" s="9">
        <v>1</v>
      </c>
      <c r="AY863" s="9">
        <v>44049.524905400001</v>
      </c>
      <c r="AZ863" s="9">
        <v>1</v>
      </c>
      <c r="BA863" s="9">
        <v>1</v>
      </c>
      <c r="BB863" s="9">
        <v>1</v>
      </c>
      <c r="BC863" s="9">
        <v>56682.056174999998</v>
      </c>
      <c r="BD863" s="9">
        <v>49254.291540600003</v>
      </c>
      <c r="BE863" s="9">
        <v>58075.873698399999</v>
      </c>
      <c r="BF863" s="9">
        <v>60167.5464249</v>
      </c>
      <c r="BG863" s="11">
        <v>0</v>
      </c>
      <c r="BH863" s="13">
        <v>0</v>
      </c>
      <c r="BI863" s="6">
        <v>0</v>
      </c>
      <c r="BJ863" s="13">
        <v>0</v>
      </c>
      <c r="BK863" s="6">
        <v>0</v>
      </c>
      <c r="BL863" s="13">
        <v>0</v>
      </c>
      <c r="BM863" s="11">
        <v>0</v>
      </c>
      <c r="BN863" s="13">
        <v>0</v>
      </c>
      <c r="BO863" s="11">
        <v>0</v>
      </c>
      <c r="BP863" s="13">
        <v>0</v>
      </c>
      <c r="BQ863" s="6">
        <v>2</v>
      </c>
      <c r="BR863" s="6">
        <v>2</v>
      </c>
      <c r="BS863" s="6">
        <v>2</v>
      </c>
      <c r="BT863" s="6">
        <v>2</v>
      </c>
      <c r="BU863" s="6">
        <v>2</v>
      </c>
      <c r="BV863" s="6">
        <v>2</v>
      </c>
      <c r="BW863" s="6">
        <v>2</v>
      </c>
      <c r="BX863" s="6">
        <v>2</v>
      </c>
      <c r="BY863" s="6">
        <v>2</v>
      </c>
      <c r="BZ863" s="6">
        <v>2</v>
      </c>
      <c r="CA863" s="6">
        <v>2</v>
      </c>
      <c r="CB863" s="6">
        <v>2</v>
      </c>
      <c r="CC863" s="11">
        <v>2</v>
      </c>
      <c r="CD863" s="11">
        <v>-29.319900000000001</v>
      </c>
      <c r="CE863" s="11">
        <v>3.76552</v>
      </c>
      <c r="CF863" s="11">
        <v>3.9674700000000001</v>
      </c>
      <c r="CG863" s="11">
        <v>8</v>
      </c>
      <c r="CH863" s="20">
        <v>6.16005</v>
      </c>
      <c r="CI863" s="20">
        <v>6.1246099999999997</v>
      </c>
      <c r="CJ863" s="20">
        <v>2.2513000000000001</v>
      </c>
      <c r="CK863" s="20">
        <v>1.3789400000000001</v>
      </c>
      <c r="CL863" s="20">
        <v>0.86324900000000004</v>
      </c>
      <c r="CM863" s="20">
        <v>1.70882</v>
      </c>
      <c r="CN863" s="20">
        <v>1.0436000000000001</v>
      </c>
      <c r="CO863" s="20">
        <v>1.1020300000000001</v>
      </c>
      <c r="CP863" s="20">
        <v>1.38948</v>
      </c>
      <c r="CQ863" s="20">
        <v>1.0217000000000001</v>
      </c>
      <c r="CR863" s="20">
        <v>1.1876100000000001</v>
      </c>
      <c r="CS863" s="20">
        <v>1.14655</v>
      </c>
      <c r="CT863" s="20">
        <v>1.2261899999999999</v>
      </c>
      <c r="CU863" s="20">
        <v>1.11399</v>
      </c>
      <c r="CV863" s="20">
        <v>1.65889</v>
      </c>
      <c r="CW863" s="20">
        <v>1.97319</v>
      </c>
      <c r="CX863" s="20">
        <v>1.95078</v>
      </c>
      <c r="CY863" s="6" t="s">
        <v>525</v>
      </c>
      <c r="CZ863" s="6" t="s">
        <v>526</v>
      </c>
      <c r="DA863" s="6" t="s">
        <v>62</v>
      </c>
      <c r="DB863" s="6" t="s">
        <v>345</v>
      </c>
      <c r="DC863" s="6"/>
      <c r="DD863" s="6"/>
      <c r="DE863" s="6"/>
      <c r="DF863" s="6"/>
      <c r="DG863" s="6"/>
      <c r="DH863" s="6" t="s">
        <v>333</v>
      </c>
      <c r="DI863" s="6"/>
      <c r="DJ863" s="6"/>
      <c r="DK863" s="6"/>
      <c r="DL863" s="6">
        <v>7</v>
      </c>
      <c r="DM863" s="6" t="s">
        <v>485</v>
      </c>
      <c r="DN863" s="6">
        <v>8</v>
      </c>
      <c r="DO863" s="6" t="s">
        <v>486</v>
      </c>
      <c r="DP863" s="6"/>
      <c r="DQ863" s="6"/>
    </row>
    <row r="864" spans="1:121" x14ac:dyDescent="0.2">
      <c r="A864" s="6" t="s">
        <v>311</v>
      </c>
      <c r="B864" s="6" t="s">
        <v>311</v>
      </c>
      <c r="C864" s="6" t="s">
        <v>174</v>
      </c>
      <c r="D864" s="6" t="s">
        <v>62</v>
      </c>
      <c r="E864" s="6" t="s">
        <v>203</v>
      </c>
      <c r="F864" s="11">
        <v>1</v>
      </c>
      <c r="G864" s="13">
        <v>1</v>
      </c>
      <c r="H864" s="11">
        <v>7.1033799999999996</v>
      </c>
      <c r="I864" s="13">
        <v>1.4206759999999998</v>
      </c>
      <c r="J864" s="11">
        <v>-7.1033799999999996</v>
      </c>
      <c r="K864" s="13">
        <v>-0.58689225654321353</v>
      </c>
      <c r="L864" s="11">
        <v>0</v>
      </c>
      <c r="M864" s="13">
        <v>0</v>
      </c>
      <c r="N864" s="11">
        <v>-7.1033799999999996</v>
      </c>
      <c r="O864" s="13">
        <v>-0.58689225654321353</v>
      </c>
      <c r="P864" s="7">
        <v>5</v>
      </c>
      <c r="Q864" s="7">
        <v>5</v>
      </c>
      <c r="R864" s="7">
        <v>5</v>
      </c>
      <c r="S864" s="7">
        <v>5</v>
      </c>
      <c r="T864" s="7">
        <v>5</v>
      </c>
      <c r="U864" s="7">
        <v>13.86814</v>
      </c>
      <c r="V864" s="7">
        <v>12.10338</v>
      </c>
      <c r="W864" s="7">
        <v>5</v>
      </c>
      <c r="X864" s="7">
        <v>5</v>
      </c>
      <c r="Y864" s="7">
        <v>5</v>
      </c>
      <c r="Z864" s="7">
        <v>5</v>
      </c>
      <c r="AA864" s="7">
        <v>5</v>
      </c>
      <c r="AB864" s="7">
        <v>5</v>
      </c>
      <c r="AC864" s="7">
        <v>5</v>
      </c>
      <c r="AD864" s="7">
        <v>5</v>
      </c>
      <c r="AE864" s="7">
        <v>5</v>
      </c>
      <c r="AF864" s="7">
        <v>5</v>
      </c>
      <c r="AG864" s="9">
        <v>0</v>
      </c>
      <c r="AH864" s="13">
        <v>0</v>
      </c>
      <c r="AI864" s="9">
        <v>87402.963620099996</v>
      </c>
      <c r="AJ864" s="13">
        <v>87402.963620099996</v>
      </c>
      <c r="AK864" s="9">
        <v>-87402.963620099996</v>
      </c>
      <c r="AL864" s="13">
        <v>-0.99998855887126192</v>
      </c>
      <c r="AM864" s="9">
        <v>0</v>
      </c>
      <c r="AN864" s="13">
        <v>0</v>
      </c>
      <c r="AO864" s="9">
        <v>-87402.963620099996</v>
      </c>
      <c r="AP864" s="13">
        <v>-0.99998855887126192</v>
      </c>
      <c r="AQ864" s="9">
        <v>1</v>
      </c>
      <c r="AR864" s="9">
        <v>1</v>
      </c>
      <c r="AS864" s="9">
        <v>1</v>
      </c>
      <c r="AT864" s="9">
        <v>1</v>
      </c>
      <c r="AU864" s="9">
        <v>1</v>
      </c>
      <c r="AV864" s="9">
        <v>77437.245964799993</v>
      </c>
      <c r="AW864" s="9">
        <v>87403.963620099996</v>
      </c>
      <c r="AX864" s="9">
        <v>1</v>
      </c>
      <c r="AY864" s="9">
        <v>1</v>
      </c>
      <c r="AZ864" s="9">
        <v>1</v>
      </c>
      <c r="BA864" s="9">
        <v>1</v>
      </c>
      <c r="BB864" s="9">
        <v>1</v>
      </c>
      <c r="BC864" s="9">
        <v>1</v>
      </c>
      <c r="BD864" s="9">
        <v>1</v>
      </c>
      <c r="BE864" s="9">
        <v>1</v>
      </c>
      <c r="BF864" s="9">
        <v>1</v>
      </c>
      <c r="BG864" s="11">
        <v>0</v>
      </c>
      <c r="BH864" s="13">
        <v>0</v>
      </c>
      <c r="BI864" s="6">
        <v>0</v>
      </c>
      <c r="BJ864" s="13">
        <v>0</v>
      </c>
      <c r="BK864" s="6">
        <v>0</v>
      </c>
      <c r="BL864" s="13">
        <v>0</v>
      </c>
      <c r="BM864" s="11">
        <v>0</v>
      </c>
      <c r="BN864" s="13">
        <v>0</v>
      </c>
      <c r="BO864" s="11">
        <v>0</v>
      </c>
      <c r="BP864" s="13">
        <v>0</v>
      </c>
      <c r="BQ864" s="6">
        <v>1</v>
      </c>
      <c r="BR864" s="6">
        <v>1</v>
      </c>
      <c r="BS864" s="6">
        <v>1</v>
      </c>
      <c r="BT864" s="6">
        <v>1</v>
      </c>
      <c r="BU864" s="6">
        <v>1</v>
      </c>
      <c r="BV864" s="6">
        <v>1</v>
      </c>
      <c r="BW864" s="6">
        <v>1</v>
      </c>
      <c r="BX864" s="6">
        <v>1</v>
      </c>
      <c r="BY864" s="6">
        <v>1</v>
      </c>
      <c r="BZ864" s="6">
        <v>1</v>
      </c>
      <c r="CA864" s="6">
        <v>1</v>
      </c>
      <c r="CB864" s="6">
        <v>1</v>
      </c>
      <c r="CC864" s="11">
        <v>1</v>
      </c>
      <c r="CD864" s="11">
        <v>3.0426799999999998</v>
      </c>
      <c r="CE864" s="11">
        <v>-0.84371499999999999</v>
      </c>
      <c r="CF864" s="11">
        <v>0.56635999999999997</v>
      </c>
      <c r="CG864" s="11">
        <v>0</v>
      </c>
      <c r="CH864" s="20">
        <v>0.80258700000000005</v>
      </c>
      <c r="CI864" s="20">
        <v>0.467667</v>
      </c>
      <c r="CJ864" s="20">
        <v>1.0205900000000001</v>
      </c>
      <c r="CK864" s="20">
        <v>0.188473</v>
      </c>
      <c r="CL864" s="20">
        <v>0.102211</v>
      </c>
      <c r="CM864" s="20">
        <v>2.3517999999999999</v>
      </c>
      <c r="CN864" s="20">
        <v>2.0440299999999998</v>
      </c>
      <c r="CO864" s="20">
        <v>1.53199</v>
      </c>
      <c r="CP864" s="20">
        <v>0.110017</v>
      </c>
      <c r="CQ864" s="20">
        <v>1.0566599999999999</v>
      </c>
      <c r="CR864" s="20">
        <v>0.83702100000000002</v>
      </c>
      <c r="CS864" s="20">
        <v>0.89748899999999998</v>
      </c>
      <c r="CT864" s="20">
        <v>1.1429499999999999</v>
      </c>
      <c r="CU864" s="20">
        <v>1.2293700000000001</v>
      </c>
      <c r="CV864" s="20">
        <v>1.1776</v>
      </c>
      <c r="CW864" s="20">
        <v>1.2491300000000001</v>
      </c>
      <c r="CX864" s="20">
        <v>1.23292</v>
      </c>
      <c r="CY864" s="6" t="s">
        <v>525</v>
      </c>
      <c r="CZ864" s="6" t="s">
        <v>526</v>
      </c>
      <c r="DA864" s="6" t="s">
        <v>62</v>
      </c>
      <c r="DB864" s="6" t="s">
        <v>345</v>
      </c>
      <c r="DC864" s="6"/>
      <c r="DD864" s="6"/>
      <c r="DE864" s="6"/>
      <c r="DF864" s="6"/>
      <c r="DG864" s="6"/>
      <c r="DH864" s="6" t="s">
        <v>333</v>
      </c>
      <c r="DI864" s="6"/>
      <c r="DJ864" s="6"/>
      <c r="DK864" s="6"/>
      <c r="DL864" s="6">
        <v>7</v>
      </c>
      <c r="DM864" s="6" t="s">
        <v>485</v>
      </c>
      <c r="DN864" s="6">
        <v>8</v>
      </c>
      <c r="DO864" s="6" t="s">
        <v>486</v>
      </c>
      <c r="DP864" s="6"/>
      <c r="DQ864" s="6"/>
    </row>
    <row r="865" spans="1:121" x14ac:dyDescent="0.2">
      <c r="A865" s="6" t="s">
        <v>312</v>
      </c>
      <c r="B865" s="6" t="s">
        <v>312</v>
      </c>
      <c r="C865" s="6" t="s">
        <v>175</v>
      </c>
      <c r="D865" s="6" t="s">
        <v>62</v>
      </c>
      <c r="E865" s="6" t="s">
        <v>203</v>
      </c>
      <c r="F865" s="11">
        <v>-50</v>
      </c>
      <c r="G865" s="13">
        <v>-0.247524752475</v>
      </c>
      <c r="H865" s="11">
        <v>17.325927642000011</v>
      </c>
      <c r="I865" s="13">
        <v>8.5973056512536478E-2</v>
      </c>
      <c r="J865" s="11">
        <v>-24.793709697999986</v>
      </c>
      <c r="K865" s="13">
        <v>-0.1132891536303825</v>
      </c>
      <c r="L865" s="11">
        <v>-41.698885443000023</v>
      </c>
      <c r="M865" s="13">
        <v>-0.21487666085844881</v>
      </c>
      <c r="N865" s="11">
        <v>-66.49259514100001</v>
      </c>
      <c r="O865" s="13">
        <v>-0.3038226194452549</v>
      </c>
      <c r="P865" s="7">
        <v>201.52741271299999</v>
      </c>
      <c r="Q865" s="7">
        <v>197.82308353799999</v>
      </c>
      <c r="R865" s="7">
        <v>217.174546951</v>
      </c>
      <c r="S865" s="7">
        <v>222.64806604</v>
      </c>
      <c r="T865" s="7">
        <v>230.06472523400001</v>
      </c>
      <c r="U865" s="7">
        <v>241.16426395600001</v>
      </c>
      <c r="V865" s="7">
        <v>218.853340355</v>
      </c>
      <c r="W865" s="7">
        <v>208.42011303999999</v>
      </c>
      <c r="X865" s="7">
        <v>197.78588434400001</v>
      </c>
      <c r="Y865" s="7">
        <v>194.05963065700001</v>
      </c>
      <c r="Z865" s="7">
        <v>153.55579535300001</v>
      </c>
      <c r="AA865" s="7">
        <v>147.877410005</v>
      </c>
      <c r="AB865" s="7">
        <v>136.03742248200001</v>
      </c>
      <c r="AC865" s="7">
        <v>143.88571541900001</v>
      </c>
      <c r="AD865" s="7">
        <v>150.001067611</v>
      </c>
      <c r="AE865" s="7">
        <v>153.333505016</v>
      </c>
      <c r="AF865" s="7">
        <v>152.36074521399999</v>
      </c>
      <c r="AG865" s="9">
        <v>3402.5009912999994</v>
      </c>
      <c r="AH865" s="13">
        <v>0.16852356935403628</v>
      </c>
      <c r="AI865" s="9">
        <v>867.19722990000082</v>
      </c>
      <c r="AJ865" s="13">
        <v>4.2951691385354672E-2</v>
      </c>
      <c r="AK865" s="9">
        <v>-86.243148500001553</v>
      </c>
      <c r="AL865" s="13">
        <v>-4.0956496471933309E-3</v>
      </c>
      <c r="AM865" s="9">
        <v>2621.5469099000002</v>
      </c>
      <c r="AN865" s="13">
        <v>0.12500811304945175</v>
      </c>
      <c r="AO865" s="9">
        <v>2535.3037613999986</v>
      </c>
      <c r="AP865" s="13">
        <v>0.12040047396815114</v>
      </c>
      <c r="AQ865" s="9">
        <v>20190.0600868</v>
      </c>
      <c r="AR865" s="9">
        <v>20915.8587315</v>
      </c>
      <c r="AS865" s="9">
        <v>21617.0319681</v>
      </c>
      <c r="AT865" s="9">
        <v>22474.614922299999</v>
      </c>
      <c r="AU865" s="9">
        <v>22933.262566599999</v>
      </c>
      <c r="AV865" s="9">
        <v>22980.3745055</v>
      </c>
      <c r="AW865" s="9">
        <v>21057.257316700001</v>
      </c>
      <c r="AX865" s="9">
        <v>21497.566728099999</v>
      </c>
      <c r="AY865" s="9">
        <v>19922.2299852</v>
      </c>
      <c r="AZ865" s="9">
        <v>20971.014168199999</v>
      </c>
      <c r="BA865" s="9">
        <v>21423.423354099999</v>
      </c>
      <c r="BB865" s="9">
        <v>22403.294158699999</v>
      </c>
      <c r="BC865" s="9">
        <v>23802.099895899999</v>
      </c>
      <c r="BD865" s="9">
        <v>24297.895537299999</v>
      </c>
      <c r="BE865" s="9">
        <v>23536.223387499998</v>
      </c>
      <c r="BF865" s="9">
        <v>23592.5610781</v>
      </c>
      <c r="BG865" s="11">
        <v>-15.75</v>
      </c>
      <c r="BH865" s="13">
        <v>-0.52500000000000002</v>
      </c>
      <c r="BI865" s="6">
        <v>-4</v>
      </c>
      <c r="BJ865" s="13">
        <v>-0.13333333333333333</v>
      </c>
      <c r="BK865" s="6">
        <v>-5</v>
      </c>
      <c r="BL865" s="13">
        <v>-0.19230769230769232</v>
      </c>
      <c r="BM865" s="11">
        <v>-6.75</v>
      </c>
      <c r="BN865" s="13">
        <v>-0.32142857142857145</v>
      </c>
      <c r="BO865" s="11">
        <v>-11.75</v>
      </c>
      <c r="BP865" s="13">
        <v>-0.45192307692307693</v>
      </c>
      <c r="BQ865" s="6">
        <v>30</v>
      </c>
      <c r="BR865" s="6">
        <v>29</v>
      </c>
      <c r="BS865" s="6">
        <v>27</v>
      </c>
      <c r="BT865" s="6">
        <v>26</v>
      </c>
      <c r="BU865" s="6">
        <v>25</v>
      </c>
      <c r="BV865" s="6">
        <v>21</v>
      </c>
      <c r="BW865" s="6">
        <v>21</v>
      </c>
      <c r="BX865" s="6">
        <v>16</v>
      </c>
      <c r="BY865" s="6">
        <v>14</v>
      </c>
      <c r="BZ865" s="6">
        <v>16</v>
      </c>
      <c r="CA865" s="6">
        <v>17</v>
      </c>
      <c r="CB865" s="6">
        <v>16</v>
      </c>
      <c r="CC865" s="11">
        <v>14.25</v>
      </c>
      <c r="CD865" s="11">
        <v>-46.785899999999998</v>
      </c>
      <c r="CE865" s="11">
        <v>-24.4101</v>
      </c>
      <c r="CF865" s="11">
        <v>22.029399999999999</v>
      </c>
      <c r="CG865" s="11">
        <v>-2</v>
      </c>
      <c r="CH865" s="20">
        <v>2.1522999999999999</v>
      </c>
      <c r="CI865" s="20">
        <v>2.1108799999999999</v>
      </c>
      <c r="CJ865" s="20">
        <v>2.1317300000000001</v>
      </c>
      <c r="CK865" s="20">
        <v>2.0943800000000001</v>
      </c>
      <c r="CL865" s="20">
        <v>2.17964</v>
      </c>
      <c r="CM865" s="20">
        <v>2.2276899999999999</v>
      </c>
      <c r="CN865" s="20">
        <v>2.04033</v>
      </c>
      <c r="CO865" s="20">
        <v>2.09613</v>
      </c>
      <c r="CP865" s="20">
        <v>2.1761499999999998</v>
      </c>
      <c r="CQ865" s="20">
        <v>2.25726</v>
      </c>
      <c r="CR865" s="20">
        <v>1.9176500000000001</v>
      </c>
      <c r="CS865" s="20">
        <v>1.85426</v>
      </c>
      <c r="CT865" s="20">
        <v>1.5659000000000001</v>
      </c>
      <c r="CU865" s="20">
        <v>1.59358</v>
      </c>
      <c r="CV865" s="20">
        <v>1.6049199999999999</v>
      </c>
      <c r="CW865" s="20">
        <v>1.60917</v>
      </c>
      <c r="CX865" s="20">
        <v>1.5609999999999999</v>
      </c>
      <c r="CY865" s="6" t="s">
        <v>525</v>
      </c>
      <c r="CZ865" s="6" t="s">
        <v>526</v>
      </c>
      <c r="DA865" s="6" t="s">
        <v>62</v>
      </c>
      <c r="DB865" s="6" t="s">
        <v>345</v>
      </c>
      <c r="DC865" s="6"/>
      <c r="DD865" s="6"/>
      <c r="DE865" s="6"/>
      <c r="DF865" s="6"/>
      <c r="DG865" s="6"/>
      <c r="DH865" s="6" t="s">
        <v>333</v>
      </c>
      <c r="DI865" s="6"/>
      <c r="DJ865" s="6"/>
      <c r="DK865" s="6"/>
      <c r="DL865" s="6">
        <v>7</v>
      </c>
      <c r="DM865" s="6" t="s">
        <v>485</v>
      </c>
      <c r="DN865" s="6">
        <v>8</v>
      </c>
      <c r="DO865" s="6" t="s">
        <v>486</v>
      </c>
      <c r="DP865" s="6"/>
      <c r="DQ865" s="6"/>
    </row>
    <row r="866" spans="1:121" x14ac:dyDescent="0.2">
      <c r="A866" s="6" t="s">
        <v>792</v>
      </c>
      <c r="B866" s="6" t="s">
        <v>176</v>
      </c>
      <c r="C866" s="6" t="s">
        <v>177</v>
      </c>
      <c r="D866" s="6" t="s">
        <v>62</v>
      </c>
      <c r="E866" s="6" t="s">
        <v>203</v>
      </c>
      <c r="F866" s="11">
        <v>-84</v>
      </c>
      <c r="G866" s="13">
        <v>-0.84</v>
      </c>
      <c r="H866" s="11">
        <v>-62.980617743799996</v>
      </c>
      <c r="I866" s="13">
        <v>-0.62834478201621502</v>
      </c>
      <c r="J866" s="11">
        <v>-12.766157182099999</v>
      </c>
      <c r="K866" s="13">
        <v>-0.34269758940991812</v>
      </c>
      <c r="L866" s="11">
        <v>-8.0555485570000016</v>
      </c>
      <c r="M866" s="13">
        <v>-0.32898853017712737</v>
      </c>
      <c r="N866" s="11">
        <v>-20.8217057391</v>
      </c>
      <c r="O866" s="13">
        <v>-0.5589425433518318</v>
      </c>
      <c r="P866" s="7">
        <v>100.232578588</v>
      </c>
      <c r="Q866" s="7">
        <v>83.9018069782</v>
      </c>
      <c r="R866" s="7">
        <v>67.040591845700007</v>
      </c>
      <c r="S866" s="7">
        <v>65.930046125800004</v>
      </c>
      <c r="T866" s="7">
        <v>57.951846493700003</v>
      </c>
      <c r="U866" s="7">
        <v>49.947370192500003</v>
      </c>
      <c r="V866" s="7">
        <v>37.251960844199999</v>
      </c>
      <c r="W866" s="7">
        <v>34.163082436499998</v>
      </c>
      <c r="X866" s="7">
        <v>28.215634401599999</v>
      </c>
      <c r="Y866" s="7">
        <v>24.4858036621</v>
      </c>
      <c r="Z866" s="7">
        <v>21.880234837900002</v>
      </c>
      <c r="AA866" s="7">
        <v>17.543545623</v>
      </c>
      <c r="AB866" s="7">
        <v>20.676310882700001</v>
      </c>
      <c r="AC866" s="7">
        <v>19.1963180222</v>
      </c>
      <c r="AD866" s="7">
        <v>15.357831921100001</v>
      </c>
      <c r="AE866" s="7">
        <v>15.7801312091</v>
      </c>
      <c r="AF866" s="7">
        <v>16.430255105099999</v>
      </c>
      <c r="AG866" s="9">
        <v>4529.6965821999984</v>
      </c>
      <c r="AH866" s="13">
        <v>0.18028741348024413</v>
      </c>
      <c r="AI866" s="9">
        <v>-3300.0406524999999</v>
      </c>
      <c r="AJ866" s="13">
        <v>-0.13134561726647084</v>
      </c>
      <c r="AK866" s="9">
        <v>3404.0155989999985</v>
      </c>
      <c r="AL866" s="13">
        <v>0.1559699102850983</v>
      </c>
      <c r="AM866" s="9">
        <v>4425.7216356999998</v>
      </c>
      <c r="AN866" s="13">
        <v>0.17542312601488674</v>
      </c>
      <c r="AO866" s="9">
        <v>7829.7372346999982</v>
      </c>
      <c r="AP866" s="13">
        <v>0.35875376552645843</v>
      </c>
      <c r="AQ866" s="9">
        <v>25124.8630992</v>
      </c>
      <c r="AR866" s="9">
        <v>26391.183442599999</v>
      </c>
      <c r="AS866" s="9">
        <v>28838.109199400002</v>
      </c>
      <c r="AT866" s="9">
        <v>29076.3010154</v>
      </c>
      <c r="AU866" s="9">
        <v>28911.9454754</v>
      </c>
      <c r="AV866" s="9">
        <v>25866.3963257</v>
      </c>
      <c r="AW866" s="9">
        <v>21824.8224467</v>
      </c>
      <c r="AX866" s="9">
        <v>26425.3888926</v>
      </c>
      <c r="AY866" s="9">
        <v>25046.6892181</v>
      </c>
      <c r="AZ866" s="9">
        <v>25228.838045699998</v>
      </c>
      <c r="BA866" s="9">
        <v>26759.763082699999</v>
      </c>
      <c r="BB866" s="9">
        <v>23256.891487600002</v>
      </c>
      <c r="BC866" s="9">
        <v>24859.283164100001</v>
      </c>
      <c r="BD866" s="9">
        <v>26665.201068499999</v>
      </c>
      <c r="BE866" s="9">
        <v>28559.4616317</v>
      </c>
      <c r="BF866" s="9">
        <v>29654.559681399998</v>
      </c>
      <c r="BG866" s="11">
        <v>-6</v>
      </c>
      <c r="BH866" s="13">
        <v>-0.66666666666666663</v>
      </c>
      <c r="BI866" s="6">
        <v>-1</v>
      </c>
      <c r="BJ866" s="13">
        <v>-0.1111111111111111</v>
      </c>
      <c r="BK866" s="6">
        <v>-3</v>
      </c>
      <c r="BL866" s="13">
        <v>-0.375</v>
      </c>
      <c r="BM866" s="11">
        <v>-2</v>
      </c>
      <c r="BN866" s="13">
        <v>-0.4</v>
      </c>
      <c r="BO866" s="11">
        <v>-5</v>
      </c>
      <c r="BP866" s="13">
        <v>-0.625</v>
      </c>
      <c r="BQ866" s="6">
        <v>9</v>
      </c>
      <c r="BR866" s="6">
        <v>9</v>
      </c>
      <c r="BS866" s="6">
        <v>8</v>
      </c>
      <c r="BT866" s="6">
        <v>8</v>
      </c>
      <c r="BU866" s="6">
        <v>5</v>
      </c>
      <c r="BV866" s="6">
        <v>5</v>
      </c>
      <c r="BW866" s="6">
        <v>5</v>
      </c>
      <c r="BX866" s="6">
        <v>4</v>
      </c>
      <c r="BY866" s="6">
        <v>4</v>
      </c>
      <c r="BZ866" s="6">
        <v>3</v>
      </c>
      <c r="CA866" s="6">
        <v>3</v>
      </c>
      <c r="CB866" s="6">
        <v>4</v>
      </c>
      <c r="CC866" s="11">
        <v>3</v>
      </c>
      <c r="CD866" s="11">
        <v>-59.379100000000001</v>
      </c>
      <c r="CE866" s="11">
        <v>-35.379899999999999</v>
      </c>
      <c r="CF866" s="11">
        <v>10.9566</v>
      </c>
      <c r="CG866" s="11">
        <v>-24</v>
      </c>
      <c r="CH866" s="20">
        <v>0.55915700000000002</v>
      </c>
      <c r="CI866" s="20">
        <v>0.49974200000000002</v>
      </c>
      <c r="CJ866" s="20">
        <v>0.39265299999999997</v>
      </c>
      <c r="CK866" s="20">
        <v>0.391953</v>
      </c>
      <c r="CL866" s="20">
        <v>0.36538500000000002</v>
      </c>
      <c r="CM866" s="20">
        <v>0.32183200000000001</v>
      </c>
      <c r="CN866" s="20">
        <v>0.24526200000000001</v>
      </c>
      <c r="CO866" s="20">
        <v>0.237401</v>
      </c>
      <c r="CP866" s="20">
        <v>0.211335</v>
      </c>
      <c r="CQ866" s="20">
        <v>0.183418</v>
      </c>
      <c r="CR866" s="20">
        <v>0.17072799999999999</v>
      </c>
      <c r="CS866" s="20">
        <v>0.136461</v>
      </c>
      <c r="CT866" s="20">
        <v>0.14996399999999999</v>
      </c>
      <c r="CU866" s="20">
        <v>0.13724500000000001</v>
      </c>
      <c r="CV866" s="20">
        <v>0.10904700000000001</v>
      </c>
      <c r="CW866" s="20">
        <v>0.11229699999999999</v>
      </c>
      <c r="CX866" s="20">
        <v>0.114882</v>
      </c>
      <c r="CY866" s="6" t="s">
        <v>525</v>
      </c>
      <c r="CZ866" s="6" t="s">
        <v>526</v>
      </c>
      <c r="DA866" s="6" t="s">
        <v>62</v>
      </c>
      <c r="DB866" s="6" t="s">
        <v>345</v>
      </c>
      <c r="DC866" s="6"/>
      <c r="DD866" s="6"/>
      <c r="DE866" s="6"/>
      <c r="DF866" s="6"/>
      <c r="DG866" s="6"/>
      <c r="DH866" s="6" t="s">
        <v>333</v>
      </c>
      <c r="DI866" s="6"/>
      <c r="DJ866" s="6"/>
      <c r="DK866" s="6"/>
      <c r="DL866" s="6">
        <v>7</v>
      </c>
      <c r="DM866" s="6" t="s">
        <v>485</v>
      </c>
      <c r="DN866" s="6">
        <v>8</v>
      </c>
      <c r="DO866" s="6" t="s">
        <v>486</v>
      </c>
      <c r="DP866" s="6"/>
      <c r="DQ866" s="6"/>
    </row>
    <row r="867" spans="1:121" x14ac:dyDescent="0.2">
      <c r="A867" s="6" t="s">
        <v>313</v>
      </c>
      <c r="B867" s="6" t="s">
        <v>313</v>
      </c>
      <c r="C867" s="6" t="s">
        <v>178</v>
      </c>
      <c r="D867" s="6" t="s">
        <v>62</v>
      </c>
      <c r="E867" s="6" t="s">
        <v>203</v>
      </c>
      <c r="F867" s="11">
        <v>7</v>
      </c>
      <c r="G867" s="13">
        <v>0.38888888888899997</v>
      </c>
      <c r="H867" s="11">
        <v>-2.0054062479999999</v>
      </c>
      <c r="I867" s="13">
        <v>-0.1143163324641657</v>
      </c>
      <c r="J867" s="11">
        <v>12.0030545485</v>
      </c>
      <c r="K867" s="13">
        <v>0.77253659801439556</v>
      </c>
      <c r="L867" s="11">
        <v>-2.8369327642999984</v>
      </c>
      <c r="M867" s="13">
        <v>-0.1030104098566328</v>
      </c>
      <c r="N867" s="11">
        <v>9.1661217842000013</v>
      </c>
      <c r="O867" s="13">
        <v>0.58994687656705114</v>
      </c>
      <c r="P867" s="7">
        <v>17.5426048472</v>
      </c>
      <c r="Q867" s="7">
        <v>22.546084590300001</v>
      </c>
      <c r="R867" s="7">
        <v>23.2205527544</v>
      </c>
      <c r="S867" s="7">
        <v>23.182810870000001</v>
      </c>
      <c r="T867" s="7">
        <v>24.2800078408</v>
      </c>
      <c r="U867" s="7">
        <v>12.580937134499999</v>
      </c>
      <c r="V867" s="7">
        <v>15.5371985992</v>
      </c>
      <c r="W867" s="7">
        <v>16.569348659900001</v>
      </c>
      <c r="X867" s="7">
        <v>25.597908322199999</v>
      </c>
      <c r="Y867" s="7">
        <v>27.5402531477</v>
      </c>
      <c r="Z867" s="7">
        <v>24.3728217916</v>
      </c>
      <c r="AA867" s="7">
        <v>24.8315794128</v>
      </c>
      <c r="AB867" s="7">
        <v>26.0749329985</v>
      </c>
      <c r="AC867" s="7">
        <v>22.6919687006</v>
      </c>
      <c r="AD867" s="7">
        <v>24.757408368699998</v>
      </c>
      <c r="AE867" s="7">
        <v>23.686037957300002</v>
      </c>
      <c r="AF867" s="7">
        <v>24.703320383400001</v>
      </c>
      <c r="AG867" s="9">
        <v>3323.896095600001</v>
      </c>
      <c r="AH867" s="13">
        <v>7.5223905274786021E-2</v>
      </c>
      <c r="AI867" s="9">
        <v>-5699.2099010999955</v>
      </c>
      <c r="AJ867" s="13">
        <v>-0.12898021280177244</v>
      </c>
      <c r="AK867" s="9">
        <v>-5868.2448381000031</v>
      </c>
      <c r="AL867" s="13">
        <v>-0.15247148887331471</v>
      </c>
      <c r="AM867" s="9">
        <v>14891.3508348</v>
      </c>
      <c r="AN867" s="13">
        <v>0.45652040554885537</v>
      </c>
      <c r="AO867" s="9">
        <v>9023.1059966999965</v>
      </c>
      <c r="AP867" s="13">
        <v>0.23444257074045721</v>
      </c>
      <c r="AQ867" s="9">
        <v>44186.699473499997</v>
      </c>
      <c r="AR867" s="9">
        <v>44625.558791099997</v>
      </c>
      <c r="AS867" s="9">
        <v>34024.156892200001</v>
      </c>
      <c r="AT867" s="9">
        <v>46374.594255600001</v>
      </c>
      <c r="AU867" s="9">
        <v>49955.9583528</v>
      </c>
      <c r="AV867" s="9">
        <v>31821.058350399999</v>
      </c>
      <c r="AW867" s="9">
        <v>38487.489572400002</v>
      </c>
      <c r="AX867" s="9">
        <v>38569.188399600003</v>
      </c>
      <c r="AY867" s="9">
        <v>59742.128897499999</v>
      </c>
      <c r="AZ867" s="9">
        <v>32619.244734299999</v>
      </c>
      <c r="BA867" s="9">
        <v>32711.856960000001</v>
      </c>
      <c r="BB867" s="9">
        <v>34190.5097857</v>
      </c>
      <c r="BC867" s="9">
        <v>33581.156692099998</v>
      </c>
      <c r="BD867" s="9">
        <v>40785.7197953</v>
      </c>
      <c r="BE867" s="9">
        <v>45440.909074000003</v>
      </c>
      <c r="BF867" s="9">
        <v>47510.595569099998</v>
      </c>
      <c r="BG867" s="11">
        <v>1.75</v>
      </c>
      <c r="BH867" s="13">
        <v>0.58333333333333337</v>
      </c>
      <c r="BI867" s="6">
        <v>1</v>
      </c>
      <c r="BJ867" s="13">
        <v>0.33333333333333331</v>
      </c>
      <c r="BK867" s="6">
        <v>0</v>
      </c>
      <c r="BL867" s="13">
        <v>0</v>
      </c>
      <c r="BM867" s="11">
        <v>0.75</v>
      </c>
      <c r="BN867" s="13">
        <v>0.1875</v>
      </c>
      <c r="BO867" s="11">
        <v>0.75</v>
      </c>
      <c r="BP867" s="13">
        <v>0.1875</v>
      </c>
      <c r="BQ867" s="6">
        <v>3</v>
      </c>
      <c r="BR867" s="6">
        <v>3</v>
      </c>
      <c r="BS867" s="6">
        <v>4</v>
      </c>
      <c r="BT867" s="6">
        <v>4</v>
      </c>
      <c r="BU867" s="6">
        <v>3</v>
      </c>
      <c r="BV867" s="6">
        <v>4</v>
      </c>
      <c r="BW867" s="6">
        <v>4</v>
      </c>
      <c r="BX867" s="6">
        <v>5</v>
      </c>
      <c r="BY867" s="6">
        <v>6</v>
      </c>
      <c r="BZ867" s="6">
        <v>7</v>
      </c>
      <c r="CA867" s="6">
        <v>5</v>
      </c>
      <c r="CB867" s="6">
        <v>5</v>
      </c>
      <c r="CC867" s="11">
        <v>4.75</v>
      </c>
      <c r="CD867" s="11">
        <v>6.6775099999999998</v>
      </c>
      <c r="CE867" s="11">
        <v>-1.43442</v>
      </c>
      <c r="CF867" s="11">
        <v>1.9176200000000001</v>
      </c>
      <c r="CG867" s="11">
        <v>1</v>
      </c>
      <c r="CH867" s="20">
        <v>0.274835</v>
      </c>
      <c r="CI867" s="20">
        <v>0.35818800000000001</v>
      </c>
      <c r="CJ867" s="20">
        <v>0.34676000000000001</v>
      </c>
      <c r="CK867" s="20">
        <v>0.34308300000000003</v>
      </c>
      <c r="CL867" s="20">
        <v>0.37204199999999998</v>
      </c>
      <c r="CM867" s="20">
        <v>0.19168399999999999</v>
      </c>
      <c r="CN867" s="20">
        <v>0.233322</v>
      </c>
      <c r="CO867" s="20">
        <v>0.25589400000000001</v>
      </c>
      <c r="CP867" s="20">
        <v>0.40279199999999998</v>
      </c>
      <c r="CQ867" s="20">
        <v>0.42908299999999999</v>
      </c>
      <c r="CR867" s="20">
        <v>0.39728999999999998</v>
      </c>
      <c r="CS867" s="20">
        <v>0.403028</v>
      </c>
      <c r="CT867" s="20">
        <v>0.39237899999999998</v>
      </c>
      <c r="CU867" s="20">
        <v>0.33702700000000002</v>
      </c>
      <c r="CV867" s="20">
        <v>0.36541200000000001</v>
      </c>
      <c r="CW867" s="20">
        <v>0.35129100000000002</v>
      </c>
      <c r="CX867" s="20">
        <v>0.35705199999999998</v>
      </c>
      <c r="CY867" s="6" t="s">
        <v>525</v>
      </c>
      <c r="CZ867" s="6" t="s">
        <v>526</v>
      </c>
      <c r="DA867" s="6" t="s">
        <v>62</v>
      </c>
      <c r="DB867" s="6" t="s">
        <v>345</v>
      </c>
      <c r="DC867" s="6"/>
      <c r="DD867" s="6"/>
      <c r="DE867" s="6"/>
      <c r="DF867" s="6"/>
      <c r="DG867" s="6"/>
      <c r="DH867" s="6" t="s">
        <v>333</v>
      </c>
      <c r="DI867" s="6"/>
      <c r="DJ867" s="6"/>
      <c r="DK867" s="6"/>
      <c r="DL867" s="6">
        <v>7</v>
      </c>
      <c r="DM867" s="6" t="s">
        <v>485</v>
      </c>
      <c r="DN867" s="6">
        <v>8</v>
      </c>
      <c r="DO867" s="6" t="s">
        <v>486</v>
      </c>
      <c r="DP867" s="6"/>
      <c r="DQ867" s="6"/>
    </row>
    <row r="868" spans="1:121" x14ac:dyDescent="0.2">
      <c r="A868" s="6" t="s">
        <v>793</v>
      </c>
      <c r="B868" s="6" t="s">
        <v>179</v>
      </c>
      <c r="C868" s="6" t="s">
        <v>180</v>
      </c>
      <c r="D868" s="6" t="s">
        <v>62</v>
      </c>
      <c r="E868" s="6" t="s">
        <v>203</v>
      </c>
      <c r="F868" s="11">
        <v>102</v>
      </c>
      <c r="G868" s="13">
        <v>0.47</v>
      </c>
      <c r="H868" s="11">
        <v>25</v>
      </c>
      <c r="I868" s="13">
        <v>0.1146788990825688</v>
      </c>
      <c r="J868" s="11">
        <v>-3</v>
      </c>
      <c r="K868" s="13">
        <v>-1.2345679012345678E-2</v>
      </c>
      <c r="L868" s="11">
        <v>80</v>
      </c>
      <c r="M868" s="13">
        <v>0.33333333333333331</v>
      </c>
      <c r="N868" s="11">
        <v>77</v>
      </c>
      <c r="O868" s="13">
        <v>0.3168724279835391</v>
      </c>
      <c r="P868" s="7">
        <v>218</v>
      </c>
      <c r="Q868" s="7">
        <v>210</v>
      </c>
      <c r="R868" s="7">
        <v>220</v>
      </c>
      <c r="S868" s="7">
        <v>222</v>
      </c>
      <c r="T868" s="7">
        <v>199</v>
      </c>
      <c r="U868" s="7">
        <v>195</v>
      </c>
      <c r="V868" s="7">
        <v>243</v>
      </c>
      <c r="W868" s="7">
        <v>235</v>
      </c>
      <c r="X868" s="7">
        <v>227</v>
      </c>
      <c r="Y868" s="7">
        <v>240</v>
      </c>
      <c r="Z868" s="7">
        <v>236</v>
      </c>
      <c r="AA868" s="7">
        <v>248</v>
      </c>
      <c r="AB868" s="7">
        <v>277</v>
      </c>
      <c r="AC868" s="7">
        <v>299</v>
      </c>
      <c r="AD868" s="7">
        <v>308</v>
      </c>
      <c r="AE868" s="7">
        <v>305</v>
      </c>
      <c r="AF868" s="7">
        <v>320</v>
      </c>
      <c r="AG868" s="9">
        <v>8404</v>
      </c>
      <c r="AH868" s="13">
        <v>0.49017206182560513</v>
      </c>
      <c r="AI868" s="9">
        <v>4173</v>
      </c>
      <c r="AJ868" s="13">
        <v>0.24339457567804024</v>
      </c>
      <c r="AK868" s="9">
        <v>1896</v>
      </c>
      <c r="AL868" s="13">
        <v>8.8938924852237547E-2</v>
      </c>
      <c r="AM868" s="9">
        <v>2335</v>
      </c>
      <c r="AN868" s="13">
        <v>0.1005858533643491</v>
      </c>
      <c r="AO868" s="9">
        <v>4231</v>
      </c>
      <c r="AP868" s="13">
        <v>0.19847077587015668</v>
      </c>
      <c r="AQ868" s="9">
        <v>17145</v>
      </c>
      <c r="AR868" s="9">
        <v>18806</v>
      </c>
      <c r="AS868" s="9">
        <v>19116</v>
      </c>
      <c r="AT868" s="9">
        <v>20508</v>
      </c>
      <c r="AU868" s="9">
        <v>21312</v>
      </c>
      <c r="AV868" s="9">
        <v>23277</v>
      </c>
      <c r="AW868" s="9">
        <v>21318</v>
      </c>
      <c r="AX868" s="9">
        <v>21603</v>
      </c>
      <c r="AY868" s="9">
        <v>22712</v>
      </c>
      <c r="AZ868" s="9">
        <v>23214</v>
      </c>
      <c r="BA868" s="9">
        <v>23854</v>
      </c>
      <c r="BB868" s="9">
        <v>23968</v>
      </c>
      <c r="BC868" s="9">
        <v>24461</v>
      </c>
      <c r="BD868" s="9">
        <v>25361</v>
      </c>
      <c r="BE868" s="9">
        <v>25381</v>
      </c>
      <c r="BF868" s="9">
        <v>25549</v>
      </c>
      <c r="BG868" s="11">
        <v>-4</v>
      </c>
      <c r="BH868" s="13">
        <v>-0.12121212121212122</v>
      </c>
      <c r="BI868" s="6">
        <v>-3</v>
      </c>
      <c r="BJ868" s="13">
        <v>-9.0909090909090912E-2</v>
      </c>
      <c r="BK868" s="6">
        <v>-1</v>
      </c>
      <c r="BL868" s="13">
        <v>-3.3333333333333333E-2</v>
      </c>
      <c r="BM868" s="11">
        <v>0</v>
      </c>
      <c r="BN868" s="13">
        <v>0</v>
      </c>
      <c r="BO868" s="11">
        <v>-1</v>
      </c>
      <c r="BP868" s="13">
        <v>-3.3333333333333333E-2</v>
      </c>
      <c r="BQ868" s="6">
        <v>33</v>
      </c>
      <c r="BR868" s="6">
        <v>29</v>
      </c>
      <c r="BS868" s="6">
        <v>27</v>
      </c>
      <c r="BT868" s="6">
        <v>30</v>
      </c>
      <c r="BU868" s="6">
        <v>29</v>
      </c>
      <c r="BV868" s="6">
        <v>26</v>
      </c>
      <c r="BW868" s="6">
        <v>29</v>
      </c>
      <c r="BX868" s="6">
        <v>29</v>
      </c>
      <c r="BY868" s="6">
        <v>27</v>
      </c>
      <c r="BZ868" s="6">
        <v>26</v>
      </c>
      <c r="CA868" s="6">
        <v>29</v>
      </c>
      <c r="CB868" s="6">
        <v>29</v>
      </c>
      <c r="CC868" s="11">
        <v>29</v>
      </c>
      <c r="CD868" s="11">
        <v>93</v>
      </c>
      <c r="CE868" s="11">
        <v>-14</v>
      </c>
      <c r="CF868" s="11">
        <v>24</v>
      </c>
      <c r="CG868" s="11">
        <v>10</v>
      </c>
      <c r="CH868" s="20">
        <v>1.27</v>
      </c>
      <c r="CI868" s="20">
        <v>1.22</v>
      </c>
      <c r="CJ868" s="20">
        <v>1.21</v>
      </c>
      <c r="CK868" s="20">
        <v>1.21</v>
      </c>
      <c r="CL868" s="20">
        <v>1.1299999999999999</v>
      </c>
      <c r="CM868" s="20">
        <v>1.1200000000000001</v>
      </c>
      <c r="CN868" s="20">
        <v>1.39</v>
      </c>
      <c r="CO868" s="20">
        <v>1.39</v>
      </c>
      <c r="CP868" s="20">
        <v>1.34</v>
      </c>
      <c r="CQ868" s="20">
        <v>1.39</v>
      </c>
      <c r="CR868" s="20">
        <v>1.43</v>
      </c>
      <c r="CS868" s="20">
        <v>1.51</v>
      </c>
      <c r="CT868" s="20">
        <v>1.56</v>
      </c>
      <c r="CU868" s="20">
        <v>1.66</v>
      </c>
      <c r="CV868" s="20">
        <v>1.68</v>
      </c>
      <c r="CW868" s="20">
        <v>1.65</v>
      </c>
      <c r="CX868" s="20">
        <v>1.69</v>
      </c>
      <c r="CY868" s="6" t="s">
        <v>525</v>
      </c>
      <c r="CZ868" s="6" t="s">
        <v>526</v>
      </c>
      <c r="DA868" s="6" t="s">
        <v>62</v>
      </c>
      <c r="DB868" s="6" t="s">
        <v>345</v>
      </c>
      <c r="DC868" s="6"/>
      <c r="DD868" s="6"/>
      <c r="DE868" s="6"/>
      <c r="DF868" s="6"/>
      <c r="DG868" s="6"/>
      <c r="DH868" s="6" t="s">
        <v>333</v>
      </c>
      <c r="DI868" s="6"/>
      <c r="DJ868" s="6"/>
      <c r="DK868" s="6"/>
      <c r="DL868" s="6">
        <v>7</v>
      </c>
      <c r="DM868" s="6" t="s">
        <v>485</v>
      </c>
      <c r="DN868" s="6">
        <v>8</v>
      </c>
      <c r="DO868" s="6" t="s">
        <v>486</v>
      </c>
      <c r="DP868" s="6"/>
      <c r="DQ868" s="6"/>
    </row>
    <row r="869" spans="1:121" x14ac:dyDescent="0.2">
      <c r="A869" s="6" t="s">
        <v>794</v>
      </c>
      <c r="B869" s="6" t="s">
        <v>181</v>
      </c>
      <c r="C869" s="6" t="s">
        <v>182</v>
      </c>
      <c r="D869" s="6" t="s">
        <v>62</v>
      </c>
      <c r="E869" s="6" t="s">
        <v>203</v>
      </c>
      <c r="F869" s="11">
        <v>-3</v>
      </c>
      <c r="G869" s="13">
        <v>-6.9767441860500004E-2</v>
      </c>
      <c r="H869" s="11">
        <v>17.331003153099999</v>
      </c>
      <c r="I869" s="13">
        <v>0.40543267674550981</v>
      </c>
      <c r="J869" s="11">
        <v>-12.404920655599994</v>
      </c>
      <c r="K869" s="13">
        <v>-0.20648047537443412</v>
      </c>
      <c r="L869" s="11">
        <v>-8.1657192084000059</v>
      </c>
      <c r="M869" s="13">
        <v>-0.17128598341394502</v>
      </c>
      <c r="N869" s="11">
        <v>-20.570639864</v>
      </c>
      <c r="O869" s="13">
        <v>-0.34239924750809031</v>
      </c>
      <c r="P869" s="7">
        <v>42.746932221199998</v>
      </c>
      <c r="Q869" s="7">
        <v>40.672370205900002</v>
      </c>
      <c r="R869" s="7">
        <v>47.895743021000001</v>
      </c>
      <c r="S869" s="7">
        <v>50.126350188799996</v>
      </c>
      <c r="T869" s="7">
        <v>36.8884642206</v>
      </c>
      <c r="U869" s="7">
        <v>51.469792620699998</v>
      </c>
      <c r="V869" s="7">
        <v>60.077935374299997</v>
      </c>
      <c r="W869" s="7">
        <v>49.298735746699997</v>
      </c>
      <c r="X869" s="7">
        <v>56.664500992299999</v>
      </c>
      <c r="Y869" s="7">
        <v>47.673014718700003</v>
      </c>
      <c r="Z869" s="7">
        <v>48.610391835100003</v>
      </c>
      <c r="AA869" s="7">
        <v>46.4327078126</v>
      </c>
      <c r="AB869" s="7">
        <v>43.186794581599997</v>
      </c>
      <c r="AC869" s="7">
        <v>40.095748993999997</v>
      </c>
      <c r="AD869" s="7">
        <v>39.317446156899997</v>
      </c>
      <c r="AE869" s="7">
        <v>38.855832482700002</v>
      </c>
      <c r="AF869" s="7">
        <v>39.507295510299997</v>
      </c>
      <c r="AG869" s="9">
        <v>17666.841519699996</v>
      </c>
      <c r="AH869" s="13">
        <v>0.67912795072456233</v>
      </c>
      <c r="AI869" s="9">
        <v>5331.4873704999991</v>
      </c>
      <c r="AJ869" s="13">
        <v>0.20494676924588356</v>
      </c>
      <c r="AK869" s="9">
        <v>-3.4442890999998781</v>
      </c>
      <c r="AL869" s="13">
        <v>-1.0988146156919748E-4</v>
      </c>
      <c r="AM869" s="9">
        <v>12338.798438299997</v>
      </c>
      <c r="AN869" s="13">
        <v>0.39368187781843567</v>
      </c>
      <c r="AO869" s="9">
        <v>12335.354149199997</v>
      </c>
      <c r="AP869" s="13">
        <v>0.39352873801673849</v>
      </c>
      <c r="AQ869" s="9">
        <v>26014.010321400001</v>
      </c>
      <c r="AR869" s="9">
        <v>26937.924191800001</v>
      </c>
      <c r="AS869" s="9">
        <v>26463.486434300001</v>
      </c>
      <c r="AT869" s="9">
        <v>29394.3975039</v>
      </c>
      <c r="AU869" s="9">
        <v>31388.706639700002</v>
      </c>
      <c r="AV869" s="9">
        <v>30505.2516621</v>
      </c>
      <c r="AW869" s="9">
        <v>31345.4976919</v>
      </c>
      <c r="AX869" s="9">
        <v>35062.279161500002</v>
      </c>
      <c r="AY869" s="9">
        <v>34619.263820100001</v>
      </c>
      <c r="AZ869" s="9">
        <v>31342.0534028</v>
      </c>
      <c r="BA869" s="9">
        <v>38820.870784400002</v>
      </c>
      <c r="BB869" s="9">
        <v>32138.017756199999</v>
      </c>
      <c r="BC869" s="9">
        <v>36061.156052099999</v>
      </c>
      <c r="BD869" s="9">
        <v>38833.244155300003</v>
      </c>
      <c r="BE869" s="9">
        <v>46201.686019699999</v>
      </c>
      <c r="BF869" s="9">
        <v>43680.851841099997</v>
      </c>
      <c r="BG869" s="11">
        <v>-2</v>
      </c>
      <c r="BH869" s="13">
        <v>-0.33333333333333331</v>
      </c>
      <c r="BI869" s="6">
        <v>2</v>
      </c>
      <c r="BJ869" s="13">
        <v>0.33333333333333331</v>
      </c>
      <c r="BK869" s="6">
        <v>-2</v>
      </c>
      <c r="BL869" s="13">
        <v>-0.25</v>
      </c>
      <c r="BM869" s="11">
        <v>-2</v>
      </c>
      <c r="BN869" s="13">
        <v>-0.33333333333333331</v>
      </c>
      <c r="BO869" s="11">
        <v>-4</v>
      </c>
      <c r="BP869" s="13">
        <v>-0.5</v>
      </c>
      <c r="BQ869" s="6">
        <v>6</v>
      </c>
      <c r="BR869" s="6">
        <v>7</v>
      </c>
      <c r="BS869" s="6">
        <v>7</v>
      </c>
      <c r="BT869" s="6">
        <v>8</v>
      </c>
      <c r="BU869" s="6">
        <v>6</v>
      </c>
      <c r="BV869" s="6">
        <v>8</v>
      </c>
      <c r="BW869" s="6">
        <v>6</v>
      </c>
      <c r="BX869" s="6">
        <v>7</v>
      </c>
      <c r="BY869" s="6">
        <v>5</v>
      </c>
      <c r="BZ869" s="6">
        <v>6</v>
      </c>
      <c r="CA869" s="6">
        <v>5</v>
      </c>
      <c r="CB869" s="6">
        <v>5</v>
      </c>
      <c r="CC869" s="11">
        <v>4</v>
      </c>
      <c r="CD869" s="11">
        <v>-10.6067</v>
      </c>
      <c r="CE869" s="11">
        <v>2.6943600000000001</v>
      </c>
      <c r="CF869" s="11">
        <v>4.6727499999999997</v>
      </c>
      <c r="CG869" s="11">
        <v>8</v>
      </c>
      <c r="CH869" s="20">
        <v>0.84600900000000001</v>
      </c>
      <c r="CI869" s="20">
        <v>0.82319100000000001</v>
      </c>
      <c r="CJ869" s="20">
        <v>0.91311699999999996</v>
      </c>
      <c r="CK869" s="20">
        <v>0.93792900000000001</v>
      </c>
      <c r="CL869" s="20">
        <v>0.71038699999999999</v>
      </c>
      <c r="CM869" s="20">
        <v>0.98273500000000003</v>
      </c>
      <c r="CN869" s="20">
        <v>1.1281699999999999</v>
      </c>
      <c r="CO869" s="20">
        <v>0.95216699999999999</v>
      </c>
      <c r="CP869" s="20">
        <v>1.1118399999999999</v>
      </c>
      <c r="CQ869" s="20">
        <v>0.920601</v>
      </c>
      <c r="CR869" s="20">
        <v>0.96937300000000004</v>
      </c>
      <c r="CS869" s="20">
        <v>0.91836799999999996</v>
      </c>
      <c r="CT869" s="20">
        <v>0.78719399999999995</v>
      </c>
      <c r="CU869" s="20">
        <v>0.70526299999999997</v>
      </c>
      <c r="CV869" s="20">
        <v>0.66373400000000005</v>
      </c>
      <c r="CW869" s="20">
        <v>0.642266</v>
      </c>
      <c r="CX869" s="20">
        <v>0.63225399999999998</v>
      </c>
      <c r="CY869" s="6" t="s">
        <v>525</v>
      </c>
      <c r="CZ869" s="6" t="s">
        <v>526</v>
      </c>
      <c r="DA869" s="6" t="s">
        <v>62</v>
      </c>
      <c r="DB869" s="6" t="s">
        <v>345</v>
      </c>
      <c r="DC869" s="6"/>
      <c r="DD869" s="6"/>
      <c r="DE869" s="6"/>
      <c r="DF869" s="6"/>
      <c r="DG869" s="6"/>
      <c r="DH869" s="6" t="s">
        <v>333</v>
      </c>
      <c r="DI869" s="6"/>
      <c r="DJ869" s="6"/>
      <c r="DK869" s="6"/>
      <c r="DL869" s="6">
        <v>7</v>
      </c>
      <c r="DM869" s="6" t="s">
        <v>485</v>
      </c>
      <c r="DN869" s="6">
        <v>8</v>
      </c>
      <c r="DO869" s="6" t="s">
        <v>486</v>
      </c>
      <c r="DP869" s="6"/>
      <c r="DQ869" s="6"/>
    </row>
    <row r="870" spans="1:121" x14ac:dyDescent="0.2">
      <c r="A870" s="6" t="s">
        <v>314</v>
      </c>
      <c r="B870" s="6" t="s">
        <v>314</v>
      </c>
      <c r="C870" s="6" t="s">
        <v>183</v>
      </c>
      <c r="D870" s="6" t="s">
        <v>62</v>
      </c>
      <c r="E870" s="6" t="s">
        <v>203</v>
      </c>
      <c r="F870" s="11">
        <v>1</v>
      </c>
      <c r="G870" s="13">
        <v>1</v>
      </c>
      <c r="H870" s="11">
        <v>5.8406470000000006</v>
      </c>
      <c r="I870" s="13">
        <v>1.1681294000000002</v>
      </c>
      <c r="J870" s="11">
        <v>4.3280858217000002</v>
      </c>
      <c r="K870" s="13">
        <v>0.39924608021089514</v>
      </c>
      <c r="L870" s="11">
        <v>-10.168732821700001</v>
      </c>
      <c r="M870" s="13">
        <v>-0.67037457520201504</v>
      </c>
      <c r="N870" s="11">
        <v>-5.8406470000000006</v>
      </c>
      <c r="O870" s="13">
        <v>-0.53877291641356828</v>
      </c>
      <c r="P870" s="7">
        <v>5</v>
      </c>
      <c r="Q870" s="7">
        <v>5</v>
      </c>
      <c r="R870" s="7">
        <v>5</v>
      </c>
      <c r="S870" s="7">
        <v>5</v>
      </c>
      <c r="T870" s="7">
        <v>5</v>
      </c>
      <c r="U870" s="7">
        <v>5</v>
      </c>
      <c r="V870" s="7">
        <v>10.840647000000001</v>
      </c>
      <c r="W870" s="7">
        <v>12.5452000239</v>
      </c>
      <c r="X870" s="7">
        <v>5</v>
      </c>
      <c r="Y870" s="7">
        <v>15.168732821700001</v>
      </c>
      <c r="Z870" s="7">
        <v>15.3734217247</v>
      </c>
      <c r="AA870" s="7">
        <v>12.8595954044</v>
      </c>
      <c r="AB870" s="7">
        <v>10.680215932099999</v>
      </c>
      <c r="AC870" s="7">
        <v>5</v>
      </c>
      <c r="AD870" s="7">
        <v>5</v>
      </c>
      <c r="AE870" s="7">
        <v>5</v>
      </c>
      <c r="AF870" s="7">
        <v>5</v>
      </c>
      <c r="AG870" s="9">
        <v>0</v>
      </c>
      <c r="AH870" s="13">
        <v>0</v>
      </c>
      <c r="AI870" s="9">
        <v>19437.4143372</v>
      </c>
      <c r="AJ870" s="13">
        <v>19437.4143372</v>
      </c>
      <c r="AK870" s="9">
        <v>4469.6206371000007</v>
      </c>
      <c r="AL870" s="13">
        <v>0.22993751236932561</v>
      </c>
      <c r="AM870" s="9">
        <v>-23907.034974300001</v>
      </c>
      <c r="AN870" s="13">
        <v>-0.99995817305767387</v>
      </c>
      <c r="AO870" s="9">
        <v>-19437.4143372</v>
      </c>
      <c r="AP870" s="13">
        <v>-0.99994855547460548</v>
      </c>
      <c r="AQ870" s="9">
        <v>1</v>
      </c>
      <c r="AR870" s="9">
        <v>1</v>
      </c>
      <c r="AS870" s="9">
        <v>1</v>
      </c>
      <c r="AT870" s="9">
        <v>1</v>
      </c>
      <c r="AU870" s="9">
        <v>1</v>
      </c>
      <c r="AV870" s="9">
        <v>1</v>
      </c>
      <c r="AW870" s="9">
        <v>19438.4143372</v>
      </c>
      <c r="AX870" s="9">
        <v>26543.547499</v>
      </c>
      <c r="AY870" s="9">
        <v>1</v>
      </c>
      <c r="AZ870" s="9">
        <v>23908.034974300001</v>
      </c>
      <c r="BA870" s="9">
        <v>22767.127724499998</v>
      </c>
      <c r="BB870" s="9">
        <v>24138.6119143</v>
      </c>
      <c r="BC870" s="9">
        <v>20712.880444999999</v>
      </c>
      <c r="BD870" s="9">
        <v>1</v>
      </c>
      <c r="BE870" s="9">
        <v>1</v>
      </c>
      <c r="BF870" s="9">
        <v>1</v>
      </c>
      <c r="BG870" s="11">
        <v>0</v>
      </c>
      <c r="BH870" s="13">
        <v>0</v>
      </c>
      <c r="BI870" s="6">
        <v>0</v>
      </c>
      <c r="BJ870" s="13">
        <v>0</v>
      </c>
      <c r="BK870" s="6">
        <v>0</v>
      </c>
      <c r="BL870" s="13">
        <v>0</v>
      </c>
      <c r="BM870" s="11">
        <v>0</v>
      </c>
      <c r="BN870" s="13">
        <v>0</v>
      </c>
      <c r="BO870" s="11">
        <v>0</v>
      </c>
      <c r="BP870" s="13">
        <v>0</v>
      </c>
      <c r="BQ870" s="6">
        <v>1</v>
      </c>
      <c r="BR870" s="6">
        <v>1</v>
      </c>
      <c r="BS870" s="6">
        <v>1</v>
      </c>
      <c r="BT870" s="6">
        <v>1</v>
      </c>
      <c r="BU870" s="6">
        <v>1</v>
      </c>
      <c r="BV870" s="6">
        <v>1</v>
      </c>
      <c r="BW870" s="6">
        <v>1</v>
      </c>
      <c r="BX870" s="6">
        <v>1</v>
      </c>
      <c r="BY870" s="6">
        <v>1</v>
      </c>
      <c r="BZ870" s="6">
        <v>1</v>
      </c>
      <c r="CA870" s="6">
        <v>1</v>
      </c>
      <c r="CB870" s="6">
        <v>1</v>
      </c>
      <c r="CC870" s="11">
        <v>1</v>
      </c>
      <c r="CD870" s="11">
        <v>5.2167000000000003</v>
      </c>
      <c r="CE870" s="11">
        <v>-0.54514200000000002</v>
      </c>
      <c r="CF870" s="11">
        <v>0.19455600000000001</v>
      </c>
      <c r="CG870" s="11">
        <v>-1</v>
      </c>
      <c r="CH870" s="20">
        <v>4.4730699999999998E-2</v>
      </c>
      <c r="CI870" s="20">
        <v>0.24047299999999999</v>
      </c>
      <c r="CJ870" s="20">
        <v>6.4680799999999997E-2</v>
      </c>
      <c r="CK870" s="20">
        <v>4.2257700000000002E-2</v>
      </c>
      <c r="CL870" s="20">
        <v>4.9588500000000001E-2</v>
      </c>
      <c r="CM870" s="20">
        <v>0.28914299999999998</v>
      </c>
      <c r="CN870" s="20">
        <v>0.316276</v>
      </c>
      <c r="CO870" s="20">
        <v>0.37972299999999998</v>
      </c>
      <c r="CP870" s="20">
        <v>0.26346599999999998</v>
      </c>
      <c r="CQ870" s="20">
        <v>0.46863199999999999</v>
      </c>
      <c r="CR870" s="20">
        <v>0.50872899999999999</v>
      </c>
      <c r="CS870" s="20">
        <v>0.43058600000000002</v>
      </c>
      <c r="CT870" s="20">
        <v>0.33299200000000001</v>
      </c>
      <c r="CU870" s="20">
        <v>0.25874399999999997</v>
      </c>
      <c r="CV870" s="20">
        <v>0.25856699999999999</v>
      </c>
      <c r="CW870" s="20">
        <v>0.21299100000000001</v>
      </c>
      <c r="CX870" s="20">
        <v>0.19717699999999999</v>
      </c>
      <c r="CY870" s="6" t="s">
        <v>525</v>
      </c>
      <c r="CZ870" s="6" t="s">
        <v>526</v>
      </c>
      <c r="DA870" s="6" t="s">
        <v>62</v>
      </c>
      <c r="DB870" s="6" t="s">
        <v>345</v>
      </c>
      <c r="DC870" s="6"/>
      <c r="DD870" s="6"/>
      <c r="DE870" s="6"/>
      <c r="DF870" s="6"/>
      <c r="DG870" s="6"/>
      <c r="DH870" s="6" t="s">
        <v>333</v>
      </c>
      <c r="DI870" s="6"/>
      <c r="DJ870" s="6"/>
      <c r="DK870" s="6"/>
      <c r="DL870" s="6">
        <v>7</v>
      </c>
      <c r="DM870" s="6" t="s">
        <v>485</v>
      </c>
      <c r="DN870" s="6">
        <v>8</v>
      </c>
      <c r="DO870" s="6" t="s">
        <v>486</v>
      </c>
      <c r="DP870" s="6"/>
      <c r="DQ870" s="6"/>
    </row>
    <row r="871" spans="1:121" x14ac:dyDescent="0.2">
      <c r="A871" s="6" t="s">
        <v>315</v>
      </c>
      <c r="B871" s="6" t="s">
        <v>315</v>
      </c>
      <c r="C871" s="6" t="s">
        <v>184</v>
      </c>
      <c r="D871" s="6" t="s">
        <v>62</v>
      </c>
      <c r="E871" s="6" t="s">
        <v>203</v>
      </c>
      <c r="F871" s="11">
        <v>2</v>
      </c>
      <c r="G871" s="13">
        <v>0.05</v>
      </c>
      <c r="H871" s="11">
        <v>6</v>
      </c>
      <c r="I871" s="13">
        <v>0.13636363636363635</v>
      </c>
      <c r="J871" s="11">
        <v>2</v>
      </c>
      <c r="K871" s="13">
        <v>0.04</v>
      </c>
      <c r="L871" s="11">
        <v>-6</v>
      </c>
      <c r="M871" s="13">
        <v>-0.1153846153846154</v>
      </c>
      <c r="N871" s="11">
        <v>-4</v>
      </c>
      <c r="O871" s="13">
        <v>-0.08</v>
      </c>
      <c r="P871" s="7">
        <v>44</v>
      </c>
      <c r="Q871" s="7">
        <v>44</v>
      </c>
      <c r="R871" s="7">
        <v>46</v>
      </c>
      <c r="S871" s="7">
        <v>47</v>
      </c>
      <c r="T871" s="7">
        <v>46</v>
      </c>
      <c r="U871" s="7">
        <v>52</v>
      </c>
      <c r="V871" s="7">
        <v>50</v>
      </c>
      <c r="W871" s="7">
        <v>52</v>
      </c>
      <c r="X871" s="7">
        <v>54</v>
      </c>
      <c r="Y871" s="7">
        <v>52</v>
      </c>
      <c r="Z871" s="7">
        <v>47</v>
      </c>
      <c r="AA871" s="7">
        <v>49</v>
      </c>
      <c r="AB871" s="7">
        <v>45</v>
      </c>
      <c r="AC871" s="7">
        <v>46</v>
      </c>
      <c r="AD871" s="7">
        <v>44</v>
      </c>
      <c r="AE871" s="7">
        <v>47</v>
      </c>
      <c r="AF871" s="7">
        <v>46</v>
      </c>
      <c r="AG871" s="9">
        <v>14422</v>
      </c>
      <c r="AH871" s="13">
        <v>0.56488190826837958</v>
      </c>
      <c r="AI871" s="9">
        <v>1279</v>
      </c>
      <c r="AJ871" s="13">
        <v>5.0095961771963494E-2</v>
      </c>
      <c r="AK871" s="9">
        <v>1546</v>
      </c>
      <c r="AL871" s="13">
        <v>5.7665050354345389E-2</v>
      </c>
      <c r="AM871" s="9">
        <v>11597</v>
      </c>
      <c r="AN871" s="13">
        <v>0.40897869939342646</v>
      </c>
      <c r="AO871" s="9">
        <v>13143</v>
      </c>
      <c r="AP871" s="13">
        <v>0.4902275270421485</v>
      </c>
      <c r="AQ871" s="9">
        <v>25531</v>
      </c>
      <c r="AR871" s="9">
        <v>25274</v>
      </c>
      <c r="AS871" s="9">
        <v>23949</v>
      </c>
      <c r="AT871" s="9">
        <v>25486</v>
      </c>
      <c r="AU871" s="9">
        <v>24269</v>
      </c>
      <c r="AV871" s="9">
        <v>26153</v>
      </c>
      <c r="AW871" s="9">
        <v>26810</v>
      </c>
      <c r="AX871" s="9">
        <v>28060</v>
      </c>
      <c r="AY871" s="9">
        <v>27332</v>
      </c>
      <c r="AZ871" s="9">
        <v>28356</v>
      </c>
      <c r="BA871" s="9">
        <v>30439</v>
      </c>
      <c r="BB871" s="9">
        <v>34190</v>
      </c>
      <c r="BC871" s="9">
        <v>34785</v>
      </c>
      <c r="BD871" s="9">
        <v>36729</v>
      </c>
      <c r="BE871" s="9">
        <v>34729</v>
      </c>
      <c r="BF871" s="9">
        <v>39953</v>
      </c>
      <c r="BG871" s="11">
        <v>1</v>
      </c>
      <c r="BH871" s="13">
        <v>0.1</v>
      </c>
      <c r="BI871" s="6">
        <v>1</v>
      </c>
      <c r="BJ871" s="13">
        <v>0.1</v>
      </c>
      <c r="BK871" s="6">
        <v>1</v>
      </c>
      <c r="BL871" s="13">
        <v>9.0909090909090912E-2</v>
      </c>
      <c r="BM871" s="11">
        <v>-1</v>
      </c>
      <c r="BN871" s="13">
        <v>-8.3333333333333329E-2</v>
      </c>
      <c r="BO871" s="11">
        <v>0</v>
      </c>
      <c r="BP871" s="13">
        <v>0</v>
      </c>
      <c r="BQ871" s="6">
        <v>10</v>
      </c>
      <c r="BR871" s="6">
        <v>10</v>
      </c>
      <c r="BS871" s="6">
        <v>11</v>
      </c>
      <c r="BT871" s="6">
        <v>11</v>
      </c>
      <c r="BU871" s="6">
        <v>11</v>
      </c>
      <c r="BV871" s="6">
        <v>12</v>
      </c>
      <c r="BW871" s="6">
        <v>12</v>
      </c>
      <c r="BX871" s="6">
        <v>12</v>
      </c>
      <c r="BY871" s="6">
        <v>13</v>
      </c>
      <c r="BZ871" s="6">
        <v>15</v>
      </c>
      <c r="CA871" s="6">
        <v>11</v>
      </c>
      <c r="CB871" s="6">
        <v>12</v>
      </c>
      <c r="CC871" s="11">
        <v>11</v>
      </c>
      <c r="CD871" s="11">
        <v>2</v>
      </c>
      <c r="CE871" s="11">
        <v>-3</v>
      </c>
      <c r="CF871" s="11">
        <v>5</v>
      </c>
      <c r="CG871" s="11">
        <v>2</v>
      </c>
      <c r="CH871" s="20">
        <v>0.67</v>
      </c>
      <c r="CI871" s="20">
        <v>0.67</v>
      </c>
      <c r="CJ871" s="20">
        <v>0.65</v>
      </c>
      <c r="CK871" s="20">
        <v>0.65</v>
      </c>
      <c r="CL871" s="20">
        <v>0.67</v>
      </c>
      <c r="CM871" s="20">
        <v>0.75</v>
      </c>
      <c r="CN871" s="20">
        <v>0.73</v>
      </c>
      <c r="CO871" s="20">
        <v>0.79</v>
      </c>
      <c r="CP871" s="20">
        <v>0.82</v>
      </c>
      <c r="CQ871" s="20">
        <v>0.79</v>
      </c>
      <c r="CR871" s="20">
        <v>0.74</v>
      </c>
      <c r="CS871" s="20">
        <v>0.77</v>
      </c>
      <c r="CT871" s="20">
        <v>0.67</v>
      </c>
      <c r="CU871" s="20">
        <v>0.68</v>
      </c>
      <c r="CV871" s="20">
        <v>0.65</v>
      </c>
      <c r="CW871" s="20">
        <v>0.68</v>
      </c>
      <c r="CX871" s="20">
        <v>0.66</v>
      </c>
      <c r="CY871" s="6" t="s">
        <v>525</v>
      </c>
      <c r="CZ871" s="6" t="s">
        <v>526</v>
      </c>
      <c r="DA871" s="6" t="s">
        <v>62</v>
      </c>
      <c r="DB871" s="6" t="s">
        <v>345</v>
      </c>
      <c r="DC871" s="6"/>
      <c r="DD871" s="6"/>
      <c r="DE871" s="6"/>
      <c r="DF871" s="6"/>
      <c r="DG871" s="6"/>
      <c r="DH871" s="6" t="s">
        <v>333</v>
      </c>
      <c r="DI871" s="6"/>
      <c r="DJ871" s="6"/>
      <c r="DK871" s="6"/>
      <c r="DL871" s="6">
        <v>7</v>
      </c>
      <c r="DM871" s="6" t="s">
        <v>485</v>
      </c>
      <c r="DN871" s="6">
        <v>8</v>
      </c>
      <c r="DO871" s="6" t="s">
        <v>486</v>
      </c>
      <c r="DP871" s="6"/>
      <c r="DQ871" s="6"/>
    </row>
    <row r="872" spans="1:121" x14ac:dyDescent="0.2">
      <c r="A872" s="6" t="s">
        <v>316</v>
      </c>
      <c r="B872" s="6" t="s">
        <v>316</v>
      </c>
      <c r="C872" s="6" t="s">
        <v>185</v>
      </c>
      <c r="D872" s="6" t="s">
        <v>62</v>
      </c>
      <c r="E872" s="6" t="s">
        <v>203</v>
      </c>
      <c r="F872" s="11">
        <v>2</v>
      </c>
      <c r="G872" s="13">
        <v>0.17</v>
      </c>
      <c r="H872" s="11">
        <v>6</v>
      </c>
      <c r="I872" s="13">
        <v>0.5</v>
      </c>
      <c r="J872" s="11">
        <v>-5</v>
      </c>
      <c r="K872" s="13">
        <v>-0.27777777777777779</v>
      </c>
      <c r="L872" s="11">
        <v>1</v>
      </c>
      <c r="M872" s="13">
        <v>7.6923076923076927E-2</v>
      </c>
      <c r="N872" s="11">
        <v>-4</v>
      </c>
      <c r="O872" s="13">
        <v>-0.22222222222222221</v>
      </c>
      <c r="P872" s="7">
        <v>12</v>
      </c>
      <c r="Q872" s="7">
        <v>14</v>
      </c>
      <c r="R872" s="7">
        <v>14</v>
      </c>
      <c r="S872" s="7">
        <v>14</v>
      </c>
      <c r="T872" s="7">
        <v>14</v>
      </c>
      <c r="U872" s="7">
        <v>18</v>
      </c>
      <c r="V872" s="7">
        <v>18</v>
      </c>
      <c r="W872" s="7">
        <v>18</v>
      </c>
      <c r="X872" s="7">
        <v>12</v>
      </c>
      <c r="Y872" s="7">
        <v>13</v>
      </c>
      <c r="Z872" s="7">
        <v>12</v>
      </c>
      <c r="AA872" s="7">
        <v>12</v>
      </c>
      <c r="AB872" s="7">
        <v>14</v>
      </c>
      <c r="AC872" s="7">
        <v>13</v>
      </c>
      <c r="AD872" s="7">
        <v>14</v>
      </c>
      <c r="AE872" s="7">
        <v>14</v>
      </c>
      <c r="AF872" s="7">
        <v>14</v>
      </c>
      <c r="AG872" s="9">
        <v>14331</v>
      </c>
      <c r="AH872" s="13">
        <v>0.76476866428304613</v>
      </c>
      <c r="AI872" s="9">
        <v>3606</v>
      </c>
      <c r="AJ872" s="13">
        <v>0.19243289396445917</v>
      </c>
      <c r="AK872" s="9">
        <v>1227</v>
      </c>
      <c r="AL872" s="13">
        <v>5.4911613336316847E-2</v>
      </c>
      <c r="AM872" s="9">
        <v>9498</v>
      </c>
      <c r="AN872" s="13">
        <v>0.40293568640760224</v>
      </c>
      <c r="AO872" s="9">
        <v>10725</v>
      </c>
      <c r="AP872" s="13">
        <v>0.47997314835533678</v>
      </c>
      <c r="AQ872" s="9">
        <v>18739</v>
      </c>
      <c r="AR872" s="9">
        <v>20504</v>
      </c>
      <c r="AS872" s="9">
        <v>21580</v>
      </c>
      <c r="AT872" s="9">
        <v>21784</v>
      </c>
      <c r="AU872" s="9">
        <v>28830</v>
      </c>
      <c r="AV872" s="9">
        <v>21059</v>
      </c>
      <c r="AW872" s="9">
        <v>22345</v>
      </c>
      <c r="AX872" s="9">
        <v>24594</v>
      </c>
      <c r="AY872" s="9">
        <v>26635</v>
      </c>
      <c r="AZ872" s="9">
        <v>23572</v>
      </c>
      <c r="BA872" s="9">
        <v>29423</v>
      </c>
      <c r="BB872" s="9">
        <v>25780</v>
      </c>
      <c r="BC872" s="9">
        <v>31172</v>
      </c>
      <c r="BD872" s="9">
        <v>26058</v>
      </c>
      <c r="BE872" s="9">
        <v>28376</v>
      </c>
      <c r="BF872" s="9">
        <v>33070</v>
      </c>
      <c r="BG872" s="11">
        <v>-2</v>
      </c>
      <c r="BH872" s="13">
        <v>-0.5</v>
      </c>
      <c r="BI872" s="6">
        <v>-1</v>
      </c>
      <c r="BJ872" s="13">
        <v>-0.25</v>
      </c>
      <c r="BK872" s="6">
        <v>-1</v>
      </c>
      <c r="BL872" s="13">
        <v>-0.33333333333333331</v>
      </c>
      <c r="BM872" s="11">
        <v>0</v>
      </c>
      <c r="BN872" s="13">
        <v>0</v>
      </c>
      <c r="BO872" s="11">
        <v>-1</v>
      </c>
      <c r="BP872" s="13">
        <v>-0.33333333333333331</v>
      </c>
      <c r="BQ872" s="6">
        <v>4</v>
      </c>
      <c r="BR872" s="6">
        <v>4</v>
      </c>
      <c r="BS872" s="6">
        <v>4</v>
      </c>
      <c r="BT872" s="6">
        <v>3</v>
      </c>
      <c r="BU872" s="6">
        <v>3</v>
      </c>
      <c r="BV872" s="6">
        <v>2</v>
      </c>
      <c r="BW872" s="6">
        <v>2</v>
      </c>
      <c r="BX872" s="6">
        <v>2</v>
      </c>
      <c r="BY872" s="6">
        <v>2</v>
      </c>
      <c r="BZ872" s="6">
        <v>2</v>
      </c>
      <c r="CA872" s="6">
        <v>3</v>
      </c>
      <c r="CB872" s="6">
        <v>3</v>
      </c>
      <c r="CC872" s="11">
        <v>2</v>
      </c>
      <c r="CD872" s="11">
        <v>1</v>
      </c>
      <c r="CE872" s="11">
        <v>-1</v>
      </c>
      <c r="CF872" s="11">
        <v>1</v>
      </c>
      <c r="CG872" s="11">
        <v>0</v>
      </c>
      <c r="CH872" s="20">
        <v>0.46</v>
      </c>
      <c r="CI872" s="20">
        <v>0.54</v>
      </c>
      <c r="CJ872" s="20">
        <v>0.49</v>
      </c>
      <c r="CK872" s="20">
        <v>0.46</v>
      </c>
      <c r="CL872" s="20">
        <v>0.47</v>
      </c>
      <c r="CM872" s="20">
        <v>0.6</v>
      </c>
      <c r="CN872" s="20">
        <v>0.6</v>
      </c>
      <c r="CO872" s="20">
        <v>0.63</v>
      </c>
      <c r="CP872" s="20">
        <v>0.44</v>
      </c>
      <c r="CQ872" s="20">
        <v>0.47</v>
      </c>
      <c r="CR872" s="20">
        <v>0.47</v>
      </c>
      <c r="CS872" s="20">
        <v>0.47</v>
      </c>
      <c r="CT872" s="20">
        <v>0.51</v>
      </c>
      <c r="CU872" s="20">
        <v>0.46</v>
      </c>
      <c r="CV872" s="20">
        <v>0.48</v>
      </c>
      <c r="CW872" s="20">
        <v>0.48</v>
      </c>
      <c r="CX872" s="20">
        <v>0.47</v>
      </c>
      <c r="CY872" s="6" t="s">
        <v>525</v>
      </c>
      <c r="CZ872" s="6" t="s">
        <v>526</v>
      </c>
      <c r="DA872" s="6" t="s">
        <v>62</v>
      </c>
      <c r="DB872" s="6" t="s">
        <v>345</v>
      </c>
      <c r="DC872" s="6"/>
      <c r="DD872" s="6"/>
      <c r="DE872" s="6"/>
      <c r="DF872" s="6"/>
      <c r="DG872" s="6"/>
      <c r="DH872" s="6" t="s">
        <v>333</v>
      </c>
      <c r="DI872" s="6"/>
      <c r="DJ872" s="6"/>
      <c r="DK872" s="6"/>
      <c r="DL872" s="6">
        <v>7</v>
      </c>
      <c r="DM872" s="6" t="s">
        <v>485</v>
      </c>
      <c r="DN872" s="6">
        <v>8</v>
      </c>
      <c r="DO872" s="6" t="s">
        <v>486</v>
      </c>
      <c r="DP872" s="6"/>
      <c r="DQ872" s="6"/>
    </row>
    <row r="873" spans="1:121" x14ac:dyDescent="0.2">
      <c r="A873" s="6" t="s">
        <v>317</v>
      </c>
      <c r="B873" s="6" t="s">
        <v>317</v>
      </c>
      <c r="C873" s="6" t="s">
        <v>186</v>
      </c>
      <c r="D873" s="6" t="s">
        <v>62</v>
      </c>
      <c r="E873" s="6" t="s">
        <v>203</v>
      </c>
      <c r="F873" s="11">
        <v>2</v>
      </c>
      <c r="G873" s="13">
        <v>0.1</v>
      </c>
      <c r="H873" s="11">
        <v>-2</v>
      </c>
      <c r="I873" s="13">
        <v>-9.5238095238095233E-2</v>
      </c>
      <c r="J873" s="11">
        <v>1</v>
      </c>
      <c r="K873" s="13">
        <v>5.2631578947368418E-2</v>
      </c>
      <c r="L873" s="11">
        <v>3</v>
      </c>
      <c r="M873" s="13">
        <v>0.15</v>
      </c>
      <c r="N873" s="11">
        <v>4</v>
      </c>
      <c r="O873" s="13">
        <v>0.21052631578947367</v>
      </c>
      <c r="P873" s="7">
        <v>21</v>
      </c>
      <c r="Q873" s="7">
        <v>20</v>
      </c>
      <c r="R873" s="7">
        <v>21</v>
      </c>
      <c r="S873" s="7">
        <v>27</v>
      </c>
      <c r="T873" s="7">
        <v>24</v>
      </c>
      <c r="U873" s="7">
        <v>23</v>
      </c>
      <c r="V873" s="7">
        <v>19</v>
      </c>
      <c r="W873" s="7">
        <v>21</v>
      </c>
      <c r="X873" s="7">
        <v>26</v>
      </c>
      <c r="Y873" s="7">
        <v>20</v>
      </c>
      <c r="Z873" s="7">
        <v>28</v>
      </c>
      <c r="AA873" s="7">
        <v>24</v>
      </c>
      <c r="AB873" s="7">
        <v>17</v>
      </c>
      <c r="AC873" s="7">
        <v>16</v>
      </c>
      <c r="AD873" s="7">
        <v>27</v>
      </c>
      <c r="AE873" s="7">
        <v>23</v>
      </c>
      <c r="AF873" s="7">
        <v>23</v>
      </c>
      <c r="AG873" s="9">
        <v>-3483</v>
      </c>
      <c r="AH873" s="13">
        <v>-0.11465156851772608</v>
      </c>
      <c r="AI873" s="9">
        <v>-8340</v>
      </c>
      <c r="AJ873" s="13">
        <v>-0.27453174890549392</v>
      </c>
      <c r="AK873" s="9">
        <v>673</v>
      </c>
      <c r="AL873" s="13">
        <v>3.0536775715776579E-2</v>
      </c>
      <c r="AM873" s="9">
        <v>4184</v>
      </c>
      <c r="AN873" s="13">
        <v>0.18421979570271221</v>
      </c>
      <c r="AO873" s="9">
        <v>4857</v>
      </c>
      <c r="AP873" s="13">
        <v>0.22038205000226871</v>
      </c>
      <c r="AQ873" s="9">
        <v>30379</v>
      </c>
      <c r="AR873" s="9">
        <v>32905</v>
      </c>
      <c r="AS873" s="9">
        <v>33297</v>
      </c>
      <c r="AT873" s="9">
        <v>31981</v>
      </c>
      <c r="AU873" s="9">
        <v>33818</v>
      </c>
      <c r="AV873" s="9">
        <v>30139</v>
      </c>
      <c r="AW873" s="9">
        <v>22039</v>
      </c>
      <c r="AX873" s="9">
        <v>24886</v>
      </c>
      <c r="AY873" s="9">
        <v>23865</v>
      </c>
      <c r="AZ873" s="9">
        <v>22712</v>
      </c>
      <c r="BA873" s="9">
        <v>25005</v>
      </c>
      <c r="BB873" s="9">
        <v>32803</v>
      </c>
      <c r="BC873" s="9">
        <v>24813</v>
      </c>
      <c r="BD873" s="9">
        <v>30613</v>
      </c>
      <c r="BE873" s="9">
        <v>25379</v>
      </c>
      <c r="BF873" s="9">
        <v>26896</v>
      </c>
      <c r="BG873" s="11">
        <v>0</v>
      </c>
      <c r="BH873" s="13">
        <v>0</v>
      </c>
      <c r="BI873" s="6">
        <v>3</v>
      </c>
      <c r="BJ873" s="13">
        <v>0.6</v>
      </c>
      <c r="BK873" s="6">
        <v>-1</v>
      </c>
      <c r="BL873" s="13">
        <v>-0.125</v>
      </c>
      <c r="BM873" s="11">
        <v>-2</v>
      </c>
      <c r="BN873" s="13">
        <v>-0.2857142857142857</v>
      </c>
      <c r="BO873" s="11">
        <v>-3</v>
      </c>
      <c r="BP873" s="13">
        <v>-0.375</v>
      </c>
      <c r="BQ873" s="6">
        <v>5</v>
      </c>
      <c r="BR873" s="6">
        <v>5</v>
      </c>
      <c r="BS873" s="6">
        <v>7</v>
      </c>
      <c r="BT873" s="6">
        <v>8</v>
      </c>
      <c r="BU873" s="6">
        <v>10</v>
      </c>
      <c r="BV873" s="6">
        <v>8</v>
      </c>
      <c r="BW873" s="6">
        <v>7</v>
      </c>
      <c r="BX873" s="6">
        <v>7</v>
      </c>
      <c r="BY873" s="6">
        <v>8</v>
      </c>
      <c r="BZ873" s="6">
        <v>6</v>
      </c>
      <c r="CA873" s="6">
        <v>6</v>
      </c>
      <c r="CB873" s="6">
        <v>6</v>
      </c>
      <c r="CC873" s="11">
        <v>5</v>
      </c>
      <c r="CD873" s="11">
        <v>-4</v>
      </c>
      <c r="CE873" s="11">
        <v>4</v>
      </c>
      <c r="CF873" s="11">
        <v>2</v>
      </c>
      <c r="CG873" s="11">
        <v>6</v>
      </c>
      <c r="CH873" s="20">
        <v>0.25</v>
      </c>
      <c r="CI873" s="20">
        <v>0.24</v>
      </c>
      <c r="CJ873" s="20">
        <v>0.24</v>
      </c>
      <c r="CK873" s="20">
        <v>0.3</v>
      </c>
      <c r="CL873" s="20">
        <v>0.26</v>
      </c>
      <c r="CM873" s="20">
        <v>0.25</v>
      </c>
      <c r="CN873" s="20">
        <v>0.2</v>
      </c>
      <c r="CO873" s="20">
        <v>0.22</v>
      </c>
      <c r="CP873" s="20">
        <v>0.27</v>
      </c>
      <c r="CQ873" s="20">
        <v>0.21</v>
      </c>
      <c r="CR873" s="20">
        <v>0.28999999999999998</v>
      </c>
      <c r="CS873" s="20">
        <v>0.25</v>
      </c>
      <c r="CT873" s="20">
        <v>0.16</v>
      </c>
      <c r="CU873" s="20">
        <v>0.15</v>
      </c>
      <c r="CV873" s="20">
        <v>0.24</v>
      </c>
      <c r="CW873" s="20">
        <v>0.2</v>
      </c>
      <c r="CX873" s="20">
        <v>0.2</v>
      </c>
      <c r="CY873" s="6" t="s">
        <v>525</v>
      </c>
      <c r="CZ873" s="6" t="s">
        <v>526</v>
      </c>
      <c r="DA873" s="6" t="s">
        <v>62</v>
      </c>
      <c r="DB873" s="6" t="s">
        <v>345</v>
      </c>
      <c r="DC873" s="6"/>
      <c r="DD873" s="6"/>
      <c r="DE873" s="6"/>
      <c r="DF873" s="6"/>
      <c r="DG873" s="6"/>
      <c r="DH873" s="6" t="s">
        <v>333</v>
      </c>
      <c r="DI873" s="6"/>
      <c r="DJ873" s="6"/>
      <c r="DK873" s="6"/>
      <c r="DL873" s="6">
        <v>7</v>
      </c>
      <c r="DM873" s="6" t="s">
        <v>485</v>
      </c>
      <c r="DN873" s="6">
        <v>8</v>
      </c>
      <c r="DO873" s="6" t="s">
        <v>486</v>
      </c>
      <c r="DP873" s="6"/>
      <c r="DQ873" s="6"/>
    </row>
    <row r="874" spans="1:121" x14ac:dyDescent="0.2">
      <c r="A874" s="6" t="s">
        <v>318</v>
      </c>
      <c r="B874" s="6" t="s">
        <v>318</v>
      </c>
      <c r="C874" s="6" t="s">
        <v>187</v>
      </c>
      <c r="D874" s="6" t="s">
        <v>62</v>
      </c>
      <c r="E874" s="6" t="s">
        <v>203</v>
      </c>
      <c r="F874" s="11">
        <v>0</v>
      </c>
      <c r="G874" s="13">
        <v>0</v>
      </c>
      <c r="H874" s="11">
        <v>0</v>
      </c>
      <c r="I874" s="13"/>
      <c r="J874" s="11">
        <v>0</v>
      </c>
      <c r="K874" s="13"/>
      <c r="L874" s="11">
        <v>0</v>
      </c>
      <c r="M874" s="13"/>
      <c r="N874" s="11">
        <v>0</v>
      </c>
      <c r="O874" s="13"/>
      <c r="P874" s="7">
        <v>0</v>
      </c>
      <c r="Q874" s="7">
        <v>0</v>
      </c>
      <c r="R874" s="7">
        <v>0</v>
      </c>
      <c r="S874" s="7">
        <v>0</v>
      </c>
      <c r="T874" s="7">
        <v>0</v>
      </c>
      <c r="U874" s="7">
        <v>0</v>
      </c>
      <c r="V874" s="7">
        <v>0</v>
      </c>
      <c r="W874" s="7">
        <v>0</v>
      </c>
      <c r="X874" s="7">
        <v>0</v>
      </c>
      <c r="Y874" s="7">
        <v>0</v>
      </c>
      <c r="Z874" s="7">
        <v>0</v>
      </c>
      <c r="AA874" s="7">
        <v>0</v>
      </c>
      <c r="AB874" s="7">
        <v>0</v>
      </c>
      <c r="AC874" s="7">
        <v>0</v>
      </c>
      <c r="AD874" s="7">
        <v>0</v>
      </c>
      <c r="AE874" s="7">
        <v>0</v>
      </c>
      <c r="AF874" s="7">
        <v>0</v>
      </c>
      <c r="AG874" s="9">
        <v>0</v>
      </c>
      <c r="AH874" s="13"/>
      <c r="AI874" s="9">
        <v>0</v>
      </c>
      <c r="AJ874" s="13"/>
      <c r="AK874" s="9">
        <v>0</v>
      </c>
      <c r="AL874" s="13"/>
      <c r="AM874" s="9">
        <v>0</v>
      </c>
      <c r="AN874" s="13"/>
      <c r="AO874" s="9">
        <v>0</v>
      </c>
      <c r="AP874" s="13"/>
      <c r="AQ874" s="9">
        <v>0</v>
      </c>
      <c r="AR874" s="9">
        <v>0</v>
      </c>
      <c r="AS874" s="9">
        <v>0</v>
      </c>
      <c r="AT874" s="9">
        <v>0</v>
      </c>
      <c r="AU874" s="9">
        <v>0</v>
      </c>
      <c r="AV874" s="9">
        <v>0</v>
      </c>
      <c r="AW874" s="9">
        <v>0</v>
      </c>
      <c r="AX874" s="9">
        <v>0</v>
      </c>
      <c r="AY874" s="9">
        <v>0</v>
      </c>
      <c r="AZ874" s="9">
        <v>0</v>
      </c>
      <c r="BA874" s="9">
        <v>0</v>
      </c>
      <c r="BB874" s="9">
        <v>0</v>
      </c>
      <c r="BC874" s="9">
        <v>0</v>
      </c>
      <c r="BD874" s="9">
        <v>0</v>
      </c>
      <c r="BE874" s="9">
        <v>0</v>
      </c>
      <c r="BF874" s="9">
        <v>0</v>
      </c>
      <c r="BG874" s="11">
        <v>0</v>
      </c>
      <c r="BH874" s="13" t="e">
        <v>#DIV/0!</v>
      </c>
      <c r="BI874" s="6">
        <v>0</v>
      </c>
      <c r="BJ874" s="13" t="e">
        <v>#DIV/0!</v>
      </c>
      <c r="BK874" s="6">
        <v>0</v>
      </c>
      <c r="BL874" s="13" t="e">
        <v>#DIV/0!</v>
      </c>
      <c r="BM874" s="11">
        <v>0</v>
      </c>
      <c r="BN874" s="13" t="e">
        <v>#DIV/0!</v>
      </c>
      <c r="BO874" s="11">
        <v>0</v>
      </c>
      <c r="BP874" s="13" t="e">
        <v>#DIV/0!</v>
      </c>
      <c r="BQ874" s="6">
        <v>0</v>
      </c>
      <c r="BR874" s="6">
        <v>0</v>
      </c>
      <c r="BS874" s="6">
        <v>0</v>
      </c>
      <c r="BT874" s="6">
        <v>0</v>
      </c>
      <c r="BU874" s="6">
        <v>0</v>
      </c>
      <c r="BV874" s="6">
        <v>0</v>
      </c>
      <c r="BW874" s="6">
        <v>0</v>
      </c>
      <c r="BX874" s="6">
        <v>0</v>
      </c>
      <c r="BY874" s="6">
        <v>0</v>
      </c>
      <c r="BZ874" s="6">
        <v>0</v>
      </c>
      <c r="CA874" s="6">
        <v>0</v>
      </c>
      <c r="CB874" s="6">
        <v>0</v>
      </c>
      <c r="CC874" s="11">
        <v>0</v>
      </c>
      <c r="CD874" s="11">
        <v>0</v>
      </c>
      <c r="CE874" s="11">
        <v>0</v>
      </c>
      <c r="CF874" s="11">
        <v>0</v>
      </c>
      <c r="CG874" s="11">
        <v>0</v>
      </c>
      <c r="CH874" s="20">
        <v>0</v>
      </c>
      <c r="CI874" s="20">
        <v>0</v>
      </c>
      <c r="CJ874" s="20">
        <v>0</v>
      </c>
      <c r="CK874" s="20">
        <v>0</v>
      </c>
      <c r="CL874" s="20">
        <v>0</v>
      </c>
      <c r="CM874" s="20">
        <v>0</v>
      </c>
      <c r="CN874" s="20">
        <v>0</v>
      </c>
      <c r="CO874" s="20">
        <v>0</v>
      </c>
      <c r="CP874" s="20">
        <v>0</v>
      </c>
      <c r="CQ874" s="20">
        <v>0</v>
      </c>
      <c r="CR874" s="20">
        <v>0</v>
      </c>
      <c r="CS874" s="20">
        <v>0</v>
      </c>
      <c r="CT874" s="20">
        <v>0</v>
      </c>
      <c r="CU874" s="20">
        <v>0</v>
      </c>
      <c r="CV874" s="20">
        <v>0</v>
      </c>
      <c r="CW874" s="20">
        <v>0</v>
      </c>
      <c r="CX874" s="20">
        <v>0</v>
      </c>
      <c r="CY874" s="6" t="s">
        <v>525</v>
      </c>
      <c r="CZ874" s="6" t="s">
        <v>526</v>
      </c>
      <c r="DA874" s="6" t="s">
        <v>62</v>
      </c>
      <c r="DB874" s="6" t="s">
        <v>345</v>
      </c>
      <c r="DC874" s="6"/>
      <c r="DD874" s="6"/>
      <c r="DE874" s="6"/>
      <c r="DF874" s="6"/>
      <c r="DG874" s="6"/>
      <c r="DH874" s="6" t="s">
        <v>333</v>
      </c>
      <c r="DI874" s="6"/>
      <c r="DJ874" s="6"/>
      <c r="DK874" s="6"/>
      <c r="DL874" s="6">
        <v>7</v>
      </c>
      <c r="DM874" s="6" t="s">
        <v>485</v>
      </c>
      <c r="DN874" s="6">
        <v>8</v>
      </c>
      <c r="DO874" s="6" t="s">
        <v>486</v>
      </c>
      <c r="DP874" s="6"/>
      <c r="DQ874" s="6"/>
    </row>
    <row r="875" spans="1:121" x14ac:dyDescent="0.2">
      <c r="A875" s="6" t="s">
        <v>319</v>
      </c>
      <c r="B875" s="6" t="s">
        <v>319</v>
      </c>
      <c r="C875" s="6" t="s">
        <v>188</v>
      </c>
      <c r="D875" s="6" t="s">
        <v>62</v>
      </c>
      <c r="E875" s="6" t="s">
        <v>203</v>
      </c>
      <c r="F875" s="11">
        <v>21</v>
      </c>
      <c r="G875" s="13">
        <v>0.65625</v>
      </c>
      <c r="H875" s="11">
        <v>-0.72905906000000087</v>
      </c>
      <c r="I875" s="13">
        <v>-2.2889065823003065E-2</v>
      </c>
      <c r="J875" s="11">
        <v>-7.0115854659999997</v>
      </c>
      <c r="K875" s="13">
        <v>-0.22528782161423216</v>
      </c>
      <c r="L875" s="11">
        <v>28.825077717200003</v>
      </c>
      <c r="M875" s="13">
        <v>1.1955055245856532</v>
      </c>
      <c r="N875" s="11">
        <v>21.813492251200003</v>
      </c>
      <c r="O875" s="13">
        <v>0.70088486760973934</v>
      </c>
      <c r="P875" s="7">
        <v>31.8518486354</v>
      </c>
      <c r="Q875" s="7">
        <v>38.238078360599999</v>
      </c>
      <c r="R875" s="7">
        <v>30.339837468799999</v>
      </c>
      <c r="S875" s="7">
        <v>24.532301810500002</v>
      </c>
      <c r="T875" s="7">
        <v>29.577181252399999</v>
      </c>
      <c r="U875" s="7">
        <v>31.951236496100002</v>
      </c>
      <c r="V875" s="7">
        <v>31.122789575399999</v>
      </c>
      <c r="W875" s="7">
        <v>24.5194848762</v>
      </c>
      <c r="X875" s="7">
        <v>29.2861535973</v>
      </c>
      <c r="Y875" s="7">
        <v>24.111204109399999</v>
      </c>
      <c r="Z875" s="7">
        <v>25.5828655153</v>
      </c>
      <c r="AA875" s="7">
        <v>28.245806825799999</v>
      </c>
      <c r="AB875" s="7">
        <v>29.9459261746</v>
      </c>
      <c r="AC875" s="7">
        <v>38.536247974399998</v>
      </c>
      <c r="AD875" s="7">
        <v>46.667040138300003</v>
      </c>
      <c r="AE875" s="7">
        <v>49.161499277499999</v>
      </c>
      <c r="AF875" s="7">
        <v>52.936281826600002</v>
      </c>
      <c r="AG875" s="9">
        <v>-242.98704470000121</v>
      </c>
      <c r="AH875" s="13">
        <v>-1.5184931193782532E-2</v>
      </c>
      <c r="AI875" s="9">
        <v>165.62853649999852</v>
      </c>
      <c r="AJ875" s="13">
        <v>1.0350584466692613E-2</v>
      </c>
      <c r="AK875" s="9">
        <v>1349.8732152000011</v>
      </c>
      <c r="AL875" s="13">
        <v>8.3493101173126583E-2</v>
      </c>
      <c r="AM875" s="9">
        <v>-1758.4887964000009</v>
      </c>
      <c r="AN875" s="13">
        <v>-0.10038551875865964</v>
      </c>
      <c r="AO875" s="9">
        <v>-408.61558119999972</v>
      </c>
      <c r="AP875" s="13">
        <v>-2.527391585956662E-2</v>
      </c>
      <c r="AQ875" s="9">
        <v>16001.853521700001</v>
      </c>
      <c r="AR875" s="9">
        <v>14736.011506000001</v>
      </c>
      <c r="AS875" s="9">
        <v>14898.217169699999</v>
      </c>
      <c r="AT875" s="9">
        <v>14610.2731234</v>
      </c>
      <c r="AU875" s="9">
        <v>16817.735495199999</v>
      </c>
      <c r="AV875" s="9">
        <v>13375.147577199999</v>
      </c>
      <c r="AW875" s="9">
        <v>16167.482058199999</v>
      </c>
      <c r="AX875" s="9">
        <v>14146.379956000001</v>
      </c>
      <c r="AY875" s="9">
        <v>14018.991691900001</v>
      </c>
      <c r="AZ875" s="9">
        <v>17517.3552734</v>
      </c>
      <c r="BA875" s="9">
        <v>15763.3705689</v>
      </c>
      <c r="BB875" s="9">
        <v>14779.588493900001</v>
      </c>
      <c r="BC875" s="9">
        <v>14720.872589099999</v>
      </c>
      <c r="BD875" s="9">
        <v>14623.659128499999</v>
      </c>
      <c r="BE875" s="9">
        <v>12621.5438245</v>
      </c>
      <c r="BF875" s="9">
        <v>15758.866477</v>
      </c>
      <c r="BG875" s="11">
        <v>4</v>
      </c>
      <c r="BH875" s="13" t="e">
        <v>#DIV/0!</v>
      </c>
      <c r="BI875" s="6">
        <v>1</v>
      </c>
      <c r="BJ875" s="13" t="e">
        <v>#DIV/0!</v>
      </c>
      <c r="BK875" s="6">
        <v>1</v>
      </c>
      <c r="BL875" s="13">
        <v>1</v>
      </c>
      <c r="BM875" s="11">
        <v>2</v>
      </c>
      <c r="BN875" s="13">
        <v>1</v>
      </c>
      <c r="BO875" s="11">
        <v>3</v>
      </c>
      <c r="BP875" s="13">
        <v>3</v>
      </c>
      <c r="BQ875" s="6">
        <v>0</v>
      </c>
      <c r="BR875" s="6">
        <v>0</v>
      </c>
      <c r="BS875" s="6">
        <v>0</v>
      </c>
      <c r="BT875" s="6">
        <v>1</v>
      </c>
      <c r="BU875" s="6">
        <v>1</v>
      </c>
      <c r="BV875" s="6">
        <v>1</v>
      </c>
      <c r="BW875" s="6">
        <v>2</v>
      </c>
      <c r="BX875" s="6">
        <v>3</v>
      </c>
      <c r="BY875" s="6">
        <v>3</v>
      </c>
      <c r="BZ875" s="6">
        <v>3</v>
      </c>
      <c r="CA875" s="6">
        <v>4</v>
      </c>
      <c r="CB875" s="6">
        <v>4</v>
      </c>
      <c r="CC875" s="11">
        <v>4</v>
      </c>
      <c r="CD875" s="11">
        <v>14.7369</v>
      </c>
      <c r="CE875" s="11">
        <v>2.8657900000000001</v>
      </c>
      <c r="CF875" s="11">
        <v>3.4817900000000002</v>
      </c>
      <c r="CG875" s="11">
        <v>6</v>
      </c>
      <c r="CH875" s="20">
        <v>0.35161799999999999</v>
      </c>
      <c r="CI875" s="20">
        <v>0.42014299999999999</v>
      </c>
      <c r="CJ875" s="20">
        <v>0.31307099999999999</v>
      </c>
      <c r="CK875" s="20">
        <v>0.24503800000000001</v>
      </c>
      <c r="CL875" s="20">
        <v>0.30111700000000002</v>
      </c>
      <c r="CM875" s="20">
        <v>0.321299</v>
      </c>
      <c r="CN875" s="20">
        <v>0.31051800000000002</v>
      </c>
      <c r="CO875" s="20">
        <v>0.26112299999999999</v>
      </c>
      <c r="CP875" s="20">
        <v>0.32694200000000001</v>
      </c>
      <c r="CQ875" s="20">
        <v>0.25433699999999998</v>
      </c>
      <c r="CR875" s="20">
        <v>0.27565699999999999</v>
      </c>
      <c r="CS875" s="20">
        <v>0.29874000000000001</v>
      </c>
      <c r="CT875" s="20">
        <v>0.28875200000000001</v>
      </c>
      <c r="CU875" s="20">
        <v>0.35927100000000001</v>
      </c>
      <c r="CV875" s="20">
        <v>0.426875</v>
      </c>
      <c r="CW875" s="20">
        <v>0.44419900000000001</v>
      </c>
      <c r="CX875" s="20">
        <v>0.46192</v>
      </c>
      <c r="CY875" s="6" t="s">
        <v>525</v>
      </c>
      <c r="CZ875" s="6" t="s">
        <v>526</v>
      </c>
      <c r="DA875" s="6" t="s">
        <v>62</v>
      </c>
      <c r="DB875" s="6" t="s">
        <v>345</v>
      </c>
      <c r="DC875" s="6"/>
      <c r="DD875" s="6"/>
      <c r="DE875" s="6"/>
      <c r="DF875" s="6"/>
      <c r="DG875" s="6"/>
      <c r="DH875" s="6" t="s">
        <v>333</v>
      </c>
      <c r="DI875" s="6"/>
      <c r="DJ875" s="6"/>
      <c r="DK875" s="6"/>
      <c r="DL875" s="6">
        <v>7</v>
      </c>
      <c r="DM875" s="6" t="s">
        <v>485</v>
      </c>
      <c r="DN875" s="6">
        <v>8</v>
      </c>
      <c r="DO875" s="6" t="s">
        <v>486</v>
      </c>
      <c r="DP875" s="6"/>
      <c r="DQ875" s="6"/>
    </row>
    <row r="876" spans="1:121" x14ac:dyDescent="0.2">
      <c r="A876" s="6" t="s">
        <v>320</v>
      </c>
      <c r="B876" s="6" t="s">
        <v>320</v>
      </c>
      <c r="C876" s="6" t="s">
        <v>189</v>
      </c>
      <c r="D876" s="6" t="s">
        <v>62</v>
      </c>
      <c r="E876" s="6" t="s">
        <v>203</v>
      </c>
      <c r="F876" s="11">
        <v>0</v>
      </c>
      <c r="G876" s="13">
        <v>0</v>
      </c>
      <c r="H876" s="11">
        <v>0</v>
      </c>
      <c r="I876" s="13"/>
      <c r="J876" s="11">
        <v>0</v>
      </c>
      <c r="K876" s="13"/>
      <c r="L876" s="11">
        <v>0</v>
      </c>
      <c r="M876" s="13"/>
      <c r="N876" s="11">
        <v>0</v>
      </c>
      <c r="O876" s="13"/>
      <c r="P876" s="7">
        <v>0</v>
      </c>
      <c r="Q876" s="7">
        <v>0</v>
      </c>
      <c r="R876" s="7">
        <v>0</v>
      </c>
      <c r="S876" s="7">
        <v>0</v>
      </c>
      <c r="T876" s="7">
        <v>0</v>
      </c>
      <c r="U876" s="7">
        <v>0</v>
      </c>
      <c r="V876" s="7">
        <v>0</v>
      </c>
      <c r="W876" s="7">
        <v>0</v>
      </c>
      <c r="X876" s="7">
        <v>0</v>
      </c>
      <c r="Y876" s="7">
        <v>0</v>
      </c>
      <c r="Z876" s="7">
        <v>0</v>
      </c>
      <c r="AA876" s="7">
        <v>0</v>
      </c>
      <c r="AB876" s="7">
        <v>0</v>
      </c>
      <c r="AC876" s="7">
        <v>0</v>
      </c>
      <c r="AD876" s="7">
        <v>0</v>
      </c>
      <c r="AE876" s="7">
        <v>0</v>
      </c>
      <c r="AF876" s="7">
        <v>0</v>
      </c>
      <c r="AG876" s="9">
        <v>0</v>
      </c>
      <c r="AH876" s="13"/>
      <c r="AI876" s="9">
        <v>0</v>
      </c>
      <c r="AJ876" s="13"/>
      <c r="AK876" s="9">
        <v>0</v>
      </c>
      <c r="AL876" s="13"/>
      <c r="AM876" s="9">
        <v>0</v>
      </c>
      <c r="AN876" s="13"/>
      <c r="AO876" s="9">
        <v>0</v>
      </c>
      <c r="AP876" s="13"/>
      <c r="AQ876" s="9">
        <v>0</v>
      </c>
      <c r="AR876" s="9">
        <v>0</v>
      </c>
      <c r="AS876" s="9">
        <v>0</v>
      </c>
      <c r="AT876" s="9">
        <v>0</v>
      </c>
      <c r="AU876" s="9">
        <v>0</v>
      </c>
      <c r="AV876" s="9">
        <v>0</v>
      </c>
      <c r="AW876" s="9">
        <v>0</v>
      </c>
      <c r="AX876" s="9">
        <v>0</v>
      </c>
      <c r="AY876" s="9">
        <v>0</v>
      </c>
      <c r="AZ876" s="9">
        <v>0</v>
      </c>
      <c r="BA876" s="9">
        <v>0</v>
      </c>
      <c r="BB876" s="9">
        <v>0</v>
      </c>
      <c r="BC876" s="9">
        <v>0</v>
      </c>
      <c r="BD876" s="9">
        <v>0</v>
      </c>
      <c r="BE876" s="9">
        <v>0</v>
      </c>
      <c r="BF876" s="9">
        <v>0</v>
      </c>
      <c r="BG876" s="11">
        <v>0</v>
      </c>
      <c r="BH876" s="13" t="e">
        <v>#DIV/0!</v>
      </c>
      <c r="BI876" s="6">
        <v>0</v>
      </c>
      <c r="BJ876" s="13" t="e">
        <v>#DIV/0!</v>
      </c>
      <c r="BK876" s="6">
        <v>0</v>
      </c>
      <c r="BL876" s="13" t="e">
        <v>#DIV/0!</v>
      </c>
      <c r="BM876" s="11">
        <v>0</v>
      </c>
      <c r="BN876" s="13" t="e">
        <v>#DIV/0!</v>
      </c>
      <c r="BO876" s="11">
        <v>0</v>
      </c>
      <c r="BP876" s="13" t="e">
        <v>#DIV/0!</v>
      </c>
      <c r="BQ876" s="6">
        <v>0</v>
      </c>
      <c r="BR876" s="6">
        <v>0</v>
      </c>
      <c r="BS876" s="6">
        <v>0</v>
      </c>
      <c r="BT876" s="6">
        <v>0</v>
      </c>
      <c r="BU876" s="6">
        <v>0</v>
      </c>
      <c r="BV876" s="6">
        <v>0</v>
      </c>
      <c r="BW876" s="6">
        <v>0</v>
      </c>
      <c r="BX876" s="6">
        <v>0</v>
      </c>
      <c r="BY876" s="6">
        <v>0</v>
      </c>
      <c r="BZ876" s="6">
        <v>0</v>
      </c>
      <c r="CA876" s="6">
        <v>0</v>
      </c>
      <c r="CB876" s="6">
        <v>0</v>
      </c>
      <c r="CC876" s="11">
        <v>0</v>
      </c>
      <c r="CD876" s="11">
        <v>0</v>
      </c>
      <c r="CE876" s="11">
        <v>0</v>
      </c>
      <c r="CF876" s="11">
        <v>0</v>
      </c>
      <c r="CG876" s="11">
        <v>0</v>
      </c>
      <c r="CH876" s="20">
        <v>0</v>
      </c>
      <c r="CI876" s="20">
        <v>0</v>
      </c>
      <c r="CJ876" s="20">
        <v>0</v>
      </c>
      <c r="CK876" s="20">
        <v>0</v>
      </c>
      <c r="CL876" s="20">
        <v>0</v>
      </c>
      <c r="CM876" s="20">
        <v>0</v>
      </c>
      <c r="CN876" s="20">
        <v>0</v>
      </c>
      <c r="CO876" s="20">
        <v>0</v>
      </c>
      <c r="CP876" s="20">
        <v>0</v>
      </c>
      <c r="CQ876" s="20">
        <v>0</v>
      </c>
      <c r="CR876" s="20">
        <v>0</v>
      </c>
      <c r="CS876" s="20">
        <v>0</v>
      </c>
      <c r="CT876" s="20">
        <v>0</v>
      </c>
      <c r="CU876" s="20">
        <v>0</v>
      </c>
      <c r="CV876" s="20">
        <v>0</v>
      </c>
      <c r="CW876" s="20">
        <v>0</v>
      </c>
      <c r="CX876" s="20">
        <v>0</v>
      </c>
      <c r="CY876" s="6" t="s">
        <v>525</v>
      </c>
      <c r="CZ876" s="6" t="s">
        <v>526</v>
      </c>
      <c r="DA876" s="6" t="s">
        <v>62</v>
      </c>
      <c r="DB876" s="6" t="s">
        <v>345</v>
      </c>
      <c r="DC876" s="6"/>
      <c r="DD876" s="6"/>
      <c r="DE876" s="6"/>
      <c r="DF876" s="6"/>
      <c r="DG876" s="6"/>
      <c r="DH876" s="6" t="s">
        <v>333</v>
      </c>
      <c r="DI876" s="6"/>
      <c r="DJ876" s="6"/>
      <c r="DK876" s="6"/>
      <c r="DL876" s="6">
        <v>7</v>
      </c>
      <c r="DM876" s="6" t="s">
        <v>485</v>
      </c>
      <c r="DN876" s="6">
        <v>8</v>
      </c>
      <c r="DO876" s="6" t="s">
        <v>486</v>
      </c>
      <c r="DP876" s="6"/>
      <c r="DQ876" s="6"/>
    </row>
    <row r="877" spans="1:121" x14ac:dyDescent="0.2">
      <c r="A877" s="6" t="s">
        <v>321</v>
      </c>
      <c r="B877" s="6" t="s">
        <v>321</v>
      </c>
      <c r="C877" s="6" t="s">
        <v>190</v>
      </c>
      <c r="D877" s="6" t="s">
        <v>62</v>
      </c>
      <c r="E877" s="6" t="s">
        <v>203</v>
      </c>
      <c r="F877" s="11">
        <v>82</v>
      </c>
      <c r="G877" s="13">
        <v>0.56164383561599995</v>
      </c>
      <c r="H877" s="11">
        <v>-23.854667049999989</v>
      </c>
      <c r="I877" s="13">
        <v>-0.16389960319915903</v>
      </c>
      <c r="J877" s="11">
        <v>4.2591465599999907</v>
      </c>
      <c r="K877" s="13">
        <v>3.5000052677087813E-2</v>
      </c>
      <c r="L877" s="11">
        <v>101.81363536799999</v>
      </c>
      <c r="M877" s="13">
        <v>0.80837278897083964</v>
      </c>
      <c r="N877" s="11">
        <v>106.07278192799998</v>
      </c>
      <c r="O877" s="13">
        <v>0.87166593184463115</v>
      </c>
      <c r="P877" s="7">
        <v>145.54438561399999</v>
      </c>
      <c r="Q877" s="7">
        <v>140.30359936100001</v>
      </c>
      <c r="R877" s="7">
        <v>139.57848050699999</v>
      </c>
      <c r="S877" s="7">
        <v>135.97487866200001</v>
      </c>
      <c r="T877" s="7">
        <v>124.416316428</v>
      </c>
      <c r="U877" s="7">
        <v>113.394562204</v>
      </c>
      <c r="V877" s="7">
        <v>121.689718564</v>
      </c>
      <c r="W877" s="7">
        <v>121.313321839</v>
      </c>
      <c r="X877" s="7">
        <v>118.89907978700001</v>
      </c>
      <c r="Y877" s="7">
        <v>125.94886512399999</v>
      </c>
      <c r="Z877" s="7">
        <v>105.237630134</v>
      </c>
      <c r="AA877" s="7">
        <v>117.001714987</v>
      </c>
      <c r="AB877" s="7">
        <v>179.206283563</v>
      </c>
      <c r="AC877" s="7">
        <v>198.31158341599999</v>
      </c>
      <c r="AD877" s="7">
        <v>207.211739478</v>
      </c>
      <c r="AE877" s="7">
        <v>209.08520461399999</v>
      </c>
      <c r="AF877" s="7">
        <v>227.76250049199999</v>
      </c>
      <c r="AG877" s="9">
        <v>13484.419955000001</v>
      </c>
      <c r="AH877" s="13">
        <v>0.77511370637574517</v>
      </c>
      <c r="AI877" s="9">
        <v>4974.9762679000014</v>
      </c>
      <c r="AJ877" s="13">
        <v>0.28597242647530263</v>
      </c>
      <c r="AK877" s="9">
        <v>185.46655139999712</v>
      </c>
      <c r="AL877" s="13">
        <v>8.2902396872564302E-3</v>
      </c>
      <c r="AM877" s="9">
        <v>8323.9771357000027</v>
      </c>
      <c r="AN877" s="13">
        <v>0.36901736700130178</v>
      </c>
      <c r="AO877" s="9">
        <v>8509.4436870999998</v>
      </c>
      <c r="AP877" s="13">
        <v>0.38036684910975926</v>
      </c>
      <c r="AQ877" s="9">
        <v>17396.6991476</v>
      </c>
      <c r="AR877" s="9">
        <v>17518.9873816</v>
      </c>
      <c r="AS877" s="9">
        <v>17784.263561700001</v>
      </c>
      <c r="AT877" s="9">
        <v>19472.0501482</v>
      </c>
      <c r="AU877" s="9">
        <v>19484.7844644</v>
      </c>
      <c r="AV877" s="9">
        <v>20885.549217299998</v>
      </c>
      <c r="AW877" s="9">
        <v>22371.675415500002</v>
      </c>
      <c r="AX877" s="9">
        <v>20220.237535100001</v>
      </c>
      <c r="AY877" s="9">
        <v>23312.574691900001</v>
      </c>
      <c r="AZ877" s="9">
        <v>22557.141966899999</v>
      </c>
      <c r="BA877" s="9">
        <v>32090.051128499999</v>
      </c>
      <c r="BB877" s="9">
        <v>25170.757102200001</v>
      </c>
      <c r="BC877" s="9">
        <v>25111.510059</v>
      </c>
      <c r="BD877" s="9">
        <v>28115.1720991</v>
      </c>
      <c r="BE877" s="9">
        <v>28726.153410399998</v>
      </c>
      <c r="BF877" s="9">
        <v>30881.119102600001</v>
      </c>
      <c r="BG877" s="11">
        <v>27</v>
      </c>
      <c r="BH877" s="13">
        <v>5.4</v>
      </c>
      <c r="BI877" s="6">
        <v>2</v>
      </c>
      <c r="BJ877" s="13">
        <v>0.4</v>
      </c>
      <c r="BK877" s="6">
        <v>0</v>
      </c>
      <c r="BL877" s="13">
        <v>0</v>
      </c>
      <c r="BM877" s="11">
        <v>25</v>
      </c>
      <c r="BN877" s="13">
        <v>3.5714285714285716</v>
      </c>
      <c r="BO877" s="11">
        <v>25</v>
      </c>
      <c r="BP877" s="13">
        <v>3.5714285714285716</v>
      </c>
      <c r="BQ877" s="6">
        <v>5</v>
      </c>
      <c r="BR877" s="6">
        <v>5</v>
      </c>
      <c r="BS877" s="6">
        <v>6</v>
      </c>
      <c r="BT877" s="6">
        <v>7</v>
      </c>
      <c r="BU877" s="6">
        <v>7</v>
      </c>
      <c r="BV877" s="6">
        <v>7</v>
      </c>
      <c r="BW877" s="6">
        <v>7</v>
      </c>
      <c r="BX877" s="6">
        <v>6</v>
      </c>
      <c r="BY877" s="6">
        <v>7</v>
      </c>
      <c r="BZ877" s="6">
        <v>26</v>
      </c>
      <c r="CA877" s="6">
        <v>24</v>
      </c>
      <c r="CB877" s="6">
        <v>28</v>
      </c>
      <c r="CC877" s="11">
        <v>32</v>
      </c>
      <c r="CD877" s="11">
        <v>13.305999999999999</v>
      </c>
      <c r="CE877" s="11">
        <v>53.002400000000002</v>
      </c>
      <c r="CF877" s="11">
        <v>15.909800000000001</v>
      </c>
      <c r="CG877" s="11">
        <v>69</v>
      </c>
      <c r="CH877" s="20">
        <v>0.97511400000000004</v>
      </c>
      <c r="CI877" s="20">
        <v>0.90058499999999997</v>
      </c>
      <c r="CJ877" s="20">
        <v>0.81570200000000004</v>
      </c>
      <c r="CK877" s="20">
        <v>0.77869900000000003</v>
      </c>
      <c r="CL877" s="20">
        <v>0.73445400000000005</v>
      </c>
      <c r="CM877" s="20">
        <v>0.662323</v>
      </c>
      <c r="CN877" s="20">
        <v>0.69267400000000001</v>
      </c>
      <c r="CO877" s="20">
        <v>0.687357</v>
      </c>
      <c r="CP877" s="20">
        <v>0.63000599999999995</v>
      </c>
      <c r="CQ877" s="20">
        <v>0.63931099999999996</v>
      </c>
      <c r="CR877" s="20">
        <v>0.55946099999999999</v>
      </c>
      <c r="CS877" s="20">
        <v>0.60627699999999995</v>
      </c>
      <c r="CT877" s="20">
        <v>0.85315099999999999</v>
      </c>
      <c r="CU877" s="20">
        <v>0.92565600000000003</v>
      </c>
      <c r="CV877" s="20">
        <v>0.94966799999999996</v>
      </c>
      <c r="CW877" s="20">
        <v>0.942083</v>
      </c>
      <c r="CX877" s="20">
        <v>0.98174099999999997</v>
      </c>
      <c r="CY877" s="6" t="s">
        <v>525</v>
      </c>
      <c r="CZ877" s="6" t="s">
        <v>526</v>
      </c>
      <c r="DA877" s="6" t="s">
        <v>62</v>
      </c>
      <c r="DB877" s="6" t="s">
        <v>345</v>
      </c>
      <c r="DC877" s="6"/>
      <c r="DD877" s="6"/>
      <c r="DE877" s="6"/>
      <c r="DF877" s="6"/>
      <c r="DG877" s="6"/>
      <c r="DH877" s="6" t="s">
        <v>333</v>
      </c>
      <c r="DI877" s="6"/>
      <c r="DJ877" s="6"/>
      <c r="DK877" s="6"/>
      <c r="DL877" s="6">
        <v>7</v>
      </c>
      <c r="DM877" s="6" t="s">
        <v>485</v>
      </c>
      <c r="DN877" s="6">
        <v>8</v>
      </c>
      <c r="DO877" s="6" t="s">
        <v>486</v>
      </c>
      <c r="DP877" s="6"/>
      <c r="DQ877" s="6"/>
    </row>
    <row r="878" spans="1:121" x14ac:dyDescent="0.2">
      <c r="A878" s="6" t="s">
        <v>322</v>
      </c>
      <c r="B878" s="6" t="s">
        <v>322</v>
      </c>
      <c r="C878" s="6" t="s">
        <v>191</v>
      </c>
      <c r="D878" s="6" t="s">
        <v>62</v>
      </c>
      <c r="E878" s="6" t="s">
        <v>203</v>
      </c>
      <c r="F878" s="11">
        <v>26</v>
      </c>
      <c r="G878" s="13">
        <v>0.6</v>
      </c>
      <c r="H878" s="11">
        <v>33</v>
      </c>
      <c r="I878" s="13">
        <v>0.76744186046511631</v>
      </c>
      <c r="J878" s="11">
        <v>-15</v>
      </c>
      <c r="K878" s="13">
        <v>-0.19736842105263161</v>
      </c>
      <c r="L878" s="11">
        <v>8</v>
      </c>
      <c r="M878" s="13">
        <v>0.13114754098360656</v>
      </c>
      <c r="N878" s="11">
        <v>-7</v>
      </c>
      <c r="O878" s="13">
        <v>-9.2105263157894732E-2</v>
      </c>
      <c r="P878" s="7">
        <v>43</v>
      </c>
      <c r="Q878" s="7">
        <v>42</v>
      </c>
      <c r="R878" s="7">
        <v>37</v>
      </c>
      <c r="S878" s="7">
        <v>35</v>
      </c>
      <c r="T878" s="7">
        <v>35</v>
      </c>
      <c r="U878" s="7">
        <v>64</v>
      </c>
      <c r="V878" s="7">
        <v>76</v>
      </c>
      <c r="W878" s="7">
        <v>81</v>
      </c>
      <c r="X878" s="7">
        <v>67</v>
      </c>
      <c r="Y878" s="7">
        <v>61</v>
      </c>
      <c r="Z878" s="7">
        <v>70</v>
      </c>
      <c r="AA878" s="7">
        <v>87</v>
      </c>
      <c r="AB878" s="7">
        <v>85</v>
      </c>
      <c r="AC878" s="7">
        <v>93</v>
      </c>
      <c r="AD878" s="7">
        <v>76</v>
      </c>
      <c r="AE878" s="7">
        <v>68</v>
      </c>
      <c r="AF878" s="7">
        <v>69</v>
      </c>
      <c r="AG878" s="9">
        <v>7634</v>
      </c>
      <c r="AH878" s="13">
        <v>0.73199731517882827</v>
      </c>
      <c r="AI878" s="9">
        <v>2220</v>
      </c>
      <c r="AJ878" s="13">
        <v>0.212867964330233</v>
      </c>
      <c r="AK878" s="9">
        <v>842</v>
      </c>
      <c r="AL878" s="13">
        <v>6.6566526998181677E-2</v>
      </c>
      <c r="AM878" s="9">
        <v>4572</v>
      </c>
      <c r="AN878" s="13">
        <v>0.3388925950633756</v>
      </c>
      <c r="AO878" s="9">
        <v>5414</v>
      </c>
      <c r="AP878" s="13">
        <v>0.42801802514032727</v>
      </c>
      <c r="AQ878" s="9">
        <v>10429</v>
      </c>
      <c r="AR878" s="9">
        <v>12710</v>
      </c>
      <c r="AS878" s="9">
        <v>12855</v>
      </c>
      <c r="AT878" s="9">
        <v>12904</v>
      </c>
      <c r="AU878" s="9">
        <v>16460</v>
      </c>
      <c r="AV878" s="9">
        <v>14188</v>
      </c>
      <c r="AW878" s="9">
        <v>12649</v>
      </c>
      <c r="AX878" s="9">
        <v>13902</v>
      </c>
      <c r="AY878" s="9">
        <v>13194</v>
      </c>
      <c r="AZ878" s="9">
        <v>13491</v>
      </c>
      <c r="BA878" s="9">
        <v>14787</v>
      </c>
      <c r="BB878" s="9">
        <v>14221</v>
      </c>
      <c r="BC878" s="9">
        <v>15129</v>
      </c>
      <c r="BD878" s="9">
        <v>15240</v>
      </c>
      <c r="BE878" s="9">
        <v>18852</v>
      </c>
      <c r="BF878" s="9">
        <v>18063</v>
      </c>
      <c r="BG878" s="11">
        <v>1</v>
      </c>
      <c r="BH878" s="13">
        <v>0.25</v>
      </c>
      <c r="BI878" s="6">
        <v>1</v>
      </c>
      <c r="BJ878" s="13">
        <v>0.25</v>
      </c>
      <c r="BK878" s="6">
        <v>1</v>
      </c>
      <c r="BL878" s="13">
        <v>0.2</v>
      </c>
      <c r="BM878" s="11">
        <v>-1</v>
      </c>
      <c r="BN878" s="13">
        <v>-0.16666666666666666</v>
      </c>
      <c r="BO878" s="11">
        <v>0</v>
      </c>
      <c r="BP878" s="13">
        <v>0</v>
      </c>
      <c r="BQ878" s="6">
        <v>4</v>
      </c>
      <c r="BR878" s="6">
        <v>5</v>
      </c>
      <c r="BS878" s="6">
        <v>5</v>
      </c>
      <c r="BT878" s="6">
        <v>5</v>
      </c>
      <c r="BU878" s="6">
        <v>5</v>
      </c>
      <c r="BV878" s="6">
        <v>6</v>
      </c>
      <c r="BW878" s="6">
        <v>6</v>
      </c>
      <c r="BX878" s="6">
        <v>5</v>
      </c>
      <c r="BY878" s="6">
        <v>5</v>
      </c>
      <c r="BZ878" s="6">
        <v>5</v>
      </c>
      <c r="CA878" s="6">
        <v>5</v>
      </c>
      <c r="CB878" s="6">
        <v>5</v>
      </c>
      <c r="CC878" s="11">
        <v>5</v>
      </c>
      <c r="CD878" s="11">
        <v>14</v>
      </c>
      <c r="CE878" s="11">
        <v>8</v>
      </c>
      <c r="CF878" s="11">
        <v>5</v>
      </c>
      <c r="CG878" s="11">
        <v>13</v>
      </c>
      <c r="CH878" s="20">
        <v>1.86</v>
      </c>
      <c r="CI878" s="20">
        <v>1.78</v>
      </c>
      <c r="CJ878" s="20">
        <v>1.47</v>
      </c>
      <c r="CK878" s="20">
        <v>1.34</v>
      </c>
      <c r="CL878" s="20">
        <v>1.41</v>
      </c>
      <c r="CM878" s="20">
        <v>2.57</v>
      </c>
      <c r="CN878" s="20">
        <v>2.97</v>
      </c>
      <c r="CO878" s="20">
        <v>3.21</v>
      </c>
      <c r="CP878" s="20">
        <v>2.59</v>
      </c>
      <c r="CQ878" s="20">
        <v>2.2999999999999998</v>
      </c>
      <c r="CR878" s="20">
        <v>2.77</v>
      </c>
      <c r="CS878" s="20">
        <v>3.4</v>
      </c>
      <c r="CT878" s="20">
        <v>3.05</v>
      </c>
      <c r="CU878" s="20">
        <v>3.24</v>
      </c>
      <c r="CV878" s="20">
        <v>2.58</v>
      </c>
      <c r="CW878" s="20">
        <v>2.2599999999999998</v>
      </c>
      <c r="CX878" s="20">
        <v>2.23</v>
      </c>
      <c r="CY878" s="6" t="s">
        <v>525</v>
      </c>
      <c r="CZ878" s="6" t="s">
        <v>526</v>
      </c>
      <c r="DA878" s="6" t="s">
        <v>62</v>
      </c>
      <c r="DB878" s="6" t="s">
        <v>345</v>
      </c>
      <c r="DC878" s="6"/>
      <c r="DD878" s="6"/>
      <c r="DE878" s="6"/>
      <c r="DF878" s="6"/>
      <c r="DG878" s="6"/>
      <c r="DH878" s="6" t="s">
        <v>333</v>
      </c>
      <c r="DI878" s="6"/>
      <c r="DJ878" s="6"/>
      <c r="DK878" s="6"/>
      <c r="DL878" s="6">
        <v>7</v>
      </c>
      <c r="DM878" s="6" t="s">
        <v>485</v>
      </c>
      <c r="DN878" s="6">
        <v>8</v>
      </c>
      <c r="DO878" s="6" t="s">
        <v>486</v>
      </c>
      <c r="DP878" s="6"/>
      <c r="DQ878" s="6"/>
    </row>
    <row r="879" spans="1:121" x14ac:dyDescent="0.2">
      <c r="A879" s="6" t="s">
        <v>323</v>
      </c>
      <c r="B879" s="6" t="s">
        <v>323</v>
      </c>
      <c r="C879" s="6" t="s">
        <v>192</v>
      </c>
      <c r="D879" s="6" t="s">
        <v>62</v>
      </c>
      <c r="E879" s="6" t="s">
        <v>203</v>
      </c>
      <c r="F879" s="11">
        <v>28</v>
      </c>
      <c r="G879" s="13">
        <v>0.30107526881699997</v>
      </c>
      <c r="H879" s="11">
        <v>-11.232620722100009</v>
      </c>
      <c r="I879" s="13">
        <v>-0.12100307138368624</v>
      </c>
      <c r="J879" s="11">
        <v>55.751733527700011</v>
      </c>
      <c r="K879" s="13">
        <v>0.68326050459375964</v>
      </c>
      <c r="L879" s="11">
        <v>-16.014477848000013</v>
      </c>
      <c r="M879" s="13">
        <v>-0.11659754095653778</v>
      </c>
      <c r="N879" s="11">
        <v>39.737255679699999</v>
      </c>
      <c r="O879" s="13">
        <v>0.48699646896886634</v>
      </c>
      <c r="P879" s="7">
        <v>92.829219900400005</v>
      </c>
      <c r="Q879" s="7">
        <v>94.376706784700005</v>
      </c>
      <c r="R879" s="7">
        <v>99.424647829400001</v>
      </c>
      <c r="S879" s="7">
        <v>96.328821535000003</v>
      </c>
      <c r="T879" s="7">
        <v>85.241564324999999</v>
      </c>
      <c r="U879" s="7">
        <v>99.533029046799996</v>
      </c>
      <c r="V879" s="7">
        <v>81.596599178299996</v>
      </c>
      <c r="W879" s="7">
        <v>94.658245512700006</v>
      </c>
      <c r="X879" s="7">
        <v>120.271612639</v>
      </c>
      <c r="Y879" s="7">
        <v>137.34833270600001</v>
      </c>
      <c r="Z879" s="7">
        <v>121.69677449700001</v>
      </c>
      <c r="AA879" s="7">
        <v>120.547499837</v>
      </c>
      <c r="AB879" s="7">
        <v>107.311542297</v>
      </c>
      <c r="AC879" s="7">
        <v>86.978269047200001</v>
      </c>
      <c r="AD879" s="7">
        <v>100.906353655</v>
      </c>
      <c r="AE879" s="7">
        <v>119.89690324999999</v>
      </c>
      <c r="AF879" s="7">
        <v>121.333854858</v>
      </c>
      <c r="AG879" s="9">
        <v>4043.2498231999998</v>
      </c>
      <c r="AH879" s="13">
        <v>0.3821769551916831</v>
      </c>
      <c r="AI879" s="9">
        <v>1798.9272304000006</v>
      </c>
      <c r="AJ879" s="13">
        <v>0.17003859805564925</v>
      </c>
      <c r="AK879" s="9">
        <v>-773.88437810000141</v>
      </c>
      <c r="AL879" s="13">
        <v>-6.251868159725904E-2</v>
      </c>
      <c r="AM879" s="9">
        <v>3018.2069709000007</v>
      </c>
      <c r="AN879" s="13">
        <v>0.26008788722368187</v>
      </c>
      <c r="AO879" s="9">
        <v>2244.3225927999993</v>
      </c>
      <c r="AP879" s="13">
        <v>0.18130885381778167</v>
      </c>
      <c r="AQ879" s="9">
        <v>10579.5228317</v>
      </c>
      <c r="AR879" s="9">
        <v>11042.4928303</v>
      </c>
      <c r="AS879" s="9">
        <v>13145.7518827</v>
      </c>
      <c r="AT879" s="9">
        <v>14118.658668399999</v>
      </c>
      <c r="AU879" s="9">
        <v>13444.7624206</v>
      </c>
      <c r="AV879" s="9">
        <v>12464.333470600001</v>
      </c>
      <c r="AW879" s="9">
        <v>12378.450062100001</v>
      </c>
      <c r="AX879" s="9">
        <v>13414.409426</v>
      </c>
      <c r="AY879" s="9">
        <v>13992.218977799999</v>
      </c>
      <c r="AZ879" s="9">
        <v>11604.565683999999</v>
      </c>
      <c r="BA879" s="9">
        <v>12366.781314600001</v>
      </c>
      <c r="BB879" s="9">
        <v>13297.416370999999</v>
      </c>
      <c r="BC879" s="9">
        <v>13600.1492519</v>
      </c>
      <c r="BD879" s="9">
        <v>14130.819942599999</v>
      </c>
      <c r="BE879" s="9">
        <v>15034.9512999</v>
      </c>
      <c r="BF879" s="9">
        <v>14622.7726549</v>
      </c>
      <c r="BG879" s="11">
        <v>1.25</v>
      </c>
      <c r="BH879" s="13">
        <v>8.3333333333333329E-2</v>
      </c>
      <c r="BI879" s="6">
        <v>2</v>
      </c>
      <c r="BJ879" s="13">
        <v>0.13333333333333333</v>
      </c>
      <c r="BK879" s="6">
        <v>1</v>
      </c>
      <c r="BL879" s="13">
        <v>5.8823529411764705E-2</v>
      </c>
      <c r="BM879" s="11">
        <v>-1.75</v>
      </c>
      <c r="BN879" s="13">
        <v>-9.7222222222222224E-2</v>
      </c>
      <c r="BO879" s="11">
        <v>-0.75</v>
      </c>
      <c r="BP879" s="13">
        <v>-4.4117647058823532E-2</v>
      </c>
      <c r="BQ879" s="6">
        <v>15</v>
      </c>
      <c r="BR879" s="6">
        <v>16</v>
      </c>
      <c r="BS879" s="6">
        <v>16</v>
      </c>
      <c r="BT879" s="6">
        <v>17</v>
      </c>
      <c r="BU879" s="6">
        <v>17</v>
      </c>
      <c r="BV879" s="6">
        <v>17</v>
      </c>
      <c r="BW879" s="6">
        <v>18</v>
      </c>
      <c r="BX879" s="6">
        <v>19</v>
      </c>
      <c r="BY879" s="6">
        <v>19</v>
      </c>
      <c r="BZ879" s="6">
        <v>18</v>
      </c>
      <c r="CA879" s="6">
        <v>16</v>
      </c>
      <c r="CB879" s="6">
        <v>17</v>
      </c>
      <c r="CC879" s="11">
        <v>16.25</v>
      </c>
      <c r="CD879" s="11">
        <v>-2.7526000000000002</v>
      </c>
      <c r="CE879" s="11">
        <v>21.1099</v>
      </c>
      <c r="CF879" s="11">
        <v>10.147399999999999</v>
      </c>
      <c r="CG879" s="11">
        <v>31</v>
      </c>
      <c r="CH879" s="20">
        <v>0.83804800000000002</v>
      </c>
      <c r="CI879" s="20">
        <v>0.83704900000000004</v>
      </c>
      <c r="CJ879" s="20">
        <v>0.81268300000000004</v>
      </c>
      <c r="CK879" s="20">
        <v>0.76755200000000001</v>
      </c>
      <c r="CL879" s="20">
        <v>0.699604</v>
      </c>
      <c r="CM879" s="20">
        <v>0.81147199999999997</v>
      </c>
      <c r="CN879" s="20">
        <v>0.65193400000000001</v>
      </c>
      <c r="CO879" s="20">
        <v>0.77005500000000005</v>
      </c>
      <c r="CP879" s="20">
        <v>0.96035199999999998</v>
      </c>
      <c r="CQ879" s="20">
        <v>1.06436</v>
      </c>
      <c r="CR879" s="20">
        <v>0.97688600000000003</v>
      </c>
      <c r="CS879" s="20">
        <v>0.94904500000000003</v>
      </c>
      <c r="CT879" s="20">
        <v>0.76790999999999998</v>
      </c>
      <c r="CU879" s="20">
        <v>0.60381700000000005</v>
      </c>
      <c r="CV879" s="20">
        <v>0.68122300000000002</v>
      </c>
      <c r="CW879" s="20">
        <v>0.79389699999999996</v>
      </c>
      <c r="CX879" s="20">
        <v>0.77682799999999996</v>
      </c>
      <c r="CY879" s="6" t="s">
        <v>525</v>
      </c>
      <c r="CZ879" s="6" t="s">
        <v>526</v>
      </c>
      <c r="DA879" s="6" t="s">
        <v>62</v>
      </c>
      <c r="DB879" s="6" t="s">
        <v>345</v>
      </c>
      <c r="DC879" s="6"/>
      <c r="DD879" s="6"/>
      <c r="DE879" s="6"/>
      <c r="DF879" s="6"/>
      <c r="DG879" s="6"/>
      <c r="DH879" s="6" t="s">
        <v>333</v>
      </c>
      <c r="DI879" s="6"/>
      <c r="DJ879" s="6"/>
      <c r="DK879" s="6"/>
      <c r="DL879" s="6">
        <v>7</v>
      </c>
      <c r="DM879" s="6" t="s">
        <v>485</v>
      </c>
      <c r="DN879" s="6">
        <v>8</v>
      </c>
      <c r="DO879" s="6" t="s">
        <v>486</v>
      </c>
      <c r="DP879" s="6"/>
      <c r="DQ879" s="6"/>
    </row>
    <row r="880" spans="1:121" x14ac:dyDescent="0.2">
      <c r="A880" s="6" t="s">
        <v>325</v>
      </c>
      <c r="B880" s="6" t="s">
        <v>325</v>
      </c>
      <c r="C880" s="6" t="s">
        <v>193</v>
      </c>
      <c r="D880" s="6" t="s">
        <v>62</v>
      </c>
      <c r="E880" s="6" t="s">
        <v>203</v>
      </c>
      <c r="F880" s="11">
        <v>-14</v>
      </c>
      <c r="G880" s="13">
        <v>-0.118644067797</v>
      </c>
      <c r="H880" s="11">
        <v>34.06840712799999</v>
      </c>
      <c r="I880" s="13">
        <v>0.28774416667419306</v>
      </c>
      <c r="J880" s="11">
        <v>-27.354455107999996</v>
      </c>
      <c r="K880" s="13">
        <v>-0.17941269772670737</v>
      </c>
      <c r="L880" s="11">
        <v>-20.694607355999992</v>
      </c>
      <c r="M880" s="13">
        <v>-0.1654083794233869</v>
      </c>
      <c r="N880" s="11">
        <v>-48.049062463999988</v>
      </c>
      <c r="O880" s="13">
        <v>-0.31514471357114165</v>
      </c>
      <c r="P880" s="7">
        <v>118.398254678</v>
      </c>
      <c r="Q880" s="7">
        <v>126.665072404</v>
      </c>
      <c r="R880" s="7">
        <v>144.63139316900001</v>
      </c>
      <c r="S880" s="7">
        <v>150.36809402</v>
      </c>
      <c r="T880" s="7">
        <v>161.770590543</v>
      </c>
      <c r="U880" s="7">
        <v>146.340391775</v>
      </c>
      <c r="V880" s="7">
        <v>152.46666180599999</v>
      </c>
      <c r="W880" s="7">
        <v>117.555594507</v>
      </c>
      <c r="X880" s="7">
        <v>123.042869659</v>
      </c>
      <c r="Y880" s="7">
        <v>125.11220669799999</v>
      </c>
      <c r="Z880" s="7">
        <v>127.12155851</v>
      </c>
      <c r="AA880" s="7">
        <v>120.02122828900001</v>
      </c>
      <c r="AB880" s="7">
        <v>94.196494172300007</v>
      </c>
      <c r="AC880" s="7">
        <v>102.796501883</v>
      </c>
      <c r="AD880" s="7">
        <v>103.822472741</v>
      </c>
      <c r="AE880" s="7">
        <v>105.684119051</v>
      </c>
      <c r="AF880" s="7">
        <v>104.417599342</v>
      </c>
      <c r="AG880" s="9">
        <v>1316.2544443000006</v>
      </c>
      <c r="AH880" s="13">
        <v>8.7780944094471916E-2</v>
      </c>
      <c r="AI880" s="9">
        <v>-2570.6044110000003</v>
      </c>
      <c r="AJ880" s="13">
        <v>-0.17143348162520147</v>
      </c>
      <c r="AK880" s="9">
        <v>1348.8657139999996</v>
      </c>
      <c r="AL880" s="13">
        <v>0.10856797380835388</v>
      </c>
      <c r="AM880" s="9">
        <v>2537.9931413000013</v>
      </c>
      <c r="AN880" s="13">
        <v>0.18427275686995001</v>
      </c>
      <c r="AO880" s="9">
        <v>3886.8588553000009</v>
      </c>
      <c r="AP880" s="13">
        <v>0.31284685051975375</v>
      </c>
      <c r="AQ880" s="9">
        <v>14994.7629053</v>
      </c>
      <c r="AR880" s="9">
        <v>14639.6954694</v>
      </c>
      <c r="AS880" s="9">
        <v>13207.2715893</v>
      </c>
      <c r="AT880" s="9">
        <v>13660.523268299999</v>
      </c>
      <c r="AU880" s="9">
        <v>12754.6476437</v>
      </c>
      <c r="AV880" s="9">
        <v>13180.4531142</v>
      </c>
      <c r="AW880" s="9">
        <v>12424.1584943</v>
      </c>
      <c r="AX880" s="9">
        <v>13643.5653711</v>
      </c>
      <c r="AY880" s="9">
        <v>13847.5370114</v>
      </c>
      <c r="AZ880" s="9">
        <v>13773.024208299999</v>
      </c>
      <c r="BA880" s="9">
        <v>13767.153265700001</v>
      </c>
      <c r="BB880" s="9">
        <v>14539.5737353</v>
      </c>
      <c r="BC880" s="9">
        <v>16264.115505399999</v>
      </c>
      <c r="BD880" s="9">
        <v>16012.8777787</v>
      </c>
      <c r="BE880" s="9">
        <v>17507.9569825</v>
      </c>
      <c r="BF880" s="9">
        <v>16311.017349600001</v>
      </c>
      <c r="BG880" s="11">
        <v>-28.75</v>
      </c>
      <c r="BH880" s="13">
        <v>-0.71875</v>
      </c>
      <c r="BI880" s="6">
        <v>-9</v>
      </c>
      <c r="BJ880" s="13">
        <v>-0.22500000000000001</v>
      </c>
      <c r="BK880" s="6">
        <v>-2</v>
      </c>
      <c r="BL880" s="13">
        <v>-6.4516129032258063E-2</v>
      </c>
      <c r="BM880" s="11">
        <v>-17.75</v>
      </c>
      <c r="BN880" s="13">
        <v>-0.61206896551724133</v>
      </c>
      <c r="BO880" s="11">
        <v>-19.75</v>
      </c>
      <c r="BP880" s="13">
        <v>-0.63709677419354838</v>
      </c>
      <c r="BQ880" s="6">
        <v>40</v>
      </c>
      <c r="BR880" s="6">
        <v>45</v>
      </c>
      <c r="BS880" s="6">
        <v>38</v>
      </c>
      <c r="BT880" s="6">
        <v>31</v>
      </c>
      <c r="BU880" s="6">
        <v>26</v>
      </c>
      <c r="BV880" s="6">
        <v>27</v>
      </c>
      <c r="BW880" s="6">
        <v>29</v>
      </c>
      <c r="BX880" s="6">
        <v>28</v>
      </c>
      <c r="BY880" s="6">
        <v>30</v>
      </c>
      <c r="BZ880" s="6">
        <v>10</v>
      </c>
      <c r="CA880" s="6">
        <v>11</v>
      </c>
      <c r="CB880" s="6">
        <v>11</v>
      </c>
      <c r="CC880" s="11">
        <v>11.25</v>
      </c>
      <c r="CD880" s="11">
        <v>-25.832699999999999</v>
      </c>
      <c r="CE880" s="11">
        <v>-1.0903400000000001</v>
      </c>
      <c r="CF880" s="11">
        <v>12.942399999999999</v>
      </c>
      <c r="CG880" s="11">
        <v>12</v>
      </c>
      <c r="CH880" s="20">
        <v>1.57361</v>
      </c>
      <c r="CI880" s="20">
        <v>1.6470400000000001</v>
      </c>
      <c r="CJ880" s="20">
        <v>1.7431700000000001</v>
      </c>
      <c r="CK880" s="20">
        <v>1.7986500000000001</v>
      </c>
      <c r="CL880" s="20">
        <v>2.0261999999999998</v>
      </c>
      <c r="CM880" s="20">
        <v>1.83779</v>
      </c>
      <c r="CN880" s="20">
        <v>1.8857200000000001</v>
      </c>
      <c r="CO880" s="20">
        <v>1.47898</v>
      </c>
      <c r="CP880" s="20">
        <v>1.4884599999999999</v>
      </c>
      <c r="CQ880" s="20">
        <v>1.47973</v>
      </c>
      <c r="CR880" s="20">
        <v>1.5801400000000001</v>
      </c>
      <c r="CS880" s="20">
        <v>1.4744900000000001</v>
      </c>
      <c r="CT880" s="20">
        <v>1.1474</v>
      </c>
      <c r="CU880" s="20">
        <v>1.2276899999999999</v>
      </c>
      <c r="CV880" s="20">
        <v>1.22967</v>
      </c>
      <c r="CW880" s="20">
        <v>1.24075</v>
      </c>
      <c r="CX880" s="20">
        <v>1.1958899999999999</v>
      </c>
      <c r="CY880" s="6" t="s">
        <v>525</v>
      </c>
      <c r="CZ880" s="6" t="s">
        <v>526</v>
      </c>
      <c r="DA880" s="6" t="s">
        <v>62</v>
      </c>
      <c r="DB880" s="6" t="s">
        <v>345</v>
      </c>
      <c r="DC880" s="6"/>
      <c r="DD880" s="6"/>
      <c r="DE880" s="6"/>
      <c r="DF880" s="6"/>
      <c r="DG880" s="6"/>
      <c r="DH880" s="6" t="s">
        <v>333</v>
      </c>
      <c r="DI880" s="6"/>
      <c r="DJ880" s="6"/>
      <c r="DK880" s="6"/>
      <c r="DL880" s="6">
        <v>7</v>
      </c>
      <c r="DM880" s="6" t="s">
        <v>485</v>
      </c>
      <c r="DN880" s="6">
        <v>8</v>
      </c>
      <c r="DO880" s="6" t="s">
        <v>486</v>
      </c>
      <c r="DP880" s="6"/>
      <c r="DQ880" s="6"/>
    </row>
    <row r="881" spans="1:121" x14ac:dyDescent="0.2">
      <c r="A881" s="6" t="s">
        <v>327</v>
      </c>
      <c r="B881" s="6" t="s">
        <v>327</v>
      </c>
      <c r="C881" s="6" t="s">
        <v>194</v>
      </c>
      <c r="D881" s="6" t="s">
        <v>62</v>
      </c>
      <c r="E881" s="6" t="s">
        <v>203</v>
      </c>
      <c r="F881" s="11">
        <v>-48</v>
      </c>
      <c r="G881" s="13">
        <v>-0.120906801008</v>
      </c>
      <c r="H881" s="11">
        <v>19.069974999999999</v>
      </c>
      <c r="I881" s="13">
        <v>4.8024301930285077E-2</v>
      </c>
      <c r="J881" s="11">
        <v>-26.792256000000009</v>
      </c>
      <c r="K881" s="13">
        <v>-6.437968804878974E-2</v>
      </c>
      <c r="L881" s="11">
        <v>-39.981419921999986</v>
      </c>
      <c r="M881" s="13">
        <v>-0.10268290717151246</v>
      </c>
      <c r="N881" s="11">
        <v>-66.773675921999995</v>
      </c>
      <c r="O881" s="13">
        <v>-0.16045190168865739</v>
      </c>
      <c r="P881" s="7">
        <v>397.090103</v>
      </c>
      <c r="Q881" s="7">
        <v>394.21875999999997</v>
      </c>
      <c r="R881" s="7">
        <v>403.84198300000003</v>
      </c>
      <c r="S881" s="7">
        <v>411.13167700000002</v>
      </c>
      <c r="T881" s="7">
        <v>417.46700099999998</v>
      </c>
      <c r="U881" s="7">
        <v>413.06426599999998</v>
      </c>
      <c r="V881" s="7">
        <v>416.160078</v>
      </c>
      <c r="W881" s="7">
        <v>405.80388099999999</v>
      </c>
      <c r="X881" s="7">
        <v>387.42285199999998</v>
      </c>
      <c r="Y881" s="7">
        <v>389.36782199999999</v>
      </c>
      <c r="Z881" s="7">
        <v>379.03238800000003</v>
      </c>
      <c r="AA881" s="7">
        <v>373.82287000000002</v>
      </c>
      <c r="AB881" s="7">
        <v>382.72459900000001</v>
      </c>
      <c r="AC881" s="7">
        <v>374.71690799999999</v>
      </c>
      <c r="AD881" s="7">
        <v>364.588526</v>
      </c>
      <c r="AE881" s="7">
        <v>355.05976824999999</v>
      </c>
      <c r="AF881" s="7">
        <v>349.386402078</v>
      </c>
      <c r="AG881" s="9">
        <v>10868.175647100004</v>
      </c>
      <c r="AH881" s="13">
        <v>0.36672972494059802</v>
      </c>
      <c r="AI881" s="9">
        <v>7264.1993189999994</v>
      </c>
      <c r="AJ881" s="13">
        <v>0.24511913541638369</v>
      </c>
      <c r="AK881" s="9">
        <v>3924.5196880000003</v>
      </c>
      <c r="AL881" s="13">
        <v>0.10635675262350966</v>
      </c>
      <c r="AM881" s="9">
        <v>-320.54335989999527</v>
      </c>
      <c r="AN881" s="13">
        <v>-7.8518166626122699E-3</v>
      </c>
      <c r="AO881" s="9">
        <v>3603.976328100005</v>
      </c>
      <c r="AP881" s="13">
        <v>9.7669842238466781E-2</v>
      </c>
      <c r="AQ881" s="9">
        <v>29635.382430099999</v>
      </c>
      <c r="AR881" s="9">
        <v>31208.0797914</v>
      </c>
      <c r="AS881" s="9">
        <v>32395.3734993</v>
      </c>
      <c r="AT881" s="9">
        <v>34255.703124200001</v>
      </c>
      <c r="AU881" s="9">
        <v>35196.5836786</v>
      </c>
      <c r="AV881" s="9">
        <v>36395.304815299998</v>
      </c>
      <c r="AW881" s="9">
        <v>36899.581749099998</v>
      </c>
      <c r="AX881" s="9">
        <v>39745.027773200003</v>
      </c>
      <c r="AY881" s="9">
        <v>40207.118296100001</v>
      </c>
      <c r="AZ881" s="9">
        <v>40824.101437099998</v>
      </c>
      <c r="BA881" s="9">
        <v>41158.827890300003</v>
      </c>
      <c r="BB881" s="9">
        <v>39296.976648999997</v>
      </c>
      <c r="BC881" s="9">
        <v>37797.508349099997</v>
      </c>
      <c r="BD881" s="9">
        <v>38985.518173099998</v>
      </c>
      <c r="BE881" s="9">
        <v>39246.9927016</v>
      </c>
      <c r="BF881" s="9">
        <v>40503.558077200003</v>
      </c>
      <c r="BG881" s="11">
        <v>-4</v>
      </c>
      <c r="BH881" s="13">
        <v>-0.12903225806451613</v>
      </c>
      <c r="BI881" s="6">
        <v>0</v>
      </c>
      <c r="BJ881" s="13">
        <v>0</v>
      </c>
      <c r="BK881" s="6">
        <v>0</v>
      </c>
      <c r="BL881" s="13">
        <v>0</v>
      </c>
      <c r="BM881" s="11">
        <v>-4</v>
      </c>
      <c r="BN881" s="13">
        <v>-0.12903225806451613</v>
      </c>
      <c r="BO881" s="11">
        <v>-4</v>
      </c>
      <c r="BP881" s="13">
        <v>-0.12903225806451613</v>
      </c>
      <c r="BQ881" s="6">
        <v>31</v>
      </c>
      <c r="BR881" s="6">
        <v>30</v>
      </c>
      <c r="BS881" s="6">
        <v>29</v>
      </c>
      <c r="BT881" s="6">
        <v>31</v>
      </c>
      <c r="BU881" s="6">
        <v>30</v>
      </c>
      <c r="BV881" s="6">
        <v>31</v>
      </c>
      <c r="BW881" s="6">
        <v>31</v>
      </c>
      <c r="BX881" s="6">
        <v>30</v>
      </c>
      <c r="BY881" s="6">
        <v>28</v>
      </c>
      <c r="BZ881" s="6">
        <v>27</v>
      </c>
      <c r="CA881" s="6">
        <v>27</v>
      </c>
      <c r="CB881" s="6">
        <v>27</v>
      </c>
      <c r="CC881" s="11">
        <v>27</v>
      </c>
      <c r="CD881" s="11">
        <v>-67.831199999999995</v>
      </c>
      <c r="CE881" s="11">
        <v>-23.279299999999999</v>
      </c>
      <c r="CF881" s="11">
        <v>43.406700000000001</v>
      </c>
      <c r="CG881" s="11">
        <v>20</v>
      </c>
      <c r="CH881" s="20">
        <v>1.5887899999999999</v>
      </c>
      <c r="CI881" s="20">
        <v>1.5401199999999999</v>
      </c>
      <c r="CJ881" s="20">
        <v>1.47316</v>
      </c>
      <c r="CK881" s="20">
        <v>1.4992399999999999</v>
      </c>
      <c r="CL881" s="20">
        <v>1.5977300000000001</v>
      </c>
      <c r="CM881" s="20">
        <v>1.59552</v>
      </c>
      <c r="CN881" s="20">
        <v>1.5944799999999999</v>
      </c>
      <c r="CO881" s="20">
        <v>1.56576</v>
      </c>
      <c r="CP881" s="20">
        <v>1.4212499999999999</v>
      </c>
      <c r="CQ881" s="20">
        <v>1.38853</v>
      </c>
      <c r="CR881" s="20">
        <v>1.4539200000000001</v>
      </c>
      <c r="CS881" s="20">
        <v>1.4653</v>
      </c>
      <c r="CT881" s="20">
        <v>1.41283</v>
      </c>
      <c r="CU881" s="20">
        <v>1.38188</v>
      </c>
      <c r="CV881" s="20">
        <v>1.3448500000000001</v>
      </c>
      <c r="CW881" s="20">
        <v>1.3047800000000001</v>
      </c>
      <c r="CX881" s="20">
        <v>1.2612699999999999</v>
      </c>
      <c r="CY881" s="6" t="s">
        <v>525</v>
      </c>
      <c r="CZ881" s="6" t="s">
        <v>526</v>
      </c>
      <c r="DA881" s="6" t="s">
        <v>62</v>
      </c>
      <c r="DB881" s="6" t="s">
        <v>345</v>
      </c>
      <c r="DC881" s="6"/>
      <c r="DD881" s="6"/>
      <c r="DE881" s="6"/>
      <c r="DF881" s="6"/>
      <c r="DG881" s="6"/>
      <c r="DH881" s="6" t="s">
        <v>333</v>
      </c>
      <c r="DI881" s="6"/>
      <c r="DJ881" s="6"/>
      <c r="DK881" s="6"/>
      <c r="DL881" s="6">
        <v>7</v>
      </c>
      <c r="DM881" s="6" t="s">
        <v>485</v>
      </c>
      <c r="DN881" s="6">
        <v>8</v>
      </c>
      <c r="DO881" s="6" t="s">
        <v>486</v>
      </c>
      <c r="DP881" s="6"/>
      <c r="DQ881" s="6"/>
    </row>
    <row r="882" spans="1:121" x14ac:dyDescent="0.2">
      <c r="A882" s="6" t="s">
        <v>1</v>
      </c>
      <c r="B882" s="6" t="s">
        <v>1</v>
      </c>
      <c r="C882" s="6" t="s">
        <v>2</v>
      </c>
      <c r="D882" s="6" t="s">
        <v>129</v>
      </c>
      <c r="E882" s="6" t="s">
        <v>270</v>
      </c>
      <c r="F882" s="11">
        <v>-36</v>
      </c>
      <c r="G882" s="13">
        <v>-0.17307692307700001</v>
      </c>
      <c r="H882" s="11">
        <v>-84.552620140999991</v>
      </c>
      <c r="I882" s="13">
        <v>-0.40686298695299522</v>
      </c>
      <c r="J882" s="11">
        <v>16.482867839999997</v>
      </c>
      <c r="K882" s="13">
        <v>0.13372076842016739</v>
      </c>
      <c r="L882" s="11">
        <v>32.112411170999991</v>
      </c>
      <c r="M882" s="13">
        <v>0.22979093941173501</v>
      </c>
      <c r="N882" s="11">
        <v>48.595279010999988</v>
      </c>
      <c r="O882" s="13">
        <v>0.39423952882603175</v>
      </c>
      <c r="P882" s="7">
        <v>207.815954885</v>
      </c>
      <c r="Q882" s="7">
        <v>196.792273841</v>
      </c>
      <c r="R882" s="7">
        <v>158.80137894399999</v>
      </c>
      <c r="S882" s="7">
        <v>149.20050918800001</v>
      </c>
      <c r="T882" s="7">
        <v>120.94104466500001</v>
      </c>
      <c r="U882" s="7">
        <v>109.98433192100001</v>
      </c>
      <c r="V882" s="7">
        <v>123.26333474400001</v>
      </c>
      <c r="W882" s="7">
        <v>146.20095911000001</v>
      </c>
      <c r="X882" s="7">
        <v>146.22226562899999</v>
      </c>
      <c r="Y882" s="7">
        <v>139.746202584</v>
      </c>
      <c r="Z882" s="7">
        <v>133.90217658500001</v>
      </c>
      <c r="AA882" s="7">
        <v>129.25833312</v>
      </c>
      <c r="AB882" s="7">
        <v>125.954470407</v>
      </c>
      <c r="AC882" s="7">
        <v>155.485811955</v>
      </c>
      <c r="AD882" s="7">
        <v>167.719448605</v>
      </c>
      <c r="AE882" s="7">
        <v>165.233433346</v>
      </c>
      <c r="AF882" s="7">
        <v>171.85861375499999</v>
      </c>
      <c r="AG882" s="9">
        <v>11941.059378500002</v>
      </c>
      <c r="AH882" s="13">
        <v>0.54178742733338658</v>
      </c>
      <c r="AI882" s="9">
        <v>869.48122320000039</v>
      </c>
      <c r="AJ882" s="13">
        <v>3.9449933217850654E-2</v>
      </c>
      <c r="AK882" s="9">
        <v>2487.1461806999978</v>
      </c>
      <c r="AL882" s="13">
        <v>0.10856349106890401</v>
      </c>
      <c r="AM882" s="9">
        <v>8584.4319746000037</v>
      </c>
      <c r="AN882" s="13">
        <v>0.33801306015658666</v>
      </c>
      <c r="AO882" s="9">
        <v>11071.578155300002</v>
      </c>
      <c r="AP882" s="13">
        <v>0.48327242906297319</v>
      </c>
      <c r="AQ882" s="9">
        <v>22040.1190136</v>
      </c>
      <c r="AR882" s="9">
        <v>22309.752860500001</v>
      </c>
      <c r="AS882" s="9">
        <v>20954.2060423</v>
      </c>
      <c r="AT882" s="9">
        <v>22005.738149699999</v>
      </c>
      <c r="AU882" s="9">
        <v>22430.479412000001</v>
      </c>
      <c r="AV882" s="9">
        <v>22572.472785900001</v>
      </c>
      <c r="AW882" s="9">
        <v>22909.600236800001</v>
      </c>
      <c r="AX882" s="9">
        <v>24759.6595542</v>
      </c>
      <c r="AY882" s="9">
        <v>25809.202146</v>
      </c>
      <c r="AZ882" s="9">
        <v>25396.746417499999</v>
      </c>
      <c r="BA882" s="9">
        <v>27871.3117748</v>
      </c>
      <c r="BB882" s="9">
        <v>31504.630163900001</v>
      </c>
      <c r="BC882" s="9">
        <v>33187.615257700003</v>
      </c>
      <c r="BD882" s="9">
        <v>34616.370437400001</v>
      </c>
      <c r="BE882" s="9">
        <v>34009.602508700002</v>
      </c>
      <c r="BF882" s="9">
        <v>33981.178392100002</v>
      </c>
      <c r="BG882" s="11">
        <v>3</v>
      </c>
      <c r="BH882" s="13">
        <v>0.23076923076923078</v>
      </c>
      <c r="BI882" s="6">
        <v>1</v>
      </c>
      <c r="BJ882" s="13">
        <v>7.6923076923076927E-2</v>
      </c>
      <c r="BK882" s="6">
        <v>-1</v>
      </c>
      <c r="BL882" s="13">
        <v>-7.1428571428571425E-2</v>
      </c>
      <c r="BM882" s="11">
        <v>3</v>
      </c>
      <c r="BN882" s="13">
        <v>0.23076923076923078</v>
      </c>
      <c r="BO882" s="11">
        <v>2</v>
      </c>
      <c r="BP882" s="13">
        <v>0.14285714285714285</v>
      </c>
      <c r="BQ882" s="6">
        <v>13</v>
      </c>
      <c r="BR882" s="6">
        <v>12</v>
      </c>
      <c r="BS882" s="6">
        <v>13</v>
      </c>
      <c r="BT882" s="6">
        <v>14</v>
      </c>
      <c r="BU882" s="6">
        <v>13</v>
      </c>
      <c r="BV882" s="6">
        <v>13</v>
      </c>
      <c r="BW882" s="6">
        <v>13</v>
      </c>
      <c r="BX882" s="6">
        <v>13</v>
      </c>
      <c r="BY882" s="6">
        <v>14</v>
      </c>
      <c r="BZ882" s="6">
        <v>14</v>
      </c>
      <c r="CA882" s="6">
        <v>15</v>
      </c>
      <c r="CB882" s="6">
        <v>16</v>
      </c>
      <c r="CC882" s="11">
        <v>16</v>
      </c>
      <c r="CD882" s="11">
        <v>-39.726799999999997</v>
      </c>
      <c r="CE882" s="11">
        <v>-18.947299999999998</v>
      </c>
      <c r="CF882" s="11">
        <v>22.716799999999999</v>
      </c>
      <c r="CG882" s="11">
        <v>4</v>
      </c>
      <c r="CH882" s="20">
        <v>9.2598000000000003</v>
      </c>
      <c r="CI882" s="20">
        <v>8.7174800000000001</v>
      </c>
      <c r="CJ882" s="20">
        <v>7.4716800000000001</v>
      </c>
      <c r="CK882" s="20">
        <v>7.1056699999999999</v>
      </c>
      <c r="CL882" s="20">
        <v>5.7313499999999999</v>
      </c>
      <c r="CM882" s="20">
        <v>5.2297799999999999</v>
      </c>
      <c r="CN882" s="20">
        <v>5.9673699999999998</v>
      </c>
      <c r="CO882" s="20">
        <v>7.0741199999999997</v>
      </c>
      <c r="CP882" s="20">
        <v>6.7717000000000001</v>
      </c>
      <c r="CQ882" s="20">
        <v>6.5470499999999996</v>
      </c>
      <c r="CR882" s="20">
        <v>6.4566499999999998</v>
      </c>
      <c r="CS882" s="20">
        <v>6.2808400000000004</v>
      </c>
      <c r="CT882" s="20">
        <v>6.0552999999999999</v>
      </c>
      <c r="CU882" s="20">
        <v>7.6344700000000003</v>
      </c>
      <c r="CV882" s="20">
        <v>8.2464999999999993</v>
      </c>
      <c r="CW882" s="20">
        <v>8.3847100000000001</v>
      </c>
      <c r="CX882" s="20">
        <v>8.6944800000000004</v>
      </c>
      <c r="CY882" s="6" t="s">
        <v>527</v>
      </c>
      <c r="CZ882" s="6" t="s">
        <v>528</v>
      </c>
      <c r="DA882" s="6" t="s">
        <v>129</v>
      </c>
      <c r="DB882" s="6"/>
      <c r="DC882" s="6"/>
      <c r="DD882" s="6"/>
      <c r="DE882" s="6"/>
      <c r="DF882" s="6"/>
      <c r="DG882" s="6"/>
      <c r="DH882" s="6" t="s">
        <v>333</v>
      </c>
      <c r="DI882" s="6"/>
      <c r="DJ882" s="6"/>
      <c r="DK882" s="6"/>
      <c r="DL882" s="6">
        <v>7</v>
      </c>
      <c r="DM882" s="6" t="s">
        <v>485</v>
      </c>
      <c r="DN882" s="6">
        <v>8</v>
      </c>
      <c r="DO882" s="6" t="s">
        <v>486</v>
      </c>
      <c r="DP882" s="6"/>
      <c r="DQ882" s="6"/>
    </row>
    <row r="883" spans="1:121" x14ac:dyDescent="0.2">
      <c r="A883" s="6" t="s">
        <v>310</v>
      </c>
      <c r="B883" s="6" t="s">
        <v>310</v>
      </c>
      <c r="C883" s="6" t="s">
        <v>173</v>
      </c>
      <c r="D883" s="6" t="s">
        <v>129</v>
      </c>
      <c r="E883" s="6" t="s">
        <v>270</v>
      </c>
      <c r="F883" s="11">
        <v>1</v>
      </c>
      <c r="G883" s="13">
        <v>1</v>
      </c>
      <c r="H883" s="11">
        <v>0</v>
      </c>
      <c r="I883" s="13">
        <v>0</v>
      </c>
      <c r="J883" s="11">
        <v>9.3140070000000001</v>
      </c>
      <c r="K883" s="13">
        <v>1.8628013999999999</v>
      </c>
      <c r="L883" s="11">
        <v>-9.3140070000000001</v>
      </c>
      <c r="M883" s="13">
        <v>-0.65069180139425664</v>
      </c>
      <c r="N883" s="11">
        <v>0</v>
      </c>
      <c r="O883" s="13">
        <v>0</v>
      </c>
      <c r="P883" s="7">
        <v>5</v>
      </c>
      <c r="Q883" s="7">
        <v>5</v>
      </c>
      <c r="R883" s="7">
        <v>11.861077</v>
      </c>
      <c r="S883" s="7">
        <v>5</v>
      </c>
      <c r="T883" s="7">
        <v>5</v>
      </c>
      <c r="U883" s="7">
        <v>10.514711</v>
      </c>
      <c r="V883" s="7">
        <v>5</v>
      </c>
      <c r="W883" s="7">
        <v>5</v>
      </c>
      <c r="X883" s="7">
        <v>5</v>
      </c>
      <c r="Y883" s="7">
        <v>14.314007</v>
      </c>
      <c r="Z883" s="7">
        <v>10.393704</v>
      </c>
      <c r="AA883" s="7">
        <v>5</v>
      </c>
      <c r="AB883" s="7">
        <v>10.353135</v>
      </c>
      <c r="AC883" s="7">
        <v>5</v>
      </c>
      <c r="AD883" s="7">
        <v>5</v>
      </c>
      <c r="AE883" s="7">
        <v>5</v>
      </c>
      <c r="AF883" s="7">
        <v>5</v>
      </c>
      <c r="AG883" s="9">
        <v>0</v>
      </c>
      <c r="AH883" s="13">
        <v>0</v>
      </c>
      <c r="AI883" s="9">
        <v>0</v>
      </c>
      <c r="AJ883" s="13">
        <v>0</v>
      </c>
      <c r="AK883" s="9">
        <v>33001.327806599998</v>
      </c>
      <c r="AL883" s="13">
        <v>33001.327806599998</v>
      </c>
      <c r="AM883" s="9">
        <v>-33001.327806599998</v>
      </c>
      <c r="AN883" s="13">
        <v>-0.99996969910710964</v>
      </c>
      <c r="AO883" s="9">
        <v>0</v>
      </c>
      <c r="AP883" s="13">
        <v>0</v>
      </c>
      <c r="AQ883" s="9">
        <v>1</v>
      </c>
      <c r="AR883" s="9">
        <v>1</v>
      </c>
      <c r="AS883" s="9">
        <v>36667.364534499997</v>
      </c>
      <c r="AT883" s="9">
        <v>1</v>
      </c>
      <c r="AU883" s="9">
        <v>1</v>
      </c>
      <c r="AV883" s="9">
        <v>25095.422972299999</v>
      </c>
      <c r="AW883" s="9">
        <v>1</v>
      </c>
      <c r="AX883" s="9">
        <v>1</v>
      </c>
      <c r="AY883" s="9">
        <v>1</v>
      </c>
      <c r="AZ883" s="9">
        <v>33002.327806599998</v>
      </c>
      <c r="BA883" s="9">
        <v>31457.907037199999</v>
      </c>
      <c r="BB883" s="9">
        <v>1</v>
      </c>
      <c r="BC883" s="9">
        <v>47852.290941699997</v>
      </c>
      <c r="BD883" s="9">
        <v>1</v>
      </c>
      <c r="BE883" s="9">
        <v>1</v>
      </c>
      <c r="BF883" s="9">
        <v>1</v>
      </c>
      <c r="BG883" s="11">
        <v>-2</v>
      </c>
      <c r="BH883" s="13">
        <v>-0.66666666666666663</v>
      </c>
      <c r="BI883" s="6">
        <v>-1</v>
      </c>
      <c r="BJ883" s="13">
        <v>-0.33333333333333331</v>
      </c>
      <c r="BK883" s="6">
        <v>0</v>
      </c>
      <c r="BL883" s="13">
        <v>0</v>
      </c>
      <c r="BM883" s="11">
        <v>-1</v>
      </c>
      <c r="BN883" s="13">
        <v>-0.5</v>
      </c>
      <c r="BO883" s="11">
        <v>-1</v>
      </c>
      <c r="BP883" s="13">
        <v>-0.5</v>
      </c>
      <c r="BQ883" s="6">
        <v>3</v>
      </c>
      <c r="BR883" s="6">
        <v>3</v>
      </c>
      <c r="BS883" s="6">
        <v>2</v>
      </c>
      <c r="BT883" s="6">
        <v>2</v>
      </c>
      <c r="BU883" s="6">
        <v>2</v>
      </c>
      <c r="BV883" s="6">
        <v>2</v>
      </c>
      <c r="BW883" s="6">
        <v>2</v>
      </c>
      <c r="BX883" s="6">
        <v>2</v>
      </c>
      <c r="BY883" s="6">
        <v>2</v>
      </c>
      <c r="BZ883" s="6">
        <v>1</v>
      </c>
      <c r="CA883" s="6">
        <v>1</v>
      </c>
      <c r="CB883" s="6">
        <v>1</v>
      </c>
      <c r="CC883" s="11">
        <v>1</v>
      </c>
      <c r="CD883" s="11">
        <v>5.4789099999999999</v>
      </c>
      <c r="CE883" s="11">
        <v>2.5937000000000002E-2</v>
      </c>
      <c r="CF883" s="11">
        <v>2.7328000000000002E-2</v>
      </c>
      <c r="CG883" s="11">
        <v>0</v>
      </c>
      <c r="CH883" s="20">
        <v>3.9261799999999999E-2</v>
      </c>
      <c r="CI883" s="20">
        <v>0.50970000000000004</v>
      </c>
      <c r="CJ883" s="20">
        <v>2.0837599999999998</v>
      </c>
      <c r="CK883" s="20">
        <v>1.0420199999999999</v>
      </c>
      <c r="CL883" s="20">
        <v>1.42025</v>
      </c>
      <c r="CM883" s="20">
        <v>1.5298799999999999</v>
      </c>
      <c r="CN883" s="20">
        <v>0.85640700000000003</v>
      </c>
      <c r="CO883" s="20">
        <v>0.21505299999999999</v>
      </c>
      <c r="CP883" s="20">
        <v>0.119847</v>
      </c>
      <c r="CQ883" s="20">
        <v>1.8507100000000001</v>
      </c>
      <c r="CR883" s="20">
        <v>1.2451000000000001</v>
      </c>
      <c r="CS883" s="20">
        <v>0.82668600000000003</v>
      </c>
      <c r="CT883" s="20">
        <v>1.13883</v>
      </c>
      <c r="CU883" s="20">
        <v>0.68037199999999998</v>
      </c>
      <c r="CV883" s="20">
        <v>0.79819300000000004</v>
      </c>
      <c r="CW883" s="20">
        <v>0.90068499999999996</v>
      </c>
      <c r="CX883" s="20">
        <v>0.86535799999999996</v>
      </c>
      <c r="CY883" s="6" t="s">
        <v>527</v>
      </c>
      <c r="CZ883" s="6" t="s">
        <v>528</v>
      </c>
      <c r="DA883" s="6" t="s">
        <v>129</v>
      </c>
      <c r="DB883" s="6"/>
      <c r="DC883" s="6"/>
      <c r="DD883" s="6"/>
      <c r="DE883" s="6"/>
      <c r="DF883" s="6"/>
      <c r="DG883" s="6"/>
      <c r="DH883" s="6" t="s">
        <v>333</v>
      </c>
      <c r="DI883" s="6"/>
      <c r="DJ883" s="6"/>
      <c r="DK883" s="6"/>
      <c r="DL883" s="6">
        <v>7</v>
      </c>
      <c r="DM883" s="6" t="s">
        <v>485</v>
      </c>
      <c r="DN883" s="6">
        <v>8</v>
      </c>
      <c r="DO883" s="6" t="s">
        <v>486</v>
      </c>
      <c r="DP883" s="6"/>
      <c r="DQ883" s="6"/>
    </row>
    <row r="884" spans="1:121" x14ac:dyDescent="0.2">
      <c r="A884" s="6" t="s">
        <v>311</v>
      </c>
      <c r="B884" s="6" t="s">
        <v>311</v>
      </c>
      <c r="C884" s="6" t="s">
        <v>174</v>
      </c>
      <c r="D884" s="6" t="s">
        <v>129</v>
      </c>
      <c r="E884" s="6" t="s">
        <v>270</v>
      </c>
      <c r="F884" s="11">
        <v>1</v>
      </c>
      <c r="G884" s="13">
        <v>1</v>
      </c>
      <c r="H884" s="11">
        <v>0</v>
      </c>
      <c r="I884" s="13">
        <v>0</v>
      </c>
      <c r="J884" s="11">
        <v>0</v>
      </c>
      <c r="K884" s="13">
        <v>0</v>
      </c>
      <c r="L884" s="11">
        <v>5.0997320986000005</v>
      </c>
      <c r="M884" s="13">
        <v>1.0199464197200001</v>
      </c>
      <c r="N884" s="11">
        <v>5.0997320986000005</v>
      </c>
      <c r="O884" s="13">
        <v>1.0199464197200001</v>
      </c>
      <c r="P884" s="7">
        <v>5</v>
      </c>
      <c r="Q884" s="7">
        <v>5</v>
      </c>
      <c r="R884" s="7">
        <v>5</v>
      </c>
      <c r="S884" s="7">
        <v>5</v>
      </c>
      <c r="T884" s="7">
        <v>5</v>
      </c>
      <c r="U884" s="7">
        <v>5</v>
      </c>
      <c r="V884" s="7">
        <v>5</v>
      </c>
      <c r="W884" s="7">
        <v>5</v>
      </c>
      <c r="X884" s="7">
        <v>5</v>
      </c>
      <c r="Y884" s="7">
        <v>5</v>
      </c>
      <c r="Z884" s="7">
        <v>5</v>
      </c>
      <c r="AA884" s="7">
        <v>5</v>
      </c>
      <c r="AB884" s="7">
        <v>5</v>
      </c>
      <c r="AC884" s="7">
        <v>5</v>
      </c>
      <c r="AD884" s="7">
        <v>5</v>
      </c>
      <c r="AE884" s="7">
        <v>5</v>
      </c>
      <c r="AF884" s="7">
        <v>10.099732098600001</v>
      </c>
      <c r="AG884" s="9">
        <v>0</v>
      </c>
      <c r="AH884" s="13">
        <v>0</v>
      </c>
      <c r="AI884" s="9">
        <v>0</v>
      </c>
      <c r="AJ884" s="13">
        <v>0</v>
      </c>
      <c r="AK884" s="9">
        <v>0</v>
      </c>
      <c r="AL884" s="13">
        <v>0</v>
      </c>
      <c r="AM884" s="9">
        <v>0</v>
      </c>
      <c r="AN884" s="13">
        <v>0</v>
      </c>
      <c r="AO884" s="9">
        <v>0</v>
      </c>
      <c r="AP884" s="13">
        <v>0</v>
      </c>
      <c r="AQ884" s="9">
        <v>1</v>
      </c>
      <c r="AR884" s="9">
        <v>1</v>
      </c>
      <c r="AS884" s="9">
        <v>1</v>
      </c>
      <c r="AT884" s="9">
        <v>1</v>
      </c>
      <c r="AU884" s="9">
        <v>1</v>
      </c>
      <c r="AV884" s="9">
        <v>1</v>
      </c>
      <c r="AW884" s="9">
        <v>1</v>
      </c>
      <c r="AX884" s="9">
        <v>1</v>
      </c>
      <c r="AY884" s="9">
        <v>1</v>
      </c>
      <c r="AZ884" s="9">
        <v>1</v>
      </c>
      <c r="BA884" s="9">
        <v>1</v>
      </c>
      <c r="BB884" s="9">
        <v>1</v>
      </c>
      <c r="BC884" s="9">
        <v>1</v>
      </c>
      <c r="BD884" s="9">
        <v>1</v>
      </c>
      <c r="BE884" s="9">
        <v>1</v>
      </c>
      <c r="BF884" s="9">
        <v>1</v>
      </c>
      <c r="BG884" s="11">
        <v>1</v>
      </c>
      <c r="BH884" s="13">
        <v>1</v>
      </c>
      <c r="BI884" s="6">
        <v>0</v>
      </c>
      <c r="BJ884" s="13">
        <v>0</v>
      </c>
      <c r="BK884" s="6">
        <v>0</v>
      </c>
      <c r="BL884" s="13">
        <v>0</v>
      </c>
      <c r="BM884" s="11">
        <v>1</v>
      </c>
      <c r="BN884" s="13">
        <v>1</v>
      </c>
      <c r="BO884" s="11">
        <v>1</v>
      </c>
      <c r="BP884" s="13">
        <v>1</v>
      </c>
      <c r="BQ884" s="6">
        <v>1</v>
      </c>
      <c r="BR884" s="6">
        <v>1</v>
      </c>
      <c r="BS884" s="6">
        <v>1</v>
      </c>
      <c r="BT884" s="6">
        <v>1</v>
      </c>
      <c r="BU884" s="6">
        <v>1</v>
      </c>
      <c r="BV884" s="6">
        <v>1</v>
      </c>
      <c r="BW884" s="6">
        <v>1</v>
      </c>
      <c r="BX884" s="6">
        <v>1</v>
      </c>
      <c r="BY884" s="6">
        <v>1</v>
      </c>
      <c r="BZ884" s="6">
        <v>1</v>
      </c>
      <c r="CA884" s="6">
        <v>2</v>
      </c>
      <c r="CB884" s="6">
        <v>2</v>
      </c>
      <c r="CC884" s="11">
        <v>2</v>
      </c>
      <c r="CD884" s="11">
        <v>8.2339699999999993</v>
      </c>
      <c r="CE884" s="11">
        <v>-0.32101200000000002</v>
      </c>
      <c r="CF884" s="11">
        <v>0.21548500000000001</v>
      </c>
      <c r="CG884" s="11">
        <v>0</v>
      </c>
      <c r="CH884" s="20">
        <v>0.282559</v>
      </c>
      <c r="CI884" s="20">
        <v>0.791076</v>
      </c>
      <c r="CJ884" s="20">
        <v>1.01136</v>
      </c>
      <c r="CK884" s="20">
        <v>1.21383</v>
      </c>
      <c r="CL884" s="20">
        <v>1.1645300000000001</v>
      </c>
      <c r="CM884" s="20">
        <v>1.19577</v>
      </c>
      <c r="CN884" s="20">
        <v>1.1214999999999999</v>
      </c>
      <c r="CO884" s="20">
        <v>0.60075999999999996</v>
      </c>
      <c r="CP884" s="20">
        <v>0.56336399999999998</v>
      </c>
      <c r="CQ884" s="20">
        <v>0.59559499999999999</v>
      </c>
      <c r="CR884" s="20">
        <v>0.61192100000000005</v>
      </c>
      <c r="CS884" s="20">
        <v>0.53983999999999999</v>
      </c>
      <c r="CT884" s="20">
        <v>1.4907699999999999</v>
      </c>
      <c r="CU884" s="20">
        <v>1.4070400000000001</v>
      </c>
      <c r="CV884" s="20">
        <v>1.4247799999999999</v>
      </c>
      <c r="CW884" s="20">
        <v>1.67309</v>
      </c>
      <c r="CX884" s="20">
        <v>1.7681500000000001</v>
      </c>
      <c r="CY884" s="6" t="s">
        <v>527</v>
      </c>
      <c r="CZ884" s="6" t="s">
        <v>528</v>
      </c>
      <c r="DA884" s="6" t="s">
        <v>129</v>
      </c>
      <c r="DB884" s="6"/>
      <c r="DC884" s="6"/>
      <c r="DD884" s="6"/>
      <c r="DE884" s="6"/>
      <c r="DF884" s="6"/>
      <c r="DG884" s="6"/>
      <c r="DH884" s="6" t="s">
        <v>333</v>
      </c>
      <c r="DI884" s="6"/>
      <c r="DJ884" s="6"/>
      <c r="DK884" s="6"/>
      <c r="DL884" s="6">
        <v>7</v>
      </c>
      <c r="DM884" s="6" t="s">
        <v>485</v>
      </c>
      <c r="DN884" s="6">
        <v>8</v>
      </c>
      <c r="DO884" s="6" t="s">
        <v>486</v>
      </c>
      <c r="DP884" s="6"/>
      <c r="DQ884" s="6"/>
    </row>
    <row r="885" spans="1:121" x14ac:dyDescent="0.2">
      <c r="A885" s="6" t="s">
        <v>312</v>
      </c>
      <c r="B885" s="6" t="s">
        <v>312</v>
      </c>
      <c r="C885" s="6" t="s">
        <v>175</v>
      </c>
      <c r="D885" s="6" t="s">
        <v>129</v>
      </c>
      <c r="E885" s="6" t="s">
        <v>270</v>
      </c>
      <c r="F885" s="11">
        <v>-8</v>
      </c>
      <c r="G885" s="13">
        <v>-7.7669902912599995E-2</v>
      </c>
      <c r="H885" s="11">
        <v>13.980681866000012</v>
      </c>
      <c r="I885" s="13">
        <v>0.1351543478068663</v>
      </c>
      <c r="J885" s="11">
        <v>-6.5664515240000014</v>
      </c>
      <c r="K885" s="13">
        <v>-5.5921330199119226E-2</v>
      </c>
      <c r="L885" s="11">
        <v>-15.776620047000009</v>
      </c>
      <c r="M885" s="13">
        <v>-0.14231560779532554</v>
      </c>
      <c r="N885" s="11">
        <v>-22.34307157100001</v>
      </c>
      <c r="O885" s="13">
        <v>-0.190278459898434</v>
      </c>
      <c r="P885" s="7">
        <v>103.442339021</v>
      </c>
      <c r="Q885" s="7">
        <v>100.775869743</v>
      </c>
      <c r="R885" s="7">
        <v>119.38349379100001</v>
      </c>
      <c r="S885" s="7">
        <v>102.13412136399999</v>
      </c>
      <c r="T885" s="7">
        <v>112.224515708</v>
      </c>
      <c r="U885" s="7">
        <v>109.511326725</v>
      </c>
      <c r="V885" s="7">
        <v>117.42302088700001</v>
      </c>
      <c r="W885" s="7">
        <v>116.78863827000001</v>
      </c>
      <c r="X885" s="7">
        <v>124.582524177</v>
      </c>
      <c r="Y885" s="7">
        <v>110.85656936300001</v>
      </c>
      <c r="Z885" s="7">
        <v>101.79699300199999</v>
      </c>
      <c r="AA885" s="7">
        <v>103.037926871</v>
      </c>
      <c r="AB885" s="7">
        <v>89.933442061099996</v>
      </c>
      <c r="AC885" s="7">
        <v>92.024616355700005</v>
      </c>
      <c r="AD885" s="7">
        <v>100.495391695</v>
      </c>
      <c r="AE885" s="7">
        <v>93.179547945699994</v>
      </c>
      <c r="AF885" s="7">
        <v>95.079949315999997</v>
      </c>
      <c r="AG885" s="9">
        <v>-245.79993359999935</v>
      </c>
      <c r="AH885" s="13">
        <v>-8.6141245369689198E-3</v>
      </c>
      <c r="AI885" s="9">
        <v>-952.53539639999872</v>
      </c>
      <c r="AJ885" s="13">
        <v>-3.338185820592373E-2</v>
      </c>
      <c r="AK885" s="9">
        <v>-2628.0986244000014</v>
      </c>
      <c r="AL885" s="13">
        <v>-9.5283149083170537E-2</v>
      </c>
      <c r="AM885" s="9">
        <v>3334.8340872000008</v>
      </c>
      <c r="AN885" s="13">
        <v>0.13363985499146344</v>
      </c>
      <c r="AO885" s="9">
        <v>706.73546279999937</v>
      </c>
      <c r="AP885" s="13">
        <v>2.5623079681688005E-2</v>
      </c>
      <c r="AQ885" s="9">
        <v>28534.5228694</v>
      </c>
      <c r="AR885" s="9">
        <v>25112.210552799999</v>
      </c>
      <c r="AS885" s="9">
        <v>25666.3484475</v>
      </c>
      <c r="AT885" s="9">
        <v>23187.482265499999</v>
      </c>
      <c r="AU885" s="9">
        <v>26103.819342300001</v>
      </c>
      <c r="AV885" s="9">
        <v>28791.6148956</v>
      </c>
      <c r="AW885" s="9">
        <v>27581.987473000001</v>
      </c>
      <c r="AX885" s="9">
        <v>26356.434593000002</v>
      </c>
      <c r="AY885" s="9">
        <v>26461.5265693</v>
      </c>
      <c r="AZ885" s="9">
        <v>24953.8888486</v>
      </c>
      <c r="BA885" s="9">
        <v>31002.321876499998</v>
      </c>
      <c r="BB885" s="9">
        <v>34209.349138600002</v>
      </c>
      <c r="BC885" s="9">
        <v>30810.497018599999</v>
      </c>
      <c r="BD885" s="9">
        <v>27226.409004699999</v>
      </c>
      <c r="BE885" s="9">
        <v>26450.191127800001</v>
      </c>
      <c r="BF885" s="9">
        <v>28288.7229358</v>
      </c>
      <c r="BG885" s="11">
        <v>-2.25</v>
      </c>
      <c r="BH885" s="13">
        <v>-0.125</v>
      </c>
      <c r="BI885" s="6">
        <v>1</v>
      </c>
      <c r="BJ885" s="13">
        <v>5.5555555555555552E-2</v>
      </c>
      <c r="BK885" s="6">
        <v>-5</v>
      </c>
      <c r="BL885" s="13">
        <v>-0.26315789473684209</v>
      </c>
      <c r="BM885" s="11">
        <v>1.75</v>
      </c>
      <c r="BN885" s="13">
        <v>0.125</v>
      </c>
      <c r="BO885" s="11">
        <v>-3.25</v>
      </c>
      <c r="BP885" s="13">
        <v>-0.17105263157894737</v>
      </c>
      <c r="BQ885" s="6">
        <v>18</v>
      </c>
      <c r="BR885" s="6">
        <v>16</v>
      </c>
      <c r="BS885" s="6">
        <v>16</v>
      </c>
      <c r="BT885" s="6">
        <v>19</v>
      </c>
      <c r="BU885" s="6">
        <v>20</v>
      </c>
      <c r="BV885" s="6">
        <v>19</v>
      </c>
      <c r="BW885" s="6">
        <v>14</v>
      </c>
      <c r="BX885" s="6">
        <v>12</v>
      </c>
      <c r="BY885" s="6">
        <v>17</v>
      </c>
      <c r="BZ885" s="6">
        <v>18</v>
      </c>
      <c r="CA885" s="6">
        <v>16</v>
      </c>
      <c r="CB885" s="6">
        <v>16</v>
      </c>
      <c r="CC885" s="11">
        <v>15.75</v>
      </c>
      <c r="CD885" s="11">
        <v>-7.1403800000000004</v>
      </c>
      <c r="CE885" s="11">
        <v>-12.529500000000001</v>
      </c>
      <c r="CF885" s="11">
        <v>11.307499999999999</v>
      </c>
      <c r="CG885" s="11">
        <v>-2</v>
      </c>
      <c r="CH885" s="20">
        <v>1.0222500000000001</v>
      </c>
      <c r="CI885" s="20">
        <v>0.98653199999999996</v>
      </c>
      <c r="CJ885" s="20">
        <v>1.22488</v>
      </c>
      <c r="CK885" s="20">
        <v>1.0215700000000001</v>
      </c>
      <c r="CL885" s="20">
        <v>1.0732699999999999</v>
      </c>
      <c r="CM885" s="20">
        <v>1.00607</v>
      </c>
      <c r="CN885" s="20">
        <v>1.0980799999999999</v>
      </c>
      <c r="CO885" s="20">
        <v>1.12192</v>
      </c>
      <c r="CP885" s="20">
        <v>1.3031299999999999</v>
      </c>
      <c r="CQ885" s="20">
        <v>1.26814</v>
      </c>
      <c r="CR885" s="20">
        <v>1.2215499999999999</v>
      </c>
      <c r="CS885" s="20">
        <v>1.25048</v>
      </c>
      <c r="CT885" s="20">
        <v>1.0667500000000001</v>
      </c>
      <c r="CU885" s="20">
        <v>1.0890899999999999</v>
      </c>
      <c r="CV885" s="20">
        <v>1.15971</v>
      </c>
      <c r="CW885" s="20">
        <v>1.08548</v>
      </c>
      <c r="CX885" s="20">
        <v>1.09918</v>
      </c>
      <c r="CY885" s="6" t="s">
        <v>527</v>
      </c>
      <c r="CZ885" s="6" t="s">
        <v>528</v>
      </c>
      <c r="DA885" s="6" t="s">
        <v>129</v>
      </c>
      <c r="DB885" s="6"/>
      <c r="DC885" s="6"/>
      <c r="DD885" s="6"/>
      <c r="DE885" s="6"/>
      <c r="DF885" s="6"/>
      <c r="DG885" s="6"/>
      <c r="DH885" s="6" t="s">
        <v>333</v>
      </c>
      <c r="DI885" s="6"/>
      <c r="DJ885" s="6"/>
      <c r="DK885" s="6"/>
      <c r="DL885" s="6">
        <v>7</v>
      </c>
      <c r="DM885" s="6" t="s">
        <v>485</v>
      </c>
      <c r="DN885" s="6">
        <v>8</v>
      </c>
      <c r="DO885" s="6" t="s">
        <v>486</v>
      </c>
      <c r="DP885" s="6"/>
      <c r="DQ885" s="6"/>
    </row>
    <row r="886" spans="1:121" x14ac:dyDescent="0.2">
      <c r="A886" s="6" t="s">
        <v>792</v>
      </c>
      <c r="B886" s="6" t="s">
        <v>176</v>
      </c>
      <c r="C886" s="6" t="s">
        <v>177</v>
      </c>
      <c r="D886" s="6" t="s">
        <v>129</v>
      </c>
      <c r="E886" s="6" t="s">
        <v>270</v>
      </c>
      <c r="F886" s="11">
        <v>14</v>
      </c>
      <c r="G886" s="13">
        <v>0.102941176471</v>
      </c>
      <c r="H886" s="11">
        <v>5.847287276000003</v>
      </c>
      <c r="I886" s="13">
        <v>4.2930326966770981E-2</v>
      </c>
      <c r="J886" s="11">
        <v>8.4379087480000123</v>
      </c>
      <c r="K886" s="13">
        <v>5.9400389545119274E-2</v>
      </c>
      <c r="L886" s="11">
        <v>-0.32883126800001605</v>
      </c>
      <c r="M886" s="13">
        <v>-2.1850805312668017E-3</v>
      </c>
      <c r="N886" s="11">
        <v>8.1090774799999963</v>
      </c>
      <c r="O886" s="13">
        <v>5.708551437910777E-2</v>
      </c>
      <c r="P886" s="7">
        <v>136.20411697599999</v>
      </c>
      <c r="Q886" s="7">
        <v>142.326714305</v>
      </c>
      <c r="R886" s="7">
        <v>150.56362808399999</v>
      </c>
      <c r="S886" s="7">
        <v>163.90748258599999</v>
      </c>
      <c r="T886" s="7">
        <v>160.47469362499999</v>
      </c>
      <c r="U886" s="7">
        <v>159.31855718700001</v>
      </c>
      <c r="V886" s="7">
        <v>142.051404252</v>
      </c>
      <c r="W886" s="7">
        <v>140.47003282099999</v>
      </c>
      <c r="X886" s="7">
        <v>154.667226142</v>
      </c>
      <c r="Y886" s="7">
        <v>150.48931300000001</v>
      </c>
      <c r="Z886" s="7">
        <v>157.586421</v>
      </c>
      <c r="AA886" s="7">
        <v>168.10771346000001</v>
      </c>
      <c r="AB886" s="7">
        <v>156.55490599999999</v>
      </c>
      <c r="AC886" s="7">
        <v>147.915559</v>
      </c>
      <c r="AD886" s="7">
        <v>148.25580400000001</v>
      </c>
      <c r="AE886" s="7">
        <v>145.87528275</v>
      </c>
      <c r="AF886" s="7">
        <v>150.16048173199999</v>
      </c>
      <c r="AG886" s="9">
        <v>36014.760274400003</v>
      </c>
      <c r="AH886" s="13">
        <v>1.1758448430092905</v>
      </c>
      <c r="AI886" s="9">
        <v>13608.297754200001</v>
      </c>
      <c r="AJ886" s="13">
        <v>0.44429691089142082</v>
      </c>
      <c r="AK886" s="9">
        <v>2545.381928499999</v>
      </c>
      <c r="AL886" s="13">
        <v>5.7539484210960445E-2</v>
      </c>
      <c r="AM886" s="9">
        <v>19861.080591700003</v>
      </c>
      <c r="AN886" s="13">
        <v>0.42454065991245699</v>
      </c>
      <c r="AO886" s="9">
        <v>22406.462520200002</v>
      </c>
      <c r="AP886" s="13">
        <v>0.50650799472136099</v>
      </c>
      <c r="AQ886" s="9">
        <v>30628.8372046</v>
      </c>
      <c r="AR886" s="9">
        <v>31511.410892299999</v>
      </c>
      <c r="AS886" s="9">
        <v>33866.568548000003</v>
      </c>
      <c r="AT886" s="9">
        <v>33809.503458899999</v>
      </c>
      <c r="AU886" s="9">
        <v>34792.651279400001</v>
      </c>
      <c r="AV886" s="9">
        <v>42284.198090999998</v>
      </c>
      <c r="AW886" s="9">
        <v>44237.134958800001</v>
      </c>
      <c r="AX886" s="9">
        <v>45286.084762899998</v>
      </c>
      <c r="AY886" s="9">
        <v>44248.696873200002</v>
      </c>
      <c r="AZ886" s="9">
        <v>46782.5168873</v>
      </c>
      <c r="BA886" s="9">
        <v>46367.465545899999</v>
      </c>
      <c r="BB886" s="9">
        <v>46060.293087600003</v>
      </c>
      <c r="BC886" s="9">
        <v>50660.829721900001</v>
      </c>
      <c r="BD886" s="9">
        <v>56508.938730599999</v>
      </c>
      <c r="BE886" s="9">
        <v>63500.260388100003</v>
      </c>
      <c r="BF886" s="9">
        <v>66643.597479000004</v>
      </c>
      <c r="BG886" s="11">
        <v>0</v>
      </c>
      <c r="BH886" s="13">
        <v>0</v>
      </c>
      <c r="BI886" s="6">
        <v>1</v>
      </c>
      <c r="BJ886" s="13">
        <v>0.14285714285714285</v>
      </c>
      <c r="BK886" s="6">
        <v>0</v>
      </c>
      <c r="BL886" s="13">
        <v>0</v>
      </c>
      <c r="BM886" s="11">
        <v>-1</v>
      </c>
      <c r="BN886" s="13">
        <v>-0.125</v>
      </c>
      <c r="BO886" s="11">
        <v>-1</v>
      </c>
      <c r="BP886" s="13">
        <v>-0.125</v>
      </c>
      <c r="BQ886" s="6">
        <v>7</v>
      </c>
      <c r="BR886" s="6">
        <v>7</v>
      </c>
      <c r="BS886" s="6">
        <v>8</v>
      </c>
      <c r="BT886" s="6">
        <v>8</v>
      </c>
      <c r="BU886" s="6">
        <v>8</v>
      </c>
      <c r="BV886" s="6">
        <v>9</v>
      </c>
      <c r="BW886" s="6">
        <v>8</v>
      </c>
      <c r="BX886" s="6">
        <v>9</v>
      </c>
      <c r="BY886" s="6">
        <v>9</v>
      </c>
      <c r="BZ886" s="6">
        <v>8</v>
      </c>
      <c r="CA886" s="6">
        <v>7</v>
      </c>
      <c r="CB886" s="6">
        <v>7</v>
      </c>
      <c r="CC886" s="11">
        <v>7</v>
      </c>
      <c r="CD886" s="11">
        <v>47.144599999999997</v>
      </c>
      <c r="CE886" s="11">
        <v>-48.076999999999998</v>
      </c>
      <c r="CF886" s="11">
        <v>14.8888</v>
      </c>
      <c r="CG886" s="11">
        <v>-33</v>
      </c>
      <c r="CH886" s="20">
        <v>0.70308199999999998</v>
      </c>
      <c r="CI886" s="20">
        <v>0.77773099999999995</v>
      </c>
      <c r="CJ886" s="20">
        <v>0.92176000000000002</v>
      </c>
      <c r="CK886" s="20">
        <v>1.0361199999999999</v>
      </c>
      <c r="CL886" s="20">
        <v>1.02136</v>
      </c>
      <c r="CM886" s="20">
        <v>1.0209699999999999</v>
      </c>
      <c r="CN886" s="20">
        <v>0.93811999999999995</v>
      </c>
      <c r="CO886" s="20">
        <v>0.93237999999999999</v>
      </c>
      <c r="CP886" s="20">
        <v>1.1013299999999999</v>
      </c>
      <c r="CQ886" s="20">
        <v>1.1086499999999999</v>
      </c>
      <c r="CR886" s="20">
        <v>1.18153</v>
      </c>
      <c r="CS886" s="20">
        <v>1.2655799999999999</v>
      </c>
      <c r="CT886" s="20">
        <v>1.17008</v>
      </c>
      <c r="CU886" s="20">
        <v>1.13005</v>
      </c>
      <c r="CV886" s="20">
        <v>1.13537</v>
      </c>
      <c r="CW886" s="20">
        <v>1.1523300000000001</v>
      </c>
      <c r="CX886" s="20">
        <v>1.18472</v>
      </c>
      <c r="CY886" s="6" t="s">
        <v>527</v>
      </c>
      <c r="CZ886" s="6" t="s">
        <v>528</v>
      </c>
      <c r="DA886" s="6" t="s">
        <v>129</v>
      </c>
      <c r="DB886" s="6"/>
      <c r="DC886" s="6"/>
      <c r="DD886" s="6"/>
      <c r="DE886" s="6"/>
      <c r="DF886" s="6"/>
      <c r="DG886" s="6"/>
      <c r="DH886" s="6" t="s">
        <v>333</v>
      </c>
      <c r="DI886" s="6"/>
      <c r="DJ886" s="6"/>
      <c r="DK886" s="6"/>
      <c r="DL886" s="6">
        <v>7</v>
      </c>
      <c r="DM886" s="6" t="s">
        <v>485</v>
      </c>
      <c r="DN886" s="6">
        <v>8</v>
      </c>
      <c r="DO886" s="6" t="s">
        <v>486</v>
      </c>
      <c r="DP886" s="6"/>
      <c r="DQ886" s="6"/>
    </row>
    <row r="887" spans="1:121" x14ac:dyDescent="0.2">
      <c r="A887" s="6" t="s">
        <v>313</v>
      </c>
      <c r="B887" s="6" t="s">
        <v>313</v>
      </c>
      <c r="C887" s="6" t="s">
        <v>178</v>
      </c>
      <c r="D887" s="6" t="s">
        <v>129</v>
      </c>
      <c r="E887" s="6" t="s">
        <v>270</v>
      </c>
      <c r="F887" s="11">
        <v>14</v>
      </c>
      <c r="G887" s="13">
        <v>0.17948717948699999</v>
      </c>
      <c r="H887" s="11">
        <v>-15.535718735300009</v>
      </c>
      <c r="I887" s="13">
        <v>-0.20024459902395583</v>
      </c>
      <c r="J887" s="11">
        <v>10.770058516800006</v>
      </c>
      <c r="K887" s="13">
        <v>0.17357626636767656</v>
      </c>
      <c r="L887" s="11">
        <v>19.395927633900001</v>
      </c>
      <c r="M887" s="13">
        <v>0.26636153962974968</v>
      </c>
      <c r="N887" s="11">
        <v>30.165986150700007</v>
      </c>
      <c r="O887" s="13">
        <v>0.48617184755030418</v>
      </c>
      <c r="P887" s="7">
        <v>77.583709178800007</v>
      </c>
      <c r="Q887" s="7">
        <v>79.961301698499994</v>
      </c>
      <c r="R887" s="7">
        <v>74.523520190900001</v>
      </c>
      <c r="S887" s="7">
        <v>74.594646973099998</v>
      </c>
      <c r="T887" s="7">
        <v>80.222239722099999</v>
      </c>
      <c r="U887" s="7">
        <v>85.057908575100001</v>
      </c>
      <c r="V887" s="7">
        <v>62.047990443499998</v>
      </c>
      <c r="W887" s="7">
        <v>62.134689086900003</v>
      </c>
      <c r="X887" s="7">
        <v>62.921160608400001</v>
      </c>
      <c r="Y887" s="7">
        <v>72.818048960300004</v>
      </c>
      <c r="Z887" s="7">
        <v>73.617599301799999</v>
      </c>
      <c r="AA887" s="7">
        <v>76.055543776099995</v>
      </c>
      <c r="AB887" s="7">
        <v>87.292585630600001</v>
      </c>
      <c r="AC887" s="7">
        <v>90.122827466100006</v>
      </c>
      <c r="AD887" s="7">
        <v>90.626105607200003</v>
      </c>
      <c r="AE887" s="7">
        <v>88.416921282700002</v>
      </c>
      <c r="AF887" s="7">
        <v>92.213976594200005</v>
      </c>
      <c r="AG887" s="9">
        <v>26399.834377800005</v>
      </c>
      <c r="AH887" s="13">
        <v>0.803561671407093</v>
      </c>
      <c r="AI887" s="9">
        <v>9132.8008641999986</v>
      </c>
      <c r="AJ887" s="13">
        <v>0.27798540786437542</v>
      </c>
      <c r="AK887" s="9">
        <v>11666.222981300001</v>
      </c>
      <c r="AL887" s="13">
        <v>0.27785766970623554</v>
      </c>
      <c r="AM887" s="9">
        <v>5600.8105323000054</v>
      </c>
      <c r="AN887" s="13">
        <v>0.10439038840963794</v>
      </c>
      <c r="AO887" s="9">
        <v>17267.033513600007</v>
      </c>
      <c r="AP887" s="13">
        <v>0.41125372817910422</v>
      </c>
      <c r="AQ887" s="9">
        <v>32853.526141399998</v>
      </c>
      <c r="AR887" s="9">
        <v>34016.327386600002</v>
      </c>
      <c r="AS887" s="9">
        <v>34348.737004900002</v>
      </c>
      <c r="AT887" s="9">
        <v>37085.188733900002</v>
      </c>
      <c r="AU887" s="9">
        <v>38275.317990000003</v>
      </c>
      <c r="AV887" s="9">
        <v>40351.565563900003</v>
      </c>
      <c r="AW887" s="9">
        <v>41986.327005599996</v>
      </c>
      <c r="AX887" s="9">
        <v>47421.139712099997</v>
      </c>
      <c r="AY887" s="9">
        <v>52157.733217300003</v>
      </c>
      <c r="AZ887" s="9">
        <v>53652.549986899998</v>
      </c>
      <c r="BA887" s="9">
        <v>52238.834221899997</v>
      </c>
      <c r="BB887" s="9">
        <v>64430.165111399998</v>
      </c>
      <c r="BC887" s="9">
        <v>71723.845337999999</v>
      </c>
      <c r="BD887" s="9">
        <v>57714.098678900002</v>
      </c>
      <c r="BE887" s="9">
        <v>57170.945295600002</v>
      </c>
      <c r="BF887" s="9">
        <v>59253.360519200003</v>
      </c>
      <c r="BG887" s="11">
        <v>2</v>
      </c>
      <c r="BH887" s="13">
        <v>0.25</v>
      </c>
      <c r="BI887" s="6">
        <v>-1</v>
      </c>
      <c r="BJ887" s="13">
        <v>-0.125</v>
      </c>
      <c r="BK887" s="6">
        <v>2</v>
      </c>
      <c r="BL887" s="13">
        <v>0.2857142857142857</v>
      </c>
      <c r="BM887" s="11">
        <v>1</v>
      </c>
      <c r="BN887" s="13">
        <v>0.1111111111111111</v>
      </c>
      <c r="BO887" s="11">
        <v>3</v>
      </c>
      <c r="BP887" s="13">
        <v>0.42857142857142855</v>
      </c>
      <c r="BQ887" s="6">
        <v>8</v>
      </c>
      <c r="BR887" s="6">
        <v>8</v>
      </c>
      <c r="BS887" s="6">
        <v>8</v>
      </c>
      <c r="BT887" s="6">
        <v>7</v>
      </c>
      <c r="BU887" s="6">
        <v>7</v>
      </c>
      <c r="BV887" s="6">
        <v>7</v>
      </c>
      <c r="BW887" s="6">
        <v>9</v>
      </c>
      <c r="BX887" s="6">
        <v>9</v>
      </c>
      <c r="BY887" s="6">
        <v>9</v>
      </c>
      <c r="BZ887" s="6">
        <v>10</v>
      </c>
      <c r="CA887" s="6">
        <v>10</v>
      </c>
      <c r="CB887" s="6">
        <v>10</v>
      </c>
      <c r="CC887" s="11">
        <v>10</v>
      </c>
      <c r="CD887" s="11">
        <v>12.4933</v>
      </c>
      <c r="CE887" s="11">
        <v>-6.3438299999999996</v>
      </c>
      <c r="CF887" s="11">
        <v>8.4808299999999992</v>
      </c>
      <c r="CG887" s="11">
        <v>2</v>
      </c>
      <c r="CH887" s="20">
        <v>1.1247100000000001</v>
      </c>
      <c r="CI887" s="20">
        <v>1.16544</v>
      </c>
      <c r="CJ887" s="20">
        <v>1.16326</v>
      </c>
      <c r="CK887" s="20">
        <v>1.1738200000000001</v>
      </c>
      <c r="CL887" s="20">
        <v>1.2408699999999999</v>
      </c>
      <c r="CM887" s="20">
        <v>1.2888900000000001</v>
      </c>
      <c r="CN887" s="20">
        <v>0.93463600000000002</v>
      </c>
      <c r="CO887" s="20">
        <v>0.91658600000000001</v>
      </c>
      <c r="CP887" s="20">
        <v>0.94125899999999996</v>
      </c>
      <c r="CQ887" s="20">
        <v>1.1157699999999999</v>
      </c>
      <c r="CR887" s="20">
        <v>1.15307</v>
      </c>
      <c r="CS887" s="20">
        <v>1.1947300000000001</v>
      </c>
      <c r="CT887" s="20">
        <v>1.35362</v>
      </c>
      <c r="CU887" s="20">
        <v>1.43032</v>
      </c>
      <c r="CV887" s="20">
        <v>1.44269</v>
      </c>
      <c r="CW887" s="20">
        <v>1.4556100000000001</v>
      </c>
      <c r="CX887" s="20">
        <v>1.5039100000000001</v>
      </c>
      <c r="CY887" s="6" t="s">
        <v>527</v>
      </c>
      <c r="CZ887" s="6" t="s">
        <v>528</v>
      </c>
      <c r="DA887" s="6" t="s">
        <v>129</v>
      </c>
      <c r="DB887" s="6"/>
      <c r="DC887" s="6"/>
      <c r="DD887" s="6"/>
      <c r="DE887" s="6"/>
      <c r="DF887" s="6"/>
      <c r="DG887" s="6"/>
      <c r="DH887" s="6" t="s">
        <v>333</v>
      </c>
      <c r="DI887" s="6"/>
      <c r="DJ887" s="6"/>
      <c r="DK887" s="6"/>
      <c r="DL887" s="6">
        <v>7</v>
      </c>
      <c r="DM887" s="6" t="s">
        <v>485</v>
      </c>
      <c r="DN887" s="6">
        <v>8</v>
      </c>
      <c r="DO887" s="6" t="s">
        <v>486</v>
      </c>
      <c r="DP887" s="6"/>
      <c r="DQ887" s="6"/>
    </row>
    <row r="888" spans="1:121" x14ac:dyDescent="0.2">
      <c r="A888" s="6" t="s">
        <v>793</v>
      </c>
      <c r="B888" s="6" t="s">
        <v>179</v>
      </c>
      <c r="C888" s="6" t="s">
        <v>180</v>
      </c>
      <c r="D888" s="6" t="s">
        <v>129</v>
      </c>
      <c r="E888" s="6" t="s">
        <v>270</v>
      </c>
      <c r="F888" s="11">
        <v>-7</v>
      </c>
      <c r="G888" s="13">
        <v>-0.03</v>
      </c>
      <c r="H888" s="11">
        <v>-6</v>
      </c>
      <c r="I888" s="13">
        <v>-2.7649769585253454E-2</v>
      </c>
      <c r="J888" s="11">
        <v>29</v>
      </c>
      <c r="K888" s="13">
        <v>0.13744075829383889</v>
      </c>
      <c r="L888" s="11">
        <v>-30</v>
      </c>
      <c r="M888" s="13">
        <v>-0.125</v>
      </c>
      <c r="N888" s="11">
        <v>-1</v>
      </c>
      <c r="O888" s="13">
        <v>-4.7393364928909956E-3</v>
      </c>
      <c r="P888" s="7">
        <v>217</v>
      </c>
      <c r="Q888" s="7">
        <v>242</v>
      </c>
      <c r="R888" s="7">
        <v>176</v>
      </c>
      <c r="S888" s="7">
        <v>167</v>
      </c>
      <c r="T888" s="7">
        <v>207</v>
      </c>
      <c r="U888" s="7">
        <v>223</v>
      </c>
      <c r="V888" s="7">
        <v>211</v>
      </c>
      <c r="W888" s="7">
        <v>212</v>
      </c>
      <c r="X888" s="7">
        <v>219</v>
      </c>
      <c r="Y888" s="7">
        <v>240</v>
      </c>
      <c r="Z888" s="7">
        <v>224</v>
      </c>
      <c r="AA888" s="7">
        <v>204</v>
      </c>
      <c r="AB888" s="7">
        <v>199</v>
      </c>
      <c r="AC888" s="7">
        <v>204</v>
      </c>
      <c r="AD888" s="7">
        <v>212</v>
      </c>
      <c r="AE888" s="7">
        <v>206</v>
      </c>
      <c r="AF888" s="7">
        <v>210</v>
      </c>
      <c r="AG888" s="9">
        <v>16398</v>
      </c>
      <c r="AH888" s="13">
        <v>0.92268737339635376</v>
      </c>
      <c r="AI888" s="9">
        <v>8136</v>
      </c>
      <c r="AJ888" s="13">
        <v>0.45779878460499662</v>
      </c>
      <c r="AK888" s="9">
        <v>-374</v>
      </c>
      <c r="AL888" s="13">
        <v>-1.4435695538057744E-2</v>
      </c>
      <c r="AM888" s="9">
        <v>8636</v>
      </c>
      <c r="AN888" s="13">
        <v>0.33821571238348869</v>
      </c>
      <c r="AO888" s="9">
        <v>8262</v>
      </c>
      <c r="AP888" s="13">
        <v>0.31889763779527558</v>
      </c>
      <c r="AQ888" s="9">
        <v>17772</v>
      </c>
      <c r="AR888" s="9">
        <v>18814</v>
      </c>
      <c r="AS888" s="9">
        <v>22731</v>
      </c>
      <c r="AT888" s="9">
        <v>21762</v>
      </c>
      <c r="AU888" s="9">
        <v>24254</v>
      </c>
      <c r="AV888" s="9">
        <v>23977</v>
      </c>
      <c r="AW888" s="9">
        <v>25908</v>
      </c>
      <c r="AX888" s="9">
        <v>26088</v>
      </c>
      <c r="AY888" s="9">
        <v>26790</v>
      </c>
      <c r="AZ888" s="9">
        <v>25534</v>
      </c>
      <c r="BA888" s="9">
        <v>25942</v>
      </c>
      <c r="BB888" s="9">
        <v>29532</v>
      </c>
      <c r="BC888" s="9">
        <v>29978</v>
      </c>
      <c r="BD888" s="9">
        <v>32349</v>
      </c>
      <c r="BE888" s="9">
        <v>32942</v>
      </c>
      <c r="BF888" s="9">
        <v>34170</v>
      </c>
      <c r="BG888" s="11">
        <v>2</v>
      </c>
      <c r="BH888" s="13">
        <v>0.10526315789473684</v>
      </c>
      <c r="BI888" s="6">
        <v>-2</v>
      </c>
      <c r="BJ888" s="13">
        <v>-0.10526315789473684</v>
      </c>
      <c r="BK888" s="6">
        <v>3</v>
      </c>
      <c r="BL888" s="13">
        <v>0.17647058823529413</v>
      </c>
      <c r="BM888" s="11">
        <v>1</v>
      </c>
      <c r="BN888" s="13">
        <v>0.05</v>
      </c>
      <c r="BO888" s="11">
        <v>4</v>
      </c>
      <c r="BP888" s="13">
        <v>0.23529411764705882</v>
      </c>
      <c r="BQ888" s="6">
        <v>19</v>
      </c>
      <c r="BR888" s="6">
        <v>22</v>
      </c>
      <c r="BS888" s="6">
        <v>17</v>
      </c>
      <c r="BT888" s="6">
        <v>17</v>
      </c>
      <c r="BU888" s="6">
        <v>18</v>
      </c>
      <c r="BV888" s="6">
        <v>20</v>
      </c>
      <c r="BW888" s="6">
        <v>20</v>
      </c>
      <c r="BX888" s="6">
        <v>21</v>
      </c>
      <c r="BY888" s="6">
        <v>20</v>
      </c>
      <c r="BZ888" s="6">
        <v>20</v>
      </c>
      <c r="CA888" s="6">
        <v>20</v>
      </c>
      <c r="CB888" s="6">
        <v>21</v>
      </c>
      <c r="CC888" s="11">
        <v>21</v>
      </c>
      <c r="CD888" s="11">
        <v>-17</v>
      </c>
      <c r="CE888" s="11">
        <v>-14</v>
      </c>
      <c r="CF888" s="11">
        <v>24</v>
      </c>
      <c r="CG888" s="11">
        <v>10</v>
      </c>
      <c r="CH888" s="20">
        <v>1.17</v>
      </c>
      <c r="CI888" s="20">
        <v>1.29</v>
      </c>
      <c r="CJ888" s="20">
        <v>1.01</v>
      </c>
      <c r="CK888" s="20">
        <v>0.97</v>
      </c>
      <c r="CL888" s="20">
        <v>1.19</v>
      </c>
      <c r="CM888" s="20">
        <v>1.27</v>
      </c>
      <c r="CN888" s="20">
        <v>1.21</v>
      </c>
      <c r="CO888" s="20">
        <v>1.19</v>
      </c>
      <c r="CP888" s="20">
        <v>1.23</v>
      </c>
      <c r="CQ888" s="20">
        <v>1.37</v>
      </c>
      <c r="CR888" s="20">
        <v>1.31</v>
      </c>
      <c r="CS888" s="20">
        <v>1.2</v>
      </c>
      <c r="CT888" s="20">
        <v>1.1599999999999999</v>
      </c>
      <c r="CU888" s="20">
        <v>1.2</v>
      </c>
      <c r="CV888" s="20">
        <v>1.25</v>
      </c>
      <c r="CW888" s="20">
        <v>1.24</v>
      </c>
      <c r="CX888" s="20">
        <v>1.26</v>
      </c>
      <c r="CY888" s="6" t="s">
        <v>527</v>
      </c>
      <c r="CZ888" s="6" t="s">
        <v>528</v>
      </c>
      <c r="DA888" s="6" t="s">
        <v>129</v>
      </c>
      <c r="DB888" s="6"/>
      <c r="DC888" s="6"/>
      <c r="DD888" s="6"/>
      <c r="DE888" s="6"/>
      <c r="DF888" s="6"/>
      <c r="DG888" s="6"/>
      <c r="DH888" s="6" t="s">
        <v>333</v>
      </c>
      <c r="DI888" s="6"/>
      <c r="DJ888" s="6"/>
      <c r="DK888" s="6"/>
      <c r="DL888" s="6">
        <v>7</v>
      </c>
      <c r="DM888" s="6" t="s">
        <v>485</v>
      </c>
      <c r="DN888" s="6">
        <v>8</v>
      </c>
      <c r="DO888" s="6" t="s">
        <v>486</v>
      </c>
      <c r="DP888" s="6"/>
      <c r="DQ888" s="6"/>
    </row>
    <row r="889" spans="1:121" x14ac:dyDescent="0.2">
      <c r="A889" s="6" t="s">
        <v>794</v>
      </c>
      <c r="B889" s="6" t="s">
        <v>181</v>
      </c>
      <c r="C889" s="6" t="s">
        <v>182</v>
      </c>
      <c r="D889" s="6" t="s">
        <v>129</v>
      </c>
      <c r="E889" s="6" t="s">
        <v>270</v>
      </c>
      <c r="F889" s="11">
        <v>20</v>
      </c>
      <c r="G889" s="13">
        <v>0.54054054054099998</v>
      </c>
      <c r="H889" s="11">
        <v>5.9682192105999974</v>
      </c>
      <c r="I889" s="13">
        <v>0.15929885661855137</v>
      </c>
      <c r="J889" s="11">
        <v>-6.5900555581999996</v>
      </c>
      <c r="K889" s="13">
        <v>-0.15172654231428548</v>
      </c>
      <c r="L889" s="11">
        <v>20.405345265299999</v>
      </c>
      <c r="M889" s="13">
        <v>0.5538351994237285</v>
      </c>
      <c r="N889" s="11">
        <v>13.8152897071</v>
      </c>
      <c r="O889" s="13">
        <v>0.31807715728893793</v>
      </c>
      <c r="P889" s="7">
        <v>37.465549579499999</v>
      </c>
      <c r="Q889" s="7">
        <v>29.973514631499999</v>
      </c>
      <c r="R889" s="7">
        <v>27.631322982299999</v>
      </c>
      <c r="S889" s="7">
        <v>31.025232194899999</v>
      </c>
      <c r="T889" s="7">
        <v>34.292673124099998</v>
      </c>
      <c r="U889" s="7">
        <v>30.669054714000001</v>
      </c>
      <c r="V889" s="7">
        <v>43.433768790099997</v>
      </c>
      <c r="W889" s="7">
        <v>39.006440339900003</v>
      </c>
      <c r="X889" s="7">
        <v>37.262675588800001</v>
      </c>
      <c r="Y889" s="7">
        <v>36.843713231899997</v>
      </c>
      <c r="Z889" s="7">
        <v>36.848597056999999</v>
      </c>
      <c r="AA889" s="7">
        <v>46.880827329799999</v>
      </c>
      <c r="AB889" s="7">
        <v>55.615077569599997</v>
      </c>
      <c r="AC889" s="7">
        <v>53.247440862600001</v>
      </c>
      <c r="AD889" s="7">
        <v>53.953440587599999</v>
      </c>
      <c r="AE889" s="7">
        <v>54.546551675800004</v>
      </c>
      <c r="AF889" s="7">
        <v>57.249058497199997</v>
      </c>
      <c r="AG889" s="9">
        <v>-2283.4689952999979</v>
      </c>
      <c r="AH889" s="13">
        <v>-5.231866724803455E-2</v>
      </c>
      <c r="AI889" s="9">
        <v>1626.5276899000019</v>
      </c>
      <c r="AJ889" s="13">
        <v>3.7266878224642835E-2</v>
      </c>
      <c r="AK889" s="9">
        <v>5643.6001668000026</v>
      </c>
      <c r="AL889" s="13">
        <v>0.1246600453312945</v>
      </c>
      <c r="AM889" s="9">
        <v>-9553.5968520000024</v>
      </c>
      <c r="AN889" s="13">
        <v>-0.18763622500002999</v>
      </c>
      <c r="AO889" s="9">
        <v>-3909.9966851999998</v>
      </c>
      <c r="AP889" s="13">
        <v>-8.6366919983032239E-2</v>
      </c>
      <c r="AQ889" s="9">
        <v>43645.396861399997</v>
      </c>
      <c r="AR889" s="9">
        <v>37260.478496800002</v>
      </c>
      <c r="AS889" s="9">
        <v>40675.726958500003</v>
      </c>
      <c r="AT889" s="9">
        <v>45164.226709000002</v>
      </c>
      <c r="AU889" s="9">
        <v>46490.924666300001</v>
      </c>
      <c r="AV889" s="9">
        <v>46494.808830299997</v>
      </c>
      <c r="AW889" s="9">
        <v>45271.924551299999</v>
      </c>
      <c r="AX889" s="9">
        <v>48637.959929899996</v>
      </c>
      <c r="AY889" s="9">
        <v>47004.850211800003</v>
      </c>
      <c r="AZ889" s="9">
        <v>50915.524718100001</v>
      </c>
      <c r="BA889" s="9">
        <v>51678.7867702</v>
      </c>
      <c r="BB889" s="9">
        <v>49555.985200700001</v>
      </c>
      <c r="BC889" s="9">
        <v>43303.377829199999</v>
      </c>
      <c r="BD889" s="9">
        <v>43919.980789200003</v>
      </c>
      <c r="BE889" s="9">
        <v>39751.401986099998</v>
      </c>
      <c r="BF889" s="9">
        <v>41361.927866099999</v>
      </c>
      <c r="BG889" s="11">
        <v>5</v>
      </c>
      <c r="BH889" s="13">
        <v>5</v>
      </c>
      <c r="BI889" s="6">
        <v>0</v>
      </c>
      <c r="BJ889" s="13">
        <v>0</v>
      </c>
      <c r="BK889" s="6">
        <v>2</v>
      </c>
      <c r="BL889" s="13">
        <v>2</v>
      </c>
      <c r="BM889" s="11">
        <v>3</v>
      </c>
      <c r="BN889" s="13">
        <v>1</v>
      </c>
      <c r="BO889" s="11">
        <v>5</v>
      </c>
      <c r="BP889" s="13">
        <v>5</v>
      </c>
      <c r="BQ889" s="6">
        <v>1</v>
      </c>
      <c r="BR889" s="6">
        <v>1</v>
      </c>
      <c r="BS889" s="6">
        <v>2</v>
      </c>
      <c r="BT889" s="6">
        <v>1</v>
      </c>
      <c r="BU889" s="6">
        <v>2</v>
      </c>
      <c r="BV889" s="6">
        <v>1</v>
      </c>
      <c r="BW889" s="6">
        <v>3</v>
      </c>
      <c r="BX889" s="6">
        <v>3</v>
      </c>
      <c r="BY889" s="6">
        <v>4</v>
      </c>
      <c r="BZ889" s="6">
        <v>4</v>
      </c>
      <c r="CA889" s="6">
        <v>5</v>
      </c>
      <c r="CB889" s="6">
        <v>5</v>
      </c>
      <c r="CC889" s="11">
        <v>6</v>
      </c>
      <c r="CD889" s="11">
        <v>13.326599999999999</v>
      </c>
      <c r="CE889" s="11">
        <v>2.3614700000000002</v>
      </c>
      <c r="CF889" s="11">
        <v>4.09544</v>
      </c>
      <c r="CG889" s="11">
        <v>6</v>
      </c>
      <c r="CH889" s="20">
        <v>0.68610899999999997</v>
      </c>
      <c r="CI889" s="20">
        <v>0.55655399999999999</v>
      </c>
      <c r="CJ889" s="20">
        <v>0.55062800000000001</v>
      </c>
      <c r="CK889" s="20">
        <v>0.61727600000000005</v>
      </c>
      <c r="CL889" s="20">
        <v>0.66664599999999996</v>
      </c>
      <c r="CM889" s="20">
        <v>0.58238699999999999</v>
      </c>
      <c r="CN889" s="20">
        <v>0.81812200000000002</v>
      </c>
      <c r="CO889" s="20">
        <v>0.719611</v>
      </c>
      <c r="CP889" s="20">
        <v>0.69508899999999996</v>
      </c>
      <c r="CQ889" s="20">
        <v>0.69971700000000003</v>
      </c>
      <c r="CR889" s="20">
        <v>0.70608499999999996</v>
      </c>
      <c r="CS889" s="20">
        <v>0.897424</v>
      </c>
      <c r="CT889" s="20">
        <v>1.0446299999999999</v>
      </c>
      <c r="CU889" s="20">
        <v>1.00082</v>
      </c>
      <c r="CV889" s="20">
        <v>0.98235899999999998</v>
      </c>
      <c r="CW889" s="20">
        <v>1.0008300000000001</v>
      </c>
      <c r="CX889" s="20">
        <v>1.03379</v>
      </c>
      <c r="CY889" s="6" t="s">
        <v>527</v>
      </c>
      <c r="CZ889" s="6" t="s">
        <v>528</v>
      </c>
      <c r="DA889" s="6" t="s">
        <v>129</v>
      </c>
      <c r="DB889" s="6"/>
      <c r="DC889" s="6"/>
      <c r="DD889" s="6"/>
      <c r="DE889" s="6"/>
      <c r="DF889" s="6"/>
      <c r="DG889" s="6"/>
      <c r="DH889" s="6" t="s">
        <v>333</v>
      </c>
      <c r="DI889" s="6"/>
      <c r="DJ889" s="6"/>
      <c r="DK889" s="6"/>
      <c r="DL889" s="6">
        <v>7</v>
      </c>
      <c r="DM889" s="6" t="s">
        <v>485</v>
      </c>
      <c r="DN889" s="6">
        <v>8</v>
      </c>
      <c r="DO889" s="6" t="s">
        <v>486</v>
      </c>
      <c r="DP889" s="6"/>
      <c r="DQ889" s="6"/>
    </row>
    <row r="890" spans="1:121" x14ac:dyDescent="0.2">
      <c r="A890" s="6" t="s">
        <v>314</v>
      </c>
      <c r="B890" s="6" t="s">
        <v>314</v>
      </c>
      <c r="C890" s="6" t="s">
        <v>183</v>
      </c>
      <c r="D890" s="6" t="s">
        <v>129</v>
      </c>
      <c r="E890" s="6" t="s">
        <v>270</v>
      </c>
      <c r="F890" s="11">
        <v>-34</v>
      </c>
      <c r="G890" s="13">
        <v>-0.77272727272700004</v>
      </c>
      <c r="H890" s="11">
        <v>6.5214846832000006</v>
      </c>
      <c r="I890" s="13">
        <v>0.14988857639281211</v>
      </c>
      <c r="J890" s="11">
        <v>-39.2871606832</v>
      </c>
      <c r="K890" s="13">
        <v>-0.78526626361625163</v>
      </c>
      <c r="L890" s="11">
        <v>-0.72348342649999964</v>
      </c>
      <c r="M890" s="13">
        <v>-6.7343332317497687E-2</v>
      </c>
      <c r="N890" s="11">
        <v>-40.010644109700003</v>
      </c>
      <c r="O890" s="13">
        <v>-0.79972714898532049</v>
      </c>
      <c r="P890" s="7">
        <v>43.508884000000002</v>
      </c>
      <c r="Q890" s="7">
        <v>39.072018741800001</v>
      </c>
      <c r="R890" s="7">
        <v>36.675812508100002</v>
      </c>
      <c r="S890" s="7">
        <v>34.117715525000001</v>
      </c>
      <c r="T890" s="7">
        <v>23.943904</v>
      </c>
      <c r="U890" s="7">
        <v>26.951733000000001</v>
      </c>
      <c r="V890" s="7">
        <v>50.030368683200003</v>
      </c>
      <c r="W890" s="7">
        <v>63.514739566199999</v>
      </c>
      <c r="X890" s="7">
        <v>64.358834999999999</v>
      </c>
      <c r="Y890" s="7">
        <v>10.743207999999999</v>
      </c>
      <c r="Z890" s="7">
        <v>11.758581</v>
      </c>
      <c r="AA890" s="7">
        <v>13.018378999999999</v>
      </c>
      <c r="AB890" s="7">
        <v>14.124969999999999</v>
      </c>
      <c r="AC890" s="7">
        <v>11.8967119907</v>
      </c>
      <c r="AD890" s="7">
        <v>11.373642068100001</v>
      </c>
      <c r="AE890" s="7">
        <v>11.5552060224</v>
      </c>
      <c r="AF890" s="7">
        <v>10.0197245735</v>
      </c>
      <c r="AG890" s="9">
        <v>-536.32928180000454</v>
      </c>
      <c r="AH890" s="13">
        <v>-1.2521652458758996E-2</v>
      </c>
      <c r="AI890" s="9">
        <v>-13969.541315100003</v>
      </c>
      <c r="AJ890" s="13">
        <v>-0.32614617044382277</v>
      </c>
      <c r="AK890" s="9">
        <v>23882.320725000005</v>
      </c>
      <c r="AL890" s="13">
        <v>0.82744848007222283</v>
      </c>
      <c r="AM890" s="9">
        <v>-10449.108691700007</v>
      </c>
      <c r="AN890" s="13">
        <v>-0.19810641589590797</v>
      </c>
      <c r="AO890" s="9">
        <v>13433.212033299998</v>
      </c>
      <c r="AP890" s="13">
        <v>0.46541921145069026</v>
      </c>
      <c r="AQ890" s="9">
        <v>42832.148837100001</v>
      </c>
      <c r="AR890" s="9">
        <v>48718.4070766</v>
      </c>
      <c r="AS890" s="9">
        <v>54649.368843900003</v>
      </c>
      <c r="AT890" s="9">
        <v>56819.529172499999</v>
      </c>
      <c r="AU890" s="9">
        <v>64723.219769000003</v>
      </c>
      <c r="AV890" s="9">
        <v>38009.6785581</v>
      </c>
      <c r="AW890" s="9">
        <v>28862.607521999998</v>
      </c>
      <c r="AX890" s="9">
        <v>31150.012682100001</v>
      </c>
      <c r="AY890" s="9">
        <v>37258.647927799997</v>
      </c>
      <c r="AZ890" s="9">
        <v>52744.928247000003</v>
      </c>
      <c r="BA890" s="9">
        <v>44981.738139100002</v>
      </c>
      <c r="BB890" s="9">
        <v>48120.186591899997</v>
      </c>
      <c r="BC890" s="9">
        <v>47749.930264299997</v>
      </c>
      <c r="BD890" s="9">
        <v>34352.443291700001</v>
      </c>
      <c r="BE890" s="9">
        <v>40882.427944499999</v>
      </c>
      <c r="BF890" s="9">
        <v>42295.819555299997</v>
      </c>
      <c r="BG890" s="11">
        <v>-5</v>
      </c>
      <c r="BH890" s="13">
        <v>-0.625</v>
      </c>
      <c r="BI890" s="6">
        <v>-1</v>
      </c>
      <c r="BJ890" s="13">
        <v>-0.125</v>
      </c>
      <c r="BK890" s="6">
        <v>-3</v>
      </c>
      <c r="BL890" s="13">
        <v>-0.42857142857142855</v>
      </c>
      <c r="BM890" s="11">
        <v>-1</v>
      </c>
      <c r="BN890" s="13">
        <v>-0.25</v>
      </c>
      <c r="BO890" s="11">
        <v>-4</v>
      </c>
      <c r="BP890" s="13">
        <v>-0.5714285714285714</v>
      </c>
      <c r="BQ890" s="6">
        <v>8</v>
      </c>
      <c r="BR890" s="6">
        <v>8</v>
      </c>
      <c r="BS890" s="6">
        <v>7</v>
      </c>
      <c r="BT890" s="6">
        <v>7</v>
      </c>
      <c r="BU890" s="6">
        <v>7</v>
      </c>
      <c r="BV890" s="6">
        <v>8</v>
      </c>
      <c r="BW890" s="6">
        <v>4</v>
      </c>
      <c r="BX890" s="6">
        <v>4</v>
      </c>
      <c r="BY890" s="6">
        <v>4</v>
      </c>
      <c r="BZ890" s="6">
        <v>4</v>
      </c>
      <c r="CA890" s="6">
        <v>3</v>
      </c>
      <c r="CB890" s="6">
        <v>3</v>
      </c>
      <c r="CC890" s="11">
        <v>3</v>
      </c>
      <c r="CD890" s="11">
        <v>-24.918800000000001</v>
      </c>
      <c r="CE890" s="11">
        <v>-13.3264</v>
      </c>
      <c r="CF890" s="11">
        <v>4.7560399999999996</v>
      </c>
      <c r="CG890" s="11">
        <v>-8</v>
      </c>
      <c r="CH890" s="20">
        <v>1.0118100000000001</v>
      </c>
      <c r="CI890" s="20">
        <v>0.94727899999999998</v>
      </c>
      <c r="CJ890" s="20">
        <v>0.99643300000000001</v>
      </c>
      <c r="CK890" s="20">
        <v>0.96460400000000002</v>
      </c>
      <c r="CL890" s="20">
        <v>0.68652299999999999</v>
      </c>
      <c r="CM890" s="20">
        <v>0.77735299999999996</v>
      </c>
      <c r="CN890" s="20">
        <v>1.4641200000000001</v>
      </c>
      <c r="CO890" s="20">
        <v>1.83632</v>
      </c>
      <c r="CP890" s="20">
        <v>1.8725099999999999</v>
      </c>
      <c r="CQ890" s="20">
        <v>0.32641999999999999</v>
      </c>
      <c r="CR890" s="20">
        <v>0.37389099999999997</v>
      </c>
      <c r="CS890" s="20">
        <v>0.42188999999999999</v>
      </c>
      <c r="CT890" s="20">
        <v>0.45381500000000002</v>
      </c>
      <c r="CU890" s="20">
        <v>0.39069100000000001</v>
      </c>
      <c r="CV890" s="20">
        <v>0.37503799999999998</v>
      </c>
      <c r="CW890" s="20">
        <v>0.38815499999999997</v>
      </c>
      <c r="CX890" s="20">
        <v>0.33543299999999998</v>
      </c>
      <c r="CY890" s="6" t="s">
        <v>527</v>
      </c>
      <c r="CZ890" s="6" t="s">
        <v>528</v>
      </c>
      <c r="DA890" s="6" t="s">
        <v>129</v>
      </c>
      <c r="DB890" s="6"/>
      <c r="DC890" s="6"/>
      <c r="DD890" s="6"/>
      <c r="DE890" s="6"/>
      <c r="DF890" s="6"/>
      <c r="DG890" s="6"/>
      <c r="DH890" s="6" t="s">
        <v>333</v>
      </c>
      <c r="DI890" s="6"/>
      <c r="DJ890" s="6"/>
      <c r="DK890" s="6"/>
      <c r="DL890" s="6">
        <v>7</v>
      </c>
      <c r="DM890" s="6" t="s">
        <v>485</v>
      </c>
      <c r="DN890" s="6">
        <v>8</v>
      </c>
      <c r="DO890" s="6" t="s">
        <v>486</v>
      </c>
      <c r="DP890" s="6"/>
      <c r="DQ890" s="6"/>
    </row>
    <row r="891" spans="1:121" x14ac:dyDescent="0.2">
      <c r="A891" s="6" t="s">
        <v>315</v>
      </c>
      <c r="B891" s="6" t="s">
        <v>315</v>
      </c>
      <c r="C891" s="6" t="s">
        <v>184</v>
      </c>
      <c r="D891" s="6" t="s">
        <v>129</v>
      </c>
      <c r="E891" s="6" t="s">
        <v>270</v>
      </c>
      <c r="F891" s="11">
        <v>5</v>
      </c>
      <c r="G891" s="13">
        <v>0.1</v>
      </c>
      <c r="H891" s="11">
        <v>-15</v>
      </c>
      <c r="I891" s="13">
        <v>-0.29411764705882354</v>
      </c>
      <c r="J891" s="11">
        <v>9</v>
      </c>
      <c r="K891" s="13">
        <v>0.25</v>
      </c>
      <c r="L891" s="11">
        <v>11</v>
      </c>
      <c r="M891" s="13">
        <v>0.24444444444444444</v>
      </c>
      <c r="N891" s="11">
        <v>20</v>
      </c>
      <c r="O891" s="13">
        <v>0.55555555555555558</v>
      </c>
      <c r="P891" s="7">
        <v>51</v>
      </c>
      <c r="Q891" s="7">
        <v>46</v>
      </c>
      <c r="R891" s="7">
        <v>48</v>
      </c>
      <c r="S891" s="7">
        <v>44</v>
      </c>
      <c r="T891" s="7">
        <v>44</v>
      </c>
      <c r="U891" s="7">
        <v>45</v>
      </c>
      <c r="V891" s="7">
        <v>36</v>
      </c>
      <c r="W891" s="7">
        <v>41</v>
      </c>
      <c r="X891" s="7">
        <v>35</v>
      </c>
      <c r="Y891" s="7">
        <v>45</v>
      </c>
      <c r="Z891" s="7">
        <v>57</v>
      </c>
      <c r="AA891" s="7">
        <v>65</v>
      </c>
      <c r="AB891" s="7">
        <v>67</v>
      </c>
      <c r="AC891" s="7">
        <v>67</v>
      </c>
      <c r="AD891" s="7">
        <v>66</v>
      </c>
      <c r="AE891" s="7">
        <v>55</v>
      </c>
      <c r="AF891" s="7">
        <v>56</v>
      </c>
      <c r="AG891" s="9">
        <v>17041</v>
      </c>
      <c r="AH891" s="13">
        <v>0.62872638724911456</v>
      </c>
      <c r="AI891" s="9">
        <v>-4611</v>
      </c>
      <c r="AJ891" s="13">
        <v>-0.17012249114521841</v>
      </c>
      <c r="AK891" s="9">
        <v>5499</v>
      </c>
      <c r="AL891" s="13">
        <v>0.2444760592184235</v>
      </c>
      <c r="AM891" s="9">
        <v>16153</v>
      </c>
      <c r="AN891" s="13">
        <v>0.57705773078022293</v>
      </c>
      <c r="AO891" s="9">
        <v>21652</v>
      </c>
      <c r="AP891" s="13">
        <v>0.96261058996132132</v>
      </c>
      <c r="AQ891" s="9">
        <v>27104</v>
      </c>
      <c r="AR891" s="9">
        <v>28029</v>
      </c>
      <c r="AS891" s="9">
        <v>23255</v>
      </c>
      <c r="AT891" s="9">
        <v>24948</v>
      </c>
      <c r="AU891" s="9">
        <v>32007</v>
      </c>
      <c r="AV891" s="9">
        <v>25907</v>
      </c>
      <c r="AW891" s="9">
        <v>22493</v>
      </c>
      <c r="AX891" s="9">
        <v>25170</v>
      </c>
      <c r="AY891" s="9">
        <v>29916</v>
      </c>
      <c r="AZ891" s="9">
        <v>27992</v>
      </c>
      <c r="BA891" s="9">
        <v>32638</v>
      </c>
      <c r="BB891" s="9">
        <v>35273</v>
      </c>
      <c r="BC891" s="9">
        <v>32417</v>
      </c>
      <c r="BD891" s="9">
        <v>33801</v>
      </c>
      <c r="BE891" s="9">
        <v>37718</v>
      </c>
      <c r="BF891" s="9">
        <v>44145</v>
      </c>
      <c r="BG891" s="11">
        <v>3</v>
      </c>
      <c r="BH891" s="13">
        <v>0.23076923076923078</v>
      </c>
      <c r="BI891" s="6">
        <v>-1</v>
      </c>
      <c r="BJ891" s="13">
        <v>-7.6923076923076927E-2</v>
      </c>
      <c r="BK891" s="6">
        <v>0</v>
      </c>
      <c r="BL891" s="13">
        <v>0</v>
      </c>
      <c r="BM891" s="11">
        <v>4</v>
      </c>
      <c r="BN891" s="13">
        <v>0.33333333333333331</v>
      </c>
      <c r="BO891" s="11">
        <v>4</v>
      </c>
      <c r="BP891" s="13">
        <v>0.33333333333333331</v>
      </c>
      <c r="BQ891" s="6">
        <v>13</v>
      </c>
      <c r="BR891" s="6">
        <v>14</v>
      </c>
      <c r="BS891" s="6">
        <v>12</v>
      </c>
      <c r="BT891" s="6">
        <v>12</v>
      </c>
      <c r="BU891" s="6">
        <v>13</v>
      </c>
      <c r="BV891" s="6">
        <v>11</v>
      </c>
      <c r="BW891" s="6">
        <v>12</v>
      </c>
      <c r="BX891" s="6">
        <v>14</v>
      </c>
      <c r="BY891" s="6">
        <v>16</v>
      </c>
      <c r="BZ891" s="6">
        <v>15</v>
      </c>
      <c r="CA891" s="6">
        <v>13</v>
      </c>
      <c r="CB891" s="6">
        <v>15</v>
      </c>
      <c r="CC891" s="11">
        <v>16</v>
      </c>
      <c r="CD891" s="11">
        <v>4</v>
      </c>
      <c r="CE891" s="11">
        <v>-4</v>
      </c>
      <c r="CF891" s="11">
        <v>6</v>
      </c>
      <c r="CG891" s="11">
        <v>2</v>
      </c>
      <c r="CH891" s="20">
        <v>0.73</v>
      </c>
      <c r="CI891" s="20">
        <v>0.65</v>
      </c>
      <c r="CJ891" s="20">
        <v>0.7</v>
      </c>
      <c r="CK891" s="20">
        <v>0.65</v>
      </c>
      <c r="CL891" s="20">
        <v>0.64</v>
      </c>
      <c r="CM891" s="20">
        <v>0.66</v>
      </c>
      <c r="CN891" s="20">
        <v>0.53</v>
      </c>
      <c r="CO891" s="20">
        <v>0.59</v>
      </c>
      <c r="CP891" s="20">
        <v>0.5</v>
      </c>
      <c r="CQ891" s="20">
        <v>0.67</v>
      </c>
      <c r="CR891" s="20">
        <v>0.87</v>
      </c>
      <c r="CS891" s="20">
        <v>1</v>
      </c>
      <c r="CT891" s="20">
        <v>1.03</v>
      </c>
      <c r="CU891" s="20">
        <v>1.06</v>
      </c>
      <c r="CV891" s="20">
        <v>1.04</v>
      </c>
      <c r="CW891" s="20">
        <v>0.88</v>
      </c>
      <c r="CX891" s="20">
        <v>0.9</v>
      </c>
      <c r="CY891" s="6" t="s">
        <v>527</v>
      </c>
      <c r="CZ891" s="6" t="s">
        <v>528</v>
      </c>
      <c r="DA891" s="6" t="s">
        <v>129</v>
      </c>
      <c r="DB891" s="6"/>
      <c r="DC891" s="6"/>
      <c r="DD891" s="6"/>
      <c r="DE891" s="6"/>
      <c r="DF891" s="6"/>
      <c r="DG891" s="6"/>
      <c r="DH891" s="6" t="s">
        <v>333</v>
      </c>
      <c r="DI891" s="6"/>
      <c r="DJ891" s="6"/>
      <c r="DK891" s="6"/>
      <c r="DL891" s="6">
        <v>7</v>
      </c>
      <c r="DM891" s="6" t="s">
        <v>485</v>
      </c>
      <c r="DN891" s="6">
        <v>8</v>
      </c>
      <c r="DO891" s="6" t="s">
        <v>486</v>
      </c>
      <c r="DP891" s="6"/>
      <c r="DQ891" s="6"/>
    </row>
    <row r="892" spans="1:121" x14ac:dyDescent="0.2">
      <c r="A892" s="6" t="s">
        <v>316</v>
      </c>
      <c r="B892" s="6" t="s">
        <v>316</v>
      </c>
      <c r="C892" s="6" t="s">
        <v>185</v>
      </c>
      <c r="D892" s="6" t="s">
        <v>129</v>
      </c>
      <c r="E892" s="6" t="s">
        <v>270</v>
      </c>
      <c r="F892" s="11">
        <v>0</v>
      </c>
      <c r="G892" s="13">
        <v>0</v>
      </c>
      <c r="H892" s="11">
        <v>1</v>
      </c>
      <c r="I892" s="13">
        <v>8.3333333333333329E-2</v>
      </c>
      <c r="J892" s="11">
        <v>-8</v>
      </c>
      <c r="K892" s="13">
        <v>-0.61538461538461542</v>
      </c>
      <c r="L892" s="11">
        <v>7</v>
      </c>
      <c r="M892" s="13">
        <v>1.4</v>
      </c>
      <c r="N892" s="11">
        <v>-1</v>
      </c>
      <c r="O892" s="13">
        <v>-7.6923076923076927E-2</v>
      </c>
      <c r="P892" s="7">
        <v>12</v>
      </c>
      <c r="Q892" s="7">
        <v>13</v>
      </c>
      <c r="R892" s="7">
        <v>14</v>
      </c>
      <c r="S892" s="7">
        <v>16</v>
      </c>
      <c r="T892" s="7">
        <v>13</v>
      </c>
      <c r="U892" s="7">
        <v>15</v>
      </c>
      <c r="V892" s="7">
        <v>13</v>
      </c>
      <c r="W892" s="7">
        <v>13</v>
      </c>
      <c r="X892" s="7">
        <v>11</v>
      </c>
      <c r="Y892" s="7">
        <v>5</v>
      </c>
      <c r="Z892" s="7">
        <v>5</v>
      </c>
      <c r="AA892" s="7">
        <v>5</v>
      </c>
      <c r="AB892" s="7">
        <v>5</v>
      </c>
      <c r="AC892" s="7">
        <v>11</v>
      </c>
      <c r="AD892" s="7">
        <v>5</v>
      </c>
      <c r="AE892" s="7">
        <v>12</v>
      </c>
      <c r="AF892" s="7">
        <v>12</v>
      </c>
      <c r="AG892" s="9">
        <v>10241</v>
      </c>
      <c r="AH892" s="13">
        <v>0.74081307870370372</v>
      </c>
      <c r="AI892" s="9">
        <v>8726</v>
      </c>
      <c r="AJ892" s="13">
        <v>0.63122106481481477</v>
      </c>
      <c r="AK892" s="9">
        <v>-22549</v>
      </c>
      <c r="AL892" s="13">
        <v>-0.99995565410199572</v>
      </c>
      <c r="AM892" s="9">
        <v>24064</v>
      </c>
      <c r="AN892" s="13">
        <v>24064</v>
      </c>
      <c r="AO892" s="9">
        <v>1515</v>
      </c>
      <c r="AP892" s="13">
        <v>6.7184035476718404E-2</v>
      </c>
      <c r="AQ892" s="9">
        <v>13824</v>
      </c>
      <c r="AR892" s="9">
        <v>13178</v>
      </c>
      <c r="AS892" s="9">
        <v>15044</v>
      </c>
      <c r="AT892" s="9">
        <v>17989</v>
      </c>
      <c r="AU892" s="9">
        <v>18371</v>
      </c>
      <c r="AV892" s="9">
        <v>16912</v>
      </c>
      <c r="AW892" s="9">
        <v>22550</v>
      </c>
      <c r="AX892" s="9">
        <v>21889</v>
      </c>
      <c r="AY892" s="9">
        <v>22910</v>
      </c>
      <c r="AZ892" s="9">
        <v>1</v>
      </c>
      <c r="BA892" s="9">
        <v>1</v>
      </c>
      <c r="BB892" s="9">
        <v>1</v>
      </c>
      <c r="BC892" s="9">
        <v>1</v>
      </c>
      <c r="BD892" s="9">
        <v>22113</v>
      </c>
      <c r="BE892" s="9">
        <v>1</v>
      </c>
      <c r="BF892" s="9">
        <v>24065</v>
      </c>
      <c r="BG892" s="11">
        <v>-2</v>
      </c>
      <c r="BH892" s="13">
        <v>-0.33333333333333331</v>
      </c>
      <c r="BI892" s="6">
        <v>-1</v>
      </c>
      <c r="BJ892" s="13">
        <v>-0.16666666666666666</v>
      </c>
      <c r="BK892" s="6">
        <v>0</v>
      </c>
      <c r="BL892" s="13">
        <v>0</v>
      </c>
      <c r="BM892" s="11">
        <v>-1</v>
      </c>
      <c r="BN892" s="13">
        <v>-0.2</v>
      </c>
      <c r="BO892" s="11">
        <v>-1</v>
      </c>
      <c r="BP892" s="13">
        <v>-0.2</v>
      </c>
      <c r="BQ892" s="6">
        <v>6</v>
      </c>
      <c r="BR892" s="6">
        <v>6</v>
      </c>
      <c r="BS892" s="6">
        <v>6</v>
      </c>
      <c r="BT892" s="6">
        <v>5</v>
      </c>
      <c r="BU892" s="6">
        <v>5</v>
      </c>
      <c r="BV892" s="6">
        <v>5</v>
      </c>
      <c r="BW892" s="6">
        <v>5</v>
      </c>
      <c r="BX892" s="6">
        <v>4</v>
      </c>
      <c r="BY892" s="6">
        <v>4</v>
      </c>
      <c r="BZ892" s="6">
        <v>4</v>
      </c>
      <c r="CA892" s="6">
        <v>3</v>
      </c>
      <c r="CB892" s="6">
        <v>3</v>
      </c>
      <c r="CC892" s="11">
        <v>4</v>
      </c>
      <c r="CD892" s="11">
        <v>0</v>
      </c>
      <c r="CE892" s="11">
        <v>-1</v>
      </c>
      <c r="CF892" s="11">
        <v>1</v>
      </c>
      <c r="CG892" s="11">
        <v>0</v>
      </c>
      <c r="CH892" s="20">
        <v>0.41</v>
      </c>
      <c r="CI892" s="20">
        <v>0.45</v>
      </c>
      <c r="CJ892" s="20">
        <v>0.48</v>
      </c>
      <c r="CK892" s="20">
        <v>0.55000000000000004</v>
      </c>
      <c r="CL892" s="20">
        <v>0.46</v>
      </c>
      <c r="CM892" s="20">
        <v>0.49</v>
      </c>
      <c r="CN892" s="20">
        <v>0.46</v>
      </c>
      <c r="CO892" s="20">
        <v>0.44</v>
      </c>
      <c r="CP892" s="20">
        <v>0.36</v>
      </c>
      <c r="CQ892" s="20">
        <v>0.35</v>
      </c>
      <c r="CR892" s="20">
        <v>0.32</v>
      </c>
      <c r="CS892" s="20">
        <v>0.26</v>
      </c>
      <c r="CT892" s="20">
        <v>0.37</v>
      </c>
      <c r="CU892" s="20">
        <v>0.41</v>
      </c>
      <c r="CV892" s="20">
        <v>0.36</v>
      </c>
      <c r="CW892" s="20">
        <v>0.45</v>
      </c>
      <c r="CX892" s="20">
        <v>0.46</v>
      </c>
      <c r="CY892" s="6" t="s">
        <v>527</v>
      </c>
      <c r="CZ892" s="6" t="s">
        <v>528</v>
      </c>
      <c r="DA892" s="6" t="s">
        <v>129</v>
      </c>
      <c r="DB892" s="6"/>
      <c r="DC892" s="6"/>
      <c r="DD892" s="6"/>
      <c r="DE892" s="6"/>
      <c r="DF892" s="6"/>
      <c r="DG892" s="6"/>
      <c r="DH892" s="6" t="s">
        <v>333</v>
      </c>
      <c r="DI892" s="6"/>
      <c r="DJ892" s="6"/>
      <c r="DK892" s="6"/>
      <c r="DL892" s="6">
        <v>7</v>
      </c>
      <c r="DM892" s="6" t="s">
        <v>485</v>
      </c>
      <c r="DN892" s="6">
        <v>8</v>
      </c>
      <c r="DO892" s="6" t="s">
        <v>486</v>
      </c>
      <c r="DP892" s="6"/>
      <c r="DQ892" s="6"/>
    </row>
    <row r="893" spans="1:121" x14ac:dyDescent="0.2">
      <c r="A893" s="6" t="s">
        <v>317</v>
      </c>
      <c r="B893" s="6" t="s">
        <v>317</v>
      </c>
      <c r="C893" s="6" t="s">
        <v>186</v>
      </c>
      <c r="D893" s="6" t="s">
        <v>129</v>
      </c>
      <c r="E893" s="6" t="s">
        <v>270</v>
      </c>
      <c r="F893" s="11">
        <v>-2</v>
      </c>
      <c r="G893" s="13">
        <v>-0.11</v>
      </c>
      <c r="H893" s="11">
        <v>-7</v>
      </c>
      <c r="I893" s="13">
        <v>-0.36842105263157898</v>
      </c>
      <c r="J893" s="11">
        <v>-7</v>
      </c>
      <c r="K893" s="13">
        <v>-0.58333333333333337</v>
      </c>
      <c r="L893" s="11">
        <v>12</v>
      </c>
      <c r="M893" s="13">
        <v>2.4</v>
      </c>
      <c r="N893" s="11">
        <v>5</v>
      </c>
      <c r="O893" s="13">
        <v>0.41666666666666674</v>
      </c>
      <c r="P893" s="7">
        <v>19</v>
      </c>
      <c r="Q893" s="7">
        <v>16</v>
      </c>
      <c r="R893" s="7">
        <v>20</v>
      </c>
      <c r="S893" s="7">
        <v>18</v>
      </c>
      <c r="T893" s="7">
        <v>15</v>
      </c>
      <c r="U893" s="7">
        <v>5</v>
      </c>
      <c r="V893" s="7">
        <v>12</v>
      </c>
      <c r="W893" s="7">
        <v>5</v>
      </c>
      <c r="X893" s="7">
        <v>5</v>
      </c>
      <c r="Y893" s="7">
        <v>5</v>
      </c>
      <c r="Z893" s="7">
        <v>10</v>
      </c>
      <c r="AA893" s="7">
        <v>13</v>
      </c>
      <c r="AB893" s="7">
        <v>15</v>
      </c>
      <c r="AC893" s="7">
        <v>15</v>
      </c>
      <c r="AD893" s="7">
        <v>16</v>
      </c>
      <c r="AE893" s="7">
        <v>16</v>
      </c>
      <c r="AF893" s="7">
        <v>17</v>
      </c>
      <c r="AG893" s="9">
        <v>1514</v>
      </c>
      <c r="AH893" s="13">
        <v>3.5823296973712233E-2</v>
      </c>
      <c r="AI893" s="9">
        <v>8817</v>
      </c>
      <c r="AJ893" s="13">
        <v>0.20862219908667157</v>
      </c>
      <c r="AK893" s="9">
        <v>-51079</v>
      </c>
      <c r="AL893" s="13">
        <v>-0.99998042286609246</v>
      </c>
      <c r="AM893" s="9">
        <v>43776</v>
      </c>
      <c r="AN893" s="13">
        <v>43776</v>
      </c>
      <c r="AO893" s="9">
        <v>-7303</v>
      </c>
      <c r="AP893" s="13">
        <v>-0.14297180892717307</v>
      </c>
      <c r="AQ893" s="9">
        <v>42263</v>
      </c>
      <c r="AR893" s="9">
        <v>42909</v>
      </c>
      <c r="AS893" s="9">
        <v>41007</v>
      </c>
      <c r="AT893" s="9">
        <v>44754</v>
      </c>
      <c r="AU893" s="9">
        <v>56659</v>
      </c>
      <c r="AV893" s="9">
        <v>1</v>
      </c>
      <c r="AW893" s="9">
        <v>51080</v>
      </c>
      <c r="AX893" s="9">
        <v>1</v>
      </c>
      <c r="AY893" s="9">
        <v>1</v>
      </c>
      <c r="AZ893" s="9">
        <v>1</v>
      </c>
      <c r="BA893" s="9">
        <v>41939</v>
      </c>
      <c r="BB893" s="9">
        <v>45148</v>
      </c>
      <c r="BC893" s="9">
        <v>42689</v>
      </c>
      <c r="BD893" s="9">
        <v>44714</v>
      </c>
      <c r="BE893" s="9">
        <v>46551</v>
      </c>
      <c r="BF893" s="9">
        <v>43777</v>
      </c>
      <c r="BG893" s="11">
        <v>0</v>
      </c>
      <c r="BH893" s="13">
        <v>0</v>
      </c>
      <c r="BI893" s="6">
        <v>-1</v>
      </c>
      <c r="BJ893" s="13">
        <v>-0.33333333333333331</v>
      </c>
      <c r="BK893" s="6">
        <v>0</v>
      </c>
      <c r="BL893" s="13">
        <v>0</v>
      </c>
      <c r="BM893" s="11">
        <v>1</v>
      </c>
      <c r="BN893" s="13">
        <v>0.5</v>
      </c>
      <c r="BO893" s="11">
        <v>1</v>
      </c>
      <c r="BP893" s="13">
        <v>0.5</v>
      </c>
      <c r="BQ893" s="6">
        <v>3</v>
      </c>
      <c r="BR893" s="6">
        <v>3</v>
      </c>
      <c r="BS893" s="6">
        <v>2</v>
      </c>
      <c r="BT893" s="6">
        <v>2</v>
      </c>
      <c r="BU893" s="6">
        <v>2</v>
      </c>
      <c r="BV893" s="6">
        <v>2</v>
      </c>
      <c r="BW893" s="6">
        <v>2</v>
      </c>
      <c r="BX893" s="6">
        <v>2</v>
      </c>
      <c r="BY893" s="6">
        <v>2</v>
      </c>
      <c r="BZ893" s="6">
        <v>2</v>
      </c>
      <c r="CA893" s="6">
        <v>3</v>
      </c>
      <c r="CB893" s="6">
        <v>3</v>
      </c>
      <c r="CC893" s="11">
        <v>3</v>
      </c>
      <c r="CD893" s="11">
        <v>-8</v>
      </c>
      <c r="CE893" s="11">
        <v>4</v>
      </c>
      <c r="CF893" s="11">
        <v>2</v>
      </c>
      <c r="CG893" s="11">
        <v>6</v>
      </c>
      <c r="CH893" s="20">
        <v>0.21</v>
      </c>
      <c r="CI893" s="20">
        <v>0.18</v>
      </c>
      <c r="CJ893" s="20">
        <v>0.23</v>
      </c>
      <c r="CK893" s="20">
        <v>0.21</v>
      </c>
      <c r="CL893" s="20">
        <v>0.16</v>
      </c>
      <c r="CM893" s="20">
        <v>0.08</v>
      </c>
      <c r="CN893" s="20">
        <v>0.12</v>
      </c>
      <c r="CO893" s="20">
        <v>0.1</v>
      </c>
      <c r="CP893" s="20">
        <v>0.1</v>
      </c>
      <c r="CQ893" s="20">
        <v>0.1</v>
      </c>
      <c r="CR893" s="20">
        <v>0.1</v>
      </c>
      <c r="CS893" s="20">
        <v>0.13</v>
      </c>
      <c r="CT893" s="20">
        <v>0.14000000000000001</v>
      </c>
      <c r="CU893" s="20">
        <v>0.14000000000000001</v>
      </c>
      <c r="CV893" s="20">
        <v>0.15</v>
      </c>
      <c r="CW893" s="20">
        <v>0.16</v>
      </c>
      <c r="CX893" s="20">
        <v>0.16</v>
      </c>
      <c r="CY893" s="6" t="s">
        <v>527</v>
      </c>
      <c r="CZ893" s="6" t="s">
        <v>528</v>
      </c>
      <c r="DA893" s="6" t="s">
        <v>129</v>
      </c>
      <c r="DB893" s="6"/>
      <c r="DC893" s="6"/>
      <c r="DD893" s="6"/>
      <c r="DE893" s="6"/>
      <c r="DF893" s="6"/>
      <c r="DG893" s="6"/>
      <c r="DH893" s="6" t="s">
        <v>333</v>
      </c>
      <c r="DI893" s="6"/>
      <c r="DJ893" s="6"/>
      <c r="DK893" s="6"/>
      <c r="DL893" s="6">
        <v>7</v>
      </c>
      <c r="DM893" s="6" t="s">
        <v>485</v>
      </c>
      <c r="DN893" s="6">
        <v>8</v>
      </c>
      <c r="DO893" s="6" t="s">
        <v>486</v>
      </c>
      <c r="DP893" s="6"/>
      <c r="DQ893" s="6"/>
    </row>
    <row r="894" spans="1:121" x14ac:dyDescent="0.2">
      <c r="A894" s="6" t="s">
        <v>318</v>
      </c>
      <c r="B894" s="6" t="s">
        <v>318</v>
      </c>
      <c r="C894" s="6" t="s">
        <v>187</v>
      </c>
      <c r="D894" s="6" t="s">
        <v>129</v>
      </c>
      <c r="E894" s="6" t="s">
        <v>270</v>
      </c>
      <c r="F894" s="11">
        <v>1</v>
      </c>
      <c r="G894" s="13">
        <v>1</v>
      </c>
      <c r="H894" s="11">
        <v>26.089234999999999</v>
      </c>
      <c r="I894" s="13">
        <v>5.2178469999999999</v>
      </c>
      <c r="J894" s="11">
        <v>12.871866999999998</v>
      </c>
      <c r="K894" s="13">
        <v>0.41402971157058066</v>
      </c>
      <c r="L894" s="11">
        <v>-2.2710167271999993</v>
      </c>
      <c r="M894" s="13">
        <v>-5.1659686037897765E-2</v>
      </c>
      <c r="N894" s="11">
        <v>10.600850272799999</v>
      </c>
      <c r="O894" s="13">
        <v>0.34098138062258526</v>
      </c>
      <c r="P894" s="7">
        <v>5</v>
      </c>
      <c r="Q894" s="7">
        <v>19.470842000000001</v>
      </c>
      <c r="R894" s="7">
        <v>17.660278000000002</v>
      </c>
      <c r="S894" s="7">
        <v>15.781039</v>
      </c>
      <c r="T894" s="7">
        <v>20.829754000000001</v>
      </c>
      <c r="U894" s="7">
        <v>27.208725999999999</v>
      </c>
      <c r="V894" s="7">
        <v>31.089234999999999</v>
      </c>
      <c r="W894" s="7">
        <v>40.756441000000002</v>
      </c>
      <c r="X894" s="7">
        <v>40.013058000000001</v>
      </c>
      <c r="Y894" s="7">
        <v>43.961101999999997</v>
      </c>
      <c r="Z894" s="7">
        <v>41.046649000000002</v>
      </c>
      <c r="AA894" s="7">
        <v>40.949956</v>
      </c>
      <c r="AB894" s="7">
        <v>46.019433999999997</v>
      </c>
      <c r="AC894" s="7">
        <v>45.019275</v>
      </c>
      <c r="AD894" s="7">
        <v>42.111530000000002</v>
      </c>
      <c r="AE894" s="7">
        <v>40.932277749999997</v>
      </c>
      <c r="AF894" s="7">
        <v>41.690085272799998</v>
      </c>
      <c r="AG894" s="9">
        <v>57575.316179699999</v>
      </c>
      <c r="AH894" s="13">
        <v>57575.316179699999</v>
      </c>
      <c r="AI894" s="9">
        <v>60579.137507899999</v>
      </c>
      <c r="AJ894" s="13">
        <v>60579.137507899999</v>
      </c>
      <c r="AK894" s="9">
        <v>-7307.2746987999999</v>
      </c>
      <c r="AL894" s="13">
        <v>-0.1206216261534086</v>
      </c>
      <c r="AM894" s="9">
        <v>4303.4533706000002</v>
      </c>
      <c r="AN894" s="13">
        <v>8.078134238854702E-2</v>
      </c>
      <c r="AO894" s="9">
        <v>-3003.8213281999997</v>
      </c>
      <c r="AP894" s="13">
        <v>-4.9584260646623392E-2</v>
      </c>
      <c r="AQ894" s="9">
        <v>1</v>
      </c>
      <c r="AR894" s="9">
        <v>46005.800299299997</v>
      </c>
      <c r="AS894" s="9">
        <v>57627.432313999998</v>
      </c>
      <c r="AT894" s="9">
        <v>56030.920865499997</v>
      </c>
      <c r="AU894" s="9">
        <v>44620.093241800001</v>
      </c>
      <c r="AV894" s="9">
        <v>61405.728432999997</v>
      </c>
      <c r="AW894" s="9">
        <v>60580.137507899999</v>
      </c>
      <c r="AX894" s="9">
        <v>51284.663479700001</v>
      </c>
      <c r="AY894" s="9">
        <v>52266.1883561</v>
      </c>
      <c r="AZ894" s="9">
        <v>53272.862809099999</v>
      </c>
      <c r="BA894" s="9">
        <v>52276.876929999999</v>
      </c>
      <c r="BB894" s="9">
        <v>52415.558269599998</v>
      </c>
      <c r="BC894" s="9">
        <v>52149.562561799998</v>
      </c>
      <c r="BD894" s="9">
        <v>53264.324150400003</v>
      </c>
      <c r="BE894" s="9">
        <v>57620.550525999999</v>
      </c>
      <c r="BF894" s="9">
        <v>57576.316179699999</v>
      </c>
      <c r="BG894" s="11">
        <v>3</v>
      </c>
      <c r="BH894" s="13">
        <v>3</v>
      </c>
      <c r="BI894" s="6">
        <v>2</v>
      </c>
      <c r="BJ894" s="13">
        <v>2</v>
      </c>
      <c r="BK894" s="6">
        <v>1</v>
      </c>
      <c r="BL894" s="13">
        <v>0.33333333333333331</v>
      </c>
      <c r="BM894" s="11">
        <v>0</v>
      </c>
      <c r="BN894" s="13">
        <v>0</v>
      </c>
      <c r="BO894" s="11">
        <v>1</v>
      </c>
      <c r="BP894" s="13">
        <v>0.33333333333333331</v>
      </c>
      <c r="BQ894" s="6">
        <v>1</v>
      </c>
      <c r="BR894" s="6">
        <v>2</v>
      </c>
      <c r="BS894" s="6">
        <v>3</v>
      </c>
      <c r="BT894" s="6">
        <v>3</v>
      </c>
      <c r="BU894" s="6">
        <v>3</v>
      </c>
      <c r="BV894" s="6">
        <v>3</v>
      </c>
      <c r="BW894" s="6">
        <v>4</v>
      </c>
      <c r="BX894" s="6">
        <v>4</v>
      </c>
      <c r="BY894" s="6">
        <v>4</v>
      </c>
      <c r="BZ894" s="6">
        <v>4</v>
      </c>
      <c r="CA894" s="6">
        <v>4</v>
      </c>
      <c r="CB894" s="6">
        <v>4</v>
      </c>
      <c r="CC894" s="11">
        <v>4</v>
      </c>
      <c r="CD894" s="11">
        <v>30.727699999999999</v>
      </c>
      <c r="CE894" s="11">
        <v>1.7735399999999999</v>
      </c>
      <c r="CF894" s="11">
        <v>0.90547200000000005</v>
      </c>
      <c r="CG894" s="11">
        <v>3</v>
      </c>
      <c r="CH894" s="20">
        <v>0.415045</v>
      </c>
      <c r="CI894" s="20">
        <v>0.97223499999999996</v>
      </c>
      <c r="CJ894" s="20">
        <v>0.96063299999999996</v>
      </c>
      <c r="CK894" s="20">
        <v>0.85526400000000002</v>
      </c>
      <c r="CL894" s="20">
        <v>1.1001099999999999</v>
      </c>
      <c r="CM894" s="20">
        <v>1.4048400000000001</v>
      </c>
      <c r="CN894" s="20">
        <v>1.5732299999999999</v>
      </c>
      <c r="CO894" s="20">
        <v>1.94546</v>
      </c>
      <c r="CP894" s="20">
        <v>1.8511</v>
      </c>
      <c r="CQ894" s="20">
        <v>2.0451600000000001</v>
      </c>
      <c r="CR894" s="20">
        <v>1.91628</v>
      </c>
      <c r="CS894" s="20">
        <v>1.8661399999999999</v>
      </c>
      <c r="CT894" s="20">
        <v>2.0127299999999999</v>
      </c>
      <c r="CU894" s="20">
        <v>1.97664</v>
      </c>
      <c r="CV894" s="20">
        <v>1.83606</v>
      </c>
      <c r="CW894" s="20">
        <v>1.8225100000000001</v>
      </c>
      <c r="CX894" s="20">
        <v>1.8246500000000001</v>
      </c>
      <c r="CY894" s="6" t="s">
        <v>527</v>
      </c>
      <c r="CZ894" s="6" t="s">
        <v>528</v>
      </c>
      <c r="DA894" s="6" t="s">
        <v>129</v>
      </c>
      <c r="DB894" s="6"/>
      <c r="DC894" s="6"/>
      <c r="DD894" s="6"/>
      <c r="DE894" s="6"/>
      <c r="DF894" s="6"/>
      <c r="DG894" s="6"/>
      <c r="DH894" s="6" t="s">
        <v>333</v>
      </c>
      <c r="DI894" s="6"/>
      <c r="DJ894" s="6"/>
      <c r="DK894" s="6"/>
      <c r="DL894" s="6">
        <v>7</v>
      </c>
      <c r="DM894" s="6" t="s">
        <v>485</v>
      </c>
      <c r="DN894" s="6">
        <v>8</v>
      </c>
      <c r="DO894" s="6" t="s">
        <v>486</v>
      </c>
      <c r="DP894" s="6"/>
      <c r="DQ894" s="6"/>
    </row>
    <row r="895" spans="1:121" x14ac:dyDescent="0.2">
      <c r="A895" s="6" t="s">
        <v>319</v>
      </c>
      <c r="B895" s="6" t="s">
        <v>319</v>
      </c>
      <c r="C895" s="6" t="s">
        <v>188</v>
      </c>
      <c r="D895" s="6" t="s">
        <v>129</v>
      </c>
      <c r="E895" s="6" t="s">
        <v>270</v>
      </c>
      <c r="F895" s="11">
        <v>0</v>
      </c>
      <c r="G895" s="13">
        <v>0</v>
      </c>
      <c r="H895" s="11">
        <v>0.57165148400000021</v>
      </c>
      <c r="I895" s="13">
        <v>2.4057417848907189E-2</v>
      </c>
      <c r="J895" s="11">
        <v>7.5338708988</v>
      </c>
      <c r="K895" s="13">
        <v>0.30960754965652171</v>
      </c>
      <c r="L895" s="11">
        <v>-7.6402131323999996</v>
      </c>
      <c r="M895" s="13">
        <v>-0.23974947910136352</v>
      </c>
      <c r="N895" s="11">
        <v>-0.1063422335999995</v>
      </c>
      <c r="O895" s="13">
        <v>-4.3701782008424769E-3</v>
      </c>
      <c r="P895" s="7">
        <v>23.761963465499999</v>
      </c>
      <c r="Q895" s="7">
        <v>14.564291985400001</v>
      </c>
      <c r="R895" s="7">
        <v>5</v>
      </c>
      <c r="S895" s="7">
        <v>18.7258884976</v>
      </c>
      <c r="T895" s="7">
        <v>22.706687209999998</v>
      </c>
      <c r="U895" s="7">
        <v>22.840721073099999</v>
      </c>
      <c r="V895" s="7">
        <v>24.333614949499999</v>
      </c>
      <c r="W895" s="7">
        <v>30.818558339500001</v>
      </c>
      <c r="X895" s="7">
        <v>37.426551995300002</v>
      </c>
      <c r="Y895" s="7">
        <v>31.867485848299999</v>
      </c>
      <c r="Z895" s="7">
        <v>35.7109547234</v>
      </c>
      <c r="AA895" s="7">
        <v>29.316740581099999</v>
      </c>
      <c r="AB895" s="7">
        <v>27.9159782905</v>
      </c>
      <c r="AC895" s="7">
        <v>24.309156526500001</v>
      </c>
      <c r="AD895" s="7">
        <v>23.9504278828</v>
      </c>
      <c r="AE895" s="7">
        <v>24.0473561461</v>
      </c>
      <c r="AF895" s="7">
        <v>24.2272727159</v>
      </c>
      <c r="AG895" s="9">
        <v>-1643.4783690000004</v>
      </c>
      <c r="AH895" s="13">
        <v>-8.9837924248609341E-2</v>
      </c>
      <c r="AI895" s="9">
        <v>-2995.1880606000013</v>
      </c>
      <c r="AJ895" s="13">
        <v>-0.16372681452585761</v>
      </c>
      <c r="AK895" s="9">
        <v>-552.38725729999896</v>
      </c>
      <c r="AL895" s="13">
        <v>-3.6106982565032378E-2</v>
      </c>
      <c r="AM895" s="9">
        <v>1904.0969488999999</v>
      </c>
      <c r="AN895" s="13">
        <v>0.12912423681609728</v>
      </c>
      <c r="AO895" s="9">
        <v>1351.709691600001</v>
      </c>
      <c r="AP895" s="13">
        <v>8.8354967683622956E-2</v>
      </c>
      <c r="AQ895" s="9">
        <v>18293.815031300001</v>
      </c>
      <c r="AR895" s="9">
        <v>16190.985464400001</v>
      </c>
      <c r="AS895" s="9">
        <v>1</v>
      </c>
      <c r="AT895" s="9">
        <v>19818.142017599999</v>
      </c>
      <c r="AU895" s="9">
        <v>18745.976907200002</v>
      </c>
      <c r="AV895" s="9">
        <v>16098.812263100001</v>
      </c>
      <c r="AW895" s="9">
        <v>15298.626970699999</v>
      </c>
      <c r="AX895" s="9">
        <v>14778.779964400001</v>
      </c>
      <c r="AY895" s="9">
        <v>16109.7326901</v>
      </c>
      <c r="AZ895" s="9">
        <v>14746.2397134</v>
      </c>
      <c r="BA895" s="9">
        <v>14058.5993284</v>
      </c>
      <c r="BB895" s="9">
        <v>12294.8079416</v>
      </c>
      <c r="BC895" s="9">
        <v>13212.806946299999</v>
      </c>
      <c r="BD895" s="9">
        <v>12834.773913999999</v>
      </c>
      <c r="BE895" s="9">
        <v>14125.6256113</v>
      </c>
      <c r="BF895" s="9">
        <v>16650.3366623</v>
      </c>
      <c r="BG895" s="11">
        <v>-1</v>
      </c>
      <c r="BH895" s="13">
        <v>-0.33333333333333331</v>
      </c>
      <c r="BI895" s="6">
        <v>0</v>
      </c>
      <c r="BJ895" s="13">
        <v>0</v>
      </c>
      <c r="BK895" s="6">
        <v>-1</v>
      </c>
      <c r="BL895" s="13">
        <v>-0.33333333333333331</v>
      </c>
      <c r="BM895" s="11">
        <v>0</v>
      </c>
      <c r="BN895" s="13">
        <v>0</v>
      </c>
      <c r="BO895" s="11">
        <v>-1</v>
      </c>
      <c r="BP895" s="13">
        <v>-0.33333333333333331</v>
      </c>
      <c r="BQ895" s="6">
        <v>3</v>
      </c>
      <c r="BR895" s="6">
        <v>3</v>
      </c>
      <c r="BS895" s="6">
        <v>3</v>
      </c>
      <c r="BT895" s="6">
        <v>3</v>
      </c>
      <c r="BU895" s="6">
        <v>3</v>
      </c>
      <c r="BV895" s="6">
        <v>3</v>
      </c>
      <c r="BW895" s="6">
        <v>2</v>
      </c>
      <c r="BX895" s="6">
        <v>2</v>
      </c>
      <c r="BY895" s="6">
        <v>2</v>
      </c>
      <c r="BZ895" s="6">
        <v>2</v>
      </c>
      <c r="CA895" s="6">
        <v>2</v>
      </c>
      <c r="CB895" s="6">
        <v>2</v>
      </c>
      <c r="CC895" s="11">
        <v>2</v>
      </c>
      <c r="CD895" s="11">
        <v>-4.2700800000000001</v>
      </c>
      <c r="CE895" s="11">
        <v>2.1379199999999998</v>
      </c>
      <c r="CF895" s="11">
        <v>2.5974699999999999</v>
      </c>
      <c r="CG895" s="11">
        <v>5</v>
      </c>
      <c r="CH895" s="20">
        <v>0.24272299999999999</v>
      </c>
      <c r="CI895" s="20">
        <v>0.146811</v>
      </c>
      <c r="CJ895" s="20">
        <v>0.10341500000000001</v>
      </c>
      <c r="CK895" s="20">
        <v>0.198883</v>
      </c>
      <c r="CL895" s="20">
        <v>0.23335700000000001</v>
      </c>
      <c r="CM895" s="20">
        <v>0.228433</v>
      </c>
      <c r="CN895" s="20">
        <v>0.24352599999999999</v>
      </c>
      <c r="CO895" s="20">
        <v>0.31349500000000002</v>
      </c>
      <c r="CP895" s="20">
        <v>0.39721299999999998</v>
      </c>
      <c r="CQ895" s="20">
        <v>0.33059699999999997</v>
      </c>
      <c r="CR895" s="20">
        <v>0.36973899999999998</v>
      </c>
      <c r="CS895" s="20">
        <v>0.300099</v>
      </c>
      <c r="CT895" s="20">
        <v>0.27738099999999999</v>
      </c>
      <c r="CU895" s="20">
        <v>0.242174</v>
      </c>
      <c r="CV895" s="20">
        <v>0.23629</v>
      </c>
      <c r="CW895" s="20">
        <v>0.24118800000000001</v>
      </c>
      <c r="CX895" s="20">
        <v>0.23854300000000001</v>
      </c>
      <c r="CY895" s="6" t="s">
        <v>527</v>
      </c>
      <c r="CZ895" s="6" t="s">
        <v>528</v>
      </c>
      <c r="DA895" s="6" t="s">
        <v>129</v>
      </c>
      <c r="DB895" s="6"/>
      <c r="DC895" s="6"/>
      <c r="DD895" s="6"/>
      <c r="DE895" s="6"/>
      <c r="DF895" s="6"/>
      <c r="DG895" s="6"/>
      <c r="DH895" s="6" t="s">
        <v>333</v>
      </c>
      <c r="DI895" s="6"/>
      <c r="DJ895" s="6"/>
      <c r="DK895" s="6"/>
      <c r="DL895" s="6">
        <v>7</v>
      </c>
      <c r="DM895" s="6" t="s">
        <v>485</v>
      </c>
      <c r="DN895" s="6">
        <v>8</v>
      </c>
      <c r="DO895" s="6" t="s">
        <v>486</v>
      </c>
      <c r="DP895" s="6"/>
      <c r="DQ895" s="6"/>
    </row>
    <row r="896" spans="1:121" x14ac:dyDescent="0.2">
      <c r="A896" s="6" t="s">
        <v>320</v>
      </c>
      <c r="B896" s="6" t="s">
        <v>320</v>
      </c>
      <c r="C896" s="6" t="s">
        <v>189</v>
      </c>
      <c r="D896" s="6" t="s">
        <v>129</v>
      </c>
      <c r="E896" s="6" t="s">
        <v>270</v>
      </c>
      <c r="F896" s="11">
        <v>1</v>
      </c>
      <c r="G896" s="13">
        <v>1</v>
      </c>
      <c r="H896" s="11">
        <v>-5</v>
      </c>
      <c r="I896" s="13">
        <v>-1</v>
      </c>
      <c r="J896" s="11">
        <v>0</v>
      </c>
      <c r="K896" s="13"/>
      <c r="L896" s="11">
        <v>0</v>
      </c>
      <c r="M896" s="13"/>
      <c r="N896" s="11">
        <v>0</v>
      </c>
      <c r="O896" s="13"/>
      <c r="P896" s="7">
        <v>5</v>
      </c>
      <c r="Q896" s="7">
        <v>5</v>
      </c>
      <c r="R896" s="7">
        <v>5</v>
      </c>
      <c r="S896" s="7">
        <v>5</v>
      </c>
      <c r="T896" s="7">
        <v>5</v>
      </c>
      <c r="U896" s="7">
        <v>0</v>
      </c>
      <c r="V896" s="7">
        <v>0</v>
      </c>
      <c r="W896" s="7">
        <v>0</v>
      </c>
      <c r="X896" s="7">
        <v>0</v>
      </c>
      <c r="Y896" s="7">
        <v>0</v>
      </c>
      <c r="Z896" s="7">
        <v>0</v>
      </c>
      <c r="AA896" s="7">
        <v>0</v>
      </c>
      <c r="AB896" s="7">
        <v>0</v>
      </c>
      <c r="AC896" s="7">
        <v>0</v>
      </c>
      <c r="AD896" s="7">
        <v>0</v>
      </c>
      <c r="AE896" s="7">
        <v>0</v>
      </c>
      <c r="AF896" s="7">
        <v>0</v>
      </c>
      <c r="AG896" s="9">
        <v>-1</v>
      </c>
      <c r="AH896" s="13">
        <v>-1</v>
      </c>
      <c r="AI896" s="9">
        <v>-1</v>
      </c>
      <c r="AJ896" s="13">
        <v>-1</v>
      </c>
      <c r="AK896" s="9">
        <v>0</v>
      </c>
      <c r="AL896" s="13"/>
      <c r="AM896" s="9">
        <v>0</v>
      </c>
      <c r="AN896" s="13"/>
      <c r="AO896" s="9">
        <v>0</v>
      </c>
      <c r="AP896" s="13"/>
      <c r="AQ896" s="9">
        <v>1</v>
      </c>
      <c r="AR896" s="9">
        <v>1</v>
      </c>
      <c r="AS896" s="9">
        <v>1</v>
      </c>
      <c r="AT896" s="9">
        <v>1</v>
      </c>
      <c r="AU896" s="9">
        <v>1</v>
      </c>
      <c r="AV896" s="9">
        <v>0</v>
      </c>
      <c r="AW896" s="9">
        <v>0</v>
      </c>
      <c r="AX896" s="9">
        <v>0</v>
      </c>
      <c r="AY896" s="9">
        <v>0</v>
      </c>
      <c r="AZ896" s="9">
        <v>0</v>
      </c>
      <c r="BA896" s="9">
        <v>0</v>
      </c>
      <c r="BB896" s="9">
        <v>0</v>
      </c>
      <c r="BC896" s="9">
        <v>0</v>
      </c>
      <c r="BD896" s="9">
        <v>0</v>
      </c>
      <c r="BE896" s="9">
        <v>0</v>
      </c>
      <c r="BF896" s="9">
        <v>0</v>
      </c>
      <c r="BG896" s="11">
        <v>0</v>
      </c>
      <c r="BH896" s="13" t="e">
        <v>#DIV/0!</v>
      </c>
      <c r="BI896" s="6">
        <v>0</v>
      </c>
      <c r="BJ896" s="13" t="e">
        <v>#DIV/0!</v>
      </c>
      <c r="BK896" s="6">
        <v>0</v>
      </c>
      <c r="BL896" s="13" t="e">
        <v>#DIV/0!</v>
      </c>
      <c r="BM896" s="11">
        <v>0</v>
      </c>
      <c r="BN896" s="13" t="e">
        <v>#DIV/0!</v>
      </c>
      <c r="BO896" s="11">
        <v>0</v>
      </c>
      <c r="BP896" s="13" t="e">
        <v>#DIV/0!</v>
      </c>
      <c r="BQ896" s="6">
        <v>0</v>
      </c>
      <c r="BR896" s="6">
        <v>0</v>
      </c>
      <c r="BS896" s="6">
        <v>0</v>
      </c>
      <c r="BT896" s="6">
        <v>0</v>
      </c>
      <c r="BU896" s="6">
        <v>0</v>
      </c>
      <c r="BV896" s="6">
        <v>0</v>
      </c>
      <c r="BW896" s="6">
        <v>0</v>
      </c>
      <c r="BX896" s="6">
        <v>0</v>
      </c>
      <c r="BY896" s="6">
        <v>0</v>
      </c>
      <c r="BZ896" s="6">
        <v>0</v>
      </c>
      <c r="CA896" s="6">
        <v>0</v>
      </c>
      <c r="CB896" s="6">
        <v>0</v>
      </c>
      <c r="CC896" s="11">
        <v>0</v>
      </c>
      <c r="CD896" s="11">
        <v>-0.91679600000000006</v>
      </c>
      <c r="CE896" s="11">
        <v>0.22561700000000001</v>
      </c>
      <c r="CF896" s="11">
        <v>6.8109000000000003E-2</v>
      </c>
      <c r="CG896" s="11">
        <v>0</v>
      </c>
      <c r="CH896" s="20">
        <v>1.9076599999999999E-2</v>
      </c>
      <c r="CI896" s="20">
        <v>3.3628199999999997E-2</v>
      </c>
      <c r="CJ896" s="20">
        <v>3.6080300000000003E-2</v>
      </c>
      <c r="CK896" s="20">
        <v>3.3147500000000003E-2</v>
      </c>
      <c r="CL896" s="20">
        <v>4.37998E-2</v>
      </c>
      <c r="CM896" s="20">
        <v>0</v>
      </c>
      <c r="CN896" s="20">
        <v>0</v>
      </c>
      <c r="CO896" s="20">
        <v>0</v>
      </c>
      <c r="CP896" s="20">
        <v>0</v>
      </c>
      <c r="CQ896" s="20">
        <v>0</v>
      </c>
      <c r="CR896" s="20">
        <v>0</v>
      </c>
      <c r="CS896" s="20">
        <v>0</v>
      </c>
      <c r="CT896" s="20">
        <v>0</v>
      </c>
      <c r="CU896" s="20">
        <v>0</v>
      </c>
      <c r="CV896" s="20">
        <v>0</v>
      </c>
      <c r="CW896" s="20">
        <v>0</v>
      </c>
      <c r="CX896" s="20">
        <v>0</v>
      </c>
      <c r="CY896" s="6" t="s">
        <v>527</v>
      </c>
      <c r="CZ896" s="6" t="s">
        <v>528</v>
      </c>
      <c r="DA896" s="6" t="s">
        <v>129</v>
      </c>
      <c r="DB896" s="6"/>
      <c r="DC896" s="6"/>
      <c r="DD896" s="6"/>
      <c r="DE896" s="6"/>
      <c r="DF896" s="6"/>
      <c r="DG896" s="6"/>
      <c r="DH896" s="6" t="s">
        <v>333</v>
      </c>
      <c r="DI896" s="6"/>
      <c r="DJ896" s="6"/>
      <c r="DK896" s="6"/>
      <c r="DL896" s="6">
        <v>7</v>
      </c>
      <c r="DM896" s="6" t="s">
        <v>485</v>
      </c>
      <c r="DN896" s="6">
        <v>8</v>
      </c>
      <c r="DO896" s="6" t="s">
        <v>486</v>
      </c>
      <c r="DP896" s="6"/>
      <c r="DQ896" s="6"/>
    </row>
    <row r="897" spans="1:121" x14ac:dyDescent="0.2">
      <c r="A897" s="6" t="s">
        <v>321</v>
      </c>
      <c r="B897" s="6" t="s">
        <v>321</v>
      </c>
      <c r="C897" s="6" t="s">
        <v>190</v>
      </c>
      <c r="D897" s="6" t="s">
        <v>129</v>
      </c>
      <c r="E897" s="6" t="s">
        <v>270</v>
      </c>
      <c r="F897" s="11">
        <v>4</v>
      </c>
      <c r="G897" s="13">
        <v>2.3668639053300002E-2</v>
      </c>
      <c r="H897" s="11">
        <v>-5.1796693889999972</v>
      </c>
      <c r="I897" s="13">
        <v>-3.0619891050924001E-2</v>
      </c>
      <c r="J897" s="11">
        <v>7.6042302870000071</v>
      </c>
      <c r="K897" s="13">
        <v>4.6372739985095515E-2</v>
      </c>
      <c r="L897" s="11">
        <v>1.3309294339999838</v>
      </c>
      <c r="M897" s="13">
        <v>7.756684189408003E-3</v>
      </c>
      <c r="N897" s="11">
        <v>8.9351597209999909</v>
      </c>
      <c r="O897" s="13">
        <v>5.4489122873565443E-2</v>
      </c>
      <c r="P897" s="7">
        <v>169.160281478</v>
      </c>
      <c r="Q897" s="7">
        <v>167.11502989799999</v>
      </c>
      <c r="R897" s="7">
        <v>167.38084464100001</v>
      </c>
      <c r="S897" s="7">
        <v>162.01673985900001</v>
      </c>
      <c r="T897" s="7">
        <v>163.36173858199999</v>
      </c>
      <c r="U897" s="7">
        <v>161.97558218899999</v>
      </c>
      <c r="V897" s="7">
        <v>163.980612089</v>
      </c>
      <c r="W897" s="7">
        <v>161.74255083200001</v>
      </c>
      <c r="X897" s="7">
        <v>162.15447584699999</v>
      </c>
      <c r="Y897" s="7">
        <v>171.58484237600001</v>
      </c>
      <c r="Z897" s="7">
        <v>171.888603921</v>
      </c>
      <c r="AA897" s="7">
        <v>175.11121136899999</v>
      </c>
      <c r="AB897" s="7">
        <v>180.168281355</v>
      </c>
      <c r="AC897" s="7">
        <v>173.15888600599999</v>
      </c>
      <c r="AD897" s="7">
        <v>169.09644260799999</v>
      </c>
      <c r="AE897" s="7">
        <v>171.01461550799999</v>
      </c>
      <c r="AF897" s="7">
        <v>172.91577181</v>
      </c>
      <c r="AG897" s="9">
        <v>6836.0419961999978</v>
      </c>
      <c r="AH897" s="13">
        <v>0.35053965613915683</v>
      </c>
      <c r="AI897" s="9">
        <v>905.31501839999692</v>
      </c>
      <c r="AJ897" s="13">
        <v>4.6422888481954389E-2</v>
      </c>
      <c r="AK897" s="9">
        <v>3680.1985464000027</v>
      </c>
      <c r="AL897" s="13">
        <v>0.18034182207889585</v>
      </c>
      <c r="AM897" s="9">
        <v>2250.5284313999982</v>
      </c>
      <c r="AN897" s="13">
        <v>9.3433348219842574E-2</v>
      </c>
      <c r="AO897" s="9">
        <v>5930.7269778000009</v>
      </c>
      <c r="AP897" s="13">
        <v>0.29062511055963675</v>
      </c>
      <c r="AQ897" s="9">
        <v>19501.479722700002</v>
      </c>
      <c r="AR897" s="9">
        <v>19411.206886299999</v>
      </c>
      <c r="AS897" s="9">
        <v>19821.691527200001</v>
      </c>
      <c r="AT897" s="9">
        <v>20687.241721999999</v>
      </c>
      <c r="AU897" s="9">
        <v>22214.2429104</v>
      </c>
      <c r="AV897" s="9">
        <v>21129.4340763</v>
      </c>
      <c r="AW897" s="9">
        <v>20406.794741099999</v>
      </c>
      <c r="AX897" s="9">
        <v>23765.4725727</v>
      </c>
      <c r="AY897" s="9">
        <v>21794.532531100002</v>
      </c>
      <c r="AZ897" s="9">
        <v>24086.993287500001</v>
      </c>
      <c r="BA897" s="9">
        <v>24037.7931594</v>
      </c>
      <c r="BB897" s="9">
        <v>24356.6525282</v>
      </c>
      <c r="BC897" s="9">
        <v>23987.536803200001</v>
      </c>
      <c r="BD897" s="9">
        <v>25027.0912905</v>
      </c>
      <c r="BE897" s="9">
        <v>25994.911875599999</v>
      </c>
      <c r="BF897" s="9">
        <v>26337.5217189</v>
      </c>
      <c r="BG897" s="11">
        <v>10.75</v>
      </c>
      <c r="BH897" s="13">
        <v>0.97727272727272729</v>
      </c>
      <c r="BI897" s="6">
        <v>2</v>
      </c>
      <c r="BJ897" s="13">
        <v>0.18181818181818182</v>
      </c>
      <c r="BK897" s="6">
        <v>-3</v>
      </c>
      <c r="BL897" s="13">
        <v>-0.23076923076923078</v>
      </c>
      <c r="BM897" s="11">
        <v>11.75</v>
      </c>
      <c r="BN897" s="13">
        <v>1.175</v>
      </c>
      <c r="BO897" s="11">
        <v>8.75</v>
      </c>
      <c r="BP897" s="13">
        <v>0.67307692307692313</v>
      </c>
      <c r="BQ897" s="6">
        <v>11</v>
      </c>
      <c r="BR897" s="6">
        <v>11</v>
      </c>
      <c r="BS897" s="6">
        <v>11</v>
      </c>
      <c r="BT897" s="6">
        <v>13</v>
      </c>
      <c r="BU897" s="6">
        <v>13</v>
      </c>
      <c r="BV897" s="6">
        <v>11</v>
      </c>
      <c r="BW897" s="6">
        <v>10</v>
      </c>
      <c r="BX897" s="6">
        <v>11</v>
      </c>
      <c r="BY897" s="6">
        <v>10</v>
      </c>
      <c r="BZ897" s="6">
        <v>21</v>
      </c>
      <c r="CA897" s="6">
        <v>21</v>
      </c>
      <c r="CB897" s="6">
        <v>21</v>
      </c>
      <c r="CC897" s="11">
        <v>21.75</v>
      </c>
      <c r="CD897" s="11">
        <v>-76.338300000000004</v>
      </c>
      <c r="CE897" s="11">
        <v>61.602499999999999</v>
      </c>
      <c r="CF897" s="11">
        <v>18.491299999999999</v>
      </c>
      <c r="CG897" s="11">
        <v>80</v>
      </c>
      <c r="CH897" s="20">
        <v>1.0487</v>
      </c>
      <c r="CI897" s="20">
        <v>0.98410200000000003</v>
      </c>
      <c r="CJ897" s="20">
        <v>1.0224599999999999</v>
      </c>
      <c r="CK897" s="20">
        <v>0.98657700000000004</v>
      </c>
      <c r="CL897" s="20">
        <v>0.97347899999999998</v>
      </c>
      <c r="CM897" s="20">
        <v>0.94092399999999998</v>
      </c>
      <c r="CN897" s="20">
        <v>0.93626500000000001</v>
      </c>
      <c r="CO897" s="20">
        <v>0.87535200000000002</v>
      </c>
      <c r="CP897" s="20">
        <v>0.816828</v>
      </c>
      <c r="CQ897" s="20">
        <v>0.85655899999999996</v>
      </c>
      <c r="CR897" s="20">
        <v>0.87805</v>
      </c>
      <c r="CS897" s="20">
        <v>0.87821700000000003</v>
      </c>
      <c r="CT897" s="20">
        <v>0.88387000000000004</v>
      </c>
      <c r="CU897" s="20">
        <v>0.86367799999999995</v>
      </c>
      <c r="CV897" s="20">
        <v>0.83586000000000005</v>
      </c>
      <c r="CW897" s="20">
        <v>0.85533199999999998</v>
      </c>
      <c r="CX897" s="20">
        <v>0.841005</v>
      </c>
      <c r="CY897" s="6" t="s">
        <v>527</v>
      </c>
      <c r="CZ897" s="6" t="s">
        <v>528</v>
      </c>
      <c r="DA897" s="6" t="s">
        <v>129</v>
      </c>
      <c r="DB897" s="6"/>
      <c r="DC897" s="6"/>
      <c r="DD897" s="6"/>
      <c r="DE897" s="6"/>
      <c r="DF897" s="6"/>
      <c r="DG897" s="6"/>
      <c r="DH897" s="6" t="s">
        <v>333</v>
      </c>
      <c r="DI897" s="6"/>
      <c r="DJ897" s="6"/>
      <c r="DK897" s="6"/>
      <c r="DL897" s="6">
        <v>7</v>
      </c>
      <c r="DM897" s="6" t="s">
        <v>485</v>
      </c>
      <c r="DN897" s="6">
        <v>8</v>
      </c>
      <c r="DO897" s="6" t="s">
        <v>486</v>
      </c>
      <c r="DP897" s="6"/>
      <c r="DQ897" s="6"/>
    </row>
    <row r="898" spans="1:121" x14ac:dyDescent="0.2">
      <c r="A898" s="6" t="s">
        <v>322</v>
      </c>
      <c r="B898" s="6" t="s">
        <v>322</v>
      </c>
      <c r="C898" s="6" t="s">
        <v>191</v>
      </c>
      <c r="D898" s="6" t="s">
        <v>129</v>
      </c>
      <c r="E898" s="6" t="s">
        <v>270</v>
      </c>
      <c r="F898" s="11">
        <v>1</v>
      </c>
      <c r="G898" s="13">
        <v>1</v>
      </c>
      <c r="H898" s="11">
        <v>6</v>
      </c>
      <c r="I898" s="13">
        <v>1.2</v>
      </c>
      <c r="J898" s="11">
        <v>-6</v>
      </c>
      <c r="K898" s="13">
        <v>-0.54545454545454541</v>
      </c>
      <c r="L898" s="11">
        <v>0</v>
      </c>
      <c r="M898" s="13">
        <v>0</v>
      </c>
      <c r="N898" s="11">
        <v>-6</v>
      </c>
      <c r="O898" s="13">
        <v>-0.54545454545454541</v>
      </c>
      <c r="P898" s="7">
        <v>5</v>
      </c>
      <c r="Q898" s="7">
        <v>5</v>
      </c>
      <c r="R898" s="7">
        <v>5</v>
      </c>
      <c r="S898" s="7">
        <v>5</v>
      </c>
      <c r="T898" s="7">
        <v>14</v>
      </c>
      <c r="U898" s="7">
        <v>10</v>
      </c>
      <c r="V898" s="7">
        <v>11</v>
      </c>
      <c r="W898" s="7">
        <v>10</v>
      </c>
      <c r="X898" s="7">
        <v>15</v>
      </c>
      <c r="Y898" s="7">
        <v>5</v>
      </c>
      <c r="Z898" s="7">
        <v>5</v>
      </c>
      <c r="AA898" s="7">
        <v>5</v>
      </c>
      <c r="AB898" s="7">
        <v>5</v>
      </c>
      <c r="AC898" s="7">
        <v>5</v>
      </c>
      <c r="AD898" s="7">
        <v>5</v>
      </c>
      <c r="AE898" s="7">
        <v>5</v>
      </c>
      <c r="AF898" s="7">
        <v>5</v>
      </c>
      <c r="AG898" s="9">
        <v>0</v>
      </c>
      <c r="AH898" s="13">
        <v>0</v>
      </c>
      <c r="AI898" s="9">
        <v>10635</v>
      </c>
      <c r="AJ898" s="13">
        <v>10635</v>
      </c>
      <c r="AK898" s="9">
        <v>-10635</v>
      </c>
      <c r="AL898" s="13">
        <v>-0.99990597969161343</v>
      </c>
      <c r="AM898" s="9">
        <v>0</v>
      </c>
      <c r="AN898" s="13">
        <v>0</v>
      </c>
      <c r="AO898" s="9">
        <v>-10635</v>
      </c>
      <c r="AP898" s="13">
        <v>-0.99990597969161343</v>
      </c>
      <c r="AQ898" s="9">
        <v>1</v>
      </c>
      <c r="AR898" s="9">
        <v>1</v>
      </c>
      <c r="AS898" s="9">
        <v>1</v>
      </c>
      <c r="AT898" s="9">
        <v>1</v>
      </c>
      <c r="AU898" s="9">
        <v>10212</v>
      </c>
      <c r="AV898" s="9">
        <v>10235</v>
      </c>
      <c r="AW898" s="9">
        <v>10636</v>
      </c>
      <c r="AX898" s="9">
        <v>13252</v>
      </c>
      <c r="AY898" s="9">
        <v>10140</v>
      </c>
      <c r="AZ898" s="9">
        <v>1</v>
      </c>
      <c r="BA898" s="9">
        <v>1</v>
      </c>
      <c r="BB898" s="9">
        <v>1</v>
      </c>
      <c r="BC898" s="9">
        <v>1</v>
      </c>
      <c r="BD898" s="9">
        <v>1</v>
      </c>
      <c r="BE898" s="9">
        <v>1</v>
      </c>
      <c r="BF898" s="9">
        <v>1</v>
      </c>
      <c r="BG898" s="11">
        <v>0</v>
      </c>
      <c r="BH898" s="13">
        <v>0</v>
      </c>
      <c r="BI898" s="6">
        <v>1</v>
      </c>
      <c r="BJ898" s="13">
        <v>0.5</v>
      </c>
      <c r="BK898" s="6">
        <v>0</v>
      </c>
      <c r="BL898" s="13">
        <v>0</v>
      </c>
      <c r="BM898" s="11">
        <v>-1</v>
      </c>
      <c r="BN898" s="13">
        <v>-0.33333333333333331</v>
      </c>
      <c r="BO898" s="11">
        <v>-1</v>
      </c>
      <c r="BP898" s="13">
        <v>-0.33333333333333331</v>
      </c>
      <c r="BQ898" s="6">
        <v>2</v>
      </c>
      <c r="BR898" s="6">
        <v>3</v>
      </c>
      <c r="BS898" s="6">
        <v>3</v>
      </c>
      <c r="BT898" s="6">
        <v>3</v>
      </c>
      <c r="BU898" s="6">
        <v>3</v>
      </c>
      <c r="BV898" s="6">
        <v>2</v>
      </c>
      <c r="BW898" s="6">
        <v>3</v>
      </c>
      <c r="BX898" s="6">
        <v>3</v>
      </c>
      <c r="BY898" s="6">
        <v>3</v>
      </c>
      <c r="BZ898" s="6">
        <v>3</v>
      </c>
      <c r="CA898" s="6">
        <v>3</v>
      </c>
      <c r="CB898" s="6">
        <v>3</v>
      </c>
      <c r="CC898" s="11">
        <v>2</v>
      </c>
      <c r="CD898" s="11">
        <v>-2</v>
      </c>
      <c r="CE898" s="11">
        <v>1</v>
      </c>
      <c r="CF898" s="11">
        <v>1</v>
      </c>
      <c r="CG898" s="11">
        <v>2</v>
      </c>
      <c r="CH898" s="20">
        <v>0.26</v>
      </c>
      <c r="CI898" s="20">
        <v>0.32</v>
      </c>
      <c r="CJ898" s="20">
        <v>0.1</v>
      </c>
      <c r="CK898" s="20">
        <v>0.31</v>
      </c>
      <c r="CL898" s="20">
        <v>0.56999999999999995</v>
      </c>
      <c r="CM898" s="20">
        <v>0.41</v>
      </c>
      <c r="CN898" s="20">
        <v>0.44</v>
      </c>
      <c r="CO898" s="20">
        <v>0.4</v>
      </c>
      <c r="CP898" s="20">
        <v>0.55000000000000004</v>
      </c>
      <c r="CQ898" s="20">
        <v>0.33</v>
      </c>
      <c r="CR898" s="20">
        <v>0.3</v>
      </c>
      <c r="CS898" s="20">
        <v>0.27</v>
      </c>
      <c r="CT898" s="20">
        <v>0.3</v>
      </c>
      <c r="CU898" s="20">
        <v>0.37</v>
      </c>
      <c r="CV898" s="20">
        <v>0.27</v>
      </c>
      <c r="CW898" s="20">
        <v>0.22</v>
      </c>
      <c r="CX898" s="20">
        <v>0.22</v>
      </c>
      <c r="CY898" s="6" t="s">
        <v>527</v>
      </c>
      <c r="CZ898" s="6" t="s">
        <v>528</v>
      </c>
      <c r="DA898" s="6" t="s">
        <v>129</v>
      </c>
      <c r="DB898" s="6"/>
      <c r="DC898" s="6"/>
      <c r="DD898" s="6"/>
      <c r="DE898" s="6"/>
      <c r="DF898" s="6"/>
      <c r="DG898" s="6"/>
      <c r="DH898" s="6" t="s">
        <v>333</v>
      </c>
      <c r="DI898" s="6"/>
      <c r="DJ898" s="6"/>
      <c r="DK898" s="6"/>
      <c r="DL898" s="6">
        <v>7</v>
      </c>
      <c r="DM898" s="6" t="s">
        <v>485</v>
      </c>
      <c r="DN898" s="6">
        <v>8</v>
      </c>
      <c r="DO898" s="6" t="s">
        <v>486</v>
      </c>
      <c r="DP898" s="6"/>
      <c r="DQ898" s="6"/>
    </row>
    <row r="899" spans="1:121" x14ac:dyDescent="0.2">
      <c r="A899" s="6" t="s">
        <v>323</v>
      </c>
      <c r="B899" s="6" t="s">
        <v>323</v>
      </c>
      <c r="C899" s="6" t="s">
        <v>192</v>
      </c>
      <c r="D899" s="6" t="s">
        <v>129</v>
      </c>
      <c r="E899" s="6" t="s">
        <v>270</v>
      </c>
      <c r="F899" s="11">
        <v>3</v>
      </c>
      <c r="G899" s="13">
        <v>3.0927835051499999E-2</v>
      </c>
      <c r="H899" s="11">
        <v>23.710523615</v>
      </c>
      <c r="I899" s="13">
        <v>0.24321791806664109</v>
      </c>
      <c r="J899" s="11">
        <v>-11.893628188999998</v>
      </c>
      <c r="K899" s="13">
        <v>-9.8134455838168447E-2</v>
      </c>
      <c r="L899" s="11">
        <v>-8.9825184209999946</v>
      </c>
      <c r="M899" s="13">
        <v>-8.2179497696291293E-2</v>
      </c>
      <c r="N899" s="11">
        <v>-20.876146609999992</v>
      </c>
      <c r="O899" s="13">
        <v>-0.17224931324698017</v>
      </c>
      <c r="P899" s="7">
        <v>97.486746878999995</v>
      </c>
      <c r="Q899" s="7">
        <v>121.719995903</v>
      </c>
      <c r="R899" s="7">
        <v>91.390799738799998</v>
      </c>
      <c r="S899" s="7">
        <v>112.808833021</v>
      </c>
      <c r="T899" s="7">
        <v>109.57080947199999</v>
      </c>
      <c r="U899" s="7">
        <v>126.95503158</v>
      </c>
      <c r="V899" s="7">
        <v>121.19727049399999</v>
      </c>
      <c r="W899" s="7">
        <v>107.671075785</v>
      </c>
      <c r="X899" s="7">
        <v>94.757410335900005</v>
      </c>
      <c r="Y899" s="7">
        <v>109.303642305</v>
      </c>
      <c r="Z899" s="7">
        <v>115.113603742</v>
      </c>
      <c r="AA899" s="7">
        <v>124.756394247</v>
      </c>
      <c r="AB899" s="7">
        <v>139.79244171600001</v>
      </c>
      <c r="AC899" s="7">
        <v>107.45782074500001</v>
      </c>
      <c r="AD899" s="7">
        <v>103.23503640200001</v>
      </c>
      <c r="AE899" s="7">
        <v>102.247719753</v>
      </c>
      <c r="AF899" s="7">
        <v>100.321123884</v>
      </c>
      <c r="AG899" s="9">
        <v>4618.2149169599998</v>
      </c>
      <c r="AH899" s="13">
        <v>0.55987795951530361</v>
      </c>
      <c r="AI899" s="9">
        <v>3357.1087999600004</v>
      </c>
      <c r="AJ899" s="13">
        <v>0.40699085222082448</v>
      </c>
      <c r="AK899" s="9">
        <v>392.8560409999991</v>
      </c>
      <c r="AL899" s="13">
        <v>3.3850212029141714E-2</v>
      </c>
      <c r="AM899" s="9">
        <v>868.25007600000026</v>
      </c>
      <c r="AN899" s="13">
        <v>7.2362767238825995E-2</v>
      </c>
      <c r="AO899" s="9">
        <v>1261.1061169999994</v>
      </c>
      <c r="AP899" s="13">
        <v>0.1086624742820174</v>
      </c>
      <c r="AQ899" s="9">
        <v>8248.6099666400005</v>
      </c>
      <c r="AR899" s="9">
        <v>7442.2632922900002</v>
      </c>
      <c r="AS899" s="9">
        <v>8560.2168874500003</v>
      </c>
      <c r="AT899" s="9">
        <v>9495.9491516399994</v>
      </c>
      <c r="AU899" s="9">
        <v>10404.450066199999</v>
      </c>
      <c r="AV899" s="9">
        <v>8973.4940213000009</v>
      </c>
      <c r="AW899" s="9">
        <v>11605.718766600001</v>
      </c>
      <c r="AX899" s="9">
        <v>12334.9211271</v>
      </c>
      <c r="AY899" s="9">
        <v>11039.571658700001</v>
      </c>
      <c r="AZ899" s="9">
        <v>11998.5748076</v>
      </c>
      <c r="BA899" s="9">
        <v>12183.0114696</v>
      </c>
      <c r="BB899" s="9">
        <v>12636.2445819</v>
      </c>
      <c r="BC899" s="9">
        <v>11240.1097797</v>
      </c>
      <c r="BD899" s="9">
        <v>12421.0427093</v>
      </c>
      <c r="BE899" s="9">
        <v>12020.883760799999</v>
      </c>
      <c r="BF899" s="9">
        <v>12866.8248836</v>
      </c>
      <c r="BG899" s="11">
        <v>1</v>
      </c>
      <c r="BH899" s="13">
        <v>8.3333333333333329E-2</v>
      </c>
      <c r="BI899" s="6">
        <v>2</v>
      </c>
      <c r="BJ899" s="13">
        <v>0.16666666666666666</v>
      </c>
      <c r="BK899" s="6">
        <v>-3</v>
      </c>
      <c r="BL899" s="13">
        <v>-0.21428571428571427</v>
      </c>
      <c r="BM899" s="11">
        <v>2</v>
      </c>
      <c r="BN899" s="13">
        <v>0.18181818181818182</v>
      </c>
      <c r="BO899" s="11">
        <v>-1</v>
      </c>
      <c r="BP899" s="13">
        <v>-7.1428571428571425E-2</v>
      </c>
      <c r="BQ899" s="6">
        <v>12</v>
      </c>
      <c r="BR899" s="6">
        <v>15</v>
      </c>
      <c r="BS899" s="6">
        <v>12</v>
      </c>
      <c r="BT899" s="6">
        <v>14</v>
      </c>
      <c r="BU899" s="6">
        <v>11</v>
      </c>
      <c r="BV899" s="6">
        <v>11</v>
      </c>
      <c r="BW899" s="6">
        <v>11</v>
      </c>
      <c r="BX899" s="6">
        <v>13</v>
      </c>
      <c r="BY899" s="6">
        <v>14</v>
      </c>
      <c r="BZ899" s="6">
        <v>17</v>
      </c>
      <c r="CA899" s="6">
        <v>15</v>
      </c>
      <c r="CB899" s="6">
        <v>13</v>
      </c>
      <c r="CC899" s="11">
        <v>13</v>
      </c>
      <c r="CD899" s="11">
        <v>-29.991099999999999</v>
      </c>
      <c r="CE899" s="11">
        <v>22.169</v>
      </c>
      <c r="CF899" s="11">
        <v>10.656499999999999</v>
      </c>
      <c r="CG899" s="11">
        <v>33</v>
      </c>
      <c r="CH899" s="20">
        <v>0.81436900000000001</v>
      </c>
      <c r="CI899" s="20">
        <v>0.99041400000000002</v>
      </c>
      <c r="CJ899" s="20">
        <v>0.78083000000000002</v>
      </c>
      <c r="CK899" s="20">
        <v>0.95577299999999998</v>
      </c>
      <c r="CL899" s="20">
        <v>0.90778999999999999</v>
      </c>
      <c r="CM899" s="20">
        <v>1.0294000000000001</v>
      </c>
      <c r="CN899" s="20">
        <v>0.971306</v>
      </c>
      <c r="CO899" s="20">
        <v>0.83665599999999996</v>
      </c>
      <c r="CP899" s="20">
        <v>0.71931</v>
      </c>
      <c r="CQ899" s="20">
        <v>0.83302799999999999</v>
      </c>
      <c r="CR899" s="20">
        <v>0.88790199999999997</v>
      </c>
      <c r="CS899" s="20">
        <v>0.95060699999999998</v>
      </c>
      <c r="CT899" s="20">
        <v>1.0308200000000001</v>
      </c>
      <c r="CU899" s="20">
        <v>0.79714700000000005</v>
      </c>
      <c r="CV899" s="20">
        <v>0.75169200000000003</v>
      </c>
      <c r="CW899" s="20">
        <v>0.751529</v>
      </c>
      <c r="CX899" s="20">
        <v>0.72474400000000005</v>
      </c>
      <c r="CY899" s="6" t="s">
        <v>527</v>
      </c>
      <c r="CZ899" s="6" t="s">
        <v>528</v>
      </c>
      <c r="DA899" s="6" t="s">
        <v>129</v>
      </c>
      <c r="DB899" s="6"/>
      <c r="DC899" s="6"/>
      <c r="DD899" s="6"/>
      <c r="DE899" s="6"/>
      <c r="DF899" s="6"/>
      <c r="DG899" s="6"/>
      <c r="DH899" s="6" t="s">
        <v>333</v>
      </c>
      <c r="DI899" s="6"/>
      <c r="DJ899" s="6"/>
      <c r="DK899" s="6"/>
      <c r="DL899" s="6">
        <v>7</v>
      </c>
      <c r="DM899" s="6" t="s">
        <v>485</v>
      </c>
      <c r="DN899" s="6">
        <v>8</v>
      </c>
      <c r="DO899" s="6" t="s">
        <v>486</v>
      </c>
      <c r="DP899" s="6"/>
      <c r="DQ899" s="6"/>
    </row>
    <row r="900" spans="1:121" x14ac:dyDescent="0.2">
      <c r="A900" s="6" t="s">
        <v>325</v>
      </c>
      <c r="B900" s="6" t="s">
        <v>325</v>
      </c>
      <c r="C900" s="6" t="s">
        <v>193</v>
      </c>
      <c r="D900" s="6" t="s">
        <v>129</v>
      </c>
      <c r="E900" s="6" t="s">
        <v>270</v>
      </c>
      <c r="F900" s="11">
        <v>-8</v>
      </c>
      <c r="G900" s="13">
        <v>-0.14035087719299999</v>
      </c>
      <c r="H900" s="11">
        <v>17.644372110599996</v>
      </c>
      <c r="I900" s="13">
        <v>0.3108209820602002</v>
      </c>
      <c r="J900" s="11">
        <v>17.608317200000002</v>
      </c>
      <c r="K900" s="13">
        <v>0.23663478663616688</v>
      </c>
      <c r="L900" s="11">
        <v>-42.602772337899999</v>
      </c>
      <c r="M900" s="13">
        <v>-0.46297457095408989</v>
      </c>
      <c r="N900" s="11">
        <v>-24.994455137899998</v>
      </c>
      <c r="O900" s="13">
        <v>-0.33589567313361496</v>
      </c>
      <c r="P900" s="7">
        <v>56.766991705800002</v>
      </c>
      <c r="Q900" s="7">
        <v>55.571063145399997</v>
      </c>
      <c r="R900" s="7">
        <v>67.438049440100002</v>
      </c>
      <c r="S900" s="7">
        <v>62.642270762499997</v>
      </c>
      <c r="T900" s="7">
        <v>74.379367840100002</v>
      </c>
      <c r="U900" s="7">
        <v>76.371597688600005</v>
      </c>
      <c r="V900" s="7">
        <v>74.411363816399998</v>
      </c>
      <c r="W900" s="7">
        <v>90.385273640999998</v>
      </c>
      <c r="X900" s="7">
        <v>88.365090373800001</v>
      </c>
      <c r="Y900" s="7">
        <v>92.0196810164</v>
      </c>
      <c r="Z900" s="7">
        <v>77.033250650599996</v>
      </c>
      <c r="AA900" s="7">
        <v>66.188375090299999</v>
      </c>
      <c r="AB900" s="7">
        <v>62.567942952800003</v>
      </c>
      <c r="AC900" s="7">
        <v>62.846074642700003</v>
      </c>
      <c r="AD900" s="7">
        <v>52.039280051699997</v>
      </c>
      <c r="AE900" s="7">
        <v>50.546192888299998</v>
      </c>
      <c r="AF900" s="7">
        <v>49.4169086785</v>
      </c>
      <c r="AG900" s="9">
        <v>5903.7347665999987</v>
      </c>
      <c r="AH900" s="13">
        <v>0.40881335680864994</v>
      </c>
      <c r="AI900" s="9">
        <v>3149.1350566000001</v>
      </c>
      <c r="AJ900" s="13">
        <v>0.21806678728452961</v>
      </c>
      <c r="AK900" s="9">
        <v>-3133.8936644000005</v>
      </c>
      <c r="AL900" s="13">
        <v>-0.17816048798398415</v>
      </c>
      <c r="AM900" s="9">
        <v>5888.4933743999991</v>
      </c>
      <c r="AN900" s="13">
        <v>0.40732804299823433</v>
      </c>
      <c r="AO900" s="9">
        <v>2754.5997099999986</v>
      </c>
      <c r="AP900" s="13">
        <v>0.15659779210412347</v>
      </c>
      <c r="AQ900" s="9">
        <v>14441.1494103</v>
      </c>
      <c r="AR900" s="9">
        <v>15626.1859807</v>
      </c>
      <c r="AS900" s="9">
        <v>17430.713167099999</v>
      </c>
      <c r="AT900" s="9">
        <v>15534.2719524</v>
      </c>
      <c r="AU900" s="9">
        <v>17303.5075769</v>
      </c>
      <c r="AV900" s="9">
        <v>17926.745930100002</v>
      </c>
      <c r="AW900" s="9">
        <v>17590.284466900001</v>
      </c>
      <c r="AX900" s="9">
        <v>14900.2602993</v>
      </c>
      <c r="AY900" s="9">
        <v>14677.761870099999</v>
      </c>
      <c r="AZ900" s="9">
        <v>14456.3908025</v>
      </c>
      <c r="BA900" s="9">
        <v>14665.0305902</v>
      </c>
      <c r="BB900" s="9">
        <v>19713.619659799999</v>
      </c>
      <c r="BC900" s="9">
        <v>21719.284540699999</v>
      </c>
      <c r="BD900" s="9">
        <v>22606.883873700001</v>
      </c>
      <c r="BE900" s="9">
        <v>19530.5762775</v>
      </c>
      <c r="BF900" s="9">
        <v>20344.884176899999</v>
      </c>
      <c r="BG900" s="11">
        <v>-3.75</v>
      </c>
      <c r="BH900" s="13">
        <v>-0.3125</v>
      </c>
      <c r="BI900" s="6">
        <v>3</v>
      </c>
      <c r="BJ900" s="13">
        <v>0.25</v>
      </c>
      <c r="BK900" s="6">
        <v>3</v>
      </c>
      <c r="BL900" s="13">
        <v>0.2</v>
      </c>
      <c r="BM900" s="11">
        <v>-9.75</v>
      </c>
      <c r="BN900" s="13">
        <v>-0.54166666666666663</v>
      </c>
      <c r="BO900" s="11">
        <v>-6.75</v>
      </c>
      <c r="BP900" s="13">
        <v>-0.45</v>
      </c>
      <c r="BQ900" s="6">
        <v>12</v>
      </c>
      <c r="BR900" s="6">
        <v>17</v>
      </c>
      <c r="BS900" s="6">
        <v>17</v>
      </c>
      <c r="BT900" s="6">
        <v>15</v>
      </c>
      <c r="BU900" s="6">
        <v>16</v>
      </c>
      <c r="BV900" s="6">
        <v>15</v>
      </c>
      <c r="BW900" s="6">
        <v>18</v>
      </c>
      <c r="BX900" s="6">
        <v>16</v>
      </c>
      <c r="BY900" s="6">
        <v>15</v>
      </c>
      <c r="BZ900" s="6">
        <v>9</v>
      </c>
      <c r="CA900" s="6">
        <v>9</v>
      </c>
      <c r="CB900" s="6">
        <v>8</v>
      </c>
      <c r="CC900" s="11">
        <v>8.25</v>
      </c>
      <c r="CD900" s="11">
        <v>-13.0326</v>
      </c>
      <c r="CE900" s="11">
        <v>-0.52276999999999996</v>
      </c>
      <c r="CF900" s="11">
        <v>6.2053200000000004</v>
      </c>
      <c r="CG900" s="11">
        <v>5</v>
      </c>
      <c r="CH900" s="20">
        <v>0.69813400000000003</v>
      </c>
      <c r="CI900" s="20">
        <v>0.66292700000000004</v>
      </c>
      <c r="CJ900" s="20">
        <v>0.84958699999999998</v>
      </c>
      <c r="CK900" s="20">
        <v>0.79674599999999995</v>
      </c>
      <c r="CL900" s="20">
        <v>0.94042800000000004</v>
      </c>
      <c r="CM900" s="20">
        <v>0.95387599999999995</v>
      </c>
      <c r="CN900" s="20">
        <v>0.92315000000000003</v>
      </c>
      <c r="CO900" s="20">
        <v>1.0861799999999999</v>
      </c>
      <c r="CP900" s="20">
        <v>1.01624</v>
      </c>
      <c r="CQ900" s="20">
        <v>1.0703499999999999</v>
      </c>
      <c r="CR900" s="20">
        <v>0.92008500000000004</v>
      </c>
      <c r="CS900" s="20">
        <v>0.78700199999999998</v>
      </c>
      <c r="CT900" s="20">
        <v>0.78536399999999995</v>
      </c>
      <c r="CU900" s="20">
        <v>0.80203800000000003</v>
      </c>
      <c r="CV900" s="20">
        <v>0.66476999999999997</v>
      </c>
      <c r="CW900" s="20">
        <v>0.65871500000000005</v>
      </c>
      <c r="CX900" s="20">
        <v>0.63861900000000005</v>
      </c>
      <c r="CY900" s="6" t="s">
        <v>527</v>
      </c>
      <c r="CZ900" s="6" t="s">
        <v>528</v>
      </c>
      <c r="DA900" s="6" t="s">
        <v>129</v>
      </c>
      <c r="DB900" s="6"/>
      <c r="DC900" s="6"/>
      <c r="DD900" s="6"/>
      <c r="DE900" s="6"/>
      <c r="DF900" s="6"/>
      <c r="DG900" s="6"/>
      <c r="DH900" s="6" t="s">
        <v>333</v>
      </c>
      <c r="DI900" s="6"/>
      <c r="DJ900" s="6"/>
      <c r="DK900" s="6"/>
      <c r="DL900" s="6">
        <v>7</v>
      </c>
      <c r="DM900" s="6" t="s">
        <v>485</v>
      </c>
      <c r="DN900" s="6">
        <v>8</v>
      </c>
      <c r="DO900" s="6" t="s">
        <v>486</v>
      </c>
      <c r="DP900" s="6"/>
      <c r="DQ900" s="6"/>
    </row>
    <row r="901" spans="1:121" x14ac:dyDescent="0.2">
      <c r="A901" s="6" t="s">
        <v>327</v>
      </c>
      <c r="B901" s="6" t="s">
        <v>327</v>
      </c>
      <c r="C901" s="6" t="s">
        <v>194</v>
      </c>
      <c r="D901" s="6" t="s">
        <v>129</v>
      </c>
      <c r="E901" s="6" t="s">
        <v>270</v>
      </c>
      <c r="F901" s="11">
        <v>-81</v>
      </c>
      <c r="G901" s="13">
        <v>-0.19565217391299999</v>
      </c>
      <c r="H901" s="11">
        <v>-26.441059999999993</v>
      </c>
      <c r="I901" s="13">
        <v>-6.3837658130301941E-2</v>
      </c>
      <c r="J901" s="11">
        <v>-18.006559000000038</v>
      </c>
      <c r="K901" s="13">
        <v>-4.6438442570248747E-2</v>
      </c>
      <c r="L901" s="11">
        <v>-36.475377148000007</v>
      </c>
      <c r="M901" s="13">
        <v>-9.8650201033372825E-2</v>
      </c>
      <c r="N901" s="11">
        <v>-54.481936148000045</v>
      </c>
      <c r="O901" s="13">
        <v>-0.1405074819083898</v>
      </c>
      <c r="P901" s="7">
        <v>414.19219900000002</v>
      </c>
      <c r="Q901" s="7">
        <v>397.75055800000001</v>
      </c>
      <c r="R901" s="7">
        <v>394.00869899999998</v>
      </c>
      <c r="S901" s="7">
        <v>393.01959499999998</v>
      </c>
      <c r="T901" s="7">
        <v>379.46784500000001</v>
      </c>
      <c r="U901" s="7">
        <v>382.45306099999999</v>
      </c>
      <c r="V901" s="7">
        <v>387.75113900000002</v>
      </c>
      <c r="W901" s="7">
        <v>384.74197900000001</v>
      </c>
      <c r="X901" s="7">
        <v>387.60818599999999</v>
      </c>
      <c r="Y901" s="7">
        <v>369.74457999999998</v>
      </c>
      <c r="Z901" s="7">
        <v>352.08985799999999</v>
      </c>
      <c r="AA901" s="7">
        <v>347.12908700000003</v>
      </c>
      <c r="AB901" s="7">
        <v>341.510424</v>
      </c>
      <c r="AC901" s="7">
        <v>334.994395</v>
      </c>
      <c r="AD901" s="7">
        <v>338.899922</v>
      </c>
      <c r="AE901" s="7">
        <v>338.67725000000002</v>
      </c>
      <c r="AF901" s="7">
        <v>333.26920285199998</v>
      </c>
      <c r="AG901" s="9">
        <v>10855.780568800001</v>
      </c>
      <c r="AH901" s="13">
        <v>0.38650036344216121</v>
      </c>
      <c r="AI901" s="9">
        <v>7107.558901999997</v>
      </c>
      <c r="AJ901" s="13">
        <v>0.25305173417974025</v>
      </c>
      <c r="AK901" s="9">
        <v>2400.6891638000016</v>
      </c>
      <c r="AL901" s="13">
        <v>6.8211214262970069E-2</v>
      </c>
      <c r="AM901" s="9">
        <v>1347.5325030000022</v>
      </c>
      <c r="AN901" s="13">
        <v>3.5842802971162227E-2</v>
      </c>
      <c r="AO901" s="9">
        <v>3748.2216668000037</v>
      </c>
      <c r="AP901" s="13">
        <v>0.10649889834738366</v>
      </c>
      <c r="AQ901" s="9">
        <v>28087.3748012</v>
      </c>
      <c r="AR901" s="9">
        <v>29880.515509000001</v>
      </c>
      <c r="AS901" s="9">
        <v>31248.091263599999</v>
      </c>
      <c r="AT901" s="9">
        <v>33161.766356699998</v>
      </c>
      <c r="AU901" s="9">
        <v>32733.904595</v>
      </c>
      <c r="AV901" s="9">
        <v>34103.441812099998</v>
      </c>
      <c r="AW901" s="9">
        <v>35194.933703199997</v>
      </c>
      <c r="AX901" s="9">
        <v>35299.932120799996</v>
      </c>
      <c r="AY901" s="9">
        <v>36228.387342299997</v>
      </c>
      <c r="AZ901" s="9">
        <v>37595.622866999998</v>
      </c>
      <c r="BA901" s="9">
        <v>37775.558546599997</v>
      </c>
      <c r="BB901" s="9">
        <v>37089.504050800002</v>
      </c>
      <c r="BC901" s="9">
        <v>36937.200810800001</v>
      </c>
      <c r="BD901" s="9">
        <v>36794.200888500003</v>
      </c>
      <c r="BE901" s="9">
        <v>38092.088389600001</v>
      </c>
      <c r="BF901" s="9">
        <v>38943.15537</v>
      </c>
      <c r="BG901" s="11">
        <v>-1</v>
      </c>
      <c r="BH901" s="13">
        <v>-2.9411764705882353E-2</v>
      </c>
      <c r="BI901" s="6">
        <v>0</v>
      </c>
      <c r="BJ901" s="13">
        <v>0</v>
      </c>
      <c r="BK901" s="6">
        <v>0</v>
      </c>
      <c r="BL901" s="13">
        <v>0</v>
      </c>
      <c r="BM901" s="11">
        <v>-1</v>
      </c>
      <c r="BN901" s="13">
        <v>-2.9411764705882353E-2</v>
      </c>
      <c r="BO901" s="11">
        <v>-1</v>
      </c>
      <c r="BP901" s="13">
        <v>-2.9411764705882353E-2</v>
      </c>
      <c r="BQ901" s="6">
        <v>34</v>
      </c>
      <c r="BR901" s="6">
        <v>32</v>
      </c>
      <c r="BS901" s="6">
        <v>32</v>
      </c>
      <c r="BT901" s="6">
        <v>34</v>
      </c>
      <c r="BU901" s="6">
        <v>34</v>
      </c>
      <c r="BV901" s="6">
        <v>34</v>
      </c>
      <c r="BW901" s="6">
        <v>34</v>
      </c>
      <c r="BX901" s="6">
        <v>33</v>
      </c>
      <c r="BY901" s="6">
        <v>32</v>
      </c>
      <c r="BZ901" s="6">
        <v>32</v>
      </c>
      <c r="CA901" s="6">
        <v>32</v>
      </c>
      <c r="CB901" s="6">
        <v>33</v>
      </c>
      <c r="CC901" s="11">
        <v>33</v>
      </c>
      <c r="CD901" s="11">
        <v>-101.917</v>
      </c>
      <c r="CE901" s="11">
        <v>-24.2819</v>
      </c>
      <c r="CF901" s="11">
        <v>45.276200000000003</v>
      </c>
      <c r="CG901" s="11">
        <v>21</v>
      </c>
      <c r="CH901" s="20">
        <v>1.53346</v>
      </c>
      <c r="CI901" s="20">
        <v>1.4256</v>
      </c>
      <c r="CJ901" s="20">
        <v>1.5023500000000001</v>
      </c>
      <c r="CK901" s="20">
        <v>1.52393</v>
      </c>
      <c r="CL901" s="20">
        <v>1.46604</v>
      </c>
      <c r="CM901" s="20">
        <v>1.4692400000000001</v>
      </c>
      <c r="CN901" s="20">
        <v>1.4902</v>
      </c>
      <c r="CO901" s="20">
        <v>1.4179600000000001</v>
      </c>
      <c r="CP901" s="20">
        <v>1.35181</v>
      </c>
      <c r="CQ901" s="20">
        <v>1.2967500000000001</v>
      </c>
      <c r="CR901" s="20">
        <v>1.29775</v>
      </c>
      <c r="CS901" s="20">
        <v>1.3169200000000001</v>
      </c>
      <c r="CT901" s="20">
        <v>1.29911</v>
      </c>
      <c r="CU901" s="20">
        <v>1.3201099999999999</v>
      </c>
      <c r="CV901" s="20">
        <v>1.3483000000000001</v>
      </c>
      <c r="CW901" s="20">
        <v>1.3815200000000001</v>
      </c>
      <c r="CX901" s="20">
        <v>1.3575299999999999</v>
      </c>
      <c r="CY901" s="6" t="s">
        <v>527</v>
      </c>
      <c r="CZ901" s="6" t="s">
        <v>528</v>
      </c>
      <c r="DA901" s="6" t="s">
        <v>129</v>
      </c>
      <c r="DB901" s="6"/>
      <c r="DC901" s="6"/>
      <c r="DD901" s="6"/>
      <c r="DE901" s="6"/>
      <c r="DF901" s="6"/>
      <c r="DG901" s="6"/>
      <c r="DH901" s="6" t="s">
        <v>333</v>
      </c>
      <c r="DI901" s="6"/>
      <c r="DJ901" s="6"/>
      <c r="DK901" s="6"/>
      <c r="DL901" s="6">
        <v>7</v>
      </c>
      <c r="DM901" s="6" t="s">
        <v>485</v>
      </c>
      <c r="DN901" s="6">
        <v>8</v>
      </c>
      <c r="DO901" s="6" t="s">
        <v>486</v>
      </c>
      <c r="DP901" s="6"/>
      <c r="DQ901" s="6"/>
    </row>
    <row r="902" spans="1:121" x14ac:dyDescent="0.2">
      <c r="A902" s="6" t="s">
        <v>1</v>
      </c>
      <c r="B902" s="6" t="s">
        <v>1</v>
      </c>
      <c r="C902" s="6" t="s">
        <v>2</v>
      </c>
      <c r="D902" s="6" t="s">
        <v>96</v>
      </c>
      <c r="E902" s="6" t="s">
        <v>237</v>
      </c>
      <c r="F902" s="11">
        <v>34</v>
      </c>
      <c r="G902" s="13">
        <v>0.61818181818200002</v>
      </c>
      <c r="H902" s="11">
        <v>-15.938242934100003</v>
      </c>
      <c r="I902" s="13">
        <v>-0.29040039806324786</v>
      </c>
      <c r="J902" s="11">
        <v>9.259894552300004</v>
      </c>
      <c r="K902" s="13">
        <v>0.23776583112705649</v>
      </c>
      <c r="L902" s="11">
        <v>40.689652388099994</v>
      </c>
      <c r="M902" s="13">
        <v>0.84409026587219604</v>
      </c>
      <c r="N902" s="11">
        <v>49.949546940399998</v>
      </c>
      <c r="O902" s="13">
        <v>1.2825519206106133</v>
      </c>
      <c r="P902" s="7">
        <v>54.883681428800003</v>
      </c>
      <c r="Q902" s="7">
        <v>61.559340074300003</v>
      </c>
      <c r="R902" s="7">
        <v>46.308277906800001</v>
      </c>
      <c r="S902" s="7">
        <v>77.801297785700001</v>
      </c>
      <c r="T902" s="7">
        <v>63.510026431100002</v>
      </c>
      <c r="U902" s="7">
        <v>49.756518512299998</v>
      </c>
      <c r="V902" s="7">
        <v>38.945438494699999</v>
      </c>
      <c r="W902" s="7">
        <v>31.453447279799999</v>
      </c>
      <c r="X902" s="7">
        <v>36.194919345899997</v>
      </c>
      <c r="Y902" s="7">
        <v>48.205333047000003</v>
      </c>
      <c r="Z902" s="7">
        <v>58.2649098881</v>
      </c>
      <c r="AA902" s="7">
        <v>50.6768342648</v>
      </c>
      <c r="AB902" s="7">
        <v>56.130907026300001</v>
      </c>
      <c r="AC902" s="7">
        <v>59.054372341399997</v>
      </c>
      <c r="AD902" s="7">
        <v>81.426245444399996</v>
      </c>
      <c r="AE902" s="7">
        <v>84.553422768399997</v>
      </c>
      <c r="AF902" s="7">
        <v>88.894985435099997</v>
      </c>
      <c r="AG902" s="9">
        <v>9626.2775038</v>
      </c>
      <c r="AH902" s="13">
        <v>0.5796822638466812</v>
      </c>
      <c r="AI902" s="9">
        <v>2295.0911558000007</v>
      </c>
      <c r="AJ902" s="13">
        <v>0.13820748845059289</v>
      </c>
      <c r="AK902" s="9">
        <v>2941.8984290000008</v>
      </c>
      <c r="AL902" s="13">
        <v>0.15564596673997677</v>
      </c>
      <c r="AM902" s="9">
        <v>4389.2879189999985</v>
      </c>
      <c r="AN902" s="13">
        <v>0.2009460430665142</v>
      </c>
      <c r="AO902" s="9">
        <v>7331.1863479999993</v>
      </c>
      <c r="AP902" s="13">
        <v>0.38786845094215161</v>
      </c>
      <c r="AQ902" s="9">
        <v>16606.1273635</v>
      </c>
      <c r="AR902" s="9">
        <v>16567.296547499998</v>
      </c>
      <c r="AS902" s="9">
        <v>17073.088689600001</v>
      </c>
      <c r="AT902" s="9">
        <v>17072.570461899999</v>
      </c>
      <c r="AU902" s="9">
        <v>17108.033538299998</v>
      </c>
      <c r="AV902" s="9">
        <v>16514.008930600001</v>
      </c>
      <c r="AW902" s="9">
        <v>18901.2185193</v>
      </c>
      <c r="AX902" s="9">
        <v>21326.295129800001</v>
      </c>
      <c r="AY902" s="9">
        <v>19058.499628400001</v>
      </c>
      <c r="AZ902" s="9">
        <v>21843.116948300001</v>
      </c>
      <c r="BA902" s="9">
        <v>22595.177264400001</v>
      </c>
      <c r="BB902" s="9">
        <v>21678.8533714</v>
      </c>
      <c r="BC902" s="9">
        <v>23879.630938599999</v>
      </c>
      <c r="BD902" s="9">
        <v>23497.878851199999</v>
      </c>
      <c r="BE902" s="9">
        <v>26216.508102600001</v>
      </c>
      <c r="BF902" s="9">
        <v>26232.4048673</v>
      </c>
      <c r="BG902" s="11">
        <v>3</v>
      </c>
      <c r="BH902" s="13">
        <v>0.6</v>
      </c>
      <c r="BI902" s="6">
        <v>2</v>
      </c>
      <c r="BJ902" s="13">
        <v>0.4</v>
      </c>
      <c r="BK902" s="6">
        <v>-2</v>
      </c>
      <c r="BL902" s="13">
        <v>-0.2857142857142857</v>
      </c>
      <c r="BM902" s="11">
        <v>3</v>
      </c>
      <c r="BN902" s="13">
        <v>0.6</v>
      </c>
      <c r="BO902" s="11">
        <v>1</v>
      </c>
      <c r="BP902" s="13">
        <v>0.14285714285714285</v>
      </c>
      <c r="BQ902" s="6">
        <v>5</v>
      </c>
      <c r="BR902" s="6">
        <v>5</v>
      </c>
      <c r="BS902" s="6">
        <v>6</v>
      </c>
      <c r="BT902" s="6">
        <v>7</v>
      </c>
      <c r="BU902" s="6">
        <v>3</v>
      </c>
      <c r="BV902" s="6">
        <v>3</v>
      </c>
      <c r="BW902" s="6">
        <v>5</v>
      </c>
      <c r="BX902" s="6">
        <v>5</v>
      </c>
      <c r="BY902" s="6">
        <v>6</v>
      </c>
      <c r="BZ902" s="6">
        <v>7</v>
      </c>
      <c r="CA902" s="6">
        <v>7</v>
      </c>
      <c r="CB902" s="6">
        <v>8</v>
      </c>
      <c r="CC902" s="11">
        <v>8</v>
      </c>
      <c r="CD902" s="11">
        <v>33.015799999999999</v>
      </c>
      <c r="CE902" s="11">
        <v>-5.0039499999999997</v>
      </c>
      <c r="CF902" s="11">
        <v>5.9994500000000004</v>
      </c>
      <c r="CG902" s="11">
        <v>1</v>
      </c>
      <c r="CH902" s="20">
        <v>1.4735100000000001</v>
      </c>
      <c r="CI902" s="20">
        <v>1.6845699999999999</v>
      </c>
      <c r="CJ902" s="20">
        <v>1.2157899999999999</v>
      </c>
      <c r="CK902" s="20">
        <v>1.9718800000000001</v>
      </c>
      <c r="CL902" s="20">
        <v>1.65202</v>
      </c>
      <c r="CM902" s="20">
        <v>1.29196</v>
      </c>
      <c r="CN902" s="20">
        <v>1.0565100000000001</v>
      </c>
      <c r="CO902" s="20">
        <v>0.873031</v>
      </c>
      <c r="CP902" s="20">
        <v>0.94780399999999998</v>
      </c>
      <c r="CQ902" s="20">
        <v>1.2420100000000001</v>
      </c>
      <c r="CR902" s="20">
        <v>1.6155299999999999</v>
      </c>
      <c r="CS902" s="20">
        <v>1.4135599999999999</v>
      </c>
      <c r="CT902" s="20">
        <v>1.5209299999999999</v>
      </c>
      <c r="CU902" s="20">
        <v>1.48</v>
      </c>
      <c r="CV902" s="20">
        <v>2.0030700000000001</v>
      </c>
      <c r="CW902" s="20">
        <v>2.07348</v>
      </c>
      <c r="CX902" s="20">
        <v>2.1145900000000002</v>
      </c>
      <c r="CY902" s="6" t="s">
        <v>529</v>
      </c>
      <c r="CZ902" s="6" t="s">
        <v>530</v>
      </c>
      <c r="DA902" s="6" t="s">
        <v>96</v>
      </c>
      <c r="DB902" s="6"/>
      <c r="DC902" s="6"/>
      <c r="DD902" s="6"/>
      <c r="DE902" s="6"/>
      <c r="DF902" s="6"/>
      <c r="DG902" s="6"/>
      <c r="DH902" s="6" t="s">
        <v>333</v>
      </c>
      <c r="DI902" s="6"/>
      <c r="DJ902" s="6"/>
      <c r="DK902" s="6"/>
      <c r="DL902" s="6">
        <v>6</v>
      </c>
      <c r="DM902" s="6" t="s">
        <v>396</v>
      </c>
      <c r="DN902" s="6">
        <v>6</v>
      </c>
      <c r="DO902" s="6" t="s">
        <v>393</v>
      </c>
      <c r="DP902" s="6"/>
      <c r="DQ902" s="6"/>
    </row>
    <row r="903" spans="1:121" x14ac:dyDescent="0.2">
      <c r="A903" s="6" t="s">
        <v>310</v>
      </c>
      <c r="B903" s="6" t="s">
        <v>310</v>
      </c>
      <c r="C903" s="6" t="s">
        <v>173</v>
      </c>
      <c r="D903" s="6" t="s">
        <v>96</v>
      </c>
      <c r="E903" s="6" t="s">
        <v>237</v>
      </c>
      <c r="F903" s="11">
        <v>16</v>
      </c>
      <c r="G903" s="13">
        <v>0.66666666666700003</v>
      </c>
      <c r="H903" s="11">
        <v>-19.032048</v>
      </c>
      <c r="I903" s="13">
        <v>-0.79194449012418755</v>
      </c>
      <c r="J903" s="11">
        <v>12.6389</v>
      </c>
      <c r="K903" s="13">
        <v>2.5277799999999999</v>
      </c>
      <c r="L903" s="11">
        <v>22.256363564499999</v>
      </c>
      <c r="M903" s="13">
        <v>1.2617772970253247</v>
      </c>
      <c r="N903" s="11">
        <v>34.895263564499999</v>
      </c>
      <c r="O903" s="13">
        <v>6.9790527128999997</v>
      </c>
      <c r="P903" s="7">
        <v>24.032048</v>
      </c>
      <c r="Q903" s="7">
        <v>22.888331999999998</v>
      </c>
      <c r="R903" s="7">
        <v>25.154236999999998</v>
      </c>
      <c r="S903" s="7">
        <v>12.339563</v>
      </c>
      <c r="T903" s="7">
        <v>5</v>
      </c>
      <c r="U903" s="7">
        <v>13.215306</v>
      </c>
      <c r="V903" s="7">
        <v>5</v>
      </c>
      <c r="W903" s="7">
        <v>12.445893999999999</v>
      </c>
      <c r="X903" s="7">
        <v>14.120718</v>
      </c>
      <c r="Y903" s="7">
        <v>17.6389</v>
      </c>
      <c r="Z903" s="7">
        <v>19.217478</v>
      </c>
      <c r="AA903" s="7">
        <v>19.83991</v>
      </c>
      <c r="AB903" s="7">
        <v>23.721048</v>
      </c>
      <c r="AC903" s="7">
        <v>28.341818</v>
      </c>
      <c r="AD903" s="7">
        <v>38.079797999999997</v>
      </c>
      <c r="AE903" s="7">
        <v>36.705416</v>
      </c>
      <c r="AF903" s="7">
        <v>39.895263564499999</v>
      </c>
      <c r="AG903" s="9">
        <v>21086.100292299998</v>
      </c>
      <c r="AH903" s="13">
        <v>0.72884965719658701</v>
      </c>
      <c r="AI903" s="9">
        <v>-28929.658173600001</v>
      </c>
      <c r="AJ903" s="13">
        <v>-0.99996543459212028</v>
      </c>
      <c r="AK903" s="9">
        <v>56987.160233000002</v>
      </c>
      <c r="AL903" s="13">
        <v>56987.160233000002</v>
      </c>
      <c r="AM903" s="9">
        <v>-6971.4017671000038</v>
      </c>
      <c r="AN903" s="13">
        <v>-0.12233070410760671</v>
      </c>
      <c r="AO903" s="9">
        <v>50015.758465899999</v>
      </c>
      <c r="AP903" s="13">
        <v>50015.758465899999</v>
      </c>
      <c r="AQ903" s="9">
        <v>28930.658173600001</v>
      </c>
      <c r="AR903" s="9">
        <v>26559.566217299998</v>
      </c>
      <c r="AS903" s="9">
        <v>24474.8063836</v>
      </c>
      <c r="AT903" s="9">
        <v>40125.8427438</v>
      </c>
      <c r="AU903" s="9">
        <v>1</v>
      </c>
      <c r="AV903" s="9">
        <v>39896.969240400002</v>
      </c>
      <c r="AW903" s="9">
        <v>1</v>
      </c>
      <c r="AX903" s="9">
        <v>32147.182953399999</v>
      </c>
      <c r="AY903" s="9">
        <v>59016.578208400002</v>
      </c>
      <c r="AZ903" s="9">
        <v>56988.160233000002</v>
      </c>
      <c r="BA903" s="9">
        <v>52699.851466599997</v>
      </c>
      <c r="BB903" s="9">
        <v>57724.760782500001</v>
      </c>
      <c r="BC903" s="9">
        <v>51475.943121900003</v>
      </c>
      <c r="BD903" s="9">
        <v>53404.390106799998</v>
      </c>
      <c r="BE903" s="9">
        <v>46796.7669427</v>
      </c>
      <c r="BF903" s="9">
        <v>50016.758465899999</v>
      </c>
      <c r="BG903" s="11">
        <v>0</v>
      </c>
      <c r="BH903" s="13">
        <v>0</v>
      </c>
      <c r="BI903" s="6">
        <v>0</v>
      </c>
      <c r="BJ903" s="13">
        <v>0</v>
      </c>
      <c r="BK903" s="6">
        <v>0</v>
      </c>
      <c r="BL903" s="13">
        <v>0</v>
      </c>
      <c r="BM903" s="11">
        <v>0</v>
      </c>
      <c r="BN903" s="13">
        <v>0</v>
      </c>
      <c r="BO903" s="11">
        <v>0</v>
      </c>
      <c r="BP903" s="13">
        <v>0</v>
      </c>
      <c r="BQ903" s="6">
        <v>2</v>
      </c>
      <c r="BR903" s="6">
        <v>2</v>
      </c>
      <c r="BS903" s="6">
        <v>2</v>
      </c>
      <c r="BT903" s="6">
        <v>2</v>
      </c>
      <c r="BU903" s="6">
        <v>2</v>
      </c>
      <c r="BV903" s="6">
        <v>2</v>
      </c>
      <c r="BW903" s="6">
        <v>2</v>
      </c>
      <c r="BX903" s="6">
        <v>2</v>
      </c>
      <c r="BY903" s="6">
        <v>2</v>
      </c>
      <c r="BZ903" s="6">
        <v>2</v>
      </c>
      <c r="CA903" s="6">
        <v>2</v>
      </c>
      <c r="CB903" s="6">
        <v>2</v>
      </c>
      <c r="CC903" s="11">
        <v>2</v>
      </c>
      <c r="CD903" s="11">
        <v>10.742900000000001</v>
      </c>
      <c r="CE903" s="11">
        <v>2.4932699999999999</v>
      </c>
      <c r="CF903" s="11">
        <v>2.6269900000000002</v>
      </c>
      <c r="CG903" s="11">
        <v>5</v>
      </c>
      <c r="CH903" s="20">
        <v>2.2740900000000002</v>
      </c>
      <c r="CI903" s="20">
        <v>2.30599</v>
      </c>
      <c r="CJ903" s="20">
        <v>2.4658600000000002</v>
      </c>
      <c r="CK903" s="20">
        <v>1.1299399999999999</v>
      </c>
      <c r="CL903" s="20">
        <v>0.86428300000000002</v>
      </c>
      <c r="CM903" s="20">
        <v>1.04999</v>
      </c>
      <c r="CN903" s="20">
        <v>0.41880000000000001</v>
      </c>
      <c r="CO903" s="20">
        <v>0.88500999999999996</v>
      </c>
      <c r="CP903" s="20">
        <v>1.0406299999999999</v>
      </c>
      <c r="CQ903" s="20">
        <v>1.2542199999999999</v>
      </c>
      <c r="CR903" s="20">
        <v>1.32379</v>
      </c>
      <c r="CS903" s="20">
        <v>1.2758700000000001</v>
      </c>
      <c r="CT903" s="20">
        <v>1.4706399999999999</v>
      </c>
      <c r="CU903" s="20">
        <v>1.5949</v>
      </c>
      <c r="CV903" s="20">
        <v>2.3774899999999999</v>
      </c>
      <c r="CW903" s="20">
        <v>2.6890499999999999</v>
      </c>
      <c r="CX903" s="20">
        <v>2.8073899999999998</v>
      </c>
      <c r="CY903" s="6" t="s">
        <v>529</v>
      </c>
      <c r="CZ903" s="6" t="s">
        <v>530</v>
      </c>
      <c r="DA903" s="6" t="s">
        <v>96</v>
      </c>
      <c r="DB903" s="6"/>
      <c r="DC903" s="6"/>
      <c r="DD903" s="6"/>
      <c r="DE903" s="6"/>
      <c r="DF903" s="6"/>
      <c r="DG903" s="6"/>
      <c r="DH903" s="6" t="s">
        <v>333</v>
      </c>
      <c r="DI903" s="6"/>
      <c r="DJ903" s="6"/>
      <c r="DK903" s="6"/>
      <c r="DL903" s="6">
        <v>6</v>
      </c>
      <c r="DM903" s="6" t="s">
        <v>396</v>
      </c>
      <c r="DN903" s="6">
        <v>6</v>
      </c>
      <c r="DO903" s="6" t="s">
        <v>393</v>
      </c>
      <c r="DP903" s="6"/>
      <c r="DQ903" s="6"/>
    </row>
    <row r="904" spans="1:121" x14ac:dyDescent="0.2">
      <c r="A904" s="6" t="s">
        <v>311</v>
      </c>
      <c r="B904" s="6" t="s">
        <v>311</v>
      </c>
      <c r="C904" s="6" t="s">
        <v>174</v>
      </c>
      <c r="D904" s="6" t="s">
        <v>96</v>
      </c>
      <c r="E904" s="6" t="s">
        <v>237</v>
      </c>
      <c r="F904" s="11">
        <v>2</v>
      </c>
      <c r="G904" s="13">
        <v>0.11764705882400001</v>
      </c>
      <c r="H904" s="11">
        <v>-1.9116769999999992</v>
      </c>
      <c r="I904" s="13">
        <v>-0.11564342149669923</v>
      </c>
      <c r="J904" s="11">
        <v>-1.9428299999999989</v>
      </c>
      <c r="K904" s="13">
        <v>-0.13289658085935718</v>
      </c>
      <c r="L904" s="11">
        <v>6.2931668897999984</v>
      </c>
      <c r="M904" s="13">
        <v>0.49645210557796032</v>
      </c>
      <c r="N904" s="11">
        <v>4.3503368897999994</v>
      </c>
      <c r="O904" s="13">
        <v>0.29757873732686363</v>
      </c>
      <c r="P904" s="7">
        <v>16.530788999999999</v>
      </c>
      <c r="Q904" s="7">
        <v>17.289766</v>
      </c>
      <c r="R904" s="7">
        <v>20.554783</v>
      </c>
      <c r="S904" s="7">
        <v>19.394013999999999</v>
      </c>
      <c r="T904" s="7">
        <v>19.611713999999999</v>
      </c>
      <c r="U904" s="7">
        <v>17.211628000000001</v>
      </c>
      <c r="V904" s="7">
        <v>14.619111999999999</v>
      </c>
      <c r="W904" s="7">
        <v>14.423403</v>
      </c>
      <c r="X904" s="7">
        <v>14.336128</v>
      </c>
      <c r="Y904" s="7">
        <v>12.676282</v>
      </c>
      <c r="Z904" s="7">
        <v>11.025669000000001</v>
      </c>
      <c r="AA904" s="7">
        <v>12.035303000000001</v>
      </c>
      <c r="AB904" s="7">
        <v>22.969446999999999</v>
      </c>
      <c r="AC904" s="7">
        <v>18.309346891200001</v>
      </c>
      <c r="AD904" s="7">
        <v>17.3092467323</v>
      </c>
      <c r="AE904" s="7">
        <v>18.022256539000001</v>
      </c>
      <c r="AF904" s="7">
        <v>18.969448889799999</v>
      </c>
      <c r="AG904" s="9">
        <v>36658.938439899997</v>
      </c>
      <c r="AH904" s="13">
        <v>0.5634297355939577</v>
      </c>
      <c r="AI904" s="9">
        <v>15911.837350799993</v>
      </c>
      <c r="AJ904" s="13">
        <v>0.24455706283129777</v>
      </c>
      <c r="AK904" s="9">
        <v>40170.549412100008</v>
      </c>
      <c r="AL904" s="13">
        <v>0.49608127761377879</v>
      </c>
      <c r="AM904" s="9">
        <v>-19423.448323000004</v>
      </c>
      <c r="AN904" s="13">
        <v>-0.16033052386683247</v>
      </c>
      <c r="AO904" s="9">
        <v>20747.101089100004</v>
      </c>
      <c r="AP904" s="13">
        <v>0.25621378262660166</v>
      </c>
      <c r="AQ904" s="9">
        <v>65063.9043771</v>
      </c>
      <c r="AR904" s="9">
        <v>67865.364844900003</v>
      </c>
      <c r="AS904" s="9">
        <v>58399.719347899998</v>
      </c>
      <c r="AT904" s="9">
        <v>65348.9246183</v>
      </c>
      <c r="AU904" s="9">
        <v>70924.666193199999</v>
      </c>
      <c r="AV904" s="9">
        <v>73329.341705600003</v>
      </c>
      <c r="AW904" s="9">
        <v>80975.741727899993</v>
      </c>
      <c r="AX904" s="9">
        <v>84820.727846299997</v>
      </c>
      <c r="AY904" s="9">
        <v>107828.21729499999</v>
      </c>
      <c r="AZ904" s="9">
        <v>121146.29114</v>
      </c>
      <c r="BA904" s="9">
        <v>122507.80731800001</v>
      </c>
      <c r="BB904" s="9">
        <v>116624.60883700001</v>
      </c>
      <c r="BC904" s="9">
        <v>83615.352951299996</v>
      </c>
      <c r="BD904" s="9">
        <v>85738.290970200003</v>
      </c>
      <c r="BE904" s="9">
        <v>97763.995039899994</v>
      </c>
      <c r="BF904" s="9">
        <v>101722.842817</v>
      </c>
      <c r="BG904" s="11">
        <v>0</v>
      </c>
      <c r="BH904" s="13">
        <v>0</v>
      </c>
      <c r="BI904" s="6">
        <v>0</v>
      </c>
      <c r="BJ904" s="13">
        <v>0</v>
      </c>
      <c r="BK904" s="6">
        <v>0</v>
      </c>
      <c r="BL904" s="13">
        <v>0</v>
      </c>
      <c r="BM904" s="11">
        <v>0</v>
      </c>
      <c r="BN904" s="13">
        <v>0</v>
      </c>
      <c r="BO904" s="11">
        <v>0</v>
      </c>
      <c r="BP904" s="13">
        <v>0</v>
      </c>
      <c r="BQ904" s="6">
        <v>2</v>
      </c>
      <c r="BR904" s="6">
        <v>2</v>
      </c>
      <c r="BS904" s="6">
        <v>2</v>
      </c>
      <c r="BT904" s="6">
        <v>2</v>
      </c>
      <c r="BU904" s="6">
        <v>2</v>
      </c>
      <c r="BV904" s="6">
        <v>2</v>
      </c>
      <c r="BW904" s="6">
        <v>2</v>
      </c>
      <c r="BX904" s="6">
        <v>2</v>
      </c>
      <c r="BY904" s="6">
        <v>2</v>
      </c>
      <c r="BZ904" s="6">
        <v>2</v>
      </c>
      <c r="CA904" s="6">
        <v>1</v>
      </c>
      <c r="CB904" s="6">
        <v>2</v>
      </c>
      <c r="CC904" s="11">
        <v>2</v>
      </c>
      <c r="CD904" s="11">
        <v>3.3235800000000002</v>
      </c>
      <c r="CE904" s="11">
        <v>-2.6919400000000002</v>
      </c>
      <c r="CF904" s="11">
        <v>1.80701</v>
      </c>
      <c r="CG904" s="11">
        <v>-1</v>
      </c>
      <c r="CH904" s="20">
        <v>1.42771</v>
      </c>
      <c r="CI904" s="20">
        <v>1.5270999999999999</v>
      </c>
      <c r="CJ904" s="20">
        <v>1.79854</v>
      </c>
      <c r="CK904" s="20">
        <v>1.68279</v>
      </c>
      <c r="CL904" s="20">
        <v>1.80002</v>
      </c>
      <c r="CM904" s="20">
        <v>1.58518</v>
      </c>
      <c r="CN904" s="20">
        <v>1.3877200000000001</v>
      </c>
      <c r="CO904" s="20">
        <v>1.34158</v>
      </c>
      <c r="CP904" s="20">
        <v>1.24074</v>
      </c>
      <c r="CQ904" s="20">
        <v>1.0907800000000001</v>
      </c>
      <c r="CR904" s="20">
        <v>1.02976</v>
      </c>
      <c r="CS904" s="20">
        <v>1.14567</v>
      </c>
      <c r="CT904" s="20">
        <v>2.1503000000000001</v>
      </c>
      <c r="CU904" s="20">
        <v>1.5972200000000001</v>
      </c>
      <c r="CV904" s="20">
        <v>1.4843200000000001</v>
      </c>
      <c r="CW904" s="20">
        <v>1.5386599999999999</v>
      </c>
      <c r="CX904" s="20">
        <v>1.5615000000000001</v>
      </c>
      <c r="CY904" s="6" t="s">
        <v>529</v>
      </c>
      <c r="CZ904" s="6" t="s">
        <v>530</v>
      </c>
      <c r="DA904" s="6" t="s">
        <v>96</v>
      </c>
      <c r="DB904" s="6"/>
      <c r="DC904" s="6"/>
      <c r="DD904" s="6"/>
      <c r="DE904" s="6"/>
      <c r="DF904" s="6"/>
      <c r="DG904" s="6"/>
      <c r="DH904" s="6" t="s">
        <v>333</v>
      </c>
      <c r="DI904" s="6"/>
      <c r="DJ904" s="6"/>
      <c r="DK904" s="6"/>
      <c r="DL904" s="6">
        <v>6</v>
      </c>
      <c r="DM904" s="6" t="s">
        <v>396</v>
      </c>
      <c r="DN904" s="6">
        <v>6</v>
      </c>
      <c r="DO904" s="6" t="s">
        <v>393</v>
      </c>
      <c r="DP904" s="6"/>
      <c r="DQ904" s="6"/>
    </row>
    <row r="905" spans="1:121" x14ac:dyDescent="0.2">
      <c r="A905" s="6" t="s">
        <v>312</v>
      </c>
      <c r="B905" s="6" t="s">
        <v>312</v>
      </c>
      <c r="C905" s="6" t="s">
        <v>175</v>
      </c>
      <c r="D905" s="6" t="s">
        <v>96</v>
      </c>
      <c r="E905" s="6" t="s">
        <v>237</v>
      </c>
      <c r="F905" s="11">
        <v>-17</v>
      </c>
      <c r="G905" s="13">
        <v>-9.4444444444400005E-2</v>
      </c>
      <c r="H905" s="11">
        <v>35.449602028000015</v>
      </c>
      <c r="I905" s="13">
        <v>0.19682015234067324</v>
      </c>
      <c r="J905" s="11">
        <v>-60.906296716000014</v>
      </c>
      <c r="K905" s="13">
        <v>-0.28254752031998498</v>
      </c>
      <c r="L905" s="11">
        <v>8.0847901010000101</v>
      </c>
      <c r="M905" s="13">
        <v>5.227630877518194E-2</v>
      </c>
      <c r="N905" s="11">
        <v>-52.821506615000004</v>
      </c>
      <c r="O905" s="13">
        <v>-0.24504175296071257</v>
      </c>
      <c r="P905" s="7">
        <v>180.11164815399999</v>
      </c>
      <c r="Q905" s="7">
        <v>193.18325386500001</v>
      </c>
      <c r="R905" s="7">
        <v>212.53412042100001</v>
      </c>
      <c r="S905" s="7">
        <v>240.04943804199999</v>
      </c>
      <c r="T905" s="7">
        <v>229.06743349000001</v>
      </c>
      <c r="U905" s="7">
        <v>236.45446520499999</v>
      </c>
      <c r="V905" s="7">
        <v>215.56125018200001</v>
      </c>
      <c r="W905" s="7">
        <v>192.15010701400001</v>
      </c>
      <c r="X905" s="7">
        <v>196.28802381200001</v>
      </c>
      <c r="Y905" s="7">
        <v>154.65495346599999</v>
      </c>
      <c r="Z905" s="7">
        <v>142.848073618</v>
      </c>
      <c r="AA905" s="7">
        <v>152.62952222300001</v>
      </c>
      <c r="AB905" s="7">
        <v>155.21686619499999</v>
      </c>
      <c r="AC905" s="7">
        <v>159.83396682899999</v>
      </c>
      <c r="AD905" s="7">
        <v>162.64176297899999</v>
      </c>
      <c r="AE905" s="7">
        <v>161.46114560999999</v>
      </c>
      <c r="AF905" s="7">
        <v>162.739743567</v>
      </c>
      <c r="AG905" s="9">
        <v>6922.6841080000013</v>
      </c>
      <c r="AH905" s="13">
        <v>0.31994805255755454</v>
      </c>
      <c r="AI905" s="9">
        <v>2600.0654656000006</v>
      </c>
      <c r="AJ905" s="13">
        <v>0.12016811243481797</v>
      </c>
      <c r="AK905" s="9">
        <v>-1644.6021527999983</v>
      </c>
      <c r="AL905" s="13">
        <v>-6.785511726408143E-2</v>
      </c>
      <c r="AM905" s="9">
        <v>5967.220795199999</v>
      </c>
      <c r="AN905" s="13">
        <v>0.26412556484684452</v>
      </c>
      <c r="AO905" s="9">
        <v>4322.6186424000007</v>
      </c>
      <c r="AP905" s="13">
        <v>0.17834817640763873</v>
      </c>
      <c r="AQ905" s="9">
        <v>21636.900280099999</v>
      </c>
      <c r="AR905" s="9">
        <v>21644.300131799999</v>
      </c>
      <c r="AS905" s="9">
        <v>22365.152034999999</v>
      </c>
      <c r="AT905" s="9">
        <v>23317.1179414</v>
      </c>
      <c r="AU905" s="9">
        <v>22348.656585600002</v>
      </c>
      <c r="AV905" s="9">
        <v>23189.865959899998</v>
      </c>
      <c r="AW905" s="9">
        <v>24236.965745699999</v>
      </c>
      <c r="AX905" s="9">
        <v>24109.411851500001</v>
      </c>
      <c r="AY905" s="9">
        <v>24487.065396599999</v>
      </c>
      <c r="AZ905" s="9">
        <v>22592.363592900001</v>
      </c>
      <c r="BA905" s="9">
        <v>23922.203740699999</v>
      </c>
      <c r="BB905" s="9">
        <v>25050.350606200001</v>
      </c>
      <c r="BC905" s="9">
        <v>25425.957887699999</v>
      </c>
      <c r="BD905" s="9">
        <v>25865.949035099999</v>
      </c>
      <c r="BE905" s="9">
        <v>27728.640894600001</v>
      </c>
      <c r="BF905" s="9">
        <v>28559.5843881</v>
      </c>
      <c r="BG905" s="11">
        <v>-4.5</v>
      </c>
      <c r="BH905" s="13">
        <v>-0.16666666666666666</v>
      </c>
      <c r="BI905" s="6">
        <v>-9</v>
      </c>
      <c r="BJ905" s="13">
        <v>-0.33333333333333331</v>
      </c>
      <c r="BK905" s="6">
        <v>0</v>
      </c>
      <c r="BL905" s="13">
        <v>0</v>
      </c>
      <c r="BM905" s="11">
        <v>4.5</v>
      </c>
      <c r="BN905" s="13">
        <v>0.25</v>
      </c>
      <c r="BO905" s="11">
        <v>4.5</v>
      </c>
      <c r="BP905" s="13">
        <v>0.25</v>
      </c>
      <c r="BQ905" s="6">
        <v>27</v>
      </c>
      <c r="BR905" s="6">
        <v>24</v>
      </c>
      <c r="BS905" s="6">
        <v>19</v>
      </c>
      <c r="BT905" s="6">
        <v>18</v>
      </c>
      <c r="BU905" s="6">
        <v>19</v>
      </c>
      <c r="BV905" s="6">
        <v>18</v>
      </c>
      <c r="BW905" s="6">
        <v>18</v>
      </c>
      <c r="BX905" s="6">
        <v>16</v>
      </c>
      <c r="BY905" s="6">
        <v>16</v>
      </c>
      <c r="BZ905" s="6">
        <v>20</v>
      </c>
      <c r="CA905" s="6">
        <v>23</v>
      </c>
      <c r="CB905" s="6">
        <v>25</v>
      </c>
      <c r="CC905" s="11">
        <v>22.5</v>
      </c>
      <c r="CD905" s="11">
        <v>-15.244199999999999</v>
      </c>
      <c r="CE905" s="11">
        <v>-21.816099999999999</v>
      </c>
      <c r="CF905" s="11">
        <v>19.688400000000001</v>
      </c>
      <c r="CG905" s="11">
        <v>-2</v>
      </c>
      <c r="CH905" s="20">
        <v>1.0724800000000001</v>
      </c>
      <c r="CI905" s="20">
        <v>1.16825</v>
      </c>
      <c r="CJ905" s="20">
        <v>1.21678</v>
      </c>
      <c r="CK905" s="20">
        <v>1.2777799999999999</v>
      </c>
      <c r="CL905" s="20">
        <v>1.20248</v>
      </c>
      <c r="CM905" s="20">
        <v>1.18621</v>
      </c>
      <c r="CN905" s="20">
        <v>1.1295900000000001</v>
      </c>
      <c r="CO905" s="20">
        <v>1.05887</v>
      </c>
      <c r="CP905" s="20">
        <v>1.1609400000000001</v>
      </c>
      <c r="CQ905" s="20">
        <v>0.97296000000000005</v>
      </c>
      <c r="CR905" s="20">
        <v>0.98568800000000001</v>
      </c>
      <c r="CS905" s="20">
        <v>1.06332</v>
      </c>
      <c r="CT905" s="20">
        <v>1.03769</v>
      </c>
      <c r="CU905" s="20">
        <v>0.96550199999999997</v>
      </c>
      <c r="CV905" s="20">
        <v>0.93903099999999995</v>
      </c>
      <c r="CW905" s="20">
        <v>0.90896299999999997</v>
      </c>
      <c r="CX905" s="20">
        <v>0.88460399999999995</v>
      </c>
      <c r="CY905" s="6" t="s">
        <v>529</v>
      </c>
      <c r="CZ905" s="6" t="s">
        <v>530</v>
      </c>
      <c r="DA905" s="6" t="s">
        <v>96</v>
      </c>
      <c r="DB905" s="6"/>
      <c r="DC905" s="6"/>
      <c r="DD905" s="6"/>
      <c r="DE905" s="6"/>
      <c r="DF905" s="6"/>
      <c r="DG905" s="6"/>
      <c r="DH905" s="6" t="s">
        <v>333</v>
      </c>
      <c r="DI905" s="6"/>
      <c r="DJ905" s="6"/>
      <c r="DK905" s="6"/>
      <c r="DL905" s="6">
        <v>6</v>
      </c>
      <c r="DM905" s="6" t="s">
        <v>396</v>
      </c>
      <c r="DN905" s="6">
        <v>6</v>
      </c>
      <c r="DO905" s="6" t="s">
        <v>393</v>
      </c>
      <c r="DP905" s="6"/>
      <c r="DQ905" s="6"/>
    </row>
    <row r="906" spans="1:121" x14ac:dyDescent="0.2">
      <c r="A906" s="6" t="s">
        <v>792</v>
      </c>
      <c r="B906" s="6" t="s">
        <v>176</v>
      </c>
      <c r="C906" s="6" t="s">
        <v>177</v>
      </c>
      <c r="D906" s="6" t="s">
        <v>96</v>
      </c>
      <c r="E906" s="6" t="s">
        <v>237</v>
      </c>
      <c r="F906" s="11">
        <v>-106</v>
      </c>
      <c r="G906" s="13">
        <v>-0.26566416040099999</v>
      </c>
      <c r="H906" s="11">
        <v>-107.93919113100003</v>
      </c>
      <c r="I906" s="13">
        <v>-0.27081621363001185</v>
      </c>
      <c r="J906" s="11">
        <v>-16.815801136000005</v>
      </c>
      <c r="K906" s="13">
        <v>-5.7859684590638706E-2</v>
      </c>
      <c r="L906" s="11">
        <v>19.639595363000012</v>
      </c>
      <c r="M906" s="13">
        <v>7.1725807553269669E-2</v>
      </c>
      <c r="N906" s="11">
        <v>2.8237942270000076</v>
      </c>
      <c r="O906" s="13">
        <v>9.7160903605899313E-3</v>
      </c>
      <c r="P906" s="7">
        <v>398.56989980100002</v>
      </c>
      <c r="Q906" s="7">
        <v>292.86337636100001</v>
      </c>
      <c r="R906" s="7">
        <v>288.98367619499999</v>
      </c>
      <c r="S906" s="7">
        <v>290.46812803900002</v>
      </c>
      <c r="T906" s="7">
        <v>261.19351621300001</v>
      </c>
      <c r="U906" s="7">
        <v>294.71028827399999</v>
      </c>
      <c r="V906" s="7">
        <v>290.63070866999999</v>
      </c>
      <c r="W906" s="7">
        <v>266.02790635600002</v>
      </c>
      <c r="X906" s="7">
        <v>252.48127119700001</v>
      </c>
      <c r="Y906" s="7">
        <v>273.81490753399999</v>
      </c>
      <c r="Z906" s="7">
        <v>303.59213628600003</v>
      </c>
      <c r="AA906" s="7">
        <v>286.34568063900002</v>
      </c>
      <c r="AB906" s="7">
        <v>279.78354344600001</v>
      </c>
      <c r="AC906" s="7">
        <v>284.60942986499998</v>
      </c>
      <c r="AD906" s="7">
        <v>276.90285148599997</v>
      </c>
      <c r="AE906" s="7">
        <v>287.06304877399998</v>
      </c>
      <c r="AF906" s="7">
        <v>293.454502897</v>
      </c>
      <c r="AG906" s="9">
        <v>17611.869222600006</v>
      </c>
      <c r="AH906" s="13">
        <v>0.48289921214425785</v>
      </c>
      <c r="AI906" s="9">
        <v>2030.1704884000064</v>
      </c>
      <c r="AJ906" s="13">
        <v>5.5665171991446147E-2</v>
      </c>
      <c r="AK906" s="9">
        <v>3457.1422293999931</v>
      </c>
      <c r="AL906" s="13">
        <v>8.9792920731428541E-2</v>
      </c>
      <c r="AM906" s="9">
        <v>12124.556504800006</v>
      </c>
      <c r="AN906" s="13">
        <v>0.28896598954875602</v>
      </c>
      <c r="AO906" s="9">
        <v>15581.698734199999</v>
      </c>
      <c r="AP906" s="13">
        <v>0.40470601047381483</v>
      </c>
      <c r="AQ906" s="9">
        <v>36471.107799899997</v>
      </c>
      <c r="AR906" s="9">
        <v>45455.244633399998</v>
      </c>
      <c r="AS906" s="9">
        <v>39341.213931999999</v>
      </c>
      <c r="AT906" s="9">
        <v>40595.365504699999</v>
      </c>
      <c r="AU906" s="9">
        <v>42089.1367235</v>
      </c>
      <c r="AV906" s="9">
        <v>42367.427323199998</v>
      </c>
      <c r="AW906" s="9">
        <v>38501.278288300004</v>
      </c>
      <c r="AX906" s="9">
        <v>41457.1886753</v>
      </c>
      <c r="AY906" s="9">
        <v>39591.277349099997</v>
      </c>
      <c r="AZ906" s="9">
        <v>41958.420517699997</v>
      </c>
      <c r="BA906" s="9">
        <v>43225.765942899998</v>
      </c>
      <c r="BB906" s="9">
        <v>47766.339712699999</v>
      </c>
      <c r="BC906" s="9">
        <v>53144.962673100003</v>
      </c>
      <c r="BD906" s="9">
        <v>59908.065308999998</v>
      </c>
      <c r="BE906" s="9">
        <v>54850.840214299998</v>
      </c>
      <c r="BF906" s="9">
        <v>54082.977022500003</v>
      </c>
      <c r="BG906" s="11">
        <v>6</v>
      </c>
      <c r="BH906" s="13">
        <v>0.6</v>
      </c>
      <c r="BI906" s="6">
        <v>4</v>
      </c>
      <c r="BJ906" s="13">
        <v>0.4</v>
      </c>
      <c r="BK906" s="6">
        <v>0</v>
      </c>
      <c r="BL906" s="13">
        <v>0</v>
      </c>
      <c r="BM906" s="11">
        <v>2</v>
      </c>
      <c r="BN906" s="13">
        <v>0.14285714285714285</v>
      </c>
      <c r="BO906" s="11">
        <v>2</v>
      </c>
      <c r="BP906" s="13">
        <v>0.14285714285714285</v>
      </c>
      <c r="BQ906" s="6">
        <v>10</v>
      </c>
      <c r="BR906" s="6">
        <v>10</v>
      </c>
      <c r="BS906" s="6">
        <v>13</v>
      </c>
      <c r="BT906" s="6">
        <v>14</v>
      </c>
      <c r="BU906" s="6">
        <v>15</v>
      </c>
      <c r="BV906" s="6">
        <v>15</v>
      </c>
      <c r="BW906" s="6">
        <v>14</v>
      </c>
      <c r="BX906" s="6">
        <v>16</v>
      </c>
      <c r="BY906" s="6">
        <v>18</v>
      </c>
      <c r="BZ906" s="6">
        <v>17</v>
      </c>
      <c r="CA906" s="6">
        <v>17</v>
      </c>
      <c r="CB906" s="6">
        <v>16</v>
      </c>
      <c r="CC906" s="11">
        <v>16</v>
      </c>
      <c r="CD906" s="11">
        <v>-7.9976000000000003</v>
      </c>
      <c r="CE906" s="11">
        <v>-140.68600000000001</v>
      </c>
      <c r="CF906" s="11">
        <v>43.5685</v>
      </c>
      <c r="CG906" s="11">
        <v>-97</v>
      </c>
      <c r="CH906" s="20">
        <v>1.23967</v>
      </c>
      <c r="CI906" s="20">
        <v>0.98859799999999998</v>
      </c>
      <c r="CJ906" s="20">
        <v>0.98719999999999997</v>
      </c>
      <c r="CK906" s="20">
        <v>0.97716599999999998</v>
      </c>
      <c r="CL906" s="20">
        <v>0.91248499999999999</v>
      </c>
      <c r="CM906" s="20">
        <v>1.0313000000000001</v>
      </c>
      <c r="CN906" s="20">
        <v>1.0755300000000001</v>
      </c>
      <c r="CO906" s="20">
        <v>1.01292</v>
      </c>
      <c r="CP906" s="20">
        <v>1.0165599999999999</v>
      </c>
      <c r="CQ906" s="20">
        <v>1.1093500000000001</v>
      </c>
      <c r="CR906" s="20">
        <v>1.3089</v>
      </c>
      <c r="CS906" s="20">
        <v>1.2374799999999999</v>
      </c>
      <c r="CT906" s="20">
        <v>1.1785699999999999</v>
      </c>
      <c r="CU906" s="20">
        <v>1.1098300000000001</v>
      </c>
      <c r="CV906" s="20">
        <v>1.0609599999999999</v>
      </c>
      <c r="CW906" s="20">
        <v>1.09585</v>
      </c>
      <c r="CX906" s="20">
        <v>1.0886199999999999</v>
      </c>
      <c r="CY906" s="6" t="s">
        <v>529</v>
      </c>
      <c r="CZ906" s="6" t="s">
        <v>530</v>
      </c>
      <c r="DA906" s="6" t="s">
        <v>96</v>
      </c>
      <c r="DB906" s="6"/>
      <c r="DC906" s="6"/>
      <c r="DD906" s="6"/>
      <c r="DE906" s="6"/>
      <c r="DF906" s="6"/>
      <c r="DG906" s="6"/>
      <c r="DH906" s="6" t="s">
        <v>333</v>
      </c>
      <c r="DI906" s="6"/>
      <c r="DJ906" s="6"/>
      <c r="DK906" s="6"/>
      <c r="DL906" s="6">
        <v>6</v>
      </c>
      <c r="DM906" s="6" t="s">
        <v>396</v>
      </c>
      <c r="DN906" s="6">
        <v>6</v>
      </c>
      <c r="DO906" s="6" t="s">
        <v>393</v>
      </c>
      <c r="DP906" s="6"/>
      <c r="DQ906" s="6"/>
    </row>
    <row r="907" spans="1:121" x14ac:dyDescent="0.2">
      <c r="A907" s="6" t="s">
        <v>313</v>
      </c>
      <c r="B907" s="6" t="s">
        <v>313</v>
      </c>
      <c r="C907" s="6" t="s">
        <v>178</v>
      </c>
      <c r="D907" s="6" t="s">
        <v>96</v>
      </c>
      <c r="E907" s="6" t="s">
        <v>237</v>
      </c>
      <c r="F907" s="11">
        <v>-49</v>
      </c>
      <c r="G907" s="13">
        <v>-0.56976744185999995</v>
      </c>
      <c r="H907" s="11">
        <v>-10.259298552399997</v>
      </c>
      <c r="I907" s="13">
        <v>-0.11961616359671112</v>
      </c>
      <c r="J907" s="11">
        <v>-14.353840855899996</v>
      </c>
      <c r="K907" s="13">
        <v>-0.19009393791406273</v>
      </c>
      <c r="L907" s="11">
        <v>-23.7549266264</v>
      </c>
      <c r="M907" s="13">
        <v>-0.38843574160080152</v>
      </c>
      <c r="N907" s="11">
        <v>-38.108767482299996</v>
      </c>
      <c r="O907" s="13">
        <v>-0.5046903997673986</v>
      </c>
      <c r="P907" s="7">
        <v>85.768496864599996</v>
      </c>
      <c r="Q907" s="7">
        <v>88.959004956599998</v>
      </c>
      <c r="R907" s="7">
        <v>96.266121211400005</v>
      </c>
      <c r="S907" s="7">
        <v>98.8705329979</v>
      </c>
      <c r="T907" s="7">
        <v>88.252601277899998</v>
      </c>
      <c r="U907" s="7">
        <v>80.735887488000003</v>
      </c>
      <c r="V907" s="7">
        <v>75.509198312199999</v>
      </c>
      <c r="W907" s="7">
        <v>80.2425767127</v>
      </c>
      <c r="X907" s="7">
        <v>77.585959684399995</v>
      </c>
      <c r="Y907" s="7">
        <v>61.155357456300003</v>
      </c>
      <c r="Z907" s="7">
        <v>53.236781716199999</v>
      </c>
      <c r="AA907" s="7">
        <v>52.326676138700002</v>
      </c>
      <c r="AB907" s="7">
        <v>51.936452009100002</v>
      </c>
      <c r="AC907" s="7">
        <v>55.459487715500003</v>
      </c>
      <c r="AD907" s="7">
        <v>40.6424975758</v>
      </c>
      <c r="AE907" s="7">
        <v>38.1026321485</v>
      </c>
      <c r="AF907" s="7">
        <v>37.400430829900003</v>
      </c>
      <c r="AG907" s="9">
        <v>16823.375678</v>
      </c>
      <c r="AH907" s="13">
        <v>0.64803717953729345</v>
      </c>
      <c r="AI907" s="9">
        <v>-3931.1579902000012</v>
      </c>
      <c r="AJ907" s="13">
        <v>-0.15142838066774719</v>
      </c>
      <c r="AK907" s="9">
        <v>7598.7257038000025</v>
      </c>
      <c r="AL907" s="13">
        <v>0.34493641489549737</v>
      </c>
      <c r="AM907" s="9">
        <v>13155.807964399999</v>
      </c>
      <c r="AN907" s="13">
        <v>0.44403177596500126</v>
      </c>
      <c r="AO907" s="9">
        <v>20754.533668200002</v>
      </c>
      <c r="AP907" s="13">
        <v>0.94213091976154684</v>
      </c>
      <c r="AQ907" s="9">
        <v>25960.5099973</v>
      </c>
      <c r="AR907" s="9">
        <v>23050.360110099999</v>
      </c>
      <c r="AS907" s="9">
        <v>23335.637662599998</v>
      </c>
      <c r="AT907" s="9">
        <v>23350.217608899999</v>
      </c>
      <c r="AU907" s="9">
        <v>20771.493251700002</v>
      </c>
      <c r="AV907" s="9">
        <v>17629.542299299999</v>
      </c>
      <c r="AW907" s="9">
        <v>22029.352007099998</v>
      </c>
      <c r="AX907" s="9">
        <v>28863.302175699999</v>
      </c>
      <c r="AY907" s="9">
        <v>26733.2648558</v>
      </c>
      <c r="AZ907" s="9">
        <v>29628.077710900001</v>
      </c>
      <c r="BA907" s="9">
        <v>32687.812222199998</v>
      </c>
      <c r="BB907" s="9">
        <v>29763.285291</v>
      </c>
      <c r="BC907" s="9">
        <v>29082.026762099998</v>
      </c>
      <c r="BD907" s="9">
        <v>28667.586159800001</v>
      </c>
      <c r="BE907" s="9">
        <v>38075.946066500001</v>
      </c>
      <c r="BF907" s="9">
        <v>42783.8856753</v>
      </c>
      <c r="BG907" s="11">
        <v>-8.5</v>
      </c>
      <c r="BH907" s="13">
        <v>-0.5</v>
      </c>
      <c r="BI907" s="6">
        <v>-2</v>
      </c>
      <c r="BJ907" s="13">
        <v>-0.11764705882352941</v>
      </c>
      <c r="BK907" s="6">
        <v>-5</v>
      </c>
      <c r="BL907" s="13">
        <v>-0.33333333333333331</v>
      </c>
      <c r="BM907" s="11">
        <v>-1.5</v>
      </c>
      <c r="BN907" s="13">
        <v>-0.15</v>
      </c>
      <c r="BO907" s="11">
        <v>-6.5</v>
      </c>
      <c r="BP907" s="13">
        <v>-0.43333333333333335</v>
      </c>
      <c r="BQ907" s="6">
        <v>17</v>
      </c>
      <c r="BR907" s="6">
        <v>16</v>
      </c>
      <c r="BS907" s="6">
        <v>14</v>
      </c>
      <c r="BT907" s="6">
        <v>15</v>
      </c>
      <c r="BU907" s="6">
        <v>14</v>
      </c>
      <c r="BV907" s="6">
        <v>12</v>
      </c>
      <c r="BW907" s="6">
        <v>10</v>
      </c>
      <c r="BX907" s="6">
        <v>9</v>
      </c>
      <c r="BY907" s="6">
        <v>9</v>
      </c>
      <c r="BZ907" s="6">
        <v>9</v>
      </c>
      <c r="CA907" s="6">
        <v>9</v>
      </c>
      <c r="CB907" s="6">
        <v>9</v>
      </c>
      <c r="CC907" s="11">
        <v>8.5</v>
      </c>
      <c r="CD907" s="11">
        <v>-50.730499999999999</v>
      </c>
      <c r="CE907" s="11">
        <v>-7.0130800000000004</v>
      </c>
      <c r="CF907" s="11">
        <v>9.3755299999999995</v>
      </c>
      <c r="CG907" s="11">
        <v>2</v>
      </c>
      <c r="CH907" s="20">
        <v>0.74917699999999998</v>
      </c>
      <c r="CI907" s="20">
        <v>0.80095899999999998</v>
      </c>
      <c r="CJ907" s="20">
        <v>0.83847499999999997</v>
      </c>
      <c r="CK907" s="20">
        <v>0.82798000000000005</v>
      </c>
      <c r="CL907" s="20">
        <v>0.74929000000000001</v>
      </c>
      <c r="CM907" s="20">
        <v>0.66805800000000004</v>
      </c>
      <c r="CN907" s="20">
        <v>0.63735900000000001</v>
      </c>
      <c r="CO907" s="20">
        <v>0.67901999999999996</v>
      </c>
      <c r="CP907" s="20">
        <v>0.65626899999999999</v>
      </c>
      <c r="CQ907" s="20">
        <v>0.51533799999999996</v>
      </c>
      <c r="CR907" s="20">
        <v>0.47948499999999999</v>
      </c>
      <c r="CS907" s="20">
        <v>0.471856</v>
      </c>
      <c r="CT907" s="20">
        <v>0.45391700000000001</v>
      </c>
      <c r="CU907" s="20">
        <v>0.44925900000000002</v>
      </c>
      <c r="CV907" s="20">
        <v>0.32370300000000002</v>
      </c>
      <c r="CW907" s="20">
        <v>0.30314000000000002</v>
      </c>
      <c r="CX907" s="20">
        <v>0.2868</v>
      </c>
      <c r="CY907" s="6" t="s">
        <v>529</v>
      </c>
      <c r="CZ907" s="6" t="s">
        <v>530</v>
      </c>
      <c r="DA907" s="6" t="s">
        <v>96</v>
      </c>
      <c r="DB907" s="6"/>
      <c r="DC907" s="6"/>
      <c r="DD907" s="6"/>
      <c r="DE907" s="6"/>
      <c r="DF907" s="6"/>
      <c r="DG907" s="6"/>
      <c r="DH907" s="6" t="s">
        <v>333</v>
      </c>
      <c r="DI907" s="6"/>
      <c r="DJ907" s="6"/>
      <c r="DK907" s="6"/>
      <c r="DL907" s="6">
        <v>6</v>
      </c>
      <c r="DM907" s="6" t="s">
        <v>396</v>
      </c>
      <c r="DN907" s="6">
        <v>6</v>
      </c>
      <c r="DO907" s="6" t="s">
        <v>393</v>
      </c>
      <c r="DP907" s="6"/>
      <c r="DQ907" s="6"/>
    </row>
    <row r="908" spans="1:121" x14ac:dyDescent="0.2">
      <c r="A908" s="6" t="s">
        <v>793</v>
      </c>
      <c r="B908" s="6" t="s">
        <v>179</v>
      </c>
      <c r="C908" s="6" t="s">
        <v>180</v>
      </c>
      <c r="D908" s="6" t="s">
        <v>96</v>
      </c>
      <c r="E908" s="6" t="s">
        <v>237</v>
      </c>
      <c r="F908" s="11">
        <v>83</v>
      </c>
      <c r="G908" s="13">
        <v>0.33</v>
      </c>
      <c r="H908" s="11">
        <v>32</v>
      </c>
      <c r="I908" s="13">
        <v>0.12698412698412698</v>
      </c>
      <c r="J908" s="11">
        <v>32</v>
      </c>
      <c r="K908" s="13">
        <v>0.11267605633802816</v>
      </c>
      <c r="L908" s="11">
        <v>19</v>
      </c>
      <c r="M908" s="13">
        <v>6.0126582278481014E-2</v>
      </c>
      <c r="N908" s="11">
        <v>51</v>
      </c>
      <c r="O908" s="13">
        <v>0.1795774647887324</v>
      </c>
      <c r="P908" s="7">
        <v>252</v>
      </c>
      <c r="Q908" s="7">
        <v>252</v>
      </c>
      <c r="R908" s="7">
        <v>275</v>
      </c>
      <c r="S908" s="7">
        <v>290</v>
      </c>
      <c r="T908" s="7">
        <v>296</v>
      </c>
      <c r="U908" s="7">
        <v>320</v>
      </c>
      <c r="V908" s="7">
        <v>284</v>
      </c>
      <c r="W908" s="7">
        <v>303</v>
      </c>
      <c r="X908" s="7">
        <v>304</v>
      </c>
      <c r="Y908" s="7">
        <v>316</v>
      </c>
      <c r="Z908" s="7">
        <v>314</v>
      </c>
      <c r="AA908" s="7">
        <v>312</v>
      </c>
      <c r="AB908" s="7">
        <v>337</v>
      </c>
      <c r="AC908" s="7">
        <v>322</v>
      </c>
      <c r="AD908" s="7">
        <v>316</v>
      </c>
      <c r="AE908" s="7">
        <v>327</v>
      </c>
      <c r="AF908" s="7">
        <v>335</v>
      </c>
      <c r="AG908" s="9">
        <v>9531</v>
      </c>
      <c r="AH908" s="13">
        <v>0.59464686798103317</v>
      </c>
      <c r="AI908" s="9">
        <v>3857</v>
      </c>
      <c r="AJ908" s="13">
        <v>0.24064137758921889</v>
      </c>
      <c r="AK908" s="9">
        <v>-190</v>
      </c>
      <c r="AL908" s="13">
        <v>-9.5549409102338445E-3</v>
      </c>
      <c r="AM908" s="9">
        <v>5864</v>
      </c>
      <c r="AN908" s="13">
        <v>0.29774054328509775</v>
      </c>
      <c r="AO908" s="9">
        <v>5674</v>
      </c>
      <c r="AP908" s="13">
        <v>0.28534070907719389</v>
      </c>
      <c r="AQ908" s="9">
        <v>16028</v>
      </c>
      <c r="AR908" s="9">
        <v>16902</v>
      </c>
      <c r="AS908" s="9">
        <v>17297</v>
      </c>
      <c r="AT908" s="9">
        <v>18560</v>
      </c>
      <c r="AU908" s="9">
        <v>17779</v>
      </c>
      <c r="AV908" s="9">
        <v>17631</v>
      </c>
      <c r="AW908" s="9">
        <v>19885</v>
      </c>
      <c r="AX908" s="9">
        <v>19201</v>
      </c>
      <c r="AY908" s="9">
        <v>20568</v>
      </c>
      <c r="AZ908" s="9">
        <v>19695</v>
      </c>
      <c r="BA908" s="9">
        <v>20962</v>
      </c>
      <c r="BB908" s="9">
        <v>23509</v>
      </c>
      <c r="BC908" s="9">
        <v>25205</v>
      </c>
      <c r="BD908" s="9">
        <v>23768</v>
      </c>
      <c r="BE908" s="9">
        <v>25927</v>
      </c>
      <c r="BF908" s="9">
        <v>25559</v>
      </c>
      <c r="BG908" s="11">
        <v>1</v>
      </c>
      <c r="BH908" s="13">
        <v>3.2258064516129031E-2</v>
      </c>
      <c r="BI908" s="6">
        <v>-1</v>
      </c>
      <c r="BJ908" s="13">
        <v>-3.2258064516129031E-2</v>
      </c>
      <c r="BK908" s="6">
        <v>-2</v>
      </c>
      <c r="BL908" s="13">
        <v>-6.6666666666666666E-2</v>
      </c>
      <c r="BM908" s="11">
        <v>4</v>
      </c>
      <c r="BN908" s="13">
        <v>0.14285714285714285</v>
      </c>
      <c r="BO908" s="11">
        <v>2</v>
      </c>
      <c r="BP908" s="13">
        <v>6.6666666666666666E-2</v>
      </c>
      <c r="BQ908" s="6">
        <v>31</v>
      </c>
      <c r="BR908" s="6">
        <v>34</v>
      </c>
      <c r="BS908" s="6">
        <v>34</v>
      </c>
      <c r="BT908" s="6">
        <v>30</v>
      </c>
      <c r="BU908" s="6">
        <v>29</v>
      </c>
      <c r="BV908" s="6">
        <v>28</v>
      </c>
      <c r="BW908" s="6">
        <v>28</v>
      </c>
      <c r="BX908" s="6">
        <v>29</v>
      </c>
      <c r="BY908" s="6">
        <v>31</v>
      </c>
      <c r="BZ908" s="6">
        <v>32</v>
      </c>
      <c r="CA908" s="6">
        <v>31</v>
      </c>
      <c r="CB908" s="6">
        <v>32</v>
      </c>
      <c r="CC908" s="11">
        <v>32</v>
      </c>
      <c r="CD908" s="11">
        <v>71</v>
      </c>
      <c r="CE908" s="11">
        <v>-16</v>
      </c>
      <c r="CF908" s="11">
        <v>28</v>
      </c>
      <c r="CG908" s="11">
        <v>12</v>
      </c>
      <c r="CH908" s="20">
        <v>0.82</v>
      </c>
      <c r="CI908" s="20">
        <v>0.83</v>
      </c>
      <c r="CJ908" s="20">
        <v>0.88</v>
      </c>
      <c r="CK908" s="20">
        <v>0.9</v>
      </c>
      <c r="CL908" s="20">
        <v>0.93</v>
      </c>
      <c r="CM908" s="20">
        <v>1</v>
      </c>
      <c r="CN908" s="20">
        <v>0.91</v>
      </c>
      <c r="CO908" s="20">
        <v>0.98</v>
      </c>
      <c r="CP908" s="20">
        <v>0.97</v>
      </c>
      <c r="CQ908" s="20">
        <v>0.99</v>
      </c>
      <c r="CR908" s="20">
        <v>1.05</v>
      </c>
      <c r="CS908" s="20">
        <v>1.05</v>
      </c>
      <c r="CT908" s="20">
        <v>1.1000000000000001</v>
      </c>
      <c r="CU908" s="20">
        <v>0.97</v>
      </c>
      <c r="CV908" s="20">
        <v>0.93</v>
      </c>
      <c r="CW908" s="20">
        <v>0.95</v>
      </c>
      <c r="CX908" s="20">
        <v>0.94</v>
      </c>
      <c r="CY908" s="6" t="s">
        <v>529</v>
      </c>
      <c r="CZ908" s="6" t="s">
        <v>530</v>
      </c>
      <c r="DA908" s="6" t="s">
        <v>96</v>
      </c>
      <c r="DB908" s="6"/>
      <c r="DC908" s="6"/>
      <c r="DD908" s="6"/>
      <c r="DE908" s="6"/>
      <c r="DF908" s="6"/>
      <c r="DG908" s="6"/>
      <c r="DH908" s="6" t="s">
        <v>333</v>
      </c>
      <c r="DI908" s="6"/>
      <c r="DJ908" s="6"/>
      <c r="DK908" s="6"/>
      <c r="DL908" s="6">
        <v>6</v>
      </c>
      <c r="DM908" s="6" t="s">
        <v>396</v>
      </c>
      <c r="DN908" s="6">
        <v>6</v>
      </c>
      <c r="DO908" s="6" t="s">
        <v>393</v>
      </c>
      <c r="DP908" s="6"/>
      <c r="DQ908" s="6"/>
    </row>
    <row r="909" spans="1:121" x14ac:dyDescent="0.2">
      <c r="A909" s="6" t="s">
        <v>794</v>
      </c>
      <c r="B909" s="6" t="s">
        <v>181</v>
      </c>
      <c r="C909" s="6" t="s">
        <v>182</v>
      </c>
      <c r="D909" s="6" t="s">
        <v>96</v>
      </c>
      <c r="E909" s="6" t="s">
        <v>237</v>
      </c>
      <c r="F909" s="11">
        <v>-24</v>
      </c>
      <c r="G909" s="13">
        <v>-0.34285714285699997</v>
      </c>
      <c r="H909" s="11">
        <v>3.9580902834999989</v>
      </c>
      <c r="I909" s="13">
        <v>5.6931336236997462E-2</v>
      </c>
      <c r="J909" s="11">
        <v>-19.814384197099997</v>
      </c>
      <c r="K909" s="13">
        <v>-0.26964941753894234</v>
      </c>
      <c r="L909" s="11">
        <v>-7.705399358799994</v>
      </c>
      <c r="M909" s="13">
        <v>-0.14357627425508721</v>
      </c>
      <c r="N909" s="11">
        <v>-27.519783555899991</v>
      </c>
      <c r="O909" s="13">
        <v>-0.37451043306873383</v>
      </c>
      <c r="P909" s="7">
        <v>69.523930845799995</v>
      </c>
      <c r="Q909" s="7">
        <v>69.727497609300002</v>
      </c>
      <c r="R909" s="7">
        <v>74.266210249899999</v>
      </c>
      <c r="S909" s="7">
        <v>71.217388499999998</v>
      </c>
      <c r="T909" s="7">
        <v>62.515709890399997</v>
      </c>
      <c r="U909" s="7">
        <v>67.778202173099999</v>
      </c>
      <c r="V909" s="7">
        <v>73.482021129299994</v>
      </c>
      <c r="W909" s="7">
        <v>70.071776672400006</v>
      </c>
      <c r="X909" s="7">
        <v>61.862077742799997</v>
      </c>
      <c r="Y909" s="7">
        <v>53.667636932199997</v>
      </c>
      <c r="Z909" s="7">
        <v>49.695180796999999</v>
      </c>
      <c r="AA909" s="7">
        <v>60.825067558500002</v>
      </c>
      <c r="AB909" s="7">
        <v>56.7008921921</v>
      </c>
      <c r="AC909" s="7">
        <v>53.753825904300001</v>
      </c>
      <c r="AD909" s="7">
        <v>49.200941404600002</v>
      </c>
      <c r="AE909" s="7">
        <v>47.297464586099998</v>
      </c>
      <c r="AF909" s="7">
        <v>45.962237573400003</v>
      </c>
      <c r="AG909" s="9">
        <v>14270.867934000002</v>
      </c>
      <c r="AH909" s="13">
        <v>0.48903480885163025</v>
      </c>
      <c r="AI909" s="9">
        <v>5108.7805616999976</v>
      </c>
      <c r="AJ909" s="13">
        <v>0.17506794520209751</v>
      </c>
      <c r="AK909" s="9">
        <v>-1136.9232798000012</v>
      </c>
      <c r="AL909" s="13">
        <v>-3.315565146291987E-2</v>
      </c>
      <c r="AM909" s="9">
        <v>10299.010652100005</v>
      </c>
      <c r="AN909" s="13">
        <v>0.3106457030532298</v>
      </c>
      <c r="AO909" s="9">
        <v>9162.0873723000041</v>
      </c>
      <c r="AP909" s="13">
        <v>0.26719039093142333</v>
      </c>
      <c r="AQ909" s="9">
        <v>29181.7017433</v>
      </c>
      <c r="AR909" s="9">
        <v>29715.591827699998</v>
      </c>
      <c r="AS909" s="9">
        <v>29395.241923900001</v>
      </c>
      <c r="AT909" s="9">
        <v>29587.266690600001</v>
      </c>
      <c r="AU909" s="9">
        <v>31455.479823599999</v>
      </c>
      <c r="AV909" s="9">
        <v>32448.099708500002</v>
      </c>
      <c r="AW909" s="9">
        <v>34290.482304999998</v>
      </c>
      <c r="AX909" s="9">
        <v>33497.978669600001</v>
      </c>
      <c r="AY909" s="9">
        <v>32075.8285927</v>
      </c>
      <c r="AZ909" s="9">
        <v>33153.559025199997</v>
      </c>
      <c r="BA909" s="9">
        <v>42399.427865199999</v>
      </c>
      <c r="BB909" s="9">
        <v>46067.2020854</v>
      </c>
      <c r="BC909" s="9">
        <v>49120.092007500003</v>
      </c>
      <c r="BD909" s="9">
        <v>45322.526826900001</v>
      </c>
      <c r="BE909" s="9">
        <v>42677.885604700001</v>
      </c>
      <c r="BF909" s="9">
        <v>43452.569677300002</v>
      </c>
      <c r="BG909" s="11">
        <v>-1</v>
      </c>
      <c r="BH909" s="13">
        <v>-7.1428571428571425E-2</v>
      </c>
      <c r="BI909" s="6">
        <v>-1</v>
      </c>
      <c r="BJ909" s="13">
        <v>-7.1428571428571425E-2</v>
      </c>
      <c r="BK909" s="6">
        <v>-3</v>
      </c>
      <c r="BL909" s="13">
        <v>-0.23076923076923078</v>
      </c>
      <c r="BM909" s="11">
        <v>3</v>
      </c>
      <c r="BN909" s="13">
        <v>0.3</v>
      </c>
      <c r="BO909" s="11">
        <v>0</v>
      </c>
      <c r="BP909" s="13">
        <v>0</v>
      </c>
      <c r="BQ909" s="6">
        <v>14</v>
      </c>
      <c r="BR909" s="6">
        <v>13</v>
      </c>
      <c r="BS909" s="6">
        <v>14</v>
      </c>
      <c r="BT909" s="6">
        <v>13</v>
      </c>
      <c r="BU909" s="6">
        <v>10</v>
      </c>
      <c r="BV909" s="6">
        <v>12</v>
      </c>
      <c r="BW909" s="6">
        <v>10</v>
      </c>
      <c r="BX909" s="6">
        <v>11</v>
      </c>
      <c r="BY909" s="6">
        <v>13</v>
      </c>
      <c r="BZ909" s="6">
        <v>11</v>
      </c>
      <c r="CA909" s="6">
        <v>13</v>
      </c>
      <c r="CB909" s="6">
        <v>13</v>
      </c>
      <c r="CC909" s="11">
        <v>13</v>
      </c>
      <c r="CD909" s="11">
        <v>-35.543599999999998</v>
      </c>
      <c r="CE909" s="11">
        <v>4.3821199999999996</v>
      </c>
      <c r="CF909" s="11">
        <v>7.5998000000000001</v>
      </c>
      <c r="CG909" s="11">
        <v>12</v>
      </c>
      <c r="CH909" s="20">
        <v>0.767154</v>
      </c>
      <c r="CI909" s="20">
        <v>0.79980799999999996</v>
      </c>
      <c r="CJ909" s="20">
        <v>0.82581300000000002</v>
      </c>
      <c r="CK909" s="20">
        <v>0.75406700000000004</v>
      </c>
      <c r="CL909" s="20">
        <v>0.66707300000000003</v>
      </c>
      <c r="CM909" s="20">
        <v>0.70282699999999998</v>
      </c>
      <c r="CN909" s="20">
        <v>0.77560499999999999</v>
      </c>
      <c r="CO909" s="20">
        <v>0.74155499999999996</v>
      </c>
      <c r="CP909" s="20">
        <v>0.65249500000000005</v>
      </c>
      <c r="CQ909" s="20">
        <v>0.56052500000000005</v>
      </c>
      <c r="CR909" s="20">
        <v>0.54756700000000003</v>
      </c>
      <c r="CS909" s="20">
        <v>0.66839099999999996</v>
      </c>
      <c r="CT909" s="20">
        <v>0.60026400000000002</v>
      </c>
      <c r="CU909" s="20">
        <v>0.51569200000000004</v>
      </c>
      <c r="CV909" s="20">
        <v>0.44819799999999999</v>
      </c>
      <c r="CW909" s="20">
        <v>0.41938199999999998</v>
      </c>
      <c r="CX909" s="20">
        <v>0.39024799999999998</v>
      </c>
      <c r="CY909" s="6" t="s">
        <v>529</v>
      </c>
      <c r="CZ909" s="6" t="s">
        <v>530</v>
      </c>
      <c r="DA909" s="6" t="s">
        <v>96</v>
      </c>
      <c r="DB909" s="6"/>
      <c r="DC909" s="6"/>
      <c r="DD909" s="6"/>
      <c r="DE909" s="6"/>
      <c r="DF909" s="6"/>
      <c r="DG909" s="6"/>
      <c r="DH909" s="6" t="s">
        <v>333</v>
      </c>
      <c r="DI909" s="6"/>
      <c r="DJ909" s="6"/>
      <c r="DK909" s="6"/>
      <c r="DL909" s="6">
        <v>6</v>
      </c>
      <c r="DM909" s="6" t="s">
        <v>396</v>
      </c>
      <c r="DN909" s="6">
        <v>6</v>
      </c>
      <c r="DO909" s="6" t="s">
        <v>393</v>
      </c>
      <c r="DP909" s="6"/>
      <c r="DQ909" s="6"/>
    </row>
    <row r="910" spans="1:121" x14ac:dyDescent="0.2">
      <c r="A910" s="6" t="s">
        <v>314</v>
      </c>
      <c r="B910" s="6" t="s">
        <v>314</v>
      </c>
      <c r="C910" s="6" t="s">
        <v>183</v>
      </c>
      <c r="D910" s="6" t="s">
        <v>96</v>
      </c>
      <c r="E910" s="6" t="s">
        <v>237</v>
      </c>
      <c r="F910" s="11">
        <v>-13</v>
      </c>
      <c r="G910" s="13">
        <v>-0.48148148148100001</v>
      </c>
      <c r="H910" s="11">
        <v>-6.4631325641000004</v>
      </c>
      <c r="I910" s="13">
        <v>-0.23822478933400759</v>
      </c>
      <c r="J910" s="11">
        <v>-5.1209884927000004</v>
      </c>
      <c r="K910" s="13">
        <v>-0.24778262630029549</v>
      </c>
      <c r="L910" s="11">
        <v>-1.6452629138999999</v>
      </c>
      <c r="M910" s="13">
        <v>-0.10583004974103064</v>
      </c>
      <c r="N910" s="11">
        <v>-6.7662514066000004</v>
      </c>
      <c r="O910" s="13">
        <v>-0.32738982837500263</v>
      </c>
      <c r="P910" s="7">
        <v>27.130394709000001</v>
      </c>
      <c r="Q910" s="7">
        <v>19.458680000000001</v>
      </c>
      <c r="R910" s="7">
        <v>18.491593999999999</v>
      </c>
      <c r="S910" s="7">
        <v>18.304633831299999</v>
      </c>
      <c r="T910" s="7">
        <v>16.970917</v>
      </c>
      <c r="U910" s="7">
        <v>18.3397708567</v>
      </c>
      <c r="V910" s="7">
        <v>20.6672621449</v>
      </c>
      <c r="W910" s="7">
        <v>13.479919667900001</v>
      </c>
      <c r="X910" s="7">
        <v>14.498149892300001</v>
      </c>
      <c r="Y910" s="7">
        <v>15.5462736522</v>
      </c>
      <c r="Z910" s="7">
        <v>13.7842448448</v>
      </c>
      <c r="AA910" s="7">
        <v>16.466358922200001</v>
      </c>
      <c r="AB910" s="7">
        <v>16.212993835399999</v>
      </c>
      <c r="AC910" s="7">
        <v>14.193962232400001</v>
      </c>
      <c r="AD910" s="7">
        <v>12.2322444159</v>
      </c>
      <c r="AE910" s="7">
        <v>12.9511412766</v>
      </c>
      <c r="AF910" s="7">
        <v>13.9010107383</v>
      </c>
      <c r="AG910" s="9">
        <v>7724.2723545000008</v>
      </c>
      <c r="AH910" s="13">
        <v>0.35296393588815089</v>
      </c>
      <c r="AI910" s="9">
        <v>1836.2809000999987</v>
      </c>
      <c r="AJ910" s="13">
        <v>8.3909642766277978E-2</v>
      </c>
      <c r="AK910" s="9">
        <v>9583.9465099000008</v>
      </c>
      <c r="AL910" s="13">
        <v>0.4040397153069924</v>
      </c>
      <c r="AM910" s="9">
        <v>-3695.9550554999987</v>
      </c>
      <c r="AN910" s="13">
        <v>-0.11097546258831496</v>
      </c>
      <c r="AO910" s="9">
        <v>5887.9914544000021</v>
      </c>
      <c r="AP910" s="13">
        <v>0.24822575840843289</v>
      </c>
      <c r="AQ910" s="9">
        <v>21884.0271459</v>
      </c>
      <c r="AR910" s="9">
        <v>21367.221280199999</v>
      </c>
      <c r="AS910" s="9">
        <v>22902.0588646</v>
      </c>
      <c r="AT910" s="9">
        <v>25477.671925499999</v>
      </c>
      <c r="AU910" s="9">
        <v>23450.013353400002</v>
      </c>
      <c r="AV910" s="9">
        <v>25868.776782699999</v>
      </c>
      <c r="AW910" s="9">
        <v>23720.308045999998</v>
      </c>
      <c r="AX910" s="9">
        <v>24849.105143000001</v>
      </c>
      <c r="AY910" s="9">
        <v>28381.0957595</v>
      </c>
      <c r="AZ910" s="9">
        <v>33304.254555899999</v>
      </c>
      <c r="BA910" s="9">
        <v>38127.819956300002</v>
      </c>
      <c r="BB910" s="9">
        <v>37208.966560699999</v>
      </c>
      <c r="BC910" s="9">
        <v>35703.2308252</v>
      </c>
      <c r="BD910" s="9">
        <v>34375.4530227</v>
      </c>
      <c r="BE910" s="9">
        <v>23091.884254799999</v>
      </c>
      <c r="BF910" s="9">
        <v>29608.2995004</v>
      </c>
      <c r="BG910" s="11">
        <v>-2</v>
      </c>
      <c r="BH910" s="13">
        <v>-0.5</v>
      </c>
      <c r="BI910" s="6">
        <v>0</v>
      </c>
      <c r="BJ910" s="13">
        <v>0</v>
      </c>
      <c r="BK910" s="6">
        <v>-1</v>
      </c>
      <c r="BL910" s="13">
        <v>-0.25</v>
      </c>
      <c r="BM910" s="11">
        <v>-1</v>
      </c>
      <c r="BN910" s="13">
        <v>-0.33333333333333331</v>
      </c>
      <c r="BO910" s="11">
        <v>-2</v>
      </c>
      <c r="BP910" s="13">
        <v>-0.5</v>
      </c>
      <c r="BQ910" s="6">
        <v>4</v>
      </c>
      <c r="BR910" s="6">
        <v>4</v>
      </c>
      <c r="BS910" s="6">
        <v>4</v>
      </c>
      <c r="BT910" s="6">
        <v>4</v>
      </c>
      <c r="BU910" s="6">
        <v>3</v>
      </c>
      <c r="BV910" s="6">
        <v>3</v>
      </c>
      <c r="BW910" s="6">
        <v>3</v>
      </c>
      <c r="BX910" s="6">
        <v>3</v>
      </c>
      <c r="BY910" s="6">
        <v>3</v>
      </c>
      <c r="BZ910" s="6">
        <v>3</v>
      </c>
      <c r="CA910" s="6">
        <v>3</v>
      </c>
      <c r="CB910" s="6">
        <v>2</v>
      </c>
      <c r="CC910" s="11">
        <v>2</v>
      </c>
      <c r="CD910" s="11">
        <v>-7.8852799999999998</v>
      </c>
      <c r="CE910" s="11">
        <v>-8.3097799999999999</v>
      </c>
      <c r="CF910" s="11">
        <v>2.9656799999999999</v>
      </c>
      <c r="CG910" s="11">
        <v>-5</v>
      </c>
      <c r="CH910" s="20">
        <v>0.380158</v>
      </c>
      <c r="CI910" s="20">
        <v>0.29143200000000002</v>
      </c>
      <c r="CJ910" s="20">
        <v>0.280335</v>
      </c>
      <c r="CK910" s="20">
        <v>0.27541599999999999</v>
      </c>
      <c r="CL910" s="20">
        <v>0.26708900000000002</v>
      </c>
      <c r="CM910" s="20">
        <v>0.28885</v>
      </c>
      <c r="CN910" s="20">
        <v>0.338918</v>
      </c>
      <c r="CO910" s="20">
        <v>0.22356300000000001</v>
      </c>
      <c r="CP910" s="20">
        <v>0.238515</v>
      </c>
      <c r="CQ910" s="20">
        <v>0.259772</v>
      </c>
      <c r="CR910" s="20">
        <v>0.25203500000000001</v>
      </c>
      <c r="CS910" s="20">
        <v>0.30632700000000002</v>
      </c>
      <c r="CT910" s="20">
        <v>0.29358800000000002</v>
      </c>
      <c r="CU910" s="20">
        <v>0.23792099999999999</v>
      </c>
      <c r="CV910" s="20">
        <v>0.20180300000000001</v>
      </c>
      <c r="CW910" s="20">
        <v>0.21023900000000001</v>
      </c>
      <c r="CX910" s="20">
        <v>0.21881300000000001</v>
      </c>
      <c r="CY910" s="6" t="s">
        <v>529</v>
      </c>
      <c r="CZ910" s="6" t="s">
        <v>530</v>
      </c>
      <c r="DA910" s="6" t="s">
        <v>96</v>
      </c>
      <c r="DB910" s="6"/>
      <c r="DC910" s="6"/>
      <c r="DD910" s="6"/>
      <c r="DE910" s="6"/>
      <c r="DF910" s="6"/>
      <c r="DG910" s="6"/>
      <c r="DH910" s="6" t="s">
        <v>333</v>
      </c>
      <c r="DI910" s="6"/>
      <c r="DJ910" s="6"/>
      <c r="DK910" s="6"/>
      <c r="DL910" s="6">
        <v>6</v>
      </c>
      <c r="DM910" s="6" t="s">
        <v>396</v>
      </c>
      <c r="DN910" s="6">
        <v>6</v>
      </c>
      <c r="DO910" s="6" t="s">
        <v>393</v>
      </c>
      <c r="DP910" s="6"/>
      <c r="DQ910" s="6"/>
    </row>
    <row r="911" spans="1:121" x14ac:dyDescent="0.2">
      <c r="A911" s="6" t="s">
        <v>315</v>
      </c>
      <c r="B911" s="6" t="s">
        <v>315</v>
      </c>
      <c r="C911" s="6" t="s">
        <v>184</v>
      </c>
      <c r="D911" s="6" t="s">
        <v>96</v>
      </c>
      <c r="E911" s="6" t="s">
        <v>237</v>
      </c>
      <c r="F911" s="11">
        <v>18</v>
      </c>
      <c r="G911" s="13">
        <v>0.18</v>
      </c>
      <c r="H911" s="11">
        <v>10</v>
      </c>
      <c r="I911" s="13">
        <v>0.1020408163265306</v>
      </c>
      <c r="J911" s="11">
        <v>6</v>
      </c>
      <c r="K911" s="13">
        <v>5.5555555555555552E-2</v>
      </c>
      <c r="L911" s="11">
        <v>2</v>
      </c>
      <c r="M911" s="13">
        <v>1.7543859649122806E-2</v>
      </c>
      <c r="N911" s="11">
        <v>8</v>
      </c>
      <c r="O911" s="13">
        <v>7.407407407407407E-2</v>
      </c>
      <c r="P911" s="7">
        <v>98</v>
      </c>
      <c r="Q911" s="7">
        <v>96</v>
      </c>
      <c r="R911" s="7">
        <v>87</v>
      </c>
      <c r="S911" s="7">
        <v>100</v>
      </c>
      <c r="T911" s="7">
        <v>125</v>
      </c>
      <c r="U911" s="7">
        <v>111</v>
      </c>
      <c r="V911" s="7">
        <v>108</v>
      </c>
      <c r="W911" s="7">
        <v>109</v>
      </c>
      <c r="X911" s="7">
        <v>114</v>
      </c>
      <c r="Y911" s="7">
        <v>114</v>
      </c>
      <c r="Z911" s="7">
        <v>110</v>
      </c>
      <c r="AA911" s="7">
        <v>104</v>
      </c>
      <c r="AB911" s="7">
        <v>107</v>
      </c>
      <c r="AC911" s="7">
        <v>114</v>
      </c>
      <c r="AD911" s="7">
        <v>115</v>
      </c>
      <c r="AE911" s="7">
        <v>114</v>
      </c>
      <c r="AF911" s="7">
        <v>116</v>
      </c>
      <c r="AG911" s="9">
        <v>19095</v>
      </c>
      <c r="AH911" s="13">
        <v>0.67452047052174224</v>
      </c>
      <c r="AI911" s="9">
        <v>4493</v>
      </c>
      <c r="AJ911" s="13">
        <v>0.15871277685541699</v>
      </c>
      <c r="AK911" s="9">
        <v>3487</v>
      </c>
      <c r="AL911" s="13">
        <v>0.10630449362843727</v>
      </c>
      <c r="AM911" s="9">
        <v>11115</v>
      </c>
      <c r="AN911" s="13">
        <v>0.3062911626112596</v>
      </c>
      <c r="AO911" s="9">
        <v>14602</v>
      </c>
      <c r="AP911" s="13">
        <v>0.44515578318395221</v>
      </c>
      <c r="AQ911" s="9">
        <v>28309</v>
      </c>
      <c r="AR911" s="9">
        <v>29078</v>
      </c>
      <c r="AS911" s="9">
        <v>29952</v>
      </c>
      <c r="AT911" s="9">
        <v>30314</v>
      </c>
      <c r="AU911" s="9">
        <v>30238</v>
      </c>
      <c r="AV911" s="9">
        <v>30742</v>
      </c>
      <c r="AW911" s="9">
        <v>32802</v>
      </c>
      <c r="AX911" s="9">
        <v>33464</v>
      </c>
      <c r="AY911" s="9">
        <v>34370</v>
      </c>
      <c r="AZ911" s="9">
        <v>36289</v>
      </c>
      <c r="BA911" s="9">
        <v>36230</v>
      </c>
      <c r="BB911" s="9">
        <v>38959</v>
      </c>
      <c r="BC911" s="9">
        <v>39274</v>
      </c>
      <c r="BD911" s="9">
        <v>41982</v>
      </c>
      <c r="BE911" s="9">
        <v>45663</v>
      </c>
      <c r="BF911" s="9">
        <v>47404</v>
      </c>
      <c r="BG911" s="11">
        <v>0</v>
      </c>
      <c r="BH911" s="13">
        <v>0</v>
      </c>
      <c r="BI911" s="6">
        <v>2</v>
      </c>
      <c r="BJ911" s="13">
        <v>0.18181818181818182</v>
      </c>
      <c r="BK911" s="6">
        <v>1</v>
      </c>
      <c r="BL911" s="13">
        <v>7.6923076923076927E-2</v>
      </c>
      <c r="BM911" s="11">
        <v>-3</v>
      </c>
      <c r="BN911" s="13">
        <v>-0.21428571428571427</v>
      </c>
      <c r="BO911" s="11">
        <v>-2</v>
      </c>
      <c r="BP911" s="13">
        <v>-0.15384615384615385</v>
      </c>
      <c r="BQ911" s="6">
        <v>11</v>
      </c>
      <c r="BR911" s="6">
        <v>16</v>
      </c>
      <c r="BS911" s="6">
        <v>15</v>
      </c>
      <c r="BT911" s="6">
        <v>13</v>
      </c>
      <c r="BU911" s="6">
        <v>12</v>
      </c>
      <c r="BV911" s="6">
        <v>13</v>
      </c>
      <c r="BW911" s="6">
        <v>14</v>
      </c>
      <c r="BX911" s="6">
        <v>15</v>
      </c>
      <c r="BY911" s="6">
        <v>14</v>
      </c>
      <c r="BZ911" s="6">
        <v>14</v>
      </c>
      <c r="CA911" s="6">
        <v>14</v>
      </c>
      <c r="CB911" s="6">
        <v>10</v>
      </c>
      <c r="CC911" s="11">
        <v>11</v>
      </c>
      <c r="CD911" s="11">
        <v>15</v>
      </c>
      <c r="CE911" s="11">
        <v>-8</v>
      </c>
      <c r="CF911" s="11">
        <v>11</v>
      </c>
      <c r="CG911" s="11">
        <v>3</v>
      </c>
      <c r="CH911" s="20">
        <v>0.84</v>
      </c>
      <c r="CI911" s="20">
        <v>0.83</v>
      </c>
      <c r="CJ911" s="20">
        <v>0.72</v>
      </c>
      <c r="CK911" s="20">
        <v>0.79</v>
      </c>
      <c r="CL911" s="20">
        <v>1.01</v>
      </c>
      <c r="CM911" s="20">
        <v>0.87</v>
      </c>
      <c r="CN911" s="20">
        <v>0.89</v>
      </c>
      <c r="CO911" s="20">
        <v>0.91</v>
      </c>
      <c r="CP911" s="20">
        <v>0.93</v>
      </c>
      <c r="CQ911" s="20">
        <v>0.93</v>
      </c>
      <c r="CR911" s="20">
        <v>0.96</v>
      </c>
      <c r="CS911" s="20">
        <v>0.92</v>
      </c>
      <c r="CT911" s="20">
        <v>0.93</v>
      </c>
      <c r="CU911" s="20">
        <v>0.93</v>
      </c>
      <c r="CV911" s="20">
        <v>0.91</v>
      </c>
      <c r="CW911" s="20">
        <v>0.89</v>
      </c>
      <c r="CX911" s="20">
        <v>0.88</v>
      </c>
      <c r="CY911" s="6" t="s">
        <v>529</v>
      </c>
      <c r="CZ911" s="6" t="s">
        <v>530</v>
      </c>
      <c r="DA911" s="6" t="s">
        <v>96</v>
      </c>
      <c r="DB911" s="6"/>
      <c r="DC911" s="6"/>
      <c r="DD911" s="6"/>
      <c r="DE911" s="6"/>
      <c r="DF911" s="6"/>
      <c r="DG911" s="6"/>
      <c r="DH911" s="6" t="s">
        <v>333</v>
      </c>
      <c r="DI911" s="6"/>
      <c r="DJ911" s="6"/>
      <c r="DK911" s="6"/>
      <c r="DL911" s="6">
        <v>6</v>
      </c>
      <c r="DM911" s="6" t="s">
        <v>396</v>
      </c>
      <c r="DN911" s="6">
        <v>6</v>
      </c>
      <c r="DO911" s="6" t="s">
        <v>393</v>
      </c>
      <c r="DP911" s="6"/>
      <c r="DQ911" s="6"/>
    </row>
    <row r="912" spans="1:121" x14ac:dyDescent="0.2">
      <c r="A912" s="6" t="s">
        <v>316</v>
      </c>
      <c r="B912" s="6" t="s">
        <v>316</v>
      </c>
      <c r="C912" s="6" t="s">
        <v>185</v>
      </c>
      <c r="D912" s="6" t="s">
        <v>96</v>
      </c>
      <c r="E912" s="6" t="s">
        <v>237</v>
      </c>
      <c r="F912" s="11">
        <v>2</v>
      </c>
      <c r="G912" s="13">
        <v>0.17</v>
      </c>
      <c r="H912" s="11">
        <v>-7</v>
      </c>
      <c r="I912" s="13">
        <v>-0.58333333333333337</v>
      </c>
      <c r="J912" s="11">
        <v>0</v>
      </c>
      <c r="K912" s="13">
        <v>0</v>
      </c>
      <c r="L912" s="11">
        <v>9</v>
      </c>
      <c r="M912" s="13">
        <v>1.8</v>
      </c>
      <c r="N912" s="11">
        <v>9</v>
      </c>
      <c r="O912" s="13">
        <v>1.8</v>
      </c>
      <c r="P912" s="7">
        <v>12</v>
      </c>
      <c r="Q912" s="7">
        <v>5</v>
      </c>
      <c r="R912" s="7">
        <v>5</v>
      </c>
      <c r="S912" s="7">
        <v>5</v>
      </c>
      <c r="T912" s="7">
        <v>13</v>
      </c>
      <c r="U912" s="7">
        <v>5</v>
      </c>
      <c r="V912" s="7">
        <v>5</v>
      </c>
      <c r="W912" s="7">
        <v>11</v>
      </c>
      <c r="X912" s="7">
        <v>5</v>
      </c>
      <c r="Y912" s="7">
        <v>5</v>
      </c>
      <c r="Z912" s="7">
        <v>5</v>
      </c>
      <c r="AA912" s="7">
        <v>5</v>
      </c>
      <c r="AB912" s="7">
        <v>5</v>
      </c>
      <c r="AC912" s="7">
        <v>13</v>
      </c>
      <c r="AD912" s="7">
        <v>13</v>
      </c>
      <c r="AE912" s="7">
        <v>13</v>
      </c>
      <c r="AF912" s="7">
        <v>14</v>
      </c>
      <c r="AG912" s="9">
        <v>17791</v>
      </c>
      <c r="AH912" s="13">
        <v>1.3744592088998764</v>
      </c>
      <c r="AI912" s="9">
        <v>-12943</v>
      </c>
      <c r="AJ912" s="13">
        <v>-0.99992274412855375</v>
      </c>
      <c r="AK912" s="9">
        <v>0</v>
      </c>
      <c r="AL912" s="13">
        <v>0</v>
      </c>
      <c r="AM912" s="9">
        <v>30734</v>
      </c>
      <c r="AN912" s="13">
        <v>30734</v>
      </c>
      <c r="AO912" s="9">
        <v>30734</v>
      </c>
      <c r="AP912" s="13">
        <v>30734</v>
      </c>
      <c r="AQ912" s="9">
        <v>12944</v>
      </c>
      <c r="AR912" s="9">
        <v>1</v>
      </c>
      <c r="AS912" s="9">
        <v>1</v>
      </c>
      <c r="AT912" s="9">
        <v>1</v>
      </c>
      <c r="AU912" s="9">
        <v>22402</v>
      </c>
      <c r="AV912" s="9">
        <v>1</v>
      </c>
      <c r="AW912" s="9">
        <v>1</v>
      </c>
      <c r="AX912" s="9">
        <v>24016</v>
      </c>
      <c r="AY912" s="9">
        <v>1</v>
      </c>
      <c r="AZ912" s="9">
        <v>1</v>
      </c>
      <c r="BA912" s="9">
        <v>1</v>
      </c>
      <c r="BB912" s="9">
        <v>1</v>
      </c>
      <c r="BC912" s="9">
        <v>1</v>
      </c>
      <c r="BD912" s="9">
        <v>28018</v>
      </c>
      <c r="BE912" s="9">
        <v>33367</v>
      </c>
      <c r="BF912" s="9">
        <v>30735</v>
      </c>
      <c r="BG912" s="11">
        <v>1</v>
      </c>
      <c r="BH912" s="13">
        <v>0.33333333333333331</v>
      </c>
      <c r="BI912" s="6">
        <v>0</v>
      </c>
      <c r="BJ912" s="13">
        <v>0</v>
      </c>
      <c r="BK912" s="6">
        <v>0</v>
      </c>
      <c r="BL912" s="13">
        <v>0</v>
      </c>
      <c r="BM912" s="11">
        <v>1</v>
      </c>
      <c r="BN912" s="13">
        <v>0.33333333333333331</v>
      </c>
      <c r="BO912" s="11">
        <v>1</v>
      </c>
      <c r="BP912" s="13">
        <v>0.33333333333333331</v>
      </c>
      <c r="BQ912" s="6">
        <v>3</v>
      </c>
      <c r="BR912" s="6">
        <v>4</v>
      </c>
      <c r="BS912" s="6">
        <v>3</v>
      </c>
      <c r="BT912" s="6">
        <v>3</v>
      </c>
      <c r="BU912" s="6">
        <v>3</v>
      </c>
      <c r="BV912" s="6">
        <v>3</v>
      </c>
      <c r="BW912" s="6">
        <v>3</v>
      </c>
      <c r="BX912" s="6">
        <v>2</v>
      </c>
      <c r="BY912" s="6">
        <v>3</v>
      </c>
      <c r="BZ912" s="6">
        <v>3</v>
      </c>
      <c r="CA912" s="6">
        <v>4</v>
      </c>
      <c r="CB912" s="6">
        <v>5</v>
      </c>
      <c r="CC912" s="11">
        <v>4</v>
      </c>
      <c r="CD912" s="11">
        <v>2</v>
      </c>
      <c r="CE912" s="11">
        <v>-1</v>
      </c>
      <c r="CF912" s="11">
        <v>1</v>
      </c>
      <c r="CG912" s="11">
        <v>0</v>
      </c>
      <c r="CH912" s="20">
        <v>0.24</v>
      </c>
      <c r="CI912" s="20">
        <v>0.12</v>
      </c>
      <c r="CJ912" s="20">
        <v>0.18</v>
      </c>
      <c r="CK912" s="20">
        <v>0.15</v>
      </c>
      <c r="CL912" s="20">
        <v>0.25</v>
      </c>
      <c r="CM912" s="20">
        <v>0.16</v>
      </c>
      <c r="CN912" s="20">
        <v>0.17</v>
      </c>
      <c r="CO912" s="20">
        <v>0.22</v>
      </c>
      <c r="CP912" s="20">
        <v>0.18</v>
      </c>
      <c r="CQ912" s="20">
        <v>0.16</v>
      </c>
      <c r="CR912" s="20">
        <v>0.16</v>
      </c>
      <c r="CS912" s="20">
        <v>0.22</v>
      </c>
      <c r="CT912" s="20">
        <v>0.21</v>
      </c>
      <c r="CU912" s="20">
        <v>0.25</v>
      </c>
      <c r="CV912" s="20">
        <v>0.25</v>
      </c>
      <c r="CW912" s="20">
        <v>0.25</v>
      </c>
      <c r="CX912" s="20">
        <v>0.26</v>
      </c>
      <c r="CY912" s="6" t="s">
        <v>529</v>
      </c>
      <c r="CZ912" s="6" t="s">
        <v>530</v>
      </c>
      <c r="DA912" s="6" t="s">
        <v>96</v>
      </c>
      <c r="DB912" s="6"/>
      <c r="DC912" s="6"/>
      <c r="DD912" s="6"/>
      <c r="DE912" s="6"/>
      <c r="DF912" s="6"/>
      <c r="DG912" s="6"/>
      <c r="DH912" s="6" t="s">
        <v>333</v>
      </c>
      <c r="DI912" s="6"/>
      <c r="DJ912" s="6"/>
      <c r="DK912" s="6"/>
      <c r="DL912" s="6">
        <v>6</v>
      </c>
      <c r="DM912" s="6" t="s">
        <v>396</v>
      </c>
      <c r="DN912" s="6">
        <v>6</v>
      </c>
      <c r="DO912" s="6" t="s">
        <v>393</v>
      </c>
      <c r="DP912" s="6"/>
      <c r="DQ912" s="6"/>
    </row>
    <row r="913" spans="1:121" x14ac:dyDescent="0.2">
      <c r="A913" s="6" t="s">
        <v>317</v>
      </c>
      <c r="B913" s="6" t="s">
        <v>317</v>
      </c>
      <c r="C913" s="6" t="s">
        <v>186</v>
      </c>
      <c r="D913" s="6" t="s">
        <v>96</v>
      </c>
      <c r="E913" s="6" t="s">
        <v>237</v>
      </c>
      <c r="F913" s="11">
        <v>21</v>
      </c>
      <c r="G913" s="13">
        <v>0.45</v>
      </c>
      <c r="H913" s="11">
        <v>21</v>
      </c>
      <c r="I913" s="13">
        <v>0.44680851063829785</v>
      </c>
      <c r="J913" s="11">
        <v>-1</v>
      </c>
      <c r="K913" s="13">
        <v>-1.4705882352941176E-2</v>
      </c>
      <c r="L913" s="11">
        <v>1</v>
      </c>
      <c r="M913" s="13">
        <v>1.4925373134328358E-2</v>
      </c>
      <c r="N913" s="11">
        <v>0</v>
      </c>
      <c r="O913" s="13">
        <v>0</v>
      </c>
      <c r="P913" s="7">
        <v>47</v>
      </c>
      <c r="Q913" s="7">
        <v>41</v>
      </c>
      <c r="R913" s="7">
        <v>45</v>
      </c>
      <c r="S913" s="7">
        <v>69</v>
      </c>
      <c r="T913" s="7">
        <v>54</v>
      </c>
      <c r="U913" s="7">
        <v>67</v>
      </c>
      <c r="V913" s="7">
        <v>68</v>
      </c>
      <c r="W913" s="7">
        <v>69</v>
      </c>
      <c r="X913" s="7">
        <v>68</v>
      </c>
      <c r="Y913" s="7">
        <v>67</v>
      </c>
      <c r="Z913" s="7">
        <v>77</v>
      </c>
      <c r="AA913" s="7">
        <v>50</v>
      </c>
      <c r="AB913" s="7">
        <v>54</v>
      </c>
      <c r="AC913" s="7">
        <v>55</v>
      </c>
      <c r="AD913" s="7">
        <v>60</v>
      </c>
      <c r="AE913" s="7">
        <v>64</v>
      </c>
      <c r="AF913" s="7">
        <v>68</v>
      </c>
      <c r="AG913" s="9">
        <v>1122</v>
      </c>
      <c r="AH913" s="13">
        <v>3.1508888202420739E-2</v>
      </c>
      <c r="AI913" s="9">
        <v>-11102</v>
      </c>
      <c r="AJ913" s="13">
        <v>-0.31177511303322192</v>
      </c>
      <c r="AK913" s="9">
        <v>191</v>
      </c>
      <c r="AL913" s="13">
        <v>7.7936915983188478E-3</v>
      </c>
      <c r="AM913" s="9">
        <v>12033</v>
      </c>
      <c r="AN913" s="13">
        <v>0.48720544173617297</v>
      </c>
      <c r="AO913" s="9">
        <v>12224</v>
      </c>
      <c r="AP913" s="13">
        <v>0.49879626229240626</v>
      </c>
      <c r="AQ913" s="9">
        <v>35609</v>
      </c>
      <c r="AR913" s="9">
        <v>33829</v>
      </c>
      <c r="AS913" s="9">
        <v>25845</v>
      </c>
      <c r="AT913" s="9">
        <v>23461</v>
      </c>
      <c r="AU913" s="9">
        <v>25181</v>
      </c>
      <c r="AV913" s="9">
        <v>21811</v>
      </c>
      <c r="AW913" s="9">
        <v>24507</v>
      </c>
      <c r="AX913" s="9">
        <v>23949</v>
      </c>
      <c r="AY913" s="9">
        <v>23535</v>
      </c>
      <c r="AZ913" s="9">
        <v>24698</v>
      </c>
      <c r="BA913" s="9">
        <v>26707</v>
      </c>
      <c r="BB913" s="9">
        <v>37613</v>
      </c>
      <c r="BC913" s="9">
        <v>34307</v>
      </c>
      <c r="BD913" s="9">
        <v>35669</v>
      </c>
      <c r="BE913" s="9">
        <v>34850</v>
      </c>
      <c r="BF913" s="9">
        <v>36731</v>
      </c>
      <c r="BG913" s="11">
        <v>4</v>
      </c>
      <c r="BH913" s="13">
        <v>0.36363636363636365</v>
      </c>
      <c r="BI913" s="6">
        <v>1</v>
      </c>
      <c r="BJ913" s="13">
        <v>9.0909090909090912E-2</v>
      </c>
      <c r="BK913" s="6">
        <v>0</v>
      </c>
      <c r="BL913" s="13">
        <v>0</v>
      </c>
      <c r="BM913" s="11">
        <v>3</v>
      </c>
      <c r="BN913" s="13">
        <v>0.25</v>
      </c>
      <c r="BO913" s="11">
        <v>3</v>
      </c>
      <c r="BP913" s="13">
        <v>0.25</v>
      </c>
      <c r="BQ913" s="6">
        <v>11</v>
      </c>
      <c r="BR913" s="6">
        <v>10</v>
      </c>
      <c r="BS913" s="6">
        <v>11</v>
      </c>
      <c r="BT913" s="6">
        <v>12</v>
      </c>
      <c r="BU913" s="6">
        <v>12</v>
      </c>
      <c r="BV913" s="6">
        <v>12</v>
      </c>
      <c r="BW913" s="6">
        <v>12</v>
      </c>
      <c r="BX913" s="6">
        <v>11</v>
      </c>
      <c r="BY913" s="6">
        <v>13</v>
      </c>
      <c r="BZ913" s="6">
        <v>13</v>
      </c>
      <c r="CA913" s="6">
        <v>14</v>
      </c>
      <c r="CB913" s="6">
        <v>14</v>
      </c>
      <c r="CC913" s="11">
        <v>15</v>
      </c>
      <c r="CD913" s="11">
        <v>7</v>
      </c>
      <c r="CE913" s="11">
        <v>9</v>
      </c>
      <c r="CF913" s="11">
        <v>5</v>
      </c>
      <c r="CG913" s="11">
        <v>14</v>
      </c>
      <c r="CH913" s="20">
        <v>0.31</v>
      </c>
      <c r="CI913" s="20">
        <v>0.28000000000000003</v>
      </c>
      <c r="CJ913" s="20">
        <v>0.28999999999999998</v>
      </c>
      <c r="CK913" s="20">
        <v>0.43</v>
      </c>
      <c r="CL913" s="20">
        <v>0.33</v>
      </c>
      <c r="CM913" s="20">
        <v>0.39</v>
      </c>
      <c r="CN913" s="20">
        <v>0.4</v>
      </c>
      <c r="CO913" s="20">
        <v>0.4</v>
      </c>
      <c r="CP913" s="20">
        <v>0.38</v>
      </c>
      <c r="CQ913" s="20">
        <v>0.37</v>
      </c>
      <c r="CR913" s="20">
        <v>0.45</v>
      </c>
      <c r="CS913" s="20">
        <v>0.28999999999999998</v>
      </c>
      <c r="CT913" s="20">
        <v>0.3</v>
      </c>
      <c r="CU913" s="20">
        <v>0.28000000000000003</v>
      </c>
      <c r="CV913" s="20">
        <v>0.28999999999999998</v>
      </c>
      <c r="CW913" s="20">
        <v>0.3</v>
      </c>
      <c r="CX913" s="20">
        <v>0.31</v>
      </c>
      <c r="CY913" s="6" t="s">
        <v>529</v>
      </c>
      <c r="CZ913" s="6" t="s">
        <v>530</v>
      </c>
      <c r="DA913" s="6" t="s">
        <v>96</v>
      </c>
      <c r="DB913" s="6"/>
      <c r="DC913" s="6"/>
      <c r="DD913" s="6"/>
      <c r="DE913" s="6"/>
      <c r="DF913" s="6"/>
      <c r="DG913" s="6"/>
      <c r="DH913" s="6" t="s">
        <v>333</v>
      </c>
      <c r="DI913" s="6"/>
      <c r="DJ913" s="6"/>
      <c r="DK913" s="6"/>
      <c r="DL913" s="6">
        <v>6</v>
      </c>
      <c r="DM913" s="6" t="s">
        <v>396</v>
      </c>
      <c r="DN913" s="6">
        <v>6</v>
      </c>
      <c r="DO913" s="6" t="s">
        <v>393</v>
      </c>
      <c r="DP913" s="6"/>
      <c r="DQ913" s="6"/>
    </row>
    <row r="914" spans="1:121" x14ac:dyDescent="0.2">
      <c r="A914" s="6" t="s">
        <v>318</v>
      </c>
      <c r="B914" s="6" t="s">
        <v>318</v>
      </c>
      <c r="C914" s="6" t="s">
        <v>187</v>
      </c>
      <c r="D914" s="6" t="s">
        <v>96</v>
      </c>
      <c r="E914" s="6" t="s">
        <v>237</v>
      </c>
      <c r="F914" s="11">
        <v>1</v>
      </c>
      <c r="G914" s="13">
        <v>1</v>
      </c>
      <c r="H914" s="11">
        <v>0</v>
      </c>
      <c r="I914" s="13"/>
      <c r="J914" s="11">
        <v>0</v>
      </c>
      <c r="K914" s="13"/>
      <c r="L914" s="11">
        <v>5</v>
      </c>
      <c r="M914" s="13"/>
      <c r="N914" s="11">
        <v>5</v>
      </c>
      <c r="O914" s="13"/>
      <c r="P914" s="7">
        <v>0</v>
      </c>
      <c r="Q914" s="7">
        <v>0</v>
      </c>
      <c r="R914" s="7">
        <v>0</v>
      </c>
      <c r="S914" s="7">
        <v>0</v>
      </c>
      <c r="T914" s="7">
        <v>0</v>
      </c>
      <c r="U914" s="7">
        <v>0</v>
      </c>
      <c r="V914" s="7">
        <v>0</v>
      </c>
      <c r="W914" s="7">
        <v>0</v>
      </c>
      <c r="X914" s="7">
        <v>0</v>
      </c>
      <c r="Y914" s="7">
        <v>0</v>
      </c>
      <c r="Z914" s="7">
        <v>0</v>
      </c>
      <c r="AA914" s="7">
        <v>0</v>
      </c>
      <c r="AB914" s="7">
        <v>0</v>
      </c>
      <c r="AC914" s="7">
        <v>0</v>
      </c>
      <c r="AD914" s="7">
        <v>5</v>
      </c>
      <c r="AE914" s="7">
        <v>5</v>
      </c>
      <c r="AF914" s="7">
        <v>5</v>
      </c>
      <c r="AG914" s="9">
        <v>1</v>
      </c>
      <c r="AH914" s="13"/>
      <c r="AI914" s="9">
        <v>0</v>
      </c>
      <c r="AJ914" s="13"/>
      <c r="AK914" s="9">
        <v>0</v>
      </c>
      <c r="AL914" s="13"/>
      <c r="AM914" s="9">
        <v>1</v>
      </c>
      <c r="AN914" s="13"/>
      <c r="AO914" s="9">
        <v>1</v>
      </c>
      <c r="AP914" s="13"/>
      <c r="AQ914" s="9">
        <v>0</v>
      </c>
      <c r="AR914" s="9">
        <v>0</v>
      </c>
      <c r="AS914" s="9">
        <v>0</v>
      </c>
      <c r="AT914" s="9">
        <v>0</v>
      </c>
      <c r="AU914" s="9">
        <v>0</v>
      </c>
      <c r="AV914" s="9">
        <v>0</v>
      </c>
      <c r="AW914" s="9">
        <v>0</v>
      </c>
      <c r="AX914" s="9">
        <v>0</v>
      </c>
      <c r="AY914" s="9">
        <v>0</v>
      </c>
      <c r="AZ914" s="9">
        <v>0</v>
      </c>
      <c r="BA914" s="9">
        <v>0</v>
      </c>
      <c r="BB914" s="9">
        <v>0</v>
      </c>
      <c r="BC914" s="9">
        <v>0</v>
      </c>
      <c r="BD914" s="9">
        <v>0</v>
      </c>
      <c r="BE914" s="9">
        <v>1</v>
      </c>
      <c r="BF914" s="9">
        <v>1</v>
      </c>
      <c r="BG914" s="11">
        <v>1</v>
      </c>
      <c r="BH914" s="13" t="e">
        <v>#DIV/0!</v>
      </c>
      <c r="BI914" s="6">
        <v>0</v>
      </c>
      <c r="BJ914" s="13" t="e">
        <v>#DIV/0!</v>
      </c>
      <c r="BK914" s="6">
        <v>0</v>
      </c>
      <c r="BL914" s="13" t="e">
        <v>#DIV/0!</v>
      </c>
      <c r="BM914" s="11">
        <v>1</v>
      </c>
      <c r="BN914" s="13" t="e">
        <v>#DIV/0!</v>
      </c>
      <c r="BO914" s="11">
        <v>1</v>
      </c>
      <c r="BP914" s="13" t="e">
        <v>#DIV/0!</v>
      </c>
      <c r="BQ914" s="6">
        <v>0</v>
      </c>
      <c r="BR914" s="6">
        <v>0</v>
      </c>
      <c r="BS914" s="6">
        <v>0</v>
      </c>
      <c r="BT914" s="6">
        <v>0</v>
      </c>
      <c r="BU914" s="6">
        <v>0</v>
      </c>
      <c r="BV914" s="6">
        <v>0</v>
      </c>
      <c r="BW914" s="6">
        <v>0</v>
      </c>
      <c r="BX914" s="6">
        <v>0</v>
      </c>
      <c r="BY914" s="6">
        <v>0</v>
      </c>
      <c r="BZ914" s="6">
        <v>0</v>
      </c>
      <c r="CA914" s="6">
        <v>0</v>
      </c>
      <c r="CB914" s="6">
        <v>1</v>
      </c>
      <c r="CC914" s="11">
        <v>1</v>
      </c>
      <c r="CD914" s="11">
        <v>0.82750100000000004</v>
      </c>
      <c r="CE914" s="11">
        <v>0.21410799999999999</v>
      </c>
      <c r="CF914" s="11">
        <v>0.10931200000000001</v>
      </c>
      <c r="CG914" s="11">
        <v>0</v>
      </c>
      <c r="CH914" s="20">
        <v>0</v>
      </c>
      <c r="CI914" s="20">
        <v>0</v>
      </c>
      <c r="CJ914" s="20">
        <v>0</v>
      </c>
      <c r="CK914" s="20">
        <v>0</v>
      </c>
      <c r="CL914" s="20">
        <v>0</v>
      </c>
      <c r="CM914" s="20">
        <v>0</v>
      </c>
      <c r="CN914" s="20">
        <v>0</v>
      </c>
      <c r="CO914" s="20">
        <v>0</v>
      </c>
      <c r="CP914" s="20">
        <v>0</v>
      </c>
      <c r="CQ914" s="20">
        <v>0</v>
      </c>
      <c r="CR914" s="20">
        <v>0</v>
      </c>
      <c r="CS914" s="20">
        <v>0</v>
      </c>
      <c r="CT914" s="20">
        <v>0</v>
      </c>
      <c r="CU914" s="20">
        <v>0</v>
      </c>
      <c r="CV914" s="20">
        <v>1.5662700000000002E-2</v>
      </c>
      <c r="CW914" s="20">
        <v>2.15505E-2</v>
      </c>
      <c r="CX914" s="20">
        <v>2.3684799999999999E-2</v>
      </c>
      <c r="CY914" s="6" t="s">
        <v>529</v>
      </c>
      <c r="CZ914" s="6" t="s">
        <v>530</v>
      </c>
      <c r="DA914" s="6" t="s">
        <v>96</v>
      </c>
      <c r="DB914" s="6"/>
      <c r="DC914" s="6"/>
      <c r="DD914" s="6"/>
      <c r="DE914" s="6"/>
      <c r="DF914" s="6"/>
      <c r="DG914" s="6"/>
      <c r="DH914" s="6" t="s">
        <v>333</v>
      </c>
      <c r="DI914" s="6"/>
      <c r="DJ914" s="6"/>
      <c r="DK914" s="6"/>
      <c r="DL914" s="6">
        <v>6</v>
      </c>
      <c r="DM914" s="6" t="s">
        <v>396</v>
      </c>
      <c r="DN914" s="6">
        <v>6</v>
      </c>
      <c r="DO914" s="6" t="s">
        <v>393</v>
      </c>
      <c r="DP914" s="6"/>
      <c r="DQ914" s="6"/>
    </row>
    <row r="915" spans="1:121" x14ac:dyDescent="0.2">
      <c r="A915" s="6" t="s">
        <v>319</v>
      </c>
      <c r="B915" s="6" t="s">
        <v>319</v>
      </c>
      <c r="C915" s="6" t="s">
        <v>188</v>
      </c>
      <c r="D915" s="6" t="s">
        <v>96</v>
      </c>
      <c r="E915" s="6" t="s">
        <v>237</v>
      </c>
      <c r="F915" s="11">
        <v>55</v>
      </c>
      <c r="G915" s="13">
        <v>1.9642857142900001</v>
      </c>
      <c r="H915" s="11">
        <v>12.781355722700003</v>
      </c>
      <c r="I915" s="13">
        <v>0.45397069426584957</v>
      </c>
      <c r="J915" s="11">
        <v>1.6743609251999985</v>
      </c>
      <c r="K915" s="13">
        <v>4.0901979180225818E-2</v>
      </c>
      <c r="L915" s="11">
        <v>40.149874400000002</v>
      </c>
      <c r="M915" s="13">
        <v>0.94225749311751661</v>
      </c>
      <c r="N915" s="11">
        <v>41.8242353252</v>
      </c>
      <c r="O915" s="13">
        <v>1.021699668663647</v>
      </c>
      <c r="P915" s="7">
        <v>28.1545832895</v>
      </c>
      <c r="Q915" s="7">
        <v>48.375655250400001</v>
      </c>
      <c r="R915" s="7">
        <v>96.145294134400004</v>
      </c>
      <c r="S915" s="7">
        <v>61.952189001599997</v>
      </c>
      <c r="T915" s="7">
        <v>37.466135225099997</v>
      </c>
      <c r="U915" s="7">
        <v>38.547252933000003</v>
      </c>
      <c r="V915" s="7">
        <v>40.935939012200002</v>
      </c>
      <c r="W915" s="7">
        <v>40.640859380800002</v>
      </c>
      <c r="X915" s="7">
        <v>36.557081711400002</v>
      </c>
      <c r="Y915" s="7">
        <v>42.610299937400001</v>
      </c>
      <c r="Z915" s="7">
        <v>57.281775896399999</v>
      </c>
      <c r="AA915" s="7">
        <v>52.716945935600002</v>
      </c>
      <c r="AB915" s="7">
        <v>48.210023011300002</v>
      </c>
      <c r="AC915" s="7">
        <v>54.841829269999998</v>
      </c>
      <c r="AD915" s="7">
        <v>72.582781354600002</v>
      </c>
      <c r="AE915" s="7">
        <v>76.429205319199994</v>
      </c>
      <c r="AF915" s="7">
        <v>82.760174337400002</v>
      </c>
      <c r="AG915" s="9">
        <v>8325.5098083999983</v>
      </c>
      <c r="AH915" s="13">
        <v>0.500417711762003</v>
      </c>
      <c r="AI915" s="9">
        <v>701.23469370000021</v>
      </c>
      <c r="AJ915" s="13">
        <v>4.2148801563531069E-2</v>
      </c>
      <c r="AK915" s="9">
        <v>1365.935598600001</v>
      </c>
      <c r="AL915" s="13">
        <v>7.8781151812809438E-2</v>
      </c>
      <c r="AM915" s="9">
        <v>6258.3395160999971</v>
      </c>
      <c r="AN915" s="13">
        <v>0.33459378709056931</v>
      </c>
      <c r="AO915" s="9">
        <v>7624.2751146999981</v>
      </c>
      <c r="AP915" s="13">
        <v>0.43973462283978371</v>
      </c>
      <c r="AQ915" s="9">
        <v>16637.1205749</v>
      </c>
      <c r="AR915" s="9">
        <v>17440.649078900002</v>
      </c>
      <c r="AS915" s="9">
        <v>17618.210797299998</v>
      </c>
      <c r="AT915" s="9">
        <v>14582.153915299999</v>
      </c>
      <c r="AU915" s="9">
        <v>14833.01232</v>
      </c>
      <c r="AV915" s="9">
        <v>16653.152082299999</v>
      </c>
      <c r="AW915" s="9">
        <v>17338.3552686</v>
      </c>
      <c r="AX915" s="9">
        <v>18460.724262700001</v>
      </c>
      <c r="AY915" s="9">
        <v>19891.275969999999</v>
      </c>
      <c r="AZ915" s="9">
        <v>18704.290867200001</v>
      </c>
      <c r="BA915" s="9">
        <v>19688.9688776</v>
      </c>
      <c r="BB915" s="9">
        <v>22770.1135736</v>
      </c>
      <c r="BC915" s="9">
        <v>24230.6552892</v>
      </c>
      <c r="BD915" s="9">
        <v>23798.188360299999</v>
      </c>
      <c r="BE915" s="9">
        <v>30799.699273400001</v>
      </c>
      <c r="BF915" s="9">
        <v>24962.630383299998</v>
      </c>
      <c r="BG915" s="11">
        <v>2</v>
      </c>
      <c r="BH915" s="13">
        <v>0.4</v>
      </c>
      <c r="BI915" s="6">
        <v>1</v>
      </c>
      <c r="BJ915" s="13">
        <v>0.2</v>
      </c>
      <c r="BK915" s="6">
        <v>1</v>
      </c>
      <c r="BL915" s="13">
        <v>0.16666666666666666</v>
      </c>
      <c r="BM915" s="11">
        <v>0</v>
      </c>
      <c r="BN915" s="13">
        <v>0</v>
      </c>
      <c r="BO915" s="11">
        <v>1</v>
      </c>
      <c r="BP915" s="13">
        <v>0.16666666666666666</v>
      </c>
      <c r="BQ915" s="6">
        <v>5</v>
      </c>
      <c r="BR915" s="6">
        <v>4</v>
      </c>
      <c r="BS915" s="6">
        <v>6</v>
      </c>
      <c r="BT915" s="6">
        <v>6</v>
      </c>
      <c r="BU915" s="6">
        <v>5</v>
      </c>
      <c r="BV915" s="6">
        <v>4</v>
      </c>
      <c r="BW915" s="6">
        <v>7</v>
      </c>
      <c r="BX915" s="6">
        <v>7</v>
      </c>
      <c r="BY915" s="6">
        <v>6</v>
      </c>
      <c r="BZ915" s="6">
        <v>5</v>
      </c>
      <c r="CA915" s="6">
        <v>6</v>
      </c>
      <c r="CB915" s="6">
        <v>7</v>
      </c>
      <c r="CC915" s="11">
        <v>7</v>
      </c>
      <c r="CD915" s="11">
        <v>48.994799999999998</v>
      </c>
      <c r="CE915" s="11">
        <v>2.5331399999999999</v>
      </c>
      <c r="CF915" s="11">
        <v>3.0776300000000001</v>
      </c>
      <c r="CG915" s="11">
        <v>6</v>
      </c>
      <c r="CH915" s="20">
        <v>0.173286</v>
      </c>
      <c r="CI915" s="20">
        <v>0.30123699999999998</v>
      </c>
      <c r="CJ915" s="20">
        <v>0.578654</v>
      </c>
      <c r="CK915" s="20">
        <v>0.35016399999999998</v>
      </c>
      <c r="CL915" s="20">
        <v>0.21134700000000001</v>
      </c>
      <c r="CM915" s="20">
        <v>0.21051800000000001</v>
      </c>
      <c r="CN915" s="20">
        <v>0.229569</v>
      </c>
      <c r="CO915" s="20">
        <v>0.237148</v>
      </c>
      <c r="CP915" s="20">
        <v>0.21938299999999999</v>
      </c>
      <c r="CQ915" s="20">
        <v>0.24310200000000001</v>
      </c>
      <c r="CR915" s="20">
        <v>0.341034</v>
      </c>
      <c r="CS915" s="20">
        <v>0.30977399999999999</v>
      </c>
      <c r="CT915" s="20">
        <v>0.26998899999999998</v>
      </c>
      <c r="CU915" s="20">
        <v>0.278864</v>
      </c>
      <c r="CV915" s="20">
        <v>0.35827100000000001</v>
      </c>
      <c r="CW915" s="20">
        <v>0.370446</v>
      </c>
      <c r="CX915" s="20">
        <v>0.38314300000000001</v>
      </c>
      <c r="CY915" s="6" t="s">
        <v>529</v>
      </c>
      <c r="CZ915" s="6" t="s">
        <v>530</v>
      </c>
      <c r="DA915" s="6" t="s">
        <v>96</v>
      </c>
      <c r="DB915" s="6"/>
      <c r="DC915" s="6"/>
      <c r="DD915" s="6"/>
      <c r="DE915" s="6"/>
      <c r="DF915" s="6"/>
      <c r="DG915" s="6"/>
      <c r="DH915" s="6" t="s">
        <v>333</v>
      </c>
      <c r="DI915" s="6"/>
      <c r="DJ915" s="6"/>
      <c r="DK915" s="6"/>
      <c r="DL915" s="6">
        <v>6</v>
      </c>
      <c r="DM915" s="6" t="s">
        <v>396</v>
      </c>
      <c r="DN915" s="6">
        <v>6</v>
      </c>
      <c r="DO915" s="6" t="s">
        <v>393</v>
      </c>
      <c r="DP915" s="6"/>
      <c r="DQ915" s="6"/>
    </row>
    <row r="916" spans="1:121" x14ac:dyDescent="0.2">
      <c r="A916" s="6" t="s">
        <v>320</v>
      </c>
      <c r="B916" s="6" t="s">
        <v>320</v>
      </c>
      <c r="C916" s="6" t="s">
        <v>189</v>
      </c>
      <c r="D916" s="6" t="s">
        <v>96</v>
      </c>
      <c r="E916" s="6" t="s">
        <v>237</v>
      </c>
      <c r="F916" s="11">
        <v>379</v>
      </c>
      <c r="G916" s="13">
        <v>1.93367346939</v>
      </c>
      <c r="H916" s="11">
        <v>13.187606098000003</v>
      </c>
      <c r="I916" s="13">
        <v>6.740462182902407E-2</v>
      </c>
      <c r="J916" s="11">
        <v>112.11693361100001</v>
      </c>
      <c r="K916" s="13">
        <v>0.53686592756863816</v>
      </c>
      <c r="L916" s="11">
        <v>254.28047973899999</v>
      </c>
      <c r="M916" s="13">
        <v>0.79226718931865892</v>
      </c>
      <c r="N916" s="11">
        <v>366.39741334999997</v>
      </c>
      <c r="O916" s="13">
        <v>1.7544743763630566</v>
      </c>
      <c r="P916" s="7">
        <v>195.64839531999999</v>
      </c>
      <c r="Q916" s="7">
        <v>224.84236670000001</v>
      </c>
      <c r="R916" s="7">
        <v>213.41621146599999</v>
      </c>
      <c r="S916" s="7">
        <v>212.25123985100001</v>
      </c>
      <c r="T916" s="7">
        <v>221.35543176300001</v>
      </c>
      <c r="U916" s="7">
        <v>223.268298034</v>
      </c>
      <c r="V916" s="7">
        <v>208.836001418</v>
      </c>
      <c r="W916" s="7">
        <v>244.25169016500001</v>
      </c>
      <c r="X916" s="7">
        <v>289.01390887700001</v>
      </c>
      <c r="Y916" s="7">
        <v>320.952935029</v>
      </c>
      <c r="Z916" s="7">
        <v>314.16205947399999</v>
      </c>
      <c r="AA916" s="7">
        <v>329.90253551699999</v>
      </c>
      <c r="AB916" s="7">
        <v>333.660694605</v>
      </c>
      <c r="AC916" s="7">
        <v>502.56136788800001</v>
      </c>
      <c r="AD916" s="7">
        <v>510.37055503099998</v>
      </c>
      <c r="AE916" s="7">
        <v>525.85017698700005</v>
      </c>
      <c r="AF916" s="7">
        <v>575.23341476799999</v>
      </c>
      <c r="AG916" s="9">
        <v>5410.1328144000036</v>
      </c>
      <c r="AH916" s="13">
        <v>0.16960023603256091</v>
      </c>
      <c r="AI916" s="9">
        <v>1694.4129582999994</v>
      </c>
      <c r="AJ916" s="13">
        <v>5.3117519943210491E-2</v>
      </c>
      <c r="AK916" s="9">
        <v>7562.5659067000015</v>
      </c>
      <c r="AL916" s="13">
        <v>0.22511833091791728</v>
      </c>
      <c r="AM916" s="9">
        <v>-3846.8460505999974</v>
      </c>
      <c r="AN916" s="13">
        <v>-9.3469185004168787E-2</v>
      </c>
      <c r="AO916" s="9">
        <v>3715.7198561000041</v>
      </c>
      <c r="AP916" s="13">
        <v>0.110607518993352</v>
      </c>
      <c r="AQ916" s="9">
        <v>31899.323615099998</v>
      </c>
      <c r="AR916" s="9">
        <v>30380.869359100001</v>
      </c>
      <c r="AS916" s="9">
        <v>32930.624202799998</v>
      </c>
      <c r="AT916" s="9">
        <v>35707.529150299997</v>
      </c>
      <c r="AU916" s="9">
        <v>36006.234435600003</v>
      </c>
      <c r="AV916" s="9">
        <v>35296.697761199997</v>
      </c>
      <c r="AW916" s="9">
        <v>33593.736573399998</v>
      </c>
      <c r="AX916" s="9">
        <v>37229.1323911</v>
      </c>
      <c r="AY916" s="9">
        <v>36132.8675678</v>
      </c>
      <c r="AZ916" s="9">
        <v>41156.302480099999</v>
      </c>
      <c r="BA916" s="9">
        <v>31505.950374700002</v>
      </c>
      <c r="BB916" s="9">
        <v>41103.814636299998</v>
      </c>
      <c r="BC916" s="9">
        <v>48091.407078900003</v>
      </c>
      <c r="BD916" s="9">
        <v>30936.184538400001</v>
      </c>
      <c r="BE916" s="9">
        <v>36773.257174400002</v>
      </c>
      <c r="BF916" s="9">
        <v>37309.456429500002</v>
      </c>
      <c r="BG916" s="11">
        <v>0</v>
      </c>
      <c r="BH916" s="13">
        <v>0</v>
      </c>
      <c r="BI916" s="6">
        <v>0</v>
      </c>
      <c r="BJ916" s="13">
        <v>0</v>
      </c>
      <c r="BK916" s="6">
        <v>0</v>
      </c>
      <c r="BL916" s="13">
        <v>0</v>
      </c>
      <c r="BM916" s="11">
        <v>0</v>
      </c>
      <c r="BN916" s="13">
        <v>0</v>
      </c>
      <c r="BO916" s="11">
        <v>0</v>
      </c>
      <c r="BP916" s="13">
        <v>0</v>
      </c>
      <c r="BQ916" s="6">
        <v>1</v>
      </c>
      <c r="BR916" s="6">
        <v>1</v>
      </c>
      <c r="BS916" s="6">
        <v>1</v>
      </c>
      <c r="BT916" s="6">
        <v>1</v>
      </c>
      <c r="BU916" s="6">
        <v>1</v>
      </c>
      <c r="BV916" s="6">
        <v>1</v>
      </c>
      <c r="BW916" s="6">
        <v>1</v>
      </c>
      <c r="BX916" s="6">
        <v>1</v>
      </c>
      <c r="BY916" s="6">
        <v>2</v>
      </c>
      <c r="BZ916" s="6">
        <v>1</v>
      </c>
      <c r="CA916" s="6">
        <v>1</v>
      </c>
      <c r="CB916" s="6">
        <v>1</v>
      </c>
      <c r="CC916" s="11">
        <v>1</v>
      </c>
      <c r="CD916" s="11">
        <v>287.35300000000001</v>
      </c>
      <c r="CE916" s="11">
        <v>70.845299999999995</v>
      </c>
      <c r="CF916" s="11">
        <v>21.386700000000001</v>
      </c>
      <c r="CG916" s="11">
        <v>92</v>
      </c>
      <c r="CH916" s="20">
        <v>3.6093500000000001</v>
      </c>
      <c r="CI916" s="20">
        <v>4.0103499999999999</v>
      </c>
      <c r="CJ916" s="20">
        <v>3.5729099999999998</v>
      </c>
      <c r="CK916" s="20">
        <v>3.3243499999999999</v>
      </c>
      <c r="CL916" s="20">
        <v>3.5375899999999998</v>
      </c>
      <c r="CM916" s="20">
        <v>3.4714299999999998</v>
      </c>
      <c r="CN916" s="20">
        <v>3.2822499999999999</v>
      </c>
      <c r="CO916" s="20">
        <v>3.7124799999999998</v>
      </c>
      <c r="CP916" s="20">
        <v>3.9995699999999998</v>
      </c>
      <c r="CQ916" s="20">
        <v>4.25427</v>
      </c>
      <c r="CR916" s="20">
        <v>4.3773600000000004</v>
      </c>
      <c r="CS916" s="20">
        <v>4.58066</v>
      </c>
      <c r="CT916" s="20">
        <v>4.4730100000000004</v>
      </c>
      <c r="CU916" s="20">
        <v>6.1905599999999996</v>
      </c>
      <c r="CV916" s="20">
        <v>6.1686899999999998</v>
      </c>
      <c r="CW916" s="20">
        <v>6.2491700000000003</v>
      </c>
      <c r="CX916" s="20">
        <v>6.50589</v>
      </c>
      <c r="CY916" s="6" t="s">
        <v>529</v>
      </c>
      <c r="CZ916" s="6" t="s">
        <v>530</v>
      </c>
      <c r="DA916" s="6" t="s">
        <v>96</v>
      </c>
      <c r="DB916" s="6"/>
      <c r="DC916" s="6"/>
      <c r="DD916" s="6"/>
      <c r="DE916" s="6"/>
      <c r="DF916" s="6"/>
      <c r="DG916" s="6"/>
      <c r="DH916" s="6" t="s">
        <v>333</v>
      </c>
      <c r="DI916" s="6"/>
      <c r="DJ916" s="6"/>
      <c r="DK916" s="6"/>
      <c r="DL916" s="6">
        <v>6</v>
      </c>
      <c r="DM916" s="6" t="s">
        <v>396</v>
      </c>
      <c r="DN916" s="6">
        <v>6</v>
      </c>
      <c r="DO916" s="6" t="s">
        <v>393</v>
      </c>
      <c r="DP916" s="6"/>
      <c r="DQ916" s="6"/>
    </row>
    <row r="917" spans="1:121" x14ac:dyDescent="0.2">
      <c r="A917" s="6" t="s">
        <v>321</v>
      </c>
      <c r="B917" s="6" t="s">
        <v>321</v>
      </c>
      <c r="C917" s="6" t="s">
        <v>190</v>
      </c>
      <c r="D917" s="6" t="s">
        <v>96</v>
      </c>
      <c r="E917" s="6" t="s">
        <v>237</v>
      </c>
      <c r="F917" s="11">
        <v>271</v>
      </c>
      <c r="G917" s="13">
        <v>0.61312217194600005</v>
      </c>
      <c r="H917" s="11">
        <v>-12.77975924399999</v>
      </c>
      <c r="I917" s="13">
        <v>-2.8887036761289033E-2</v>
      </c>
      <c r="J917" s="11">
        <v>36.888700857999993</v>
      </c>
      <c r="K917" s="13">
        <v>8.586257937908405E-2</v>
      </c>
      <c r="L917" s="11">
        <v>246.95447856699997</v>
      </c>
      <c r="M917" s="13">
        <v>0.5293618141968609</v>
      </c>
      <c r="N917" s="11">
        <v>283.84317942499996</v>
      </c>
      <c r="O917" s="13">
        <v>0.66067676436767886</v>
      </c>
      <c r="P917" s="7">
        <v>442.404645018</v>
      </c>
      <c r="Q917" s="7">
        <v>429.65390722400002</v>
      </c>
      <c r="R917" s="7">
        <v>420.27942606300002</v>
      </c>
      <c r="S917" s="7">
        <v>429.63089475800001</v>
      </c>
      <c r="T917" s="7">
        <v>405.307073495</v>
      </c>
      <c r="U917" s="7">
        <v>431.59544206999999</v>
      </c>
      <c r="V917" s="7">
        <v>429.62488577400001</v>
      </c>
      <c r="W917" s="7">
        <v>456.907042993</v>
      </c>
      <c r="X917" s="7">
        <v>461.26498783099998</v>
      </c>
      <c r="Y917" s="7">
        <v>466.513586632</v>
      </c>
      <c r="Z917" s="7">
        <v>472.66048531500002</v>
      </c>
      <c r="AA917" s="7">
        <v>509.822623937</v>
      </c>
      <c r="AB917" s="7">
        <v>548.05039441199995</v>
      </c>
      <c r="AC917" s="7">
        <v>593.43747317600003</v>
      </c>
      <c r="AD917" s="7">
        <v>662.02885919400001</v>
      </c>
      <c r="AE917" s="7">
        <v>669.94965843700004</v>
      </c>
      <c r="AF917" s="7">
        <v>713.46806519899997</v>
      </c>
      <c r="AG917" s="9">
        <v>10927.927200099999</v>
      </c>
      <c r="AH917" s="13">
        <v>0.60257886716872255</v>
      </c>
      <c r="AI917" s="9">
        <v>5647.9994117999995</v>
      </c>
      <c r="AJ917" s="13">
        <v>0.31143738652476666</v>
      </c>
      <c r="AK917" s="9">
        <v>455.94964360000085</v>
      </c>
      <c r="AL917" s="13">
        <v>1.917102897743644E-2</v>
      </c>
      <c r="AM917" s="9">
        <v>4823.9781446999987</v>
      </c>
      <c r="AN917" s="13">
        <v>0.1990154553998072</v>
      </c>
      <c r="AO917" s="9">
        <v>5279.9277882999995</v>
      </c>
      <c r="AP917" s="13">
        <v>0.22200181543967107</v>
      </c>
      <c r="AQ917" s="9">
        <v>18135.264602700001</v>
      </c>
      <c r="AR917" s="9">
        <v>18347.9991075</v>
      </c>
      <c r="AS917" s="9">
        <v>17729.9297401</v>
      </c>
      <c r="AT917" s="9">
        <v>17839.859035099998</v>
      </c>
      <c r="AU917" s="9">
        <v>18316.545832</v>
      </c>
      <c r="AV917" s="9">
        <v>20245.593341700001</v>
      </c>
      <c r="AW917" s="9">
        <v>23783.2640145</v>
      </c>
      <c r="AX917" s="9">
        <v>20500.3562465</v>
      </c>
      <c r="AY917" s="9">
        <v>24042.9661963</v>
      </c>
      <c r="AZ917" s="9">
        <v>24239.213658100001</v>
      </c>
      <c r="BA917" s="9">
        <v>27520.350238700001</v>
      </c>
      <c r="BB917" s="9">
        <v>25862.141275000002</v>
      </c>
      <c r="BC917" s="9">
        <v>23033.167015200001</v>
      </c>
      <c r="BD917" s="9">
        <v>28884.012106099999</v>
      </c>
      <c r="BE917" s="9">
        <v>26890.055795799999</v>
      </c>
      <c r="BF917" s="9">
        <v>29063.1918028</v>
      </c>
      <c r="BG917" s="11">
        <v>9</v>
      </c>
      <c r="BH917" s="13">
        <v>0.36</v>
      </c>
      <c r="BI917" s="6">
        <v>-1</v>
      </c>
      <c r="BJ917" s="13">
        <v>-0.04</v>
      </c>
      <c r="BK917" s="6">
        <v>-2</v>
      </c>
      <c r="BL917" s="13">
        <v>-8.3333333333333329E-2</v>
      </c>
      <c r="BM917" s="11">
        <v>12</v>
      </c>
      <c r="BN917" s="13">
        <v>0.54545454545454541</v>
      </c>
      <c r="BO917" s="11">
        <v>10</v>
      </c>
      <c r="BP917" s="13">
        <v>0.41666666666666669</v>
      </c>
      <c r="BQ917" s="6">
        <v>25</v>
      </c>
      <c r="BR917" s="6">
        <v>25</v>
      </c>
      <c r="BS917" s="6">
        <v>25</v>
      </c>
      <c r="BT917" s="6">
        <v>24</v>
      </c>
      <c r="BU917" s="6">
        <v>25</v>
      </c>
      <c r="BV917" s="6">
        <v>21</v>
      </c>
      <c r="BW917" s="6">
        <v>22</v>
      </c>
      <c r="BX917" s="6">
        <v>22</v>
      </c>
      <c r="BY917" s="6">
        <v>23</v>
      </c>
      <c r="BZ917" s="6">
        <v>35</v>
      </c>
      <c r="CA917" s="6">
        <v>31</v>
      </c>
      <c r="CB917" s="6">
        <v>35</v>
      </c>
      <c r="CC917" s="11">
        <v>34</v>
      </c>
      <c r="CD917" s="11">
        <v>61.594299999999997</v>
      </c>
      <c r="CE917" s="11">
        <v>161.10900000000001</v>
      </c>
      <c r="CF917" s="11">
        <v>48.360199999999999</v>
      </c>
      <c r="CG917" s="11">
        <v>209</v>
      </c>
      <c r="CH917" s="20">
        <v>1.65256</v>
      </c>
      <c r="CI917" s="20">
        <v>1.5629900000000001</v>
      </c>
      <c r="CJ917" s="20">
        <v>1.4325600000000001</v>
      </c>
      <c r="CK917" s="20">
        <v>1.39228</v>
      </c>
      <c r="CL917" s="20">
        <v>1.32572</v>
      </c>
      <c r="CM917" s="20">
        <v>1.3690800000000001</v>
      </c>
      <c r="CN917" s="20">
        <v>1.37456</v>
      </c>
      <c r="CO917" s="20">
        <v>1.41849</v>
      </c>
      <c r="CP917" s="20">
        <v>1.3138300000000001</v>
      </c>
      <c r="CQ917" s="20">
        <v>1.2807599999999999</v>
      </c>
      <c r="CR917" s="20">
        <v>1.3883799999999999</v>
      </c>
      <c r="CS917" s="20">
        <v>1.4677500000000001</v>
      </c>
      <c r="CT917" s="20">
        <v>1.51536</v>
      </c>
      <c r="CU917" s="20">
        <v>1.5107900000000001</v>
      </c>
      <c r="CV917" s="20">
        <v>1.6372800000000001</v>
      </c>
      <c r="CW917" s="20">
        <v>1.6192800000000001</v>
      </c>
      <c r="CX917" s="20">
        <v>1.63161</v>
      </c>
      <c r="CY917" s="6" t="s">
        <v>529</v>
      </c>
      <c r="CZ917" s="6" t="s">
        <v>530</v>
      </c>
      <c r="DA917" s="6" t="s">
        <v>96</v>
      </c>
      <c r="DB917" s="6"/>
      <c r="DC917" s="6"/>
      <c r="DD917" s="6"/>
      <c r="DE917" s="6"/>
      <c r="DF917" s="6"/>
      <c r="DG917" s="6"/>
      <c r="DH917" s="6" t="s">
        <v>333</v>
      </c>
      <c r="DI917" s="6"/>
      <c r="DJ917" s="6"/>
      <c r="DK917" s="6"/>
      <c r="DL917" s="6">
        <v>6</v>
      </c>
      <c r="DM917" s="6" t="s">
        <v>396</v>
      </c>
      <c r="DN917" s="6">
        <v>6</v>
      </c>
      <c r="DO917" s="6" t="s">
        <v>393</v>
      </c>
      <c r="DP917" s="6"/>
      <c r="DQ917" s="6"/>
    </row>
    <row r="918" spans="1:121" x14ac:dyDescent="0.2">
      <c r="A918" s="6" t="s">
        <v>322</v>
      </c>
      <c r="B918" s="6" t="s">
        <v>322</v>
      </c>
      <c r="C918" s="6" t="s">
        <v>191</v>
      </c>
      <c r="D918" s="6" t="s">
        <v>96</v>
      </c>
      <c r="E918" s="6" t="s">
        <v>237</v>
      </c>
      <c r="F918" s="11">
        <v>1</v>
      </c>
      <c r="G918" s="13">
        <v>1</v>
      </c>
      <c r="H918" s="11">
        <v>3</v>
      </c>
      <c r="I918" s="13">
        <v>0.23076923076923081</v>
      </c>
      <c r="J918" s="11">
        <v>-4</v>
      </c>
      <c r="K918" s="13">
        <v>-0.25</v>
      </c>
      <c r="L918" s="11">
        <v>-7</v>
      </c>
      <c r="M918" s="13">
        <v>-0.58333333333333337</v>
      </c>
      <c r="N918" s="11">
        <v>-11</v>
      </c>
      <c r="O918" s="13">
        <v>-0.6875</v>
      </c>
      <c r="P918" s="7">
        <v>13</v>
      </c>
      <c r="Q918" s="7">
        <v>14</v>
      </c>
      <c r="R918" s="7">
        <v>5</v>
      </c>
      <c r="S918" s="7">
        <v>5</v>
      </c>
      <c r="T918" s="7">
        <v>20</v>
      </c>
      <c r="U918" s="7">
        <v>18</v>
      </c>
      <c r="V918" s="7">
        <v>16</v>
      </c>
      <c r="W918" s="7">
        <v>5</v>
      </c>
      <c r="X918" s="7">
        <v>5</v>
      </c>
      <c r="Y918" s="7">
        <v>12</v>
      </c>
      <c r="Z918" s="7">
        <v>10</v>
      </c>
      <c r="AA918" s="7">
        <v>5</v>
      </c>
      <c r="AB918" s="7">
        <v>5</v>
      </c>
      <c r="AC918" s="7">
        <v>5</v>
      </c>
      <c r="AD918" s="7">
        <v>5</v>
      </c>
      <c r="AE918" s="7">
        <v>5</v>
      </c>
      <c r="AF918" s="7">
        <v>5</v>
      </c>
      <c r="AG918" s="9">
        <v>-9054</v>
      </c>
      <c r="AH918" s="13">
        <v>-0.99988956377691884</v>
      </c>
      <c r="AI918" s="9">
        <v>4771</v>
      </c>
      <c r="AJ918" s="13">
        <v>0.52689122032026503</v>
      </c>
      <c r="AK918" s="9">
        <v>-2767</v>
      </c>
      <c r="AL918" s="13">
        <v>-0.20013018949804717</v>
      </c>
      <c r="AM918" s="9">
        <v>-11058</v>
      </c>
      <c r="AN918" s="13">
        <v>-0.99990957591102281</v>
      </c>
      <c r="AO918" s="9">
        <v>-13825</v>
      </c>
      <c r="AP918" s="13">
        <v>-0.99992767250108494</v>
      </c>
      <c r="AQ918" s="9">
        <v>9055</v>
      </c>
      <c r="AR918" s="9">
        <v>7249</v>
      </c>
      <c r="AS918" s="9">
        <v>1</v>
      </c>
      <c r="AT918" s="9">
        <v>1</v>
      </c>
      <c r="AU918" s="9">
        <v>8004</v>
      </c>
      <c r="AV918" s="9">
        <v>10043</v>
      </c>
      <c r="AW918" s="9">
        <v>13826</v>
      </c>
      <c r="AX918" s="9">
        <v>1</v>
      </c>
      <c r="AY918" s="9">
        <v>1</v>
      </c>
      <c r="AZ918" s="9">
        <v>11059</v>
      </c>
      <c r="BA918" s="9">
        <v>13976</v>
      </c>
      <c r="BB918" s="9">
        <v>1</v>
      </c>
      <c r="BC918" s="9">
        <v>1</v>
      </c>
      <c r="BD918" s="9">
        <v>1</v>
      </c>
      <c r="BE918" s="9">
        <v>1</v>
      </c>
      <c r="BF918" s="9">
        <v>1</v>
      </c>
      <c r="BG918" s="11">
        <v>-2</v>
      </c>
      <c r="BH918" s="13">
        <v>-1</v>
      </c>
      <c r="BI918" s="6">
        <v>0</v>
      </c>
      <c r="BJ918" s="13">
        <v>0</v>
      </c>
      <c r="BK918" s="6">
        <v>0</v>
      </c>
      <c r="BL918" s="13">
        <v>0</v>
      </c>
      <c r="BM918" s="11">
        <v>-2</v>
      </c>
      <c r="BN918" s="13">
        <v>-1</v>
      </c>
      <c r="BO918" s="11">
        <v>-2</v>
      </c>
      <c r="BP918" s="13">
        <v>-1</v>
      </c>
      <c r="BQ918" s="6">
        <v>2</v>
      </c>
      <c r="BR918" s="6">
        <v>2</v>
      </c>
      <c r="BS918" s="6">
        <v>2</v>
      </c>
      <c r="BT918" s="6">
        <v>2</v>
      </c>
      <c r="BU918" s="6">
        <v>1</v>
      </c>
      <c r="BV918" s="6">
        <v>2</v>
      </c>
      <c r="BW918" s="6">
        <v>2</v>
      </c>
      <c r="BX918" s="6">
        <v>2</v>
      </c>
      <c r="BY918" s="6">
        <v>2</v>
      </c>
      <c r="BZ918" s="6">
        <v>1</v>
      </c>
      <c r="CA918" s="6">
        <v>0</v>
      </c>
      <c r="CB918" s="6">
        <v>0</v>
      </c>
      <c r="CC918" s="11">
        <v>0</v>
      </c>
      <c r="CD918" s="11">
        <v>-13</v>
      </c>
      <c r="CE918" s="11">
        <v>2</v>
      </c>
      <c r="CF918" s="11">
        <v>1</v>
      </c>
      <c r="CG918" s="11">
        <v>3</v>
      </c>
      <c r="CH918" s="20">
        <v>0.33</v>
      </c>
      <c r="CI918" s="20">
        <v>0.33</v>
      </c>
      <c r="CJ918" s="20">
        <v>0.12</v>
      </c>
      <c r="CK918" s="20">
        <v>0.22</v>
      </c>
      <c r="CL918" s="20">
        <v>0.44</v>
      </c>
      <c r="CM918" s="20">
        <v>0.4</v>
      </c>
      <c r="CN918" s="20">
        <v>0.35</v>
      </c>
      <c r="CO918" s="20">
        <v>0.22</v>
      </c>
      <c r="CP918" s="20">
        <v>0.19</v>
      </c>
      <c r="CQ918" s="20">
        <v>0.25</v>
      </c>
      <c r="CR918" s="20">
        <v>0.22</v>
      </c>
      <c r="CS918" s="20">
        <v>0.19</v>
      </c>
      <c r="CT918" s="20">
        <v>0.18</v>
      </c>
      <c r="CU918" s="20">
        <v>0.08</v>
      </c>
      <c r="CV918" s="20">
        <v>7.0000000000000007E-2</v>
      </c>
      <c r="CW918" s="20">
        <v>7.0000000000000007E-2</v>
      </c>
      <c r="CX918" s="20">
        <v>7.0000000000000007E-2</v>
      </c>
      <c r="CY918" s="6" t="s">
        <v>529</v>
      </c>
      <c r="CZ918" s="6" t="s">
        <v>530</v>
      </c>
      <c r="DA918" s="6" t="s">
        <v>96</v>
      </c>
      <c r="DB918" s="6"/>
      <c r="DC918" s="6"/>
      <c r="DD918" s="6"/>
      <c r="DE918" s="6"/>
      <c r="DF918" s="6"/>
      <c r="DG918" s="6"/>
      <c r="DH918" s="6" t="s">
        <v>333</v>
      </c>
      <c r="DI918" s="6"/>
      <c r="DJ918" s="6"/>
      <c r="DK918" s="6"/>
      <c r="DL918" s="6">
        <v>6</v>
      </c>
      <c r="DM918" s="6" t="s">
        <v>396</v>
      </c>
      <c r="DN918" s="6">
        <v>6</v>
      </c>
      <c r="DO918" s="6" t="s">
        <v>393</v>
      </c>
      <c r="DP918" s="6"/>
      <c r="DQ918" s="6"/>
    </row>
    <row r="919" spans="1:121" x14ac:dyDescent="0.2">
      <c r="A919" s="6" t="s">
        <v>323</v>
      </c>
      <c r="B919" s="6" t="s">
        <v>323</v>
      </c>
      <c r="C919" s="6" t="s">
        <v>192</v>
      </c>
      <c r="D919" s="6" t="s">
        <v>96</v>
      </c>
      <c r="E919" s="6" t="s">
        <v>237</v>
      </c>
      <c r="F919" s="11">
        <v>30</v>
      </c>
      <c r="G919" s="13">
        <v>0.229007633588</v>
      </c>
      <c r="H919" s="11">
        <v>158.68311354400001</v>
      </c>
      <c r="I919" s="13">
        <v>1.2148535563435223</v>
      </c>
      <c r="J919" s="11">
        <v>53.275416456000016</v>
      </c>
      <c r="K919" s="13">
        <v>0.1841514119092196</v>
      </c>
      <c r="L919" s="11">
        <v>-181.89355345300004</v>
      </c>
      <c r="M919" s="13">
        <v>-0.53095567853895154</v>
      </c>
      <c r="N919" s="11">
        <v>-128.61813699700002</v>
      </c>
      <c r="O919" s="13">
        <v>-0.44458050449389758</v>
      </c>
      <c r="P919" s="7">
        <v>130.619129125</v>
      </c>
      <c r="Q919" s="7">
        <v>155.605732058</v>
      </c>
      <c r="R919" s="7">
        <v>169.297718288</v>
      </c>
      <c r="S919" s="7">
        <v>227.25640534199999</v>
      </c>
      <c r="T919" s="7">
        <v>283.82978334199998</v>
      </c>
      <c r="U919" s="7">
        <v>263.67531892800002</v>
      </c>
      <c r="V919" s="7">
        <v>289.30224266900001</v>
      </c>
      <c r="W919" s="7">
        <v>302.66781871500001</v>
      </c>
      <c r="X919" s="7">
        <v>326.02951299699998</v>
      </c>
      <c r="Y919" s="7">
        <v>342.57765912500003</v>
      </c>
      <c r="Z919" s="7">
        <v>134.791420894</v>
      </c>
      <c r="AA919" s="7">
        <v>127.399185215</v>
      </c>
      <c r="AB919" s="7">
        <v>141.539344699</v>
      </c>
      <c r="AC919" s="7">
        <v>152.004463023</v>
      </c>
      <c r="AD919" s="7">
        <v>157.84327427900001</v>
      </c>
      <c r="AE919" s="7">
        <v>155.11827091699999</v>
      </c>
      <c r="AF919" s="7">
        <v>160.68410567199999</v>
      </c>
      <c r="AG919" s="9">
        <v>3081.7021628799994</v>
      </c>
      <c r="AH919" s="13">
        <v>0.31842757066778515</v>
      </c>
      <c r="AI919" s="9">
        <v>5642.6431095799999</v>
      </c>
      <c r="AJ919" s="13">
        <v>0.58304568143266167</v>
      </c>
      <c r="AK919" s="9">
        <v>1732.5634774999999</v>
      </c>
      <c r="AL919" s="13">
        <v>0.11308778771962132</v>
      </c>
      <c r="AM919" s="9">
        <v>-4293.5044242000004</v>
      </c>
      <c r="AN919" s="13">
        <v>-0.25177293920568766</v>
      </c>
      <c r="AO919" s="9">
        <v>-2560.9409467000005</v>
      </c>
      <c r="AP919" s="13">
        <v>-0.16715759618850429</v>
      </c>
      <c r="AQ919" s="9">
        <v>9677.8748034199998</v>
      </c>
      <c r="AR919" s="9">
        <v>11399.5708801</v>
      </c>
      <c r="AS919" s="9">
        <v>11335.0180626</v>
      </c>
      <c r="AT919" s="9">
        <v>11403.504538699999</v>
      </c>
      <c r="AU919" s="9">
        <v>11336.5281533</v>
      </c>
      <c r="AV919" s="9">
        <v>13130.3556966</v>
      </c>
      <c r="AW919" s="9">
        <v>15320.517913</v>
      </c>
      <c r="AX919" s="9">
        <v>15635.282282800001</v>
      </c>
      <c r="AY919" s="9">
        <v>16886.041785599999</v>
      </c>
      <c r="AZ919" s="9">
        <v>17053.0813905</v>
      </c>
      <c r="BA919" s="9">
        <v>11392.015880999999</v>
      </c>
      <c r="BB919" s="9">
        <v>11966.9138816</v>
      </c>
      <c r="BC919" s="9">
        <v>12057.803071</v>
      </c>
      <c r="BD919" s="9">
        <v>12032.918579200001</v>
      </c>
      <c r="BE919" s="9">
        <v>12528.211099599999</v>
      </c>
      <c r="BF919" s="9">
        <v>12759.576966299999</v>
      </c>
      <c r="BG919" s="11">
        <v>-1.25</v>
      </c>
      <c r="BH919" s="13">
        <v>-8.3333333333333329E-2</v>
      </c>
      <c r="BI919" s="6">
        <v>-2</v>
      </c>
      <c r="BJ919" s="13">
        <v>-0.13333333333333333</v>
      </c>
      <c r="BK919" s="6">
        <v>-1</v>
      </c>
      <c r="BL919" s="13">
        <v>-7.6923076923076927E-2</v>
      </c>
      <c r="BM919" s="11">
        <v>1.75</v>
      </c>
      <c r="BN919" s="13">
        <v>0.14583333333333334</v>
      </c>
      <c r="BO919" s="11">
        <v>0.75</v>
      </c>
      <c r="BP919" s="13">
        <v>5.7692307692307696E-2</v>
      </c>
      <c r="BQ919" s="6">
        <v>15</v>
      </c>
      <c r="BR919" s="6">
        <v>17</v>
      </c>
      <c r="BS919" s="6">
        <v>15</v>
      </c>
      <c r="BT919" s="6">
        <v>13</v>
      </c>
      <c r="BU919" s="6">
        <v>14</v>
      </c>
      <c r="BV919" s="6">
        <v>14</v>
      </c>
      <c r="BW919" s="6">
        <v>12</v>
      </c>
      <c r="BX919" s="6">
        <v>12</v>
      </c>
      <c r="BY919" s="6">
        <v>11</v>
      </c>
      <c r="BZ919" s="6">
        <v>12</v>
      </c>
      <c r="CA919" s="6">
        <v>13</v>
      </c>
      <c r="CB919" s="6">
        <v>15</v>
      </c>
      <c r="CC919" s="11">
        <v>13.75</v>
      </c>
      <c r="CD919" s="11">
        <v>-13.9168</v>
      </c>
      <c r="CE919" s="11">
        <v>29.703499999999998</v>
      </c>
      <c r="CF919" s="11">
        <v>14.2782</v>
      </c>
      <c r="CG919" s="11">
        <v>44</v>
      </c>
      <c r="CH919" s="20">
        <v>0.65746000000000004</v>
      </c>
      <c r="CI919" s="20">
        <v>0.78215400000000002</v>
      </c>
      <c r="CJ919" s="20">
        <v>0.80712200000000001</v>
      </c>
      <c r="CK919" s="20">
        <v>1.02468</v>
      </c>
      <c r="CL919" s="20">
        <v>1.29074</v>
      </c>
      <c r="CM919" s="20">
        <v>1.1674800000000001</v>
      </c>
      <c r="CN919" s="20">
        <v>1.2992300000000001</v>
      </c>
      <c r="CO919" s="20">
        <v>1.3491299999999999</v>
      </c>
      <c r="CP919" s="20">
        <v>1.3994200000000001</v>
      </c>
      <c r="CQ919" s="20">
        <v>1.4358500000000001</v>
      </c>
      <c r="CR919" s="20">
        <v>0.59784400000000004</v>
      </c>
      <c r="CS919" s="20">
        <v>0.55725100000000005</v>
      </c>
      <c r="CT919" s="20">
        <v>0.58825099999999997</v>
      </c>
      <c r="CU919" s="20">
        <v>0.57554499999999997</v>
      </c>
      <c r="CV919" s="20">
        <v>0.57502200000000003</v>
      </c>
      <c r="CW919" s="20">
        <v>0.55097600000000002</v>
      </c>
      <c r="CX919" s="20">
        <v>0.54581100000000005</v>
      </c>
      <c r="CY919" s="6" t="s">
        <v>529</v>
      </c>
      <c r="CZ919" s="6" t="s">
        <v>530</v>
      </c>
      <c r="DA919" s="6" t="s">
        <v>96</v>
      </c>
      <c r="DB919" s="6"/>
      <c r="DC919" s="6"/>
      <c r="DD919" s="6"/>
      <c r="DE919" s="6"/>
      <c r="DF919" s="6"/>
      <c r="DG919" s="6"/>
      <c r="DH919" s="6" t="s">
        <v>333</v>
      </c>
      <c r="DI919" s="6"/>
      <c r="DJ919" s="6"/>
      <c r="DK919" s="6"/>
      <c r="DL919" s="6">
        <v>6</v>
      </c>
      <c r="DM919" s="6" t="s">
        <v>396</v>
      </c>
      <c r="DN919" s="6">
        <v>6</v>
      </c>
      <c r="DO919" s="6" t="s">
        <v>393</v>
      </c>
      <c r="DP919" s="6"/>
      <c r="DQ919" s="6"/>
    </row>
    <row r="920" spans="1:121" x14ac:dyDescent="0.2">
      <c r="A920" s="6" t="s">
        <v>325</v>
      </c>
      <c r="B920" s="6" t="s">
        <v>325</v>
      </c>
      <c r="C920" s="6" t="s">
        <v>193</v>
      </c>
      <c r="D920" s="6" t="s">
        <v>96</v>
      </c>
      <c r="E920" s="6" t="s">
        <v>237</v>
      </c>
      <c r="F920" s="11">
        <v>-28</v>
      </c>
      <c r="G920" s="13">
        <v>-0.16867469879499999</v>
      </c>
      <c r="H920" s="11">
        <v>-3.6612416789999997</v>
      </c>
      <c r="I920" s="13">
        <v>-2.2020936308948101E-2</v>
      </c>
      <c r="J920" s="11">
        <v>-2.5784309969999981</v>
      </c>
      <c r="K920" s="13">
        <v>-1.5857449572586658E-2</v>
      </c>
      <c r="L920" s="11">
        <v>-22.208728372000024</v>
      </c>
      <c r="M920" s="13">
        <v>-0.13878531279292347</v>
      </c>
      <c r="N920" s="11">
        <v>-24.787159369000022</v>
      </c>
      <c r="O920" s="13">
        <v>-0.15244198126648068</v>
      </c>
      <c r="P920" s="7">
        <v>166.26185315800001</v>
      </c>
      <c r="Q920" s="7">
        <v>153.87001417499999</v>
      </c>
      <c r="R920" s="7">
        <v>172.60475958399999</v>
      </c>
      <c r="S920" s="7">
        <v>171.17984200699999</v>
      </c>
      <c r="T920" s="7">
        <v>163.17850068600001</v>
      </c>
      <c r="U920" s="7">
        <v>168.96937007</v>
      </c>
      <c r="V920" s="7">
        <v>162.60061147900001</v>
      </c>
      <c r="W920" s="7">
        <v>142.981241727</v>
      </c>
      <c r="X920" s="7">
        <v>156.29971567999999</v>
      </c>
      <c r="Y920" s="7">
        <v>160.02218048200001</v>
      </c>
      <c r="Z920" s="7">
        <v>151.46659388800001</v>
      </c>
      <c r="AA920" s="7">
        <v>147.57485202399999</v>
      </c>
      <c r="AB920" s="7">
        <v>143.80027684500001</v>
      </c>
      <c r="AC920" s="7">
        <v>141.788578218</v>
      </c>
      <c r="AD920" s="7">
        <v>135.77715286899999</v>
      </c>
      <c r="AE920" s="7">
        <v>136.660934545</v>
      </c>
      <c r="AF920" s="7">
        <v>137.81345210999999</v>
      </c>
      <c r="AG920" s="9">
        <v>-82.548332299998947</v>
      </c>
      <c r="AH920" s="13">
        <v>-6.1376466844348006E-3</v>
      </c>
      <c r="AI920" s="9">
        <v>781.60949580000124</v>
      </c>
      <c r="AJ920" s="13">
        <v>5.811435309177887E-2</v>
      </c>
      <c r="AK920" s="9">
        <v>521.45570699999917</v>
      </c>
      <c r="AL920" s="13">
        <v>3.6641935011649619E-2</v>
      </c>
      <c r="AM920" s="9">
        <v>-1385.6135350999994</v>
      </c>
      <c r="AN920" s="13">
        <v>-9.39235110416205E-2</v>
      </c>
      <c r="AO920" s="9">
        <v>-864.15782810000019</v>
      </c>
      <c r="AP920" s="13">
        <v>-6.0723115217623906E-2</v>
      </c>
      <c r="AQ920" s="9">
        <v>13449.508670699999</v>
      </c>
      <c r="AR920" s="9">
        <v>13097.3764921</v>
      </c>
      <c r="AS920" s="9">
        <v>12487.185615</v>
      </c>
      <c r="AT920" s="9">
        <v>13014.766205399999</v>
      </c>
      <c r="AU920" s="9">
        <v>13599.267273400001</v>
      </c>
      <c r="AV920" s="9">
        <v>14701.471365900001</v>
      </c>
      <c r="AW920" s="9">
        <v>14231.1181665</v>
      </c>
      <c r="AX920" s="9">
        <v>15119.809885999999</v>
      </c>
      <c r="AY920" s="9">
        <v>14037.688801300001</v>
      </c>
      <c r="AZ920" s="9">
        <v>14752.5738735</v>
      </c>
      <c r="BA920" s="9">
        <v>14436.641298</v>
      </c>
      <c r="BB920" s="9">
        <v>14330.3431437</v>
      </c>
      <c r="BC920" s="9">
        <v>13946.829678</v>
      </c>
      <c r="BD920" s="9">
        <v>11910.045957099999</v>
      </c>
      <c r="BE920" s="9">
        <v>13225.970977499999</v>
      </c>
      <c r="BF920" s="9">
        <v>13366.9603384</v>
      </c>
      <c r="BG920" s="11">
        <v>-13</v>
      </c>
      <c r="BH920" s="13">
        <v>-0.5</v>
      </c>
      <c r="BI920" s="6">
        <v>-3</v>
      </c>
      <c r="BJ920" s="13">
        <v>-0.11538461538461539</v>
      </c>
      <c r="BK920" s="6">
        <v>3</v>
      </c>
      <c r="BL920" s="13">
        <v>0.13043478260869565</v>
      </c>
      <c r="BM920" s="11">
        <v>-13</v>
      </c>
      <c r="BN920" s="13">
        <v>-0.5</v>
      </c>
      <c r="BO920" s="11">
        <v>-10</v>
      </c>
      <c r="BP920" s="13">
        <v>-0.43478260869565216</v>
      </c>
      <c r="BQ920" s="6">
        <v>26</v>
      </c>
      <c r="BR920" s="6">
        <v>19</v>
      </c>
      <c r="BS920" s="6">
        <v>21</v>
      </c>
      <c r="BT920" s="6">
        <v>23</v>
      </c>
      <c r="BU920" s="6">
        <v>26</v>
      </c>
      <c r="BV920" s="6">
        <v>25</v>
      </c>
      <c r="BW920" s="6">
        <v>26</v>
      </c>
      <c r="BX920" s="6">
        <v>26</v>
      </c>
      <c r="BY920" s="6">
        <v>28</v>
      </c>
      <c r="BZ920" s="6">
        <v>11</v>
      </c>
      <c r="CA920" s="6">
        <v>11</v>
      </c>
      <c r="CB920" s="6">
        <v>13</v>
      </c>
      <c r="CC920" s="11">
        <v>13</v>
      </c>
      <c r="CD920" s="11">
        <v>-45.091700000000003</v>
      </c>
      <c r="CE920" s="11">
        <v>-1.53111</v>
      </c>
      <c r="CF920" s="11">
        <v>18.174399999999999</v>
      </c>
      <c r="CG920" s="11">
        <v>16</v>
      </c>
      <c r="CH920" s="20">
        <v>1.23203</v>
      </c>
      <c r="CI920" s="20">
        <v>1.13392</v>
      </c>
      <c r="CJ920" s="20">
        <v>1.21336</v>
      </c>
      <c r="CK920" s="20">
        <v>1.1586799999999999</v>
      </c>
      <c r="CL920" s="20">
        <v>1.1324700000000001</v>
      </c>
      <c r="CM920" s="20">
        <v>1.1524300000000001</v>
      </c>
      <c r="CN920" s="20">
        <v>1.1303799999999999</v>
      </c>
      <c r="CO920" s="20">
        <v>0.98564600000000002</v>
      </c>
      <c r="CP920" s="20">
        <v>1.0163899999999999</v>
      </c>
      <c r="CQ920" s="20">
        <v>1.0236400000000001</v>
      </c>
      <c r="CR920" s="20">
        <v>1.0402899999999999</v>
      </c>
      <c r="CS920" s="20">
        <v>1.00728</v>
      </c>
      <c r="CT920" s="20">
        <v>1.0173300000000001</v>
      </c>
      <c r="CU920" s="20">
        <v>0.923593</v>
      </c>
      <c r="CV920" s="20">
        <v>0.86778599999999995</v>
      </c>
      <c r="CW920" s="20">
        <v>0.86065899999999995</v>
      </c>
      <c r="CX920" s="20">
        <v>0.83740199999999998</v>
      </c>
      <c r="CY920" s="6" t="s">
        <v>529</v>
      </c>
      <c r="CZ920" s="6" t="s">
        <v>530</v>
      </c>
      <c r="DA920" s="6" t="s">
        <v>96</v>
      </c>
      <c r="DB920" s="6"/>
      <c r="DC920" s="6"/>
      <c r="DD920" s="6"/>
      <c r="DE920" s="6"/>
      <c r="DF920" s="6"/>
      <c r="DG920" s="6"/>
      <c r="DH920" s="6" t="s">
        <v>333</v>
      </c>
      <c r="DI920" s="6"/>
      <c r="DJ920" s="6"/>
      <c r="DK920" s="6"/>
      <c r="DL920" s="6">
        <v>6</v>
      </c>
      <c r="DM920" s="6" t="s">
        <v>396</v>
      </c>
      <c r="DN920" s="6">
        <v>6</v>
      </c>
      <c r="DO920" s="6" t="s">
        <v>393</v>
      </c>
      <c r="DP920" s="6"/>
      <c r="DQ920" s="6"/>
    </row>
    <row r="921" spans="1:121" x14ac:dyDescent="0.2">
      <c r="A921" s="6" t="s">
        <v>327</v>
      </c>
      <c r="B921" s="6" t="s">
        <v>327</v>
      </c>
      <c r="C921" s="6" t="s">
        <v>194</v>
      </c>
      <c r="D921" s="6" t="s">
        <v>96</v>
      </c>
      <c r="E921" s="6" t="s">
        <v>237</v>
      </c>
      <c r="F921" s="11">
        <v>-26</v>
      </c>
      <c r="G921" s="13">
        <v>-4.70162748644E-2</v>
      </c>
      <c r="H921" s="11">
        <v>18.102127999999993</v>
      </c>
      <c r="I921" s="13">
        <v>3.2718142733979584E-2</v>
      </c>
      <c r="J921" s="11">
        <v>-19.664483000000018</v>
      </c>
      <c r="K921" s="13">
        <v>-3.4415948037003277E-2</v>
      </c>
      <c r="L921" s="11">
        <v>-24.482976794000024</v>
      </c>
      <c r="M921" s="13">
        <v>-4.4376325791568784E-2</v>
      </c>
      <c r="N921" s="11">
        <v>-44.147459794000042</v>
      </c>
      <c r="O921" s="13">
        <v>-7.7265020506056298E-2</v>
      </c>
      <c r="P921" s="7">
        <v>553.27492600000005</v>
      </c>
      <c r="Q921" s="7">
        <v>567.02585199999999</v>
      </c>
      <c r="R921" s="7">
        <v>581.81871999999998</v>
      </c>
      <c r="S921" s="7">
        <v>573.66803100000004</v>
      </c>
      <c r="T921" s="7">
        <v>567.01554299999998</v>
      </c>
      <c r="U921" s="7">
        <v>570.17280100000005</v>
      </c>
      <c r="V921" s="7">
        <v>571.37705400000004</v>
      </c>
      <c r="W921" s="7">
        <v>550.43284000000006</v>
      </c>
      <c r="X921" s="7">
        <v>555.81588099999999</v>
      </c>
      <c r="Y921" s="7">
        <v>551.71257100000003</v>
      </c>
      <c r="Z921" s="7">
        <v>533.68120999999996</v>
      </c>
      <c r="AA921" s="7">
        <v>530.17621599999995</v>
      </c>
      <c r="AB921" s="7">
        <v>525.73216600000001</v>
      </c>
      <c r="AC921" s="7">
        <v>543.65787399999999</v>
      </c>
      <c r="AD921" s="7">
        <v>526.838392</v>
      </c>
      <c r="AE921" s="7">
        <v>529.51712799999996</v>
      </c>
      <c r="AF921" s="7">
        <v>527.229594206</v>
      </c>
      <c r="AG921" s="9">
        <v>9173.5563308000019</v>
      </c>
      <c r="AH921" s="13">
        <v>0.32029245987868221</v>
      </c>
      <c r="AI921" s="9">
        <v>6793.8820274999998</v>
      </c>
      <c r="AJ921" s="13">
        <v>0.2372067176834764</v>
      </c>
      <c r="AK921" s="9">
        <v>753.71448349999991</v>
      </c>
      <c r="AL921" s="13">
        <v>2.1270297985233652E-2</v>
      </c>
      <c r="AM921" s="9">
        <v>1625.9598198000022</v>
      </c>
      <c r="AN921" s="13">
        <v>4.4929938203050003E-2</v>
      </c>
      <c r="AO921" s="9">
        <v>2379.6743033000021</v>
      </c>
      <c r="AP921" s="13">
        <v>6.7155909362320659E-2</v>
      </c>
      <c r="AQ921" s="9">
        <v>28641.187289500001</v>
      </c>
      <c r="AR921" s="9">
        <v>29282.6027325</v>
      </c>
      <c r="AS921" s="9">
        <v>29574.317753800002</v>
      </c>
      <c r="AT921" s="9">
        <v>31290.164099500002</v>
      </c>
      <c r="AU921" s="9">
        <v>33858.651246000001</v>
      </c>
      <c r="AV921" s="9">
        <v>35412.825693300001</v>
      </c>
      <c r="AW921" s="9">
        <v>35435.069317000001</v>
      </c>
      <c r="AX921" s="9">
        <v>36237.941768600002</v>
      </c>
      <c r="AY921" s="9">
        <v>36403.747340399997</v>
      </c>
      <c r="AZ921" s="9">
        <v>36188.783800500001</v>
      </c>
      <c r="BA921" s="9">
        <v>36069.748241200003</v>
      </c>
      <c r="BB921" s="9">
        <v>35569.912871300003</v>
      </c>
      <c r="BC921" s="9">
        <v>35318.442709000003</v>
      </c>
      <c r="BD921" s="9">
        <v>34793.635262999996</v>
      </c>
      <c r="BE921" s="9">
        <v>37428.016303600001</v>
      </c>
      <c r="BF921" s="9">
        <v>37814.743620300003</v>
      </c>
      <c r="BG921" s="11">
        <v>0</v>
      </c>
      <c r="BH921" s="13">
        <v>0</v>
      </c>
      <c r="BI921" s="6">
        <v>0</v>
      </c>
      <c r="BJ921" s="13">
        <v>0</v>
      </c>
      <c r="BK921" s="6">
        <v>-1</v>
      </c>
      <c r="BL921" s="13">
        <v>-2.3809523809523808E-2</v>
      </c>
      <c r="BM921" s="11">
        <v>1</v>
      </c>
      <c r="BN921" s="13">
        <v>2.4390243902439025E-2</v>
      </c>
      <c r="BO921" s="11">
        <v>0</v>
      </c>
      <c r="BP921" s="13">
        <v>0</v>
      </c>
      <c r="BQ921" s="6">
        <v>42</v>
      </c>
      <c r="BR921" s="6">
        <v>41</v>
      </c>
      <c r="BS921" s="6">
        <v>42</v>
      </c>
      <c r="BT921" s="6">
        <v>42</v>
      </c>
      <c r="BU921" s="6">
        <v>40</v>
      </c>
      <c r="BV921" s="6">
        <v>41</v>
      </c>
      <c r="BW921" s="6">
        <v>41</v>
      </c>
      <c r="BX921" s="6">
        <v>40</v>
      </c>
      <c r="BY921" s="6">
        <v>40</v>
      </c>
      <c r="BZ921" s="6">
        <v>40</v>
      </c>
      <c r="CA921" s="6">
        <v>39</v>
      </c>
      <c r="CB921" s="6">
        <v>42</v>
      </c>
      <c r="CC921" s="11">
        <v>42</v>
      </c>
      <c r="CD921" s="11">
        <v>-54.089399999999998</v>
      </c>
      <c r="CE921" s="11">
        <v>-32.435499999999998</v>
      </c>
      <c r="CF921" s="11">
        <v>60.479599999999998</v>
      </c>
      <c r="CG921" s="11">
        <v>28</v>
      </c>
      <c r="CH921" s="20">
        <v>1.23424</v>
      </c>
      <c r="CI921" s="20">
        <v>1.25546</v>
      </c>
      <c r="CJ921" s="20">
        <v>1.2379</v>
      </c>
      <c r="CK921" s="20">
        <v>1.1837800000000001</v>
      </c>
      <c r="CL921" s="20">
        <v>1.20242</v>
      </c>
      <c r="CM921" s="20">
        <v>1.1960999999999999</v>
      </c>
      <c r="CN921" s="20">
        <v>1.2304999999999999</v>
      </c>
      <c r="CO921" s="20">
        <v>1.1636899999999999</v>
      </c>
      <c r="CP921" s="20">
        <v>1.0960700000000001</v>
      </c>
      <c r="CQ921" s="20">
        <v>1.06412</v>
      </c>
      <c r="CR921" s="20">
        <v>1.1311199999999999</v>
      </c>
      <c r="CS921" s="20">
        <v>1.1546099999999999</v>
      </c>
      <c r="CT921" s="20">
        <v>1.12717</v>
      </c>
      <c r="CU921" s="20">
        <v>1.09351</v>
      </c>
      <c r="CV921" s="20">
        <v>1.04867</v>
      </c>
      <c r="CW921" s="20">
        <v>1.04383</v>
      </c>
      <c r="CX921" s="20">
        <v>1.00979</v>
      </c>
      <c r="CY921" s="6" t="s">
        <v>529</v>
      </c>
      <c r="CZ921" s="6" t="s">
        <v>530</v>
      </c>
      <c r="DA921" s="6" t="s">
        <v>96</v>
      </c>
      <c r="DB921" s="6"/>
      <c r="DC921" s="6"/>
      <c r="DD921" s="6"/>
      <c r="DE921" s="6"/>
      <c r="DF921" s="6"/>
      <c r="DG921" s="6"/>
      <c r="DH921" s="6" t="s">
        <v>333</v>
      </c>
      <c r="DI921" s="6"/>
      <c r="DJ921" s="6"/>
      <c r="DK921" s="6"/>
      <c r="DL921" s="6">
        <v>6</v>
      </c>
      <c r="DM921" s="6" t="s">
        <v>396</v>
      </c>
      <c r="DN921" s="6">
        <v>6</v>
      </c>
      <c r="DO921" s="6" t="s">
        <v>393</v>
      </c>
      <c r="DP921" s="6"/>
      <c r="DQ921" s="6"/>
    </row>
    <row r="922" spans="1:121" x14ac:dyDescent="0.2">
      <c r="A922" s="6" t="s">
        <v>1</v>
      </c>
      <c r="B922" s="6" t="s">
        <v>1</v>
      </c>
      <c r="C922" s="6" t="s">
        <v>2</v>
      </c>
      <c r="D922" s="6" t="s">
        <v>140</v>
      </c>
      <c r="E922" s="6" t="s">
        <v>281</v>
      </c>
      <c r="F922" s="11">
        <v>-56</v>
      </c>
      <c r="G922" s="13">
        <v>-0.24347826086999999</v>
      </c>
      <c r="H922" s="11">
        <v>-63.579634967000004</v>
      </c>
      <c r="I922" s="13">
        <v>-0.27584897592206503</v>
      </c>
      <c r="J922" s="11">
        <v>-22.893515871000005</v>
      </c>
      <c r="K922" s="13">
        <v>-0.13716291026548444</v>
      </c>
      <c r="L922" s="11">
        <v>29.999663236999993</v>
      </c>
      <c r="M922" s="13">
        <v>0.20831079237066688</v>
      </c>
      <c r="N922" s="11">
        <v>7.1061473659999876</v>
      </c>
      <c r="O922" s="13">
        <v>4.2575367583912713E-2</v>
      </c>
      <c r="P922" s="7">
        <v>230.4871162</v>
      </c>
      <c r="Q922" s="7">
        <v>228.46868029999999</v>
      </c>
      <c r="R922" s="7">
        <v>209.58827415299999</v>
      </c>
      <c r="S922" s="7">
        <v>251.63893322199999</v>
      </c>
      <c r="T922" s="7">
        <v>215.938814525</v>
      </c>
      <c r="U922" s="7">
        <v>184.70078840400001</v>
      </c>
      <c r="V922" s="7">
        <v>166.907481233</v>
      </c>
      <c r="W922" s="7">
        <v>193.973258402</v>
      </c>
      <c r="X922" s="7">
        <v>176.256357872</v>
      </c>
      <c r="Y922" s="7">
        <v>144.01396536199999</v>
      </c>
      <c r="Z922" s="7">
        <v>175.64213175899999</v>
      </c>
      <c r="AA922" s="7">
        <v>145.20279459899999</v>
      </c>
      <c r="AB922" s="7">
        <v>138.037605864</v>
      </c>
      <c r="AC922" s="7">
        <v>149.37186912000001</v>
      </c>
      <c r="AD922" s="7">
        <v>174.58599504200001</v>
      </c>
      <c r="AE922" s="7">
        <v>174.551462601</v>
      </c>
      <c r="AF922" s="7">
        <v>174.01362859899999</v>
      </c>
      <c r="AG922" s="9">
        <v>5584.8133718000026</v>
      </c>
      <c r="AH922" s="13">
        <v>0.30179014007539162</v>
      </c>
      <c r="AI922" s="9">
        <v>2069.7589126000021</v>
      </c>
      <c r="AJ922" s="13">
        <v>0.11184488908973585</v>
      </c>
      <c r="AK922" s="9">
        <v>328.15967259999888</v>
      </c>
      <c r="AL922" s="13">
        <v>1.5949144305003552E-2</v>
      </c>
      <c r="AM922" s="9">
        <v>3186.8947866000017</v>
      </c>
      <c r="AN922" s="13">
        <v>0.15245719834237209</v>
      </c>
      <c r="AO922" s="9">
        <v>3515.0544592000006</v>
      </c>
      <c r="AP922" s="13">
        <v>0.17083790450407468</v>
      </c>
      <c r="AQ922" s="9">
        <v>18505.619071599998</v>
      </c>
      <c r="AR922" s="9">
        <v>18071.2644282</v>
      </c>
      <c r="AS922" s="9">
        <v>18265.019322</v>
      </c>
      <c r="AT922" s="9">
        <v>19092.441069799999</v>
      </c>
      <c r="AU922" s="9">
        <v>20745.668092200001</v>
      </c>
      <c r="AV922" s="9">
        <v>20159.547230699998</v>
      </c>
      <c r="AW922" s="9">
        <v>20575.3779842</v>
      </c>
      <c r="AX922" s="9">
        <v>20970.1092374</v>
      </c>
      <c r="AY922" s="9">
        <v>22039.236203</v>
      </c>
      <c r="AZ922" s="9">
        <v>20903.537656799999</v>
      </c>
      <c r="BA922" s="9">
        <v>22205.6166343</v>
      </c>
      <c r="BB922" s="9">
        <v>20863.166683399999</v>
      </c>
      <c r="BC922" s="9">
        <v>23021.532728599999</v>
      </c>
      <c r="BD922" s="9">
        <v>22887.958660100001</v>
      </c>
      <c r="BE922" s="9">
        <v>24846.6663066</v>
      </c>
      <c r="BF922" s="9">
        <v>24090.432443400001</v>
      </c>
      <c r="BG922" s="11">
        <v>-0.25</v>
      </c>
      <c r="BH922" s="13">
        <v>-2.5000000000000001E-2</v>
      </c>
      <c r="BI922" s="6">
        <v>0</v>
      </c>
      <c r="BJ922" s="13">
        <v>0</v>
      </c>
      <c r="BK922" s="6">
        <v>2</v>
      </c>
      <c r="BL922" s="13">
        <v>0.2</v>
      </c>
      <c r="BM922" s="11">
        <v>-2.25</v>
      </c>
      <c r="BN922" s="13">
        <v>-0.1875</v>
      </c>
      <c r="BO922" s="11">
        <v>-0.25</v>
      </c>
      <c r="BP922" s="13">
        <v>-2.5000000000000001E-2</v>
      </c>
      <c r="BQ922" s="6">
        <v>10</v>
      </c>
      <c r="BR922" s="6">
        <v>9</v>
      </c>
      <c r="BS922" s="6">
        <v>9</v>
      </c>
      <c r="BT922" s="6">
        <v>10</v>
      </c>
      <c r="BU922" s="6">
        <v>12</v>
      </c>
      <c r="BV922" s="6">
        <v>11</v>
      </c>
      <c r="BW922" s="6">
        <v>12</v>
      </c>
      <c r="BX922" s="6">
        <v>9</v>
      </c>
      <c r="BY922" s="6">
        <v>8</v>
      </c>
      <c r="BZ922" s="6">
        <v>9</v>
      </c>
      <c r="CA922" s="6">
        <v>8</v>
      </c>
      <c r="CB922" s="6">
        <v>9</v>
      </c>
      <c r="CC922" s="11">
        <v>9.75</v>
      </c>
      <c r="CD922" s="11">
        <v>-60.6541</v>
      </c>
      <c r="CE922" s="11">
        <v>-21.014399999999998</v>
      </c>
      <c r="CF922" s="11">
        <v>25.195</v>
      </c>
      <c r="CG922" s="11">
        <v>4</v>
      </c>
      <c r="CH922" s="20">
        <v>1.0202199999999999</v>
      </c>
      <c r="CI922" s="20">
        <v>1.0119</v>
      </c>
      <c r="CJ922" s="20">
        <v>0.910887</v>
      </c>
      <c r="CK922" s="20">
        <v>1.07494</v>
      </c>
      <c r="CL922" s="20">
        <v>0.91208699999999998</v>
      </c>
      <c r="CM922" s="20">
        <v>0.79022199999999998</v>
      </c>
      <c r="CN922" s="20">
        <v>0.72930499999999998</v>
      </c>
      <c r="CO922" s="20">
        <v>0.88718600000000003</v>
      </c>
      <c r="CP922" s="20">
        <v>0.81947099999999995</v>
      </c>
      <c r="CQ922" s="20">
        <v>0.65762399999999999</v>
      </c>
      <c r="CR922" s="20">
        <v>0.82529399999999997</v>
      </c>
      <c r="CS922" s="20">
        <v>0.67238100000000001</v>
      </c>
      <c r="CT922" s="20">
        <v>0.64745299999999995</v>
      </c>
      <c r="CU922" s="20">
        <v>0.70807600000000004</v>
      </c>
      <c r="CV922" s="20">
        <v>0.826156</v>
      </c>
      <c r="CW922" s="20">
        <v>0.84022200000000002</v>
      </c>
      <c r="CX922" s="20">
        <v>0.83899400000000002</v>
      </c>
      <c r="CY922" s="6" t="s">
        <v>531</v>
      </c>
      <c r="CZ922" s="6" t="s">
        <v>532</v>
      </c>
      <c r="DA922" s="6" t="s">
        <v>140</v>
      </c>
      <c r="DB922" s="6" t="s">
        <v>345</v>
      </c>
      <c r="DC922" s="6">
        <v>48460</v>
      </c>
      <c r="DD922" s="6"/>
      <c r="DE922" s="6" t="s">
        <v>534</v>
      </c>
      <c r="DF922" s="6" t="s">
        <v>363</v>
      </c>
      <c r="DG922" s="6" t="s">
        <v>364</v>
      </c>
      <c r="DH922" s="6" t="s">
        <v>365</v>
      </c>
      <c r="DI922" s="6"/>
      <c r="DJ922" s="6">
        <v>29</v>
      </c>
      <c r="DK922" s="6">
        <v>91</v>
      </c>
      <c r="DL922" s="6">
        <v>8</v>
      </c>
      <c r="DM922" s="6" t="s">
        <v>368</v>
      </c>
      <c r="DN922" s="6">
        <v>7</v>
      </c>
      <c r="DO922" s="6" t="s">
        <v>369</v>
      </c>
      <c r="DP922" s="6"/>
      <c r="DQ922" s="6"/>
    </row>
    <row r="923" spans="1:121" x14ac:dyDescent="0.2">
      <c r="A923" s="6" t="s">
        <v>310</v>
      </c>
      <c r="B923" s="6" t="s">
        <v>310</v>
      </c>
      <c r="C923" s="6" t="s">
        <v>173</v>
      </c>
      <c r="D923" s="6" t="s">
        <v>140</v>
      </c>
      <c r="E923" s="6" t="s">
        <v>281</v>
      </c>
      <c r="F923" s="11">
        <v>-6</v>
      </c>
      <c r="G923" s="13">
        <v>-0.15384615384600001</v>
      </c>
      <c r="H923" s="11">
        <v>-1.9158240247000009</v>
      </c>
      <c r="I923" s="13">
        <v>-4.8573444215874555E-2</v>
      </c>
      <c r="J923" s="11">
        <v>-5.1598560000000049</v>
      </c>
      <c r="K923" s="13">
        <v>-0.13750091769767486</v>
      </c>
      <c r="L923" s="11">
        <v>0.53211782390000195</v>
      </c>
      <c r="M923" s="13">
        <v>1.6440581705208523E-2</v>
      </c>
      <c r="N923" s="11">
        <v>-4.6277381761000029</v>
      </c>
      <c r="O923" s="13">
        <v>-0.12332093106441612</v>
      </c>
      <c r="P923" s="7">
        <v>39.441799024700003</v>
      </c>
      <c r="Q923" s="7">
        <v>45.842562329000003</v>
      </c>
      <c r="R923" s="7">
        <v>46.004131179799998</v>
      </c>
      <c r="S923" s="7">
        <v>41.969203245999999</v>
      </c>
      <c r="T923" s="7">
        <v>40.271044763299997</v>
      </c>
      <c r="U923" s="7">
        <v>32.205292</v>
      </c>
      <c r="V923" s="7">
        <v>37.525975000000003</v>
      </c>
      <c r="W923" s="7">
        <v>32.161309850000002</v>
      </c>
      <c r="X923" s="7">
        <v>30.539826467099999</v>
      </c>
      <c r="Y923" s="7">
        <v>32.366118999999998</v>
      </c>
      <c r="Z923" s="7">
        <v>31.075153</v>
      </c>
      <c r="AA923" s="7">
        <v>31.858388000000001</v>
      </c>
      <c r="AB923" s="7">
        <v>30.2576243677</v>
      </c>
      <c r="AC923" s="7">
        <v>32.366344202400001</v>
      </c>
      <c r="AD923" s="7">
        <v>32.8552265525</v>
      </c>
      <c r="AE923" s="7">
        <v>33.301145571399999</v>
      </c>
      <c r="AF923" s="7">
        <v>32.8982368239</v>
      </c>
      <c r="AG923" s="9">
        <v>7233.5954133999949</v>
      </c>
      <c r="AH923" s="13">
        <v>0.24979910456132084</v>
      </c>
      <c r="AI923" s="9">
        <v>3517.017807799999</v>
      </c>
      <c r="AJ923" s="13">
        <v>0.12145383435285564</v>
      </c>
      <c r="AK923" s="9">
        <v>-2785.5573546000014</v>
      </c>
      <c r="AL923" s="13">
        <v>-8.5776311645015091E-2</v>
      </c>
      <c r="AM923" s="9">
        <v>6502.1349601999973</v>
      </c>
      <c r="AN923" s="13">
        <v>0.21900739138858677</v>
      </c>
      <c r="AO923" s="9">
        <v>3716.5776055999959</v>
      </c>
      <c r="AP923" s="13">
        <v>0.11444543348726244</v>
      </c>
      <c r="AQ923" s="9">
        <v>28957.651494000002</v>
      </c>
      <c r="AR923" s="9">
        <v>28063.8939947</v>
      </c>
      <c r="AS923" s="9">
        <v>30274.1848398</v>
      </c>
      <c r="AT923" s="9">
        <v>32455.580380399999</v>
      </c>
      <c r="AU923" s="9">
        <v>32589.107052700001</v>
      </c>
      <c r="AV923" s="9">
        <v>33772.305817599998</v>
      </c>
      <c r="AW923" s="9">
        <v>32474.669301800001</v>
      </c>
      <c r="AX923" s="9">
        <v>33369.992336199997</v>
      </c>
      <c r="AY923" s="9">
        <v>35521.549557500002</v>
      </c>
      <c r="AZ923" s="9">
        <v>29689.111947199999</v>
      </c>
      <c r="BA923" s="9">
        <v>31659.2266323</v>
      </c>
      <c r="BB923" s="9">
        <v>31475.6600899</v>
      </c>
      <c r="BC923" s="9">
        <v>31887.752254899999</v>
      </c>
      <c r="BD923" s="9">
        <v>31274.0093337</v>
      </c>
      <c r="BE923" s="9">
        <v>33582.063437600002</v>
      </c>
      <c r="BF923" s="9">
        <v>36191.246907399996</v>
      </c>
      <c r="BG923" s="11">
        <v>1</v>
      </c>
      <c r="BH923" s="13">
        <v>0.25</v>
      </c>
      <c r="BI923" s="6">
        <v>0</v>
      </c>
      <c r="BJ923" s="13">
        <v>0</v>
      </c>
      <c r="BK923" s="6">
        <v>1</v>
      </c>
      <c r="BL923" s="13">
        <v>0.25</v>
      </c>
      <c r="BM923" s="11">
        <v>0</v>
      </c>
      <c r="BN923" s="13">
        <v>0</v>
      </c>
      <c r="BO923" s="11">
        <v>1</v>
      </c>
      <c r="BP923" s="13">
        <v>0.25</v>
      </c>
      <c r="BQ923" s="6">
        <v>4</v>
      </c>
      <c r="BR923" s="6">
        <v>4</v>
      </c>
      <c r="BS923" s="6">
        <v>4</v>
      </c>
      <c r="BT923" s="6">
        <v>4</v>
      </c>
      <c r="BU923" s="6">
        <v>4</v>
      </c>
      <c r="BV923" s="6">
        <v>4</v>
      </c>
      <c r="BW923" s="6">
        <v>5</v>
      </c>
      <c r="BX923" s="6">
        <v>5</v>
      </c>
      <c r="BY923" s="6">
        <v>5</v>
      </c>
      <c r="BZ923" s="6">
        <v>5</v>
      </c>
      <c r="CA923" s="6">
        <v>5</v>
      </c>
      <c r="CB923" s="6">
        <v>5</v>
      </c>
      <c r="CC923" s="11">
        <v>5</v>
      </c>
      <c r="CD923" s="11">
        <v>-14.946999999999999</v>
      </c>
      <c r="CE923" s="11">
        <v>4.0919999999999996</v>
      </c>
      <c r="CF923" s="11">
        <v>4.3114600000000003</v>
      </c>
      <c r="CG923" s="11">
        <v>8</v>
      </c>
      <c r="CH923" s="20">
        <v>0.61533400000000005</v>
      </c>
      <c r="CI923" s="20">
        <v>0.74752799999999997</v>
      </c>
      <c r="CJ923" s="20">
        <v>0.74654100000000001</v>
      </c>
      <c r="CK923" s="20">
        <v>0.64773499999999995</v>
      </c>
      <c r="CL923" s="20">
        <v>0.57337000000000005</v>
      </c>
      <c r="CM923" s="20">
        <v>0.42161300000000002</v>
      </c>
      <c r="CN923" s="20">
        <v>0.46559200000000001</v>
      </c>
      <c r="CO923" s="20">
        <v>0.37684899999999999</v>
      </c>
      <c r="CP923" s="20">
        <v>0.39959800000000001</v>
      </c>
      <c r="CQ923" s="20">
        <v>0.40788200000000002</v>
      </c>
      <c r="CR923" s="20">
        <v>0.36275099999999999</v>
      </c>
      <c r="CS923" s="20">
        <v>0.340115</v>
      </c>
      <c r="CT923" s="20">
        <v>0.32472099999999998</v>
      </c>
      <c r="CU923" s="20">
        <v>0.34450799999999998</v>
      </c>
      <c r="CV923" s="20">
        <v>0.394592</v>
      </c>
      <c r="CW923" s="20">
        <v>0.47888399999999998</v>
      </c>
      <c r="CX923" s="20">
        <v>0.46922399999999997</v>
      </c>
      <c r="CY923" s="6" t="s">
        <v>531</v>
      </c>
      <c r="CZ923" s="6" t="s">
        <v>532</v>
      </c>
      <c r="DA923" s="6" t="s">
        <v>140</v>
      </c>
      <c r="DB923" s="6" t="s">
        <v>345</v>
      </c>
      <c r="DC923" s="6">
        <v>48460</v>
      </c>
      <c r="DD923" s="6"/>
      <c r="DE923" s="6" t="s">
        <v>534</v>
      </c>
      <c r="DF923" s="6" t="s">
        <v>363</v>
      </c>
      <c r="DG923" s="6" t="s">
        <v>364</v>
      </c>
      <c r="DH923" s="6" t="s">
        <v>365</v>
      </c>
      <c r="DI923" s="6"/>
      <c r="DJ923" s="6">
        <v>29</v>
      </c>
      <c r="DK923" s="6">
        <v>91</v>
      </c>
      <c r="DL923" s="6">
        <v>8</v>
      </c>
      <c r="DM923" s="6" t="s">
        <v>368</v>
      </c>
      <c r="DN923" s="6">
        <v>7</v>
      </c>
      <c r="DO923" s="6" t="s">
        <v>369</v>
      </c>
      <c r="DP923" s="6"/>
      <c r="DQ923" s="6"/>
    </row>
    <row r="924" spans="1:121" x14ac:dyDescent="0.2">
      <c r="A924" s="6" t="s">
        <v>311</v>
      </c>
      <c r="B924" s="6" t="s">
        <v>311</v>
      </c>
      <c r="C924" s="6" t="s">
        <v>174</v>
      </c>
      <c r="D924" s="6" t="s">
        <v>140</v>
      </c>
      <c r="E924" s="6" t="s">
        <v>281</v>
      </c>
      <c r="F924" s="11">
        <v>46</v>
      </c>
      <c r="G924" s="13">
        <v>0.613333333333</v>
      </c>
      <c r="H924" s="11">
        <v>57.826112999999992</v>
      </c>
      <c r="I924" s="13">
        <v>0.76770086982916763</v>
      </c>
      <c r="J924" s="11">
        <v>-44.022869</v>
      </c>
      <c r="K924" s="13">
        <v>-0.33062645371434801</v>
      </c>
      <c r="L924" s="11">
        <v>31.538611764000009</v>
      </c>
      <c r="M924" s="13">
        <v>0.35386147591638911</v>
      </c>
      <c r="N924" s="11">
        <v>-12.484257235999991</v>
      </c>
      <c r="O924" s="13">
        <v>-9.3760942686319806E-2</v>
      </c>
      <c r="P924" s="7">
        <v>75.323756000000003</v>
      </c>
      <c r="Q924" s="7">
        <v>86.812862999999993</v>
      </c>
      <c r="R924" s="7">
        <v>100.75928500000001</v>
      </c>
      <c r="S924" s="7">
        <v>98.143856999999997</v>
      </c>
      <c r="T924" s="7">
        <v>107.787526</v>
      </c>
      <c r="U924" s="7">
        <v>123.015398</v>
      </c>
      <c r="V924" s="7">
        <v>133.149869</v>
      </c>
      <c r="W924" s="7">
        <v>128.14798500000001</v>
      </c>
      <c r="X924" s="7">
        <v>111.920877</v>
      </c>
      <c r="Y924" s="7">
        <v>89.126999999999995</v>
      </c>
      <c r="Z924" s="7">
        <v>97.148408000000003</v>
      </c>
      <c r="AA924" s="7">
        <v>101.841438</v>
      </c>
      <c r="AB924" s="7">
        <v>113.501128618</v>
      </c>
      <c r="AC924" s="7">
        <v>114.15062637600001</v>
      </c>
      <c r="AD924" s="7">
        <v>116.93179873299999</v>
      </c>
      <c r="AE924" s="7">
        <v>121.08863764900001</v>
      </c>
      <c r="AF924" s="7">
        <v>120.665611764</v>
      </c>
      <c r="AG924" s="9">
        <v>21321.531191500006</v>
      </c>
      <c r="AH924" s="13">
        <v>0.25721778815261348</v>
      </c>
      <c r="AI924" s="9">
        <v>1047.8776159000117</v>
      </c>
      <c r="AJ924" s="13">
        <v>1.2641341758976778E-2</v>
      </c>
      <c r="AK924" s="9">
        <v>28110.930076599994</v>
      </c>
      <c r="AL924" s="13">
        <v>0.33488999303516365</v>
      </c>
      <c r="AM924" s="9">
        <v>-7837.2765010000003</v>
      </c>
      <c r="AN924" s="13">
        <v>-6.9943385076636874E-2</v>
      </c>
      <c r="AO924" s="9">
        <v>20273.653575599994</v>
      </c>
      <c r="AP924" s="13">
        <v>0.24152326821735609</v>
      </c>
      <c r="AQ924" s="9">
        <v>82892.910885499994</v>
      </c>
      <c r="AR924" s="9">
        <v>91290.747795999996</v>
      </c>
      <c r="AS924" s="9">
        <v>75013.384801399996</v>
      </c>
      <c r="AT924" s="9">
        <v>71444.361066400001</v>
      </c>
      <c r="AU924" s="9">
        <v>89645.265866600006</v>
      </c>
      <c r="AV924" s="9">
        <v>91200.192023399999</v>
      </c>
      <c r="AW924" s="9">
        <v>83940.788501400006</v>
      </c>
      <c r="AX924" s="9">
        <v>89949.462743199998</v>
      </c>
      <c r="AY924" s="9">
        <v>99514.339794300002</v>
      </c>
      <c r="AZ924" s="9">
        <v>112051.718578</v>
      </c>
      <c r="BA924" s="9">
        <v>109770.02241200001</v>
      </c>
      <c r="BB924" s="9">
        <v>94818.331037199998</v>
      </c>
      <c r="BC924" s="9">
        <v>89489.835959100004</v>
      </c>
      <c r="BD924" s="9">
        <v>86370.444943099996</v>
      </c>
      <c r="BE924" s="9">
        <v>94041.403611600006</v>
      </c>
      <c r="BF924" s="9">
        <v>104214.442077</v>
      </c>
      <c r="BG924" s="11">
        <v>1</v>
      </c>
      <c r="BH924" s="13">
        <v>0.5</v>
      </c>
      <c r="BI924" s="6">
        <v>0</v>
      </c>
      <c r="BJ924" s="13">
        <v>0</v>
      </c>
      <c r="BK924" s="6">
        <v>0</v>
      </c>
      <c r="BL924" s="13">
        <v>0</v>
      </c>
      <c r="BM924" s="11">
        <v>1</v>
      </c>
      <c r="BN924" s="13">
        <v>0.5</v>
      </c>
      <c r="BO924" s="11">
        <v>1</v>
      </c>
      <c r="BP924" s="13">
        <v>0.5</v>
      </c>
      <c r="BQ924" s="6">
        <v>2</v>
      </c>
      <c r="BR924" s="6">
        <v>2</v>
      </c>
      <c r="BS924" s="6">
        <v>2</v>
      </c>
      <c r="BT924" s="6">
        <v>2</v>
      </c>
      <c r="BU924" s="6">
        <v>2</v>
      </c>
      <c r="BV924" s="6">
        <v>2</v>
      </c>
      <c r="BW924" s="6">
        <v>2</v>
      </c>
      <c r="BX924" s="6">
        <v>2</v>
      </c>
      <c r="BY924" s="6">
        <v>2</v>
      </c>
      <c r="BZ924" s="6">
        <v>2</v>
      </c>
      <c r="CA924" s="6">
        <v>3</v>
      </c>
      <c r="CB924" s="6">
        <v>3</v>
      </c>
      <c r="CC924" s="11">
        <v>3</v>
      </c>
      <c r="CD924" s="11">
        <v>49.374099999999999</v>
      </c>
      <c r="CE924" s="11">
        <v>-12.266</v>
      </c>
      <c r="CF924" s="11">
        <v>8.2337900000000008</v>
      </c>
      <c r="CG924" s="11">
        <v>-4</v>
      </c>
      <c r="CH924" s="20">
        <v>1.0725499999999999</v>
      </c>
      <c r="CI924" s="20">
        <v>1.2410099999999999</v>
      </c>
      <c r="CJ924" s="20">
        <v>1.45946</v>
      </c>
      <c r="CK924" s="20">
        <v>1.4352799999999999</v>
      </c>
      <c r="CL924" s="20">
        <v>1.60643</v>
      </c>
      <c r="CM924" s="20">
        <v>1.8668</v>
      </c>
      <c r="CN924" s="20">
        <v>2.0358100000000001</v>
      </c>
      <c r="CO924" s="20">
        <v>1.9641299999999999</v>
      </c>
      <c r="CP924" s="20">
        <v>1.7198</v>
      </c>
      <c r="CQ924" s="20">
        <v>1.35924</v>
      </c>
      <c r="CR924" s="20">
        <v>1.53759</v>
      </c>
      <c r="CS924" s="20">
        <v>1.6093900000000001</v>
      </c>
      <c r="CT924" s="20">
        <v>1.8392999999999999</v>
      </c>
      <c r="CU924" s="20">
        <v>1.88351</v>
      </c>
      <c r="CV924" s="20">
        <v>1.9288700000000001</v>
      </c>
      <c r="CW924" s="20">
        <v>2.0292699999999999</v>
      </c>
      <c r="CX924" s="20">
        <v>2.0132400000000001</v>
      </c>
      <c r="CY924" s="6" t="s">
        <v>531</v>
      </c>
      <c r="CZ924" s="6" t="s">
        <v>532</v>
      </c>
      <c r="DA924" s="6" t="s">
        <v>140</v>
      </c>
      <c r="DB924" s="6" t="s">
        <v>345</v>
      </c>
      <c r="DC924" s="6">
        <v>48460</v>
      </c>
      <c r="DD924" s="6"/>
      <c r="DE924" s="6" t="s">
        <v>534</v>
      </c>
      <c r="DF924" s="6" t="s">
        <v>363</v>
      </c>
      <c r="DG924" s="6" t="s">
        <v>364</v>
      </c>
      <c r="DH924" s="6" t="s">
        <v>365</v>
      </c>
      <c r="DI924" s="6"/>
      <c r="DJ924" s="6">
        <v>29</v>
      </c>
      <c r="DK924" s="6">
        <v>91</v>
      </c>
      <c r="DL924" s="6">
        <v>8</v>
      </c>
      <c r="DM924" s="6" t="s">
        <v>368</v>
      </c>
      <c r="DN924" s="6">
        <v>7</v>
      </c>
      <c r="DO924" s="6" t="s">
        <v>369</v>
      </c>
      <c r="DP924" s="6"/>
      <c r="DQ924" s="6"/>
    </row>
    <row r="925" spans="1:121" x14ac:dyDescent="0.2">
      <c r="A925" s="6" t="s">
        <v>312</v>
      </c>
      <c r="B925" s="6" t="s">
        <v>312</v>
      </c>
      <c r="C925" s="6" t="s">
        <v>175</v>
      </c>
      <c r="D925" s="6" t="s">
        <v>140</v>
      </c>
      <c r="E925" s="6" t="s">
        <v>281</v>
      </c>
      <c r="F925" s="11">
        <v>-81</v>
      </c>
      <c r="G925" s="13">
        <v>-0.10292249047</v>
      </c>
      <c r="H925" s="11">
        <v>202.01429626899994</v>
      </c>
      <c r="I925" s="13">
        <v>0.25659081287213981</v>
      </c>
      <c r="J925" s="11">
        <v>-221.05710640999996</v>
      </c>
      <c r="K925" s="13">
        <v>-0.22344446357515907</v>
      </c>
      <c r="L925" s="11">
        <v>-62.445948817000044</v>
      </c>
      <c r="M925" s="13">
        <v>-8.1282465028895814E-2</v>
      </c>
      <c r="N925" s="11">
        <v>-283.503055227</v>
      </c>
      <c r="O925" s="13">
        <v>-0.28656481180760662</v>
      </c>
      <c r="P925" s="7">
        <v>787.30136129100003</v>
      </c>
      <c r="Q925" s="7">
        <v>752.73023420100003</v>
      </c>
      <c r="R925" s="7">
        <v>827.89598893799996</v>
      </c>
      <c r="S925" s="7">
        <v>906.64852816600001</v>
      </c>
      <c r="T925" s="7">
        <v>975.92307912499996</v>
      </c>
      <c r="U925" s="7">
        <v>946.50593860499998</v>
      </c>
      <c r="V925" s="7">
        <v>989.31565755999998</v>
      </c>
      <c r="W925" s="7">
        <v>899.387098401</v>
      </c>
      <c r="X925" s="7">
        <v>776.85148730399999</v>
      </c>
      <c r="Y925" s="7">
        <v>768.25855115000002</v>
      </c>
      <c r="Z925" s="7">
        <v>705.86312722800005</v>
      </c>
      <c r="AA925" s="7">
        <v>664.99255159400002</v>
      </c>
      <c r="AB925" s="7">
        <v>677.38717061299997</v>
      </c>
      <c r="AC925" s="7">
        <v>669.76479287300003</v>
      </c>
      <c r="AD925" s="7">
        <v>707.91155543800005</v>
      </c>
      <c r="AE925" s="7">
        <v>711.78186736500004</v>
      </c>
      <c r="AF925" s="7">
        <v>705.81260233299997</v>
      </c>
      <c r="AG925" s="9">
        <v>4655.8015787000004</v>
      </c>
      <c r="AH925" s="13">
        <v>0.19626509712327497</v>
      </c>
      <c r="AI925" s="9">
        <v>1457.2430989999993</v>
      </c>
      <c r="AJ925" s="13">
        <v>6.1430014471818638E-2</v>
      </c>
      <c r="AK925" s="9">
        <v>-778.18737169999804</v>
      </c>
      <c r="AL925" s="13">
        <v>-3.0905902130245268E-2</v>
      </c>
      <c r="AM925" s="9">
        <v>3976.7458513999991</v>
      </c>
      <c r="AN925" s="13">
        <v>0.16297430370841259</v>
      </c>
      <c r="AO925" s="9">
        <v>3198.558479700001</v>
      </c>
      <c r="AP925" s="13">
        <v>0.12703153369801023</v>
      </c>
      <c r="AQ925" s="9">
        <v>23722.0048136</v>
      </c>
      <c r="AR925" s="9">
        <v>24774.833703799999</v>
      </c>
      <c r="AS925" s="9">
        <v>25898.132648800001</v>
      </c>
      <c r="AT925" s="9">
        <v>26389.495700700001</v>
      </c>
      <c r="AU925" s="9">
        <v>26467.334781199999</v>
      </c>
      <c r="AV925" s="9">
        <v>27445.799571399999</v>
      </c>
      <c r="AW925" s="9">
        <v>25179.2479126</v>
      </c>
      <c r="AX925" s="9">
        <v>24572.230452299998</v>
      </c>
      <c r="AY925" s="9">
        <v>23346.825301699999</v>
      </c>
      <c r="AZ925" s="9">
        <v>24401.060540900002</v>
      </c>
      <c r="BA925" s="9">
        <v>24694.500536</v>
      </c>
      <c r="BB925" s="9">
        <v>25048.848474300001</v>
      </c>
      <c r="BC925" s="9">
        <v>25858.2098463</v>
      </c>
      <c r="BD925" s="9">
        <v>26223.2560534</v>
      </c>
      <c r="BE925" s="9">
        <v>27006.187259800001</v>
      </c>
      <c r="BF925" s="9">
        <v>28377.806392300001</v>
      </c>
      <c r="BG925" s="11">
        <v>-22.75</v>
      </c>
      <c r="BH925" s="13">
        <v>-0.22979797979797981</v>
      </c>
      <c r="BI925" s="6">
        <v>3</v>
      </c>
      <c r="BJ925" s="13">
        <v>3.0303030303030304E-2</v>
      </c>
      <c r="BK925" s="6">
        <v>-21</v>
      </c>
      <c r="BL925" s="13">
        <v>-0.20588235294117646</v>
      </c>
      <c r="BM925" s="11">
        <v>-4.75</v>
      </c>
      <c r="BN925" s="13">
        <v>-5.8641975308641972E-2</v>
      </c>
      <c r="BO925" s="11">
        <v>-25.75</v>
      </c>
      <c r="BP925" s="13">
        <v>-0.25245098039215685</v>
      </c>
      <c r="BQ925" s="6">
        <v>99</v>
      </c>
      <c r="BR925" s="6">
        <v>99</v>
      </c>
      <c r="BS925" s="6">
        <v>97</v>
      </c>
      <c r="BT925" s="6">
        <v>102</v>
      </c>
      <c r="BU925" s="6">
        <v>96</v>
      </c>
      <c r="BV925" s="6">
        <v>89</v>
      </c>
      <c r="BW925" s="6">
        <v>81</v>
      </c>
      <c r="BX925" s="6">
        <v>78</v>
      </c>
      <c r="BY925" s="6">
        <v>79</v>
      </c>
      <c r="BZ925" s="6">
        <v>75</v>
      </c>
      <c r="CA925" s="6">
        <v>75</v>
      </c>
      <c r="CB925" s="6">
        <v>76</v>
      </c>
      <c r="CC925" s="11">
        <v>76.25</v>
      </c>
      <c r="CD925" s="11">
        <v>-72.188100000000006</v>
      </c>
      <c r="CE925" s="11">
        <v>-95.362200000000001</v>
      </c>
      <c r="CF925" s="11">
        <v>86.061499999999995</v>
      </c>
      <c r="CG925" s="11">
        <v>-9</v>
      </c>
      <c r="CH925" s="20">
        <v>0.77290599999999998</v>
      </c>
      <c r="CI925" s="20">
        <v>0.73675100000000004</v>
      </c>
      <c r="CJ925" s="20">
        <v>0.78461800000000004</v>
      </c>
      <c r="CK925" s="20">
        <v>0.81340599999999996</v>
      </c>
      <c r="CL925" s="20">
        <v>0.83188099999999998</v>
      </c>
      <c r="CM925" s="20">
        <v>0.78238399999999997</v>
      </c>
      <c r="CN925" s="20">
        <v>0.83502399999999999</v>
      </c>
      <c r="CO925" s="20">
        <v>0.81669400000000003</v>
      </c>
      <c r="CP925" s="20">
        <v>0.81577699999999997</v>
      </c>
      <c r="CQ925" s="20">
        <v>0.85660800000000004</v>
      </c>
      <c r="CR925" s="20">
        <v>0.82538800000000001</v>
      </c>
      <c r="CS925" s="20">
        <v>0.76908900000000002</v>
      </c>
      <c r="CT925" s="20">
        <v>0.78391299999999997</v>
      </c>
      <c r="CU925" s="20">
        <v>0.76525500000000002</v>
      </c>
      <c r="CV925" s="20">
        <v>0.78622599999999998</v>
      </c>
      <c r="CW925" s="20">
        <v>0.78655200000000003</v>
      </c>
      <c r="CX925" s="20">
        <v>0.77762600000000004</v>
      </c>
      <c r="CY925" s="6" t="s">
        <v>531</v>
      </c>
      <c r="CZ925" s="6" t="s">
        <v>532</v>
      </c>
      <c r="DA925" s="6" t="s">
        <v>140</v>
      </c>
      <c r="DB925" s="6" t="s">
        <v>345</v>
      </c>
      <c r="DC925" s="6">
        <v>48460</v>
      </c>
      <c r="DD925" s="6"/>
      <c r="DE925" s="6" t="s">
        <v>534</v>
      </c>
      <c r="DF925" s="6" t="s">
        <v>363</v>
      </c>
      <c r="DG925" s="6" t="s">
        <v>364</v>
      </c>
      <c r="DH925" s="6" t="s">
        <v>365</v>
      </c>
      <c r="DI925" s="6"/>
      <c r="DJ925" s="6">
        <v>29</v>
      </c>
      <c r="DK925" s="6">
        <v>91</v>
      </c>
      <c r="DL925" s="6">
        <v>8</v>
      </c>
      <c r="DM925" s="6" t="s">
        <v>368</v>
      </c>
      <c r="DN925" s="6">
        <v>7</v>
      </c>
      <c r="DO925" s="6" t="s">
        <v>369</v>
      </c>
      <c r="DP925" s="6"/>
      <c r="DQ925" s="6"/>
    </row>
    <row r="926" spans="1:121" x14ac:dyDescent="0.2">
      <c r="A926" s="6" t="s">
        <v>792</v>
      </c>
      <c r="B926" s="6" t="s">
        <v>176</v>
      </c>
      <c r="C926" s="6" t="s">
        <v>177</v>
      </c>
      <c r="D926" s="6" t="s">
        <v>140</v>
      </c>
      <c r="E926" s="6" t="s">
        <v>281</v>
      </c>
      <c r="F926" s="11">
        <v>-1385</v>
      </c>
      <c r="G926" s="13">
        <v>-0.37924424972600002</v>
      </c>
      <c r="H926" s="11">
        <v>-98.103877640000064</v>
      </c>
      <c r="I926" s="13">
        <v>-2.686582475105859E-2</v>
      </c>
      <c r="J926" s="11">
        <v>-523.06016770999986</v>
      </c>
      <c r="K926" s="13">
        <v>-0.14719495594036497</v>
      </c>
      <c r="L926" s="11">
        <v>-763.48285987999998</v>
      </c>
      <c r="M926" s="13">
        <v>-0.25193633684173994</v>
      </c>
      <c r="N926" s="11">
        <v>-1286.5430275899998</v>
      </c>
      <c r="O926" s="13">
        <v>-0.36204753478090806</v>
      </c>
      <c r="P926" s="7">
        <v>3651.6235235300001</v>
      </c>
      <c r="Q926" s="7">
        <v>3471.0704252400001</v>
      </c>
      <c r="R926" s="7">
        <v>3557.93111176</v>
      </c>
      <c r="S926" s="7">
        <v>3620.9959773199998</v>
      </c>
      <c r="T926" s="7">
        <v>3761.5432850799998</v>
      </c>
      <c r="U926" s="7">
        <v>3663.3793075799999</v>
      </c>
      <c r="V926" s="7">
        <v>3553.51964589</v>
      </c>
      <c r="W926" s="7">
        <v>3248.72166032</v>
      </c>
      <c r="X926" s="7">
        <v>3014.98085416</v>
      </c>
      <c r="Y926" s="7">
        <v>3030.4594781800001</v>
      </c>
      <c r="Z926" s="7">
        <v>2667.97822679</v>
      </c>
      <c r="AA926" s="7">
        <v>2698.9668308300002</v>
      </c>
      <c r="AB926" s="7">
        <v>2764.5786700600001</v>
      </c>
      <c r="AC926" s="7">
        <v>2676.3851209099998</v>
      </c>
      <c r="AD926" s="7">
        <v>2481.5953109100001</v>
      </c>
      <c r="AE926" s="7">
        <v>2309.5585444500002</v>
      </c>
      <c r="AF926" s="7">
        <v>2266.9766183000002</v>
      </c>
      <c r="AG926" s="9">
        <v>15815.389240100001</v>
      </c>
      <c r="AH926" s="13">
        <v>0.53955659328218619</v>
      </c>
      <c r="AI926" s="9">
        <v>4998.3059920999985</v>
      </c>
      <c r="AJ926" s="13">
        <v>0.17052181975018912</v>
      </c>
      <c r="AK926" s="9">
        <v>8073.1305855000028</v>
      </c>
      <c r="AL926" s="13">
        <v>0.2352987296488992</v>
      </c>
      <c r="AM926" s="9">
        <v>2743.9526624999999</v>
      </c>
      <c r="AN926" s="13">
        <v>6.4741420653954732E-2</v>
      </c>
      <c r="AO926" s="9">
        <v>10817.083248000003</v>
      </c>
      <c r="AP926" s="13">
        <v>0.31527372433839451</v>
      </c>
      <c r="AQ926" s="9">
        <v>29311.826483100001</v>
      </c>
      <c r="AR926" s="9">
        <v>30329.864684700002</v>
      </c>
      <c r="AS926" s="9">
        <v>31831.965252599999</v>
      </c>
      <c r="AT926" s="9">
        <v>33947.067713099997</v>
      </c>
      <c r="AU926" s="9">
        <v>33335.213972099999</v>
      </c>
      <c r="AV926" s="9">
        <v>35123.907633199997</v>
      </c>
      <c r="AW926" s="9">
        <v>34310.1324752</v>
      </c>
      <c r="AX926" s="9">
        <v>37367.041080399998</v>
      </c>
      <c r="AY926" s="9">
        <v>39162.577244300002</v>
      </c>
      <c r="AZ926" s="9">
        <v>42383.263060700003</v>
      </c>
      <c r="BA926" s="9">
        <v>41171.5889646</v>
      </c>
      <c r="BB926" s="9">
        <v>41725.405276400001</v>
      </c>
      <c r="BC926" s="9">
        <v>41506.6594979</v>
      </c>
      <c r="BD926" s="9">
        <v>41797.641173399999</v>
      </c>
      <c r="BE926" s="9">
        <v>44346.1415509</v>
      </c>
      <c r="BF926" s="9">
        <v>45127.215723200003</v>
      </c>
      <c r="BG926" s="11">
        <v>-8.5</v>
      </c>
      <c r="BH926" s="13">
        <v>-0.10493827160493827</v>
      </c>
      <c r="BI926" s="6">
        <v>-1</v>
      </c>
      <c r="BJ926" s="13">
        <v>-1.2345679012345678E-2</v>
      </c>
      <c r="BK926" s="6">
        <v>1</v>
      </c>
      <c r="BL926" s="13">
        <v>1.2500000000000001E-2</v>
      </c>
      <c r="BM926" s="11">
        <v>-8.5</v>
      </c>
      <c r="BN926" s="13">
        <v>-0.10493827160493827</v>
      </c>
      <c r="BO926" s="11">
        <v>-7.5</v>
      </c>
      <c r="BP926" s="13">
        <v>-9.375E-2</v>
      </c>
      <c r="BQ926" s="6">
        <v>81</v>
      </c>
      <c r="BR926" s="6">
        <v>83</v>
      </c>
      <c r="BS926" s="6">
        <v>81</v>
      </c>
      <c r="BT926" s="6">
        <v>80</v>
      </c>
      <c r="BU926" s="6">
        <v>78</v>
      </c>
      <c r="BV926" s="6">
        <v>78</v>
      </c>
      <c r="BW926" s="6">
        <v>81</v>
      </c>
      <c r="BX926" s="6">
        <v>77</v>
      </c>
      <c r="BY926" s="6">
        <v>75</v>
      </c>
      <c r="BZ926" s="6">
        <v>74</v>
      </c>
      <c r="CA926" s="6">
        <v>75</v>
      </c>
      <c r="CB926" s="6">
        <v>73</v>
      </c>
      <c r="CC926" s="11">
        <v>72.5</v>
      </c>
      <c r="CD926" s="11">
        <v>-494.87200000000001</v>
      </c>
      <c r="CE926" s="11">
        <v>-1288.94</v>
      </c>
      <c r="CF926" s="11">
        <v>399.166</v>
      </c>
      <c r="CG926" s="11">
        <v>-890</v>
      </c>
      <c r="CH926" s="20">
        <v>1.87252</v>
      </c>
      <c r="CI926" s="20">
        <v>1.8964099999999999</v>
      </c>
      <c r="CJ926" s="20">
        <v>2.012</v>
      </c>
      <c r="CK926" s="20">
        <v>2.0531000000000001</v>
      </c>
      <c r="CL926" s="20">
        <v>2.1338400000000002</v>
      </c>
      <c r="CM926" s="20">
        <v>2.1122899999999998</v>
      </c>
      <c r="CN926" s="20">
        <v>2.11815</v>
      </c>
      <c r="CO926" s="20">
        <v>2.0383200000000001</v>
      </c>
      <c r="CP926" s="20">
        <v>2.1553</v>
      </c>
      <c r="CQ926" s="20">
        <v>2.1760199999999998</v>
      </c>
      <c r="CR926" s="20">
        <v>1.94926</v>
      </c>
      <c r="CS926" s="20">
        <v>1.9363300000000001</v>
      </c>
      <c r="CT926" s="20">
        <v>2.0158900000000002</v>
      </c>
      <c r="CU926" s="20">
        <v>1.97404</v>
      </c>
      <c r="CV926" s="20">
        <v>1.82904</v>
      </c>
      <c r="CW926" s="20">
        <v>1.7306299999999999</v>
      </c>
      <c r="CX926" s="20">
        <v>1.70455</v>
      </c>
      <c r="CY926" s="6" t="s">
        <v>531</v>
      </c>
      <c r="CZ926" s="6" t="s">
        <v>532</v>
      </c>
      <c r="DA926" s="6" t="s">
        <v>140</v>
      </c>
      <c r="DB926" s="6" t="s">
        <v>345</v>
      </c>
      <c r="DC926" s="6">
        <v>48460</v>
      </c>
      <c r="DD926" s="6"/>
      <c r="DE926" s="6" t="s">
        <v>534</v>
      </c>
      <c r="DF926" s="6" t="s">
        <v>363</v>
      </c>
      <c r="DG926" s="6" t="s">
        <v>364</v>
      </c>
      <c r="DH926" s="6" t="s">
        <v>365</v>
      </c>
      <c r="DI926" s="6"/>
      <c r="DJ926" s="6">
        <v>29</v>
      </c>
      <c r="DK926" s="6">
        <v>91</v>
      </c>
      <c r="DL926" s="6">
        <v>8</v>
      </c>
      <c r="DM926" s="6" t="s">
        <v>368</v>
      </c>
      <c r="DN926" s="6">
        <v>7</v>
      </c>
      <c r="DO926" s="6" t="s">
        <v>369</v>
      </c>
      <c r="DP926" s="6"/>
      <c r="DQ926" s="6"/>
    </row>
    <row r="927" spans="1:121" x14ac:dyDescent="0.2">
      <c r="A927" s="6" t="s">
        <v>313</v>
      </c>
      <c r="B927" s="6" t="s">
        <v>313</v>
      </c>
      <c r="C927" s="6" t="s">
        <v>178</v>
      </c>
      <c r="D927" s="6" t="s">
        <v>140</v>
      </c>
      <c r="E927" s="6" t="s">
        <v>281</v>
      </c>
      <c r="F927" s="11">
        <v>168</v>
      </c>
      <c r="G927" s="13">
        <v>0.309392265193</v>
      </c>
      <c r="H927" s="11">
        <v>-3.5307867540000188</v>
      </c>
      <c r="I927" s="13">
        <v>-6.5020854687243296E-3</v>
      </c>
      <c r="J927" s="11">
        <v>34.1338541880001</v>
      </c>
      <c r="K927" s="13">
        <v>6.3270250572954503E-2</v>
      </c>
      <c r="L927" s="11">
        <v>137.65064427699997</v>
      </c>
      <c r="M927" s="13">
        <v>0.23996550204358777</v>
      </c>
      <c r="N927" s="11">
        <v>171.78449846500007</v>
      </c>
      <c r="O927" s="13">
        <v>0.31841843005970488</v>
      </c>
      <c r="P927" s="7">
        <v>543.02373768899997</v>
      </c>
      <c r="Q927" s="7">
        <v>529.13963546000002</v>
      </c>
      <c r="R927" s="7">
        <v>526.70745956200005</v>
      </c>
      <c r="S927" s="7">
        <v>548.33066296599998</v>
      </c>
      <c r="T927" s="7">
        <v>540.46010210899999</v>
      </c>
      <c r="U927" s="7">
        <v>561.28721998699996</v>
      </c>
      <c r="V927" s="7">
        <v>539.49295093499995</v>
      </c>
      <c r="W927" s="7">
        <v>587.55977393399996</v>
      </c>
      <c r="X927" s="7">
        <v>507.04213825199997</v>
      </c>
      <c r="Y927" s="7">
        <v>573.62680512300005</v>
      </c>
      <c r="Z927" s="7">
        <v>577.07692227400003</v>
      </c>
      <c r="AA927" s="7">
        <v>571.49162487199999</v>
      </c>
      <c r="AB927" s="7">
        <v>595.17630348900002</v>
      </c>
      <c r="AC927" s="7">
        <v>642.72443584099994</v>
      </c>
      <c r="AD927" s="7">
        <v>663.00649972899998</v>
      </c>
      <c r="AE927" s="7">
        <v>681.85824662200002</v>
      </c>
      <c r="AF927" s="7">
        <v>711.27744940000002</v>
      </c>
      <c r="AG927" s="9">
        <v>19244.774205000002</v>
      </c>
      <c r="AH927" s="13">
        <v>0.62432452301546582</v>
      </c>
      <c r="AI927" s="9">
        <v>10989.540417299999</v>
      </c>
      <c r="AJ927" s="13">
        <v>0.35651442340162309</v>
      </c>
      <c r="AK927" s="9">
        <v>-649.23403219999454</v>
      </c>
      <c r="AL927" s="13">
        <v>-1.552653101831836E-2</v>
      </c>
      <c r="AM927" s="9">
        <v>8904.4678198999973</v>
      </c>
      <c r="AN927" s="13">
        <v>0.21631025552005764</v>
      </c>
      <c r="AO927" s="9">
        <v>8255.2337877000027</v>
      </c>
      <c r="AP927" s="13">
        <v>0.19742517660982672</v>
      </c>
      <c r="AQ927" s="9">
        <v>30824.953202299999</v>
      </c>
      <c r="AR927" s="9">
        <v>31114.690556099999</v>
      </c>
      <c r="AS927" s="9">
        <v>33880.267703700003</v>
      </c>
      <c r="AT927" s="9">
        <v>35667.505600099998</v>
      </c>
      <c r="AU927" s="9">
        <v>39357.324387000001</v>
      </c>
      <c r="AV927" s="9">
        <v>41838.801832500001</v>
      </c>
      <c r="AW927" s="9">
        <v>41814.493619599998</v>
      </c>
      <c r="AX927" s="9">
        <v>39748.769347900001</v>
      </c>
      <c r="AY927" s="9">
        <v>40571.413654099997</v>
      </c>
      <c r="AZ927" s="9">
        <v>41165.259587400004</v>
      </c>
      <c r="BA927" s="9">
        <v>40756.294302599999</v>
      </c>
      <c r="BB927" s="9">
        <v>42596.840691199999</v>
      </c>
      <c r="BC927" s="9">
        <v>41865.280991599997</v>
      </c>
      <c r="BD927" s="9">
        <v>45923.475354200003</v>
      </c>
      <c r="BE927" s="9">
        <v>49005.131008700002</v>
      </c>
      <c r="BF927" s="9">
        <v>50069.727407300001</v>
      </c>
      <c r="BG927" s="11">
        <v>1.25</v>
      </c>
      <c r="BH927" s="13">
        <v>2.1186440677966101E-2</v>
      </c>
      <c r="BI927" s="6">
        <v>4</v>
      </c>
      <c r="BJ927" s="13">
        <v>6.7796610169491525E-2</v>
      </c>
      <c r="BK927" s="6">
        <v>1</v>
      </c>
      <c r="BL927" s="13">
        <v>1.5873015873015872E-2</v>
      </c>
      <c r="BM927" s="11">
        <v>-3.75</v>
      </c>
      <c r="BN927" s="13">
        <v>-5.859375E-2</v>
      </c>
      <c r="BO927" s="11">
        <v>-2.75</v>
      </c>
      <c r="BP927" s="13">
        <v>-4.3650793650793648E-2</v>
      </c>
      <c r="BQ927" s="6">
        <v>59</v>
      </c>
      <c r="BR927" s="6">
        <v>60</v>
      </c>
      <c r="BS927" s="6">
        <v>60</v>
      </c>
      <c r="BT927" s="6">
        <v>63</v>
      </c>
      <c r="BU927" s="6">
        <v>63</v>
      </c>
      <c r="BV927" s="6">
        <v>58</v>
      </c>
      <c r="BW927" s="6">
        <v>64</v>
      </c>
      <c r="BX927" s="6">
        <v>67</v>
      </c>
      <c r="BY927" s="6">
        <v>67</v>
      </c>
      <c r="BZ927" s="6">
        <v>67</v>
      </c>
      <c r="CA927" s="6">
        <v>64</v>
      </c>
      <c r="CB927" s="6">
        <v>62</v>
      </c>
      <c r="CC927" s="11">
        <v>60.25</v>
      </c>
      <c r="CD927" s="11">
        <v>153.29599999999999</v>
      </c>
      <c r="CE927" s="11">
        <v>-44.401699999999998</v>
      </c>
      <c r="CF927" s="11">
        <v>59.359000000000002</v>
      </c>
      <c r="CG927" s="11">
        <v>15</v>
      </c>
      <c r="CH927" s="20">
        <v>0.78201100000000001</v>
      </c>
      <c r="CI927" s="20">
        <v>0.77109099999999997</v>
      </c>
      <c r="CJ927" s="20">
        <v>0.75942600000000005</v>
      </c>
      <c r="CK927" s="20">
        <v>0.77394200000000002</v>
      </c>
      <c r="CL927" s="20">
        <v>0.74510600000000005</v>
      </c>
      <c r="CM927" s="20">
        <v>0.76526799999999995</v>
      </c>
      <c r="CN927" s="20">
        <v>0.73347399999999996</v>
      </c>
      <c r="CO927" s="20">
        <v>0.81929700000000005</v>
      </c>
      <c r="CP927" s="20">
        <v>0.76148400000000005</v>
      </c>
      <c r="CQ927" s="20">
        <v>0.85670400000000002</v>
      </c>
      <c r="CR927" s="20">
        <v>0.88078400000000001</v>
      </c>
      <c r="CS927" s="20">
        <v>0.85552300000000003</v>
      </c>
      <c r="CT927" s="20">
        <v>0.90043899999999999</v>
      </c>
      <c r="CU927" s="20">
        <v>0.98479499999999998</v>
      </c>
      <c r="CV927" s="20">
        <v>1.01579</v>
      </c>
      <c r="CW927" s="20">
        <v>1.06484</v>
      </c>
      <c r="CX927" s="20">
        <v>1.1055200000000001</v>
      </c>
      <c r="CY927" s="6" t="s">
        <v>531</v>
      </c>
      <c r="CZ927" s="6" t="s">
        <v>532</v>
      </c>
      <c r="DA927" s="6" t="s">
        <v>140</v>
      </c>
      <c r="DB927" s="6" t="s">
        <v>345</v>
      </c>
      <c r="DC927" s="6">
        <v>48460</v>
      </c>
      <c r="DD927" s="6"/>
      <c r="DE927" s="6" t="s">
        <v>534</v>
      </c>
      <c r="DF927" s="6" t="s">
        <v>363</v>
      </c>
      <c r="DG927" s="6" t="s">
        <v>364</v>
      </c>
      <c r="DH927" s="6" t="s">
        <v>365</v>
      </c>
      <c r="DI927" s="6"/>
      <c r="DJ927" s="6">
        <v>29</v>
      </c>
      <c r="DK927" s="6">
        <v>91</v>
      </c>
      <c r="DL927" s="6">
        <v>8</v>
      </c>
      <c r="DM927" s="6" t="s">
        <v>368</v>
      </c>
      <c r="DN927" s="6">
        <v>7</v>
      </c>
      <c r="DO927" s="6" t="s">
        <v>369</v>
      </c>
      <c r="DP927" s="6"/>
      <c r="DQ927" s="6"/>
    </row>
    <row r="928" spans="1:121" x14ac:dyDescent="0.2">
      <c r="A928" s="6" t="s">
        <v>793</v>
      </c>
      <c r="B928" s="6" t="s">
        <v>179</v>
      </c>
      <c r="C928" s="6" t="s">
        <v>180</v>
      </c>
      <c r="D928" s="6" t="s">
        <v>140</v>
      </c>
      <c r="E928" s="6" t="s">
        <v>281</v>
      </c>
      <c r="F928" s="11">
        <v>-168</v>
      </c>
      <c r="G928" s="13">
        <v>-7.0000000000000007E-2</v>
      </c>
      <c r="H928" s="11">
        <v>65</v>
      </c>
      <c r="I928" s="13">
        <v>2.8558875219683658E-2</v>
      </c>
      <c r="J928" s="11">
        <v>-224</v>
      </c>
      <c r="K928" s="13">
        <v>-9.5685604442545924E-2</v>
      </c>
      <c r="L928" s="11">
        <v>-9</v>
      </c>
      <c r="M928" s="13">
        <v>-4.251299008030231E-3</v>
      </c>
      <c r="N928" s="11">
        <v>-233</v>
      </c>
      <c r="O928" s="13">
        <v>-9.9530115335326783E-2</v>
      </c>
      <c r="P928" s="7">
        <v>2276</v>
      </c>
      <c r="Q928" s="7">
        <v>2252</v>
      </c>
      <c r="R928" s="7">
        <v>2184</v>
      </c>
      <c r="S928" s="7">
        <v>2258</v>
      </c>
      <c r="T928" s="7">
        <v>2346</v>
      </c>
      <c r="U928" s="7">
        <v>2312</v>
      </c>
      <c r="V928" s="7">
        <v>2341</v>
      </c>
      <c r="W928" s="7">
        <v>2394</v>
      </c>
      <c r="X928" s="7">
        <v>2281</v>
      </c>
      <c r="Y928" s="7">
        <v>2117</v>
      </c>
      <c r="Z928" s="7">
        <v>2106</v>
      </c>
      <c r="AA928" s="7">
        <v>2057</v>
      </c>
      <c r="AB928" s="7">
        <v>2049</v>
      </c>
      <c r="AC928" s="7">
        <v>2036</v>
      </c>
      <c r="AD928" s="7">
        <v>2091</v>
      </c>
      <c r="AE928" s="7">
        <v>2109</v>
      </c>
      <c r="AF928" s="7">
        <v>2108</v>
      </c>
      <c r="AG928" s="9">
        <v>8250</v>
      </c>
      <c r="AH928" s="13">
        <v>0.42229729729729726</v>
      </c>
      <c r="AI928" s="9">
        <v>4759</v>
      </c>
      <c r="AJ928" s="13">
        <v>0.24360155610155609</v>
      </c>
      <c r="AK928" s="9">
        <v>1607</v>
      </c>
      <c r="AL928" s="13">
        <v>6.6145297386293475E-2</v>
      </c>
      <c r="AM928" s="9">
        <v>1884</v>
      </c>
      <c r="AN928" s="13">
        <v>7.2735696085244383E-2</v>
      </c>
      <c r="AO928" s="9">
        <v>3491</v>
      </c>
      <c r="AP928" s="13">
        <v>0.14369211771969542</v>
      </c>
      <c r="AQ928" s="9">
        <v>19536</v>
      </c>
      <c r="AR928" s="9">
        <v>20174</v>
      </c>
      <c r="AS928" s="9">
        <v>21142</v>
      </c>
      <c r="AT928" s="9">
        <v>21473</v>
      </c>
      <c r="AU928" s="9">
        <v>22679</v>
      </c>
      <c r="AV928" s="9">
        <v>23655</v>
      </c>
      <c r="AW928" s="9">
        <v>24295</v>
      </c>
      <c r="AX928" s="9">
        <v>24941</v>
      </c>
      <c r="AY928" s="9">
        <v>25287</v>
      </c>
      <c r="AZ928" s="9">
        <v>25902</v>
      </c>
      <c r="BA928" s="9">
        <v>25355</v>
      </c>
      <c r="BB928" s="9">
        <v>25855</v>
      </c>
      <c r="BC928" s="9">
        <v>26332</v>
      </c>
      <c r="BD928" s="9">
        <v>26244</v>
      </c>
      <c r="BE928" s="9">
        <v>26958</v>
      </c>
      <c r="BF928" s="9">
        <v>27786</v>
      </c>
      <c r="BG928" s="11">
        <v>-22</v>
      </c>
      <c r="BH928" s="13">
        <v>-9.8654708520179366E-2</v>
      </c>
      <c r="BI928" s="6">
        <v>2</v>
      </c>
      <c r="BJ928" s="13">
        <v>8.9686098654708519E-3</v>
      </c>
      <c r="BK928" s="6">
        <v>-13</v>
      </c>
      <c r="BL928" s="13">
        <v>-5.7777777777777775E-2</v>
      </c>
      <c r="BM928" s="11">
        <v>-11</v>
      </c>
      <c r="BN928" s="13">
        <v>-5.1886792452830191E-2</v>
      </c>
      <c r="BO928" s="11">
        <v>-24</v>
      </c>
      <c r="BP928" s="13">
        <v>-0.10666666666666667</v>
      </c>
      <c r="BQ928" s="6">
        <v>223</v>
      </c>
      <c r="BR928" s="6">
        <v>222</v>
      </c>
      <c r="BS928" s="6">
        <v>218</v>
      </c>
      <c r="BT928" s="6">
        <v>225</v>
      </c>
      <c r="BU928" s="6">
        <v>226</v>
      </c>
      <c r="BV928" s="6">
        <v>212</v>
      </c>
      <c r="BW928" s="6">
        <v>212</v>
      </c>
      <c r="BX928" s="6">
        <v>209</v>
      </c>
      <c r="BY928" s="6">
        <v>208</v>
      </c>
      <c r="BZ928" s="6">
        <v>215</v>
      </c>
      <c r="CA928" s="6">
        <v>213</v>
      </c>
      <c r="CB928" s="6">
        <v>214</v>
      </c>
      <c r="CC928" s="11">
        <v>201</v>
      </c>
      <c r="CD928" s="11">
        <v>-271</v>
      </c>
      <c r="CE928" s="11">
        <v>-146</v>
      </c>
      <c r="CF928" s="11">
        <v>249</v>
      </c>
      <c r="CG928" s="11">
        <v>103</v>
      </c>
      <c r="CH928" s="20">
        <v>1.22</v>
      </c>
      <c r="CI928" s="20">
        <v>1.2</v>
      </c>
      <c r="CJ928" s="20">
        <v>1.1599999999999999</v>
      </c>
      <c r="CK928" s="20">
        <v>1.17</v>
      </c>
      <c r="CL928" s="20">
        <v>1.2</v>
      </c>
      <c r="CM928" s="20">
        <v>1.19</v>
      </c>
      <c r="CN928" s="20">
        <v>1.21</v>
      </c>
      <c r="CO928" s="20">
        <v>1.28</v>
      </c>
      <c r="CP928" s="20">
        <v>1.29</v>
      </c>
      <c r="CQ928" s="20">
        <v>1.18</v>
      </c>
      <c r="CR928" s="20">
        <v>1.2</v>
      </c>
      <c r="CS928" s="20">
        <v>1.1499999999999999</v>
      </c>
      <c r="CT928" s="20">
        <v>1.1599999999999999</v>
      </c>
      <c r="CU928" s="20">
        <v>1.1599999999999999</v>
      </c>
      <c r="CV928" s="20">
        <v>1.18</v>
      </c>
      <c r="CW928" s="20">
        <v>1.2</v>
      </c>
      <c r="CX928" s="20">
        <v>1.2</v>
      </c>
      <c r="CY928" s="6" t="s">
        <v>531</v>
      </c>
      <c r="CZ928" s="6" t="s">
        <v>532</v>
      </c>
      <c r="DA928" s="6" t="s">
        <v>140</v>
      </c>
      <c r="DB928" s="6" t="s">
        <v>345</v>
      </c>
      <c r="DC928" s="6">
        <v>48460</v>
      </c>
      <c r="DD928" s="6"/>
      <c r="DE928" s="6" t="s">
        <v>534</v>
      </c>
      <c r="DF928" s="6" t="s">
        <v>363</v>
      </c>
      <c r="DG928" s="6" t="s">
        <v>364</v>
      </c>
      <c r="DH928" s="6" t="s">
        <v>365</v>
      </c>
      <c r="DI928" s="6"/>
      <c r="DJ928" s="6">
        <v>29</v>
      </c>
      <c r="DK928" s="6">
        <v>91</v>
      </c>
      <c r="DL928" s="6">
        <v>8</v>
      </c>
      <c r="DM928" s="6" t="s">
        <v>368</v>
      </c>
      <c r="DN928" s="6">
        <v>7</v>
      </c>
      <c r="DO928" s="6" t="s">
        <v>369</v>
      </c>
      <c r="DP928" s="6"/>
      <c r="DQ928" s="6"/>
    </row>
    <row r="929" spans="1:121" x14ac:dyDescent="0.2">
      <c r="A929" s="6" t="s">
        <v>794</v>
      </c>
      <c r="B929" s="6" t="s">
        <v>181</v>
      </c>
      <c r="C929" s="6" t="s">
        <v>182</v>
      </c>
      <c r="D929" s="6" t="s">
        <v>140</v>
      </c>
      <c r="E929" s="6" t="s">
        <v>281</v>
      </c>
      <c r="F929" s="11">
        <v>69</v>
      </c>
      <c r="G929" s="13">
        <v>0.12299465240599999</v>
      </c>
      <c r="H929" s="11">
        <v>46.972440705999929</v>
      </c>
      <c r="I929" s="13">
        <v>8.3750754667380037E-2</v>
      </c>
      <c r="J929" s="11">
        <v>-41.764004434999947</v>
      </c>
      <c r="K929" s="13">
        <v>-6.8709742747692523E-2</v>
      </c>
      <c r="L929" s="11">
        <v>63.765860422999936</v>
      </c>
      <c r="M929" s="13">
        <v>0.11264692835919279</v>
      </c>
      <c r="N929" s="11">
        <v>22.001855987999988</v>
      </c>
      <c r="O929" s="13">
        <v>3.619724414262239E-2</v>
      </c>
      <c r="P929" s="7">
        <v>560.85990977100005</v>
      </c>
      <c r="Q929" s="7">
        <v>521.71017157799997</v>
      </c>
      <c r="R929" s="7">
        <v>542.31426948599994</v>
      </c>
      <c r="S929" s="7">
        <v>541.81160353200005</v>
      </c>
      <c r="T929" s="7">
        <v>541.75336435899999</v>
      </c>
      <c r="U929" s="7">
        <v>527.72661705200005</v>
      </c>
      <c r="V929" s="7">
        <v>607.83235047699998</v>
      </c>
      <c r="W929" s="7">
        <v>594.09014959800004</v>
      </c>
      <c r="X929" s="7">
        <v>619.63062136899998</v>
      </c>
      <c r="Y929" s="7">
        <v>566.06834604200003</v>
      </c>
      <c r="Z929" s="7">
        <v>594.94609681300005</v>
      </c>
      <c r="AA929" s="7">
        <v>631.74055797699998</v>
      </c>
      <c r="AB929" s="7">
        <v>620.54341132900004</v>
      </c>
      <c r="AC929" s="7">
        <v>607.26519148299997</v>
      </c>
      <c r="AD929" s="7">
        <v>620.84491809199994</v>
      </c>
      <c r="AE929" s="7">
        <v>621.40639368999996</v>
      </c>
      <c r="AF929" s="7">
        <v>629.83420646499997</v>
      </c>
      <c r="AG929" s="9">
        <v>19142.994173800002</v>
      </c>
      <c r="AH929" s="13">
        <v>0.59824242428743934</v>
      </c>
      <c r="AI929" s="9">
        <v>5051.8021470999993</v>
      </c>
      <c r="AJ929" s="13">
        <v>0.15787511274688271</v>
      </c>
      <c r="AK929" s="9">
        <v>8033.6525677000027</v>
      </c>
      <c r="AL929" s="13">
        <v>0.21682964912563576</v>
      </c>
      <c r="AM929" s="9">
        <v>6057.5394589999996</v>
      </c>
      <c r="AN929" s="13">
        <v>0.13436064805938744</v>
      </c>
      <c r="AO929" s="9">
        <v>14091.192026700002</v>
      </c>
      <c r="AP929" s="13">
        <v>0.3803236693600332</v>
      </c>
      <c r="AQ929" s="9">
        <v>31998.723923000001</v>
      </c>
      <c r="AR929" s="9">
        <v>30981.633299100002</v>
      </c>
      <c r="AS929" s="9">
        <v>34652.652314799998</v>
      </c>
      <c r="AT929" s="9">
        <v>36649.865248599999</v>
      </c>
      <c r="AU929" s="9">
        <v>35733.426947200001</v>
      </c>
      <c r="AV929" s="9">
        <v>37335.581806200003</v>
      </c>
      <c r="AW929" s="9">
        <v>37050.526070100001</v>
      </c>
      <c r="AX929" s="9">
        <v>40556.732646199998</v>
      </c>
      <c r="AY929" s="9">
        <v>40681.933031100001</v>
      </c>
      <c r="AZ929" s="9">
        <v>45084.178637800003</v>
      </c>
      <c r="BA929" s="9">
        <v>44697.016459699997</v>
      </c>
      <c r="BB929" s="9">
        <v>48647.0557653</v>
      </c>
      <c r="BC929" s="9">
        <v>50686.285902199998</v>
      </c>
      <c r="BD929" s="9">
        <v>53605.220389900001</v>
      </c>
      <c r="BE929" s="9">
        <v>53887.142318999999</v>
      </c>
      <c r="BF929" s="9">
        <v>51141.718096800003</v>
      </c>
      <c r="BG929" s="11">
        <v>0.5</v>
      </c>
      <c r="BH929" s="13">
        <v>8.1967213114754103E-3</v>
      </c>
      <c r="BI929" s="6">
        <v>1</v>
      </c>
      <c r="BJ929" s="13">
        <v>1.6393442622950821E-2</v>
      </c>
      <c r="BK929" s="6">
        <v>-5</v>
      </c>
      <c r="BL929" s="13">
        <v>-8.0645161290322578E-2</v>
      </c>
      <c r="BM929" s="11">
        <v>4.5</v>
      </c>
      <c r="BN929" s="13">
        <v>7.8947368421052627E-2</v>
      </c>
      <c r="BO929" s="11">
        <v>-0.5</v>
      </c>
      <c r="BP929" s="13">
        <v>-8.0645161290322578E-3</v>
      </c>
      <c r="BQ929" s="6">
        <v>61</v>
      </c>
      <c r="BR929" s="6">
        <v>59</v>
      </c>
      <c r="BS929" s="6">
        <v>64</v>
      </c>
      <c r="BT929" s="6">
        <v>62</v>
      </c>
      <c r="BU929" s="6">
        <v>63</v>
      </c>
      <c r="BV929" s="6">
        <v>67</v>
      </c>
      <c r="BW929" s="6">
        <v>57</v>
      </c>
      <c r="BX929" s="6">
        <v>56</v>
      </c>
      <c r="BY929" s="6">
        <v>58</v>
      </c>
      <c r="BZ929" s="6">
        <v>56</v>
      </c>
      <c r="CA929" s="6">
        <v>55</v>
      </c>
      <c r="CB929" s="6">
        <v>59</v>
      </c>
      <c r="CC929" s="11">
        <v>61.5</v>
      </c>
      <c r="CD929" s="11">
        <v>-27.685700000000001</v>
      </c>
      <c r="CE929" s="11">
        <v>35.351199999999999</v>
      </c>
      <c r="CF929" s="11">
        <v>61.308700000000002</v>
      </c>
      <c r="CG929" s="11">
        <v>96</v>
      </c>
      <c r="CH929" s="20">
        <v>1.02033</v>
      </c>
      <c r="CI929" s="20">
        <v>0.96855899999999995</v>
      </c>
      <c r="CJ929" s="20">
        <v>0.99825299999999995</v>
      </c>
      <c r="CK929" s="20">
        <v>0.96690699999999996</v>
      </c>
      <c r="CL929" s="20">
        <v>0.93867999999999996</v>
      </c>
      <c r="CM929" s="20">
        <v>0.901671</v>
      </c>
      <c r="CN929" s="20">
        <v>1.03338</v>
      </c>
      <c r="CO929" s="20">
        <v>1.0360100000000001</v>
      </c>
      <c r="CP929" s="20">
        <v>1.16039</v>
      </c>
      <c r="CQ929" s="20">
        <v>1.0478400000000001</v>
      </c>
      <c r="CR929" s="20">
        <v>1.1109</v>
      </c>
      <c r="CS929" s="20">
        <v>1.15245</v>
      </c>
      <c r="CT929" s="20">
        <v>1.1371800000000001</v>
      </c>
      <c r="CU929" s="20">
        <v>1.10195</v>
      </c>
      <c r="CV929" s="20">
        <v>1.0879300000000001</v>
      </c>
      <c r="CW929" s="20">
        <v>1.0815600000000001</v>
      </c>
      <c r="CX929" s="20">
        <v>1.0839099999999999</v>
      </c>
      <c r="CY929" s="6" t="s">
        <v>531</v>
      </c>
      <c r="CZ929" s="6" t="s">
        <v>532</v>
      </c>
      <c r="DA929" s="6" t="s">
        <v>140</v>
      </c>
      <c r="DB929" s="6" t="s">
        <v>345</v>
      </c>
      <c r="DC929" s="6">
        <v>48460</v>
      </c>
      <c r="DD929" s="6"/>
      <c r="DE929" s="6" t="s">
        <v>534</v>
      </c>
      <c r="DF929" s="6" t="s">
        <v>363</v>
      </c>
      <c r="DG929" s="6" t="s">
        <v>364</v>
      </c>
      <c r="DH929" s="6" t="s">
        <v>365</v>
      </c>
      <c r="DI929" s="6"/>
      <c r="DJ929" s="6">
        <v>29</v>
      </c>
      <c r="DK929" s="6">
        <v>91</v>
      </c>
      <c r="DL929" s="6">
        <v>8</v>
      </c>
      <c r="DM929" s="6" t="s">
        <v>368</v>
      </c>
      <c r="DN929" s="6">
        <v>7</v>
      </c>
      <c r="DO929" s="6" t="s">
        <v>369</v>
      </c>
      <c r="DP929" s="6"/>
      <c r="DQ929" s="6"/>
    </row>
    <row r="930" spans="1:121" x14ac:dyDescent="0.2">
      <c r="A930" s="6" t="s">
        <v>314</v>
      </c>
      <c r="B930" s="6" t="s">
        <v>314</v>
      </c>
      <c r="C930" s="6" t="s">
        <v>183</v>
      </c>
      <c r="D930" s="6" t="s">
        <v>140</v>
      </c>
      <c r="E930" s="6" t="s">
        <v>281</v>
      </c>
      <c r="F930" s="11">
        <v>-155</v>
      </c>
      <c r="G930" s="13">
        <v>-0.46130952381000001</v>
      </c>
      <c r="H930" s="11">
        <v>-103.854210225</v>
      </c>
      <c r="I930" s="13">
        <v>-0.3092180312037569</v>
      </c>
      <c r="J930" s="11">
        <v>-46.25812832699998</v>
      </c>
      <c r="K930" s="13">
        <v>-0.19938283505853471</v>
      </c>
      <c r="L930" s="11">
        <v>-5.0783536900000001</v>
      </c>
      <c r="M930" s="13">
        <v>-2.7339952655204388E-2</v>
      </c>
      <c r="N930" s="11">
        <v>-51.33648201699998</v>
      </c>
      <c r="O930" s="13">
        <v>-0.22127167044297832</v>
      </c>
      <c r="P930" s="7">
        <v>335.86078347599999</v>
      </c>
      <c r="Q930" s="7">
        <v>405.43472205199998</v>
      </c>
      <c r="R930" s="7">
        <v>360.186650864</v>
      </c>
      <c r="S930" s="7">
        <v>336.57394937100003</v>
      </c>
      <c r="T930" s="7">
        <v>318.68008119900003</v>
      </c>
      <c r="U930" s="7">
        <v>294.81302296000001</v>
      </c>
      <c r="V930" s="7">
        <v>232.00657325099999</v>
      </c>
      <c r="W930" s="7">
        <v>218.71230748900001</v>
      </c>
      <c r="X930" s="7">
        <v>186.52132751100001</v>
      </c>
      <c r="Y930" s="7">
        <v>185.74844492400001</v>
      </c>
      <c r="Z930" s="7">
        <v>166.26506610199999</v>
      </c>
      <c r="AA930" s="7">
        <v>160.24914024200001</v>
      </c>
      <c r="AB930" s="7">
        <v>169.50337482099999</v>
      </c>
      <c r="AC930" s="7">
        <v>173.800731743</v>
      </c>
      <c r="AD930" s="7">
        <v>173.59701245799999</v>
      </c>
      <c r="AE930" s="7">
        <v>179.30897577499999</v>
      </c>
      <c r="AF930" s="7">
        <v>180.67009123400001</v>
      </c>
      <c r="AG930" s="9">
        <v>20808.857783700001</v>
      </c>
      <c r="AH930" s="13">
        <v>0.94432306678020339</v>
      </c>
      <c r="AI930" s="9">
        <v>12681.968545500004</v>
      </c>
      <c r="AJ930" s="13">
        <v>0.57551815453693878</v>
      </c>
      <c r="AK930" s="9">
        <v>3094.8557211000007</v>
      </c>
      <c r="AL930" s="13">
        <v>8.9143432303337697E-2</v>
      </c>
      <c r="AM930" s="9">
        <v>5032.033517099997</v>
      </c>
      <c r="AN930" s="13">
        <v>0.13307834539574842</v>
      </c>
      <c r="AO930" s="9">
        <v>8126.8892381999976</v>
      </c>
      <c r="AP930" s="13">
        <v>0.2340848381729122</v>
      </c>
      <c r="AQ930" s="9">
        <v>22035.740220399999</v>
      </c>
      <c r="AR930" s="9">
        <v>26256.472893499998</v>
      </c>
      <c r="AS930" s="9">
        <v>29151.380480100001</v>
      </c>
      <c r="AT930" s="9">
        <v>31238.0615392</v>
      </c>
      <c r="AU930" s="9">
        <v>30288.024846699998</v>
      </c>
      <c r="AV930" s="9">
        <v>31838.687788800002</v>
      </c>
      <c r="AW930" s="9">
        <v>34717.708765900003</v>
      </c>
      <c r="AX930" s="9">
        <v>35460.299880899998</v>
      </c>
      <c r="AY930" s="9">
        <v>39589.599245700003</v>
      </c>
      <c r="AZ930" s="9">
        <v>37812.564487000003</v>
      </c>
      <c r="BA930" s="9">
        <v>38464.893110700003</v>
      </c>
      <c r="BB930" s="9">
        <v>39196.733932499999</v>
      </c>
      <c r="BC930" s="9">
        <v>39791.231204299998</v>
      </c>
      <c r="BD930" s="9">
        <v>41776.880989199999</v>
      </c>
      <c r="BE930" s="9">
        <v>40964.592460699998</v>
      </c>
      <c r="BF930" s="9">
        <v>42844.5980041</v>
      </c>
      <c r="BG930" s="11">
        <v>-8.5</v>
      </c>
      <c r="BH930" s="13">
        <v>-0.29310344827586204</v>
      </c>
      <c r="BI930" s="6">
        <v>-4</v>
      </c>
      <c r="BJ930" s="13">
        <v>-0.13793103448275862</v>
      </c>
      <c r="BK930" s="6">
        <v>-5</v>
      </c>
      <c r="BL930" s="13">
        <v>-0.2</v>
      </c>
      <c r="BM930" s="11">
        <v>0.5</v>
      </c>
      <c r="BN930" s="13">
        <v>2.5000000000000001E-2</v>
      </c>
      <c r="BO930" s="11">
        <v>-4.5</v>
      </c>
      <c r="BP930" s="13">
        <v>-0.18</v>
      </c>
      <c r="BQ930" s="6">
        <v>29</v>
      </c>
      <c r="BR930" s="6">
        <v>26</v>
      </c>
      <c r="BS930" s="6">
        <v>27</v>
      </c>
      <c r="BT930" s="6">
        <v>25</v>
      </c>
      <c r="BU930" s="6">
        <v>22</v>
      </c>
      <c r="BV930" s="6">
        <v>23</v>
      </c>
      <c r="BW930" s="6">
        <v>20</v>
      </c>
      <c r="BX930" s="6">
        <v>19</v>
      </c>
      <c r="BY930" s="6">
        <v>22</v>
      </c>
      <c r="BZ930" s="6">
        <v>21</v>
      </c>
      <c r="CA930" s="6">
        <v>21</v>
      </c>
      <c r="CB930" s="6">
        <v>21</v>
      </c>
      <c r="CC930" s="11">
        <v>20.5</v>
      </c>
      <c r="CD930" s="11">
        <v>-89.0334</v>
      </c>
      <c r="CE930" s="11">
        <v>-102.871</v>
      </c>
      <c r="CF930" s="11">
        <v>36.7136</v>
      </c>
      <c r="CG930" s="11">
        <v>-66</v>
      </c>
      <c r="CH930" s="20">
        <v>0.77589900000000001</v>
      </c>
      <c r="CI930" s="20">
        <v>0.98278799999999999</v>
      </c>
      <c r="CJ930" s="20">
        <v>0.90391900000000003</v>
      </c>
      <c r="CK930" s="20">
        <v>0.85353599999999996</v>
      </c>
      <c r="CL930" s="20">
        <v>0.81439899999999998</v>
      </c>
      <c r="CM930" s="20">
        <v>0.76507800000000004</v>
      </c>
      <c r="CN930" s="20">
        <v>0.61281200000000002</v>
      </c>
      <c r="CO930" s="20">
        <v>0.597719</v>
      </c>
      <c r="CP930" s="20">
        <v>0.54481500000000005</v>
      </c>
      <c r="CQ930" s="20">
        <v>0.55009200000000003</v>
      </c>
      <c r="CR930" s="20">
        <v>0.51517100000000005</v>
      </c>
      <c r="CS930" s="20">
        <v>0.49490099999999998</v>
      </c>
      <c r="CT930" s="20">
        <v>0.53132299999999999</v>
      </c>
      <c r="CU930" s="20">
        <v>0.551037</v>
      </c>
      <c r="CV930" s="20">
        <v>0.55091500000000004</v>
      </c>
      <c r="CW930" s="20">
        <v>0.57135999999999998</v>
      </c>
      <c r="CX930" s="20">
        <v>0.57642099999999996</v>
      </c>
      <c r="CY930" s="6" t="s">
        <v>531</v>
      </c>
      <c r="CZ930" s="6" t="s">
        <v>532</v>
      </c>
      <c r="DA930" s="6" t="s">
        <v>140</v>
      </c>
      <c r="DB930" s="6" t="s">
        <v>345</v>
      </c>
      <c r="DC930" s="6">
        <v>48460</v>
      </c>
      <c r="DD930" s="6"/>
      <c r="DE930" s="6" t="s">
        <v>534</v>
      </c>
      <c r="DF930" s="6" t="s">
        <v>363</v>
      </c>
      <c r="DG930" s="6" t="s">
        <v>364</v>
      </c>
      <c r="DH930" s="6" t="s">
        <v>365</v>
      </c>
      <c r="DI930" s="6"/>
      <c r="DJ930" s="6">
        <v>29</v>
      </c>
      <c r="DK930" s="6">
        <v>91</v>
      </c>
      <c r="DL930" s="6">
        <v>8</v>
      </c>
      <c r="DM930" s="6" t="s">
        <v>368</v>
      </c>
      <c r="DN930" s="6">
        <v>7</v>
      </c>
      <c r="DO930" s="6" t="s">
        <v>369</v>
      </c>
      <c r="DP930" s="6"/>
      <c r="DQ930" s="6"/>
    </row>
    <row r="931" spans="1:121" x14ac:dyDescent="0.2">
      <c r="A931" s="6" t="s">
        <v>315</v>
      </c>
      <c r="B931" s="6" t="s">
        <v>315</v>
      </c>
      <c r="C931" s="6" t="s">
        <v>184</v>
      </c>
      <c r="D931" s="6" t="s">
        <v>140</v>
      </c>
      <c r="E931" s="6" t="s">
        <v>281</v>
      </c>
      <c r="F931" s="11">
        <v>96</v>
      </c>
      <c r="G931" s="13">
        <v>0.28000000000000003</v>
      </c>
      <c r="H931" s="11">
        <v>45</v>
      </c>
      <c r="I931" s="13">
        <v>0.13196480938416422</v>
      </c>
      <c r="J931" s="11">
        <v>2</v>
      </c>
      <c r="K931" s="13">
        <v>5.1813471502590676E-3</v>
      </c>
      <c r="L931" s="11">
        <v>49</v>
      </c>
      <c r="M931" s="13">
        <v>0.12628865979381443</v>
      </c>
      <c r="N931" s="11">
        <v>51</v>
      </c>
      <c r="O931" s="13">
        <v>0.13212435233160622</v>
      </c>
      <c r="P931" s="7">
        <v>341</v>
      </c>
      <c r="Q931" s="7">
        <v>341</v>
      </c>
      <c r="R931" s="7">
        <v>356</v>
      </c>
      <c r="S931" s="7">
        <v>364</v>
      </c>
      <c r="T931" s="7">
        <v>385</v>
      </c>
      <c r="U931" s="7">
        <v>364</v>
      </c>
      <c r="V931" s="7">
        <v>386</v>
      </c>
      <c r="W931" s="7">
        <v>381</v>
      </c>
      <c r="X931" s="7">
        <v>374</v>
      </c>
      <c r="Y931" s="7">
        <v>388</v>
      </c>
      <c r="Z931" s="7">
        <v>388</v>
      </c>
      <c r="AA931" s="7">
        <v>395</v>
      </c>
      <c r="AB931" s="7">
        <v>409</v>
      </c>
      <c r="AC931" s="7">
        <v>410</v>
      </c>
      <c r="AD931" s="7">
        <v>418</v>
      </c>
      <c r="AE931" s="7">
        <v>421</v>
      </c>
      <c r="AF931" s="7">
        <v>437</v>
      </c>
      <c r="AG931" s="9">
        <v>16567</v>
      </c>
      <c r="AH931" s="13">
        <v>0.48206127971600665</v>
      </c>
      <c r="AI931" s="9">
        <v>6127</v>
      </c>
      <c r="AJ931" s="13">
        <v>0.17828149096517007</v>
      </c>
      <c r="AK931" s="9">
        <v>2819</v>
      </c>
      <c r="AL931" s="13">
        <v>6.9615251642218601E-2</v>
      </c>
      <c r="AM931" s="9">
        <v>7621</v>
      </c>
      <c r="AN931" s="13">
        <v>0.17595179276429709</v>
      </c>
      <c r="AO931" s="9">
        <v>10440</v>
      </c>
      <c r="AP931" s="13">
        <v>0.25781597273670176</v>
      </c>
      <c r="AQ931" s="9">
        <v>34367</v>
      </c>
      <c r="AR931" s="9">
        <v>36020</v>
      </c>
      <c r="AS931" s="9">
        <v>35381</v>
      </c>
      <c r="AT931" s="9">
        <v>35329</v>
      </c>
      <c r="AU931" s="9">
        <v>38338</v>
      </c>
      <c r="AV931" s="9">
        <v>40123</v>
      </c>
      <c r="AW931" s="9">
        <v>40494</v>
      </c>
      <c r="AX931" s="9">
        <v>41669</v>
      </c>
      <c r="AY931" s="9">
        <v>41805</v>
      </c>
      <c r="AZ931" s="9">
        <v>43313</v>
      </c>
      <c r="BA931" s="9">
        <v>45142</v>
      </c>
      <c r="BB931" s="9">
        <v>46676</v>
      </c>
      <c r="BC931" s="9">
        <v>47394</v>
      </c>
      <c r="BD931" s="9">
        <v>47775</v>
      </c>
      <c r="BE931" s="9">
        <v>49236</v>
      </c>
      <c r="BF931" s="9">
        <v>50934</v>
      </c>
      <c r="BG931" s="11">
        <v>12</v>
      </c>
      <c r="BH931" s="13">
        <v>0.2</v>
      </c>
      <c r="BI931" s="6">
        <v>6</v>
      </c>
      <c r="BJ931" s="13">
        <v>0.1</v>
      </c>
      <c r="BK931" s="6">
        <v>-1</v>
      </c>
      <c r="BL931" s="13">
        <v>-1.5151515151515152E-2</v>
      </c>
      <c r="BM931" s="11">
        <v>7</v>
      </c>
      <c r="BN931" s="13">
        <v>0.1076923076923077</v>
      </c>
      <c r="BO931" s="11">
        <v>6</v>
      </c>
      <c r="BP931" s="13">
        <v>9.0909090909090912E-2</v>
      </c>
      <c r="BQ931" s="6">
        <v>60</v>
      </c>
      <c r="BR931" s="6">
        <v>59</v>
      </c>
      <c r="BS931" s="6">
        <v>61</v>
      </c>
      <c r="BT931" s="6">
        <v>66</v>
      </c>
      <c r="BU931" s="6">
        <v>63</v>
      </c>
      <c r="BV931" s="6">
        <v>63</v>
      </c>
      <c r="BW931" s="6">
        <v>65</v>
      </c>
      <c r="BX931" s="6">
        <v>67</v>
      </c>
      <c r="BY931" s="6">
        <v>68</v>
      </c>
      <c r="BZ931" s="6">
        <v>72</v>
      </c>
      <c r="CA931" s="6">
        <v>71</v>
      </c>
      <c r="CB931" s="6">
        <v>73</v>
      </c>
      <c r="CC931" s="11">
        <v>72</v>
      </c>
      <c r="CD931" s="11">
        <v>86</v>
      </c>
      <c r="CE931" s="11">
        <v>-27</v>
      </c>
      <c r="CF931" s="11">
        <v>37</v>
      </c>
      <c r="CG931" s="11">
        <v>10</v>
      </c>
      <c r="CH931" s="20">
        <v>0.48</v>
      </c>
      <c r="CI931" s="20">
        <v>0.48</v>
      </c>
      <c r="CJ931" s="20">
        <v>0.48</v>
      </c>
      <c r="CK931" s="20">
        <v>0.49</v>
      </c>
      <c r="CL931" s="20">
        <v>0.5</v>
      </c>
      <c r="CM931" s="20">
        <v>0.47</v>
      </c>
      <c r="CN931" s="20">
        <v>0.51</v>
      </c>
      <c r="CO931" s="20">
        <v>0.52</v>
      </c>
      <c r="CP931" s="20">
        <v>0.54</v>
      </c>
      <c r="CQ931" s="20">
        <v>0.56000000000000005</v>
      </c>
      <c r="CR931" s="20">
        <v>0.57999999999999996</v>
      </c>
      <c r="CS931" s="20">
        <v>0.57999999999999996</v>
      </c>
      <c r="CT931" s="20">
        <v>0.61</v>
      </c>
      <c r="CU931" s="20">
        <v>0.63</v>
      </c>
      <c r="CV931" s="20">
        <v>0.64</v>
      </c>
      <c r="CW931" s="20">
        <v>0.65</v>
      </c>
      <c r="CX931" s="20">
        <v>0.67</v>
      </c>
      <c r="CY931" s="6" t="s">
        <v>531</v>
      </c>
      <c r="CZ931" s="6" t="s">
        <v>532</v>
      </c>
      <c r="DA931" s="6" t="s">
        <v>140</v>
      </c>
      <c r="DB931" s="6" t="s">
        <v>345</v>
      </c>
      <c r="DC931" s="6">
        <v>48460</v>
      </c>
      <c r="DD931" s="6"/>
      <c r="DE931" s="6" t="s">
        <v>534</v>
      </c>
      <c r="DF931" s="6" t="s">
        <v>363</v>
      </c>
      <c r="DG931" s="6" t="s">
        <v>364</v>
      </c>
      <c r="DH931" s="6" t="s">
        <v>365</v>
      </c>
      <c r="DI931" s="6"/>
      <c r="DJ931" s="6">
        <v>29</v>
      </c>
      <c r="DK931" s="6">
        <v>91</v>
      </c>
      <c r="DL931" s="6">
        <v>8</v>
      </c>
      <c r="DM931" s="6" t="s">
        <v>368</v>
      </c>
      <c r="DN931" s="6">
        <v>7</v>
      </c>
      <c r="DO931" s="6" t="s">
        <v>369</v>
      </c>
      <c r="DP931" s="6"/>
      <c r="DQ931" s="6"/>
    </row>
    <row r="932" spans="1:121" x14ac:dyDescent="0.2">
      <c r="A932" s="6" t="s">
        <v>316</v>
      </c>
      <c r="B932" s="6" t="s">
        <v>316</v>
      </c>
      <c r="C932" s="6" t="s">
        <v>185</v>
      </c>
      <c r="D932" s="6" t="s">
        <v>140</v>
      </c>
      <c r="E932" s="6" t="s">
        <v>281</v>
      </c>
      <c r="F932" s="11">
        <v>-46</v>
      </c>
      <c r="G932" s="13">
        <v>-0.23</v>
      </c>
      <c r="H932" s="11">
        <v>-17</v>
      </c>
      <c r="I932" s="13">
        <v>-8.5427135678391955E-2</v>
      </c>
      <c r="J932" s="11">
        <v>-41</v>
      </c>
      <c r="K932" s="13">
        <v>-0.22527472527472528</v>
      </c>
      <c r="L932" s="11">
        <v>12</v>
      </c>
      <c r="M932" s="13">
        <v>8.5106382978723402E-2</v>
      </c>
      <c r="N932" s="11">
        <v>-29</v>
      </c>
      <c r="O932" s="13">
        <v>-0.15934065934065933</v>
      </c>
      <c r="P932" s="7">
        <v>199</v>
      </c>
      <c r="Q932" s="7">
        <v>186</v>
      </c>
      <c r="R932" s="7">
        <v>160</v>
      </c>
      <c r="S932" s="7">
        <v>175</v>
      </c>
      <c r="T932" s="7">
        <v>177</v>
      </c>
      <c r="U932" s="7">
        <v>182</v>
      </c>
      <c r="V932" s="7">
        <v>182</v>
      </c>
      <c r="W932" s="7">
        <v>167</v>
      </c>
      <c r="X932" s="7">
        <v>149</v>
      </c>
      <c r="Y932" s="7">
        <v>141</v>
      </c>
      <c r="Z932" s="7">
        <v>128</v>
      </c>
      <c r="AA932" s="7">
        <v>130</v>
      </c>
      <c r="AB932" s="7">
        <v>133</v>
      </c>
      <c r="AC932" s="7">
        <v>145</v>
      </c>
      <c r="AD932" s="7">
        <v>144</v>
      </c>
      <c r="AE932" s="7">
        <v>150</v>
      </c>
      <c r="AF932" s="7">
        <v>153</v>
      </c>
      <c r="AG932" s="9">
        <v>-1025</v>
      </c>
      <c r="AH932" s="13">
        <v>-2.9002320185614848E-2</v>
      </c>
      <c r="AI932" s="9">
        <v>-8843</v>
      </c>
      <c r="AJ932" s="13">
        <v>-0.25021221209891914</v>
      </c>
      <c r="AK932" s="9">
        <v>2269</v>
      </c>
      <c r="AL932" s="13">
        <v>8.5625872674440551E-2</v>
      </c>
      <c r="AM932" s="9">
        <v>5549</v>
      </c>
      <c r="AN932" s="13">
        <v>0.19288793103448276</v>
      </c>
      <c r="AO932" s="9">
        <v>7818</v>
      </c>
      <c r="AP932" s="13">
        <v>0.29503000113211819</v>
      </c>
      <c r="AQ932" s="9">
        <v>35342</v>
      </c>
      <c r="AR932" s="9">
        <v>31922</v>
      </c>
      <c r="AS932" s="9">
        <v>23489</v>
      </c>
      <c r="AT932" s="9">
        <v>24677</v>
      </c>
      <c r="AU932" s="9">
        <v>25321</v>
      </c>
      <c r="AV932" s="9">
        <v>25071</v>
      </c>
      <c r="AW932" s="9">
        <v>26499</v>
      </c>
      <c r="AX932" s="9">
        <v>25531</v>
      </c>
      <c r="AY932" s="9">
        <v>26655</v>
      </c>
      <c r="AZ932" s="9">
        <v>28768</v>
      </c>
      <c r="BA932" s="9">
        <v>28587</v>
      </c>
      <c r="BB932" s="9">
        <v>28724</v>
      </c>
      <c r="BC932" s="9">
        <v>32160</v>
      </c>
      <c r="BD932" s="9">
        <v>33084</v>
      </c>
      <c r="BE932" s="9">
        <v>35341</v>
      </c>
      <c r="BF932" s="9">
        <v>34317</v>
      </c>
      <c r="BG932" s="11">
        <v>1</v>
      </c>
      <c r="BH932" s="13">
        <v>2.8571428571428571E-2</v>
      </c>
      <c r="BI932" s="6">
        <v>14</v>
      </c>
      <c r="BJ932" s="13">
        <v>0.4</v>
      </c>
      <c r="BK932" s="6">
        <v>-9</v>
      </c>
      <c r="BL932" s="13">
        <v>-0.18367346938775511</v>
      </c>
      <c r="BM932" s="11">
        <v>-4</v>
      </c>
      <c r="BN932" s="13">
        <v>-0.1</v>
      </c>
      <c r="BO932" s="11">
        <v>-13</v>
      </c>
      <c r="BP932" s="13">
        <v>-0.26530612244897961</v>
      </c>
      <c r="BQ932" s="6">
        <v>35</v>
      </c>
      <c r="BR932" s="6">
        <v>41</v>
      </c>
      <c r="BS932" s="6">
        <v>49</v>
      </c>
      <c r="BT932" s="6">
        <v>49</v>
      </c>
      <c r="BU932" s="6">
        <v>46</v>
      </c>
      <c r="BV932" s="6">
        <v>43</v>
      </c>
      <c r="BW932" s="6">
        <v>40</v>
      </c>
      <c r="BX932" s="6">
        <v>38</v>
      </c>
      <c r="BY932" s="6">
        <v>37</v>
      </c>
      <c r="BZ932" s="6">
        <v>40</v>
      </c>
      <c r="CA932" s="6">
        <v>36</v>
      </c>
      <c r="CB932" s="6">
        <v>34</v>
      </c>
      <c r="CC932" s="11">
        <v>36</v>
      </c>
      <c r="CD932" s="11">
        <v>-58</v>
      </c>
      <c r="CE932" s="11">
        <v>-10</v>
      </c>
      <c r="CF932" s="11">
        <v>22</v>
      </c>
      <c r="CG932" s="11">
        <v>12</v>
      </c>
      <c r="CH932" s="20">
        <v>0.69</v>
      </c>
      <c r="CI932" s="20">
        <v>0.63</v>
      </c>
      <c r="CJ932" s="20">
        <v>0.52</v>
      </c>
      <c r="CK932" s="20">
        <v>0.55000000000000004</v>
      </c>
      <c r="CL932" s="20">
        <v>0.53</v>
      </c>
      <c r="CM932" s="20">
        <v>0.55000000000000004</v>
      </c>
      <c r="CN932" s="20">
        <v>0.56000000000000005</v>
      </c>
      <c r="CO932" s="20">
        <v>0.54</v>
      </c>
      <c r="CP932" s="20">
        <v>0.51</v>
      </c>
      <c r="CQ932" s="20">
        <v>0.49</v>
      </c>
      <c r="CR932" s="20">
        <v>0.47</v>
      </c>
      <c r="CS932" s="20">
        <v>0.47</v>
      </c>
      <c r="CT932" s="20">
        <v>0.48</v>
      </c>
      <c r="CU932" s="20">
        <v>0.53</v>
      </c>
      <c r="CV932" s="20">
        <v>0.52</v>
      </c>
      <c r="CW932" s="20">
        <v>0.54</v>
      </c>
      <c r="CX932" s="20">
        <v>0.55000000000000004</v>
      </c>
      <c r="CY932" s="6" t="s">
        <v>531</v>
      </c>
      <c r="CZ932" s="6" t="s">
        <v>532</v>
      </c>
      <c r="DA932" s="6" t="s">
        <v>140</v>
      </c>
      <c r="DB932" s="6" t="s">
        <v>345</v>
      </c>
      <c r="DC932" s="6">
        <v>48460</v>
      </c>
      <c r="DD932" s="6"/>
      <c r="DE932" s="6" t="s">
        <v>534</v>
      </c>
      <c r="DF932" s="6" t="s">
        <v>363</v>
      </c>
      <c r="DG932" s="6" t="s">
        <v>364</v>
      </c>
      <c r="DH932" s="6" t="s">
        <v>365</v>
      </c>
      <c r="DI932" s="6"/>
      <c r="DJ932" s="6">
        <v>29</v>
      </c>
      <c r="DK932" s="6">
        <v>91</v>
      </c>
      <c r="DL932" s="6">
        <v>8</v>
      </c>
      <c r="DM932" s="6" t="s">
        <v>368</v>
      </c>
      <c r="DN932" s="6">
        <v>7</v>
      </c>
      <c r="DO932" s="6" t="s">
        <v>369</v>
      </c>
      <c r="DP932" s="6"/>
      <c r="DQ932" s="6"/>
    </row>
    <row r="933" spans="1:121" x14ac:dyDescent="0.2">
      <c r="A933" s="6" t="s">
        <v>317</v>
      </c>
      <c r="B933" s="6" t="s">
        <v>317</v>
      </c>
      <c r="C933" s="6" t="s">
        <v>186</v>
      </c>
      <c r="D933" s="6" t="s">
        <v>140</v>
      </c>
      <c r="E933" s="6" t="s">
        <v>281</v>
      </c>
      <c r="F933" s="11">
        <v>490</v>
      </c>
      <c r="G933" s="13">
        <v>1.84</v>
      </c>
      <c r="H933" s="11">
        <v>359</v>
      </c>
      <c r="I933" s="13">
        <v>1.3445692883895133</v>
      </c>
      <c r="J933" s="11">
        <v>-79</v>
      </c>
      <c r="K933" s="13">
        <v>-0.12619808306709265</v>
      </c>
      <c r="L933" s="11">
        <v>210</v>
      </c>
      <c r="M933" s="13">
        <v>0.38391224862888479</v>
      </c>
      <c r="N933" s="11">
        <v>131</v>
      </c>
      <c r="O933" s="13">
        <v>0.20926517571884984</v>
      </c>
      <c r="P933" s="7">
        <v>267</v>
      </c>
      <c r="Q933" s="7">
        <v>296</v>
      </c>
      <c r="R933" s="7">
        <v>372</v>
      </c>
      <c r="S933" s="7">
        <v>396</v>
      </c>
      <c r="T933" s="7">
        <v>444</v>
      </c>
      <c r="U933" s="7">
        <v>474</v>
      </c>
      <c r="V933" s="7">
        <v>626</v>
      </c>
      <c r="W933" s="7">
        <v>626</v>
      </c>
      <c r="X933" s="7">
        <v>648</v>
      </c>
      <c r="Y933" s="7">
        <v>547</v>
      </c>
      <c r="Z933" s="7">
        <v>553</v>
      </c>
      <c r="AA933" s="7">
        <v>555</v>
      </c>
      <c r="AB933" s="7">
        <v>601</v>
      </c>
      <c r="AC933" s="7">
        <v>670</v>
      </c>
      <c r="AD933" s="7">
        <v>707</v>
      </c>
      <c r="AE933" s="7">
        <v>724</v>
      </c>
      <c r="AF933" s="7">
        <v>757</v>
      </c>
      <c r="AG933" s="9">
        <v>10887</v>
      </c>
      <c r="AH933" s="13">
        <v>0.35015438054805093</v>
      </c>
      <c r="AI933" s="9">
        <v>5638</v>
      </c>
      <c r="AJ933" s="13">
        <v>0.1813328187315065</v>
      </c>
      <c r="AK933" s="9">
        <v>9817</v>
      </c>
      <c r="AL933" s="13">
        <v>0.26727470732371361</v>
      </c>
      <c r="AM933" s="9">
        <v>-4568</v>
      </c>
      <c r="AN933" s="13">
        <v>-9.8137366532751846E-2</v>
      </c>
      <c r="AO933" s="9">
        <v>5249</v>
      </c>
      <c r="AP933" s="13">
        <v>0.14290770487340049</v>
      </c>
      <c r="AQ933" s="9">
        <v>31092</v>
      </c>
      <c r="AR933" s="9">
        <v>29529</v>
      </c>
      <c r="AS933" s="9">
        <v>32786</v>
      </c>
      <c r="AT933" s="9">
        <v>35487</v>
      </c>
      <c r="AU933" s="9">
        <v>35202</v>
      </c>
      <c r="AV933" s="9">
        <v>39580</v>
      </c>
      <c r="AW933" s="9">
        <v>36730</v>
      </c>
      <c r="AX933" s="9">
        <v>38726</v>
      </c>
      <c r="AY933" s="9">
        <v>42973</v>
      </c>
      <c r="AZ933" s="9">
        <v>46547</v>
      </c>
      <c r="BA933" s="9">
        <v>42591</v>
      </c>
      <c r="BB933" s="9">
        <v>40329</v>
      </c>
      <c r="BC933" s="9">
        <v>38750</v>
      </c>
      <c r="BD933" s="9">
        <v>39254</v>
      </c>
      <c r="BE933" s="9">
        <v>44198</v>
      </c>
      <c r="BF933" s="9">
        <v>41979</v>
      </c>
      <c r="BG933" s="11">
        <v>15</v>
      </c>
      <c r="BH933" s="13">
        <v>0.26785714285714285</v>
      </c>
      <c r="BI933" s="6">
        <v>1</v>
      </c>
      <c r="BJ933" s="13">
        <v>1.7857142857142856E-2</v>
      </c>
      <c r="BK933" s="6">
        <v>-1</v>
      </c>
      <c r="BL933" s="13">
        <v>-1.7543859649122806E-2</v>
      </c>
      <c r="BM933" s="11">
        <v>15</v>
      </c>
      <c r="BN933" s="13">
        <v>0.26785714285714285</v>
      </c>
      <c r="BO933" s="11">
        <v>14</v>
      </c>
      <c r="BP933" s="13">
        <v>0.24561403508771928</v>
      </c>
      <c r="BQ933" s="6">
        <v>56</v>
      </c>
      <c r="BR933" s="6">
        <v>61</v>
      </c>
      <c r="BS933" s="6">
        <v>57</v>
      </c>
      <c r="BT933" s="6">
        <v>57</v>
      </c>
      <c r="BU933" s="6">
        <v>59</v>
      </c>
      <c r="BV933" s="6">
        <v>57</v>
      </c>
      <c r="BW933" s="6">
        <v>56</v>
      </c>
      <c r="BX933" s="6">
        <v>61</v>
      </c>
      <c r="BY933" s="6">
        <v>65</v>
      </c>
      <c r="BZ933" s="6">
        <v>68</v>
      </c>
      <c r="CA933" s="6">
        <v>68</v>
      </c>
      <c r="CB933" s="6">
        <v>70</v>
      </c>
      <c r="CC933" s="11">
        <v>71</v>
      </c>
      <c r="CD933" s="11">
        <v>407</v>
      </c>
      <c r="CE933" s="11">
        <v>53</v>
      </c>
      <c r="CF933" s="11">
        <v>29</v>
      </c>
      <c r="CG933" s="11">
        <v>82</v>
      </c>
      <c r="CH933" s="20">
        <v>0.28999999999999998</v>
      </c>
      <c r="CI933" s="20">
        <v>0.32</v>
      </c>
      <c r="CJ933" s="20">
        <v>0.4</v>
      </c>
      <c r="CK933" s="20">
        <v>0.41</v>
      </c>
      <c r="CL933" s="20">
        <v>0.44</v>
      </c>
      <c r="CM933" s="20">
        <v>0.46</v>
      </c>
      <c r="CN933" s="20">
        <v>0.59</v>
      </c>
      <c r="CO933" s="20">
        <v>0.59</v>
      </c>
      <c r="CP933" s="20">
        <v>0.64</v>
      </c>
      <c r="CQ933" s="20">
        <v>0.53</v>
      </c>
      <c r="CR933" s="20">
        <v>0.54</v>
      </c>
      <c r="CS933" s="20">
        <v>0.53</v>
      </c>
      <c r="CT933" s="20">
        <v>0.56999999999999995</v>
      </c>
      <c r="CU933" s="20">
        <v>0.64</v>
      </c>
      <c r="CV933" s="20">
        <v>0.66</v>
      </c>
      <c r="CW933" s="20">
        <v>0.67</v>
      </c>
      <c r="CX933" s="20">
        <v>0.69</v>
      </c>
      <c r="CY933" s="6" t="s">
        <v>531</v>
      </c>
      <c r="CZ933" s="6" t="s">
        <v>532</v>
      </c>
      <c r="DA933" s="6" t="s">
        <v>140</v>
      </c>
      <c r="DB933" s="6" t="s">
        <v>345</v>
      </c>
      <c r="DC933" s="6">
        <v>48460</v>
      </c>
      <c r="DD933" s="6"/>
      <c r="DE933" s="6" t="s">
        <v>534</v>
      </c>
      <c r="DF933" s="6" t="s">
        <v>363</v>
      </c>
      <c r="DG933" s="6" t="s">
        <v>364</v>
      </c>
      <c r="DH933" s="6" t="s">
        <v>365</v>
      </c>
      <c r="DI933" s="6"/>
      <c r="DJ933" s="6">
        <v>29</v>
      </c>
      <c r="DK933" s="6">
        <v>91</v>
      </c>
      <c r="DL933" s="6">
        <v>8</v>
      </c>
      <c r="DM933" s="6" t="s">
        <v>368</v>
      </c>
      <c r="DN933" s="6">
        <v>7</v>
      </c>
      <c r="DO933" s="6" t="s">
        <v>369</v>
      </c>
      <c r="DP933" s="6"/>
      <c r="DQ933" s="6"/>
    </row>
    <row r="934" spans="1:121" x14ac:dyDescent="0.2">
      <c r="A934" s="6" t="s">
        <v>318</v>
      </c>
      <c r="B934" s="6" t="s">
        <v>318</v>
      </c>
      <c r="C934" s="6" t="s">
        <v>187</v>
      </c>
      <c r="D934" s="6" t="s">
        <v>140</v>
      </c>
      <c r="E934" s="6" t="s">
        <v>281</v>
      </c>
      <c r="F934" s="11">
        <v>291</v>
      </c>
      <c r="G934" s="13">
        <v>5.2909090909099996</v>
      </c>
      <c r="H934" s="11">
        <v>13.433961999999994</v>
      </c>
      <c r="I934" s="13">
        <v>0.24560270459911276</v>
      </c>
      <c r="J934" s="11">
        <v>234.56445800000003</v>
      </c>
      <c r="K934" s="13">
        <v>3.4427992044020734</v>
      </c>
      <c r="L934" s="11">
        <v>43.28269667699999</v>
      </c>
      <c r="M934" s="13">
        <v>0.14299047625481848</v>
      </c>
      <c r="N934" s="11">
        <v>277.84715467700005</v>
      </c>
      <c r="O934" s="13">
        <v>4.0780771785440555</v>
      </c>
      <c r="P934" s="7">
        <v>54.697940000000003</v>
      </c>
      <c r="Q934" s="7">
        <v>49.494819999999997</v>
      </c>
      <c r="R934" s="7">
        <v>41.857804000000002</v>
      </c>
      <c r="S934" s="7">
        <v>76.025887999999995</v>
      </c>
      <c r="T934" s="7">
        <v>73.040160999999998</v>
      </c>
      <c r="U934" s="7">
        <v>72.976934999999997</v>
      </c>
      <c r="V934" s="7">
        <v>68.131901999999997</v>
      </c>
      <c r="W934" s="7">
        <v>62.854636999999997</v>
      </c>
      <c r="X934" s="7">
        <v>52.962403000000002</v>
      </c>
      <c r="Y934" s="7">
        <v>302.69636000000003</v>
      </c>
      <c r="Z934" s="7">
        <v>304.38848200000001</v>
      </c>
      <c r="AA934" s="7">
        <v>297.30902600000002</v>
      </c>
      <c r="AB934" s="7">
        <v>301.92397399999999</v>
      </c>
      <c r="AC934" s="7">
        <v>302.885088</v>
      </c>
      <c r="AD934" s="7">
        <v>300.994395</v>
      </c>
      <c r="AE934" s="7">
        <v>324.63389425000003</v>
      </c>
      <c r="AF934" s="7">
        <v>345.97905667700002</v>
      </c>
      <c r="AG934" s="9">
        <v>38349.294379500003</v>
      </c>
      <c r="AH934" s="13">
        <v>0.83950738468165298</v>
      </c>
      <c r="AI934" s="9">
        <v>27954.597018</v>
      </c>
      <c r="AJ934" s="13">
        <v>0.61195625661774411</v>
      </c>
      <c r="AK934" s="9">
        <v>-8692.455289599995</v>
      </c>
      <c r="AL934" s="13">
        <v>-0.118047381092362</v>
      </c>
      <c r="AM934" s="9">
        <v>19087.152651099997</v>
      </c>
      <c r="AN934" s="13">
        <v>0.29390690113026258</v>
      </c>
      <c r="AO934" s="9">
        <v>10394.697361500002</v>
      </c>
      <c r="AP934" s="13">
        <v>0.14116458007450128</v>
      </c>
      <c r="AQ934" s="9">
        <v>45680.711187599998</v>
      </c>
      <c r="AR934" s="9">
        <v>47747.553761900002</v>
      </c>
      <c r="AS934" s="9">
        <v>59754.435157499996</v>
      </c>
      <c r="AT934" s="9">
        <v>72049.5606979</v>
      </c>
      <c r="AU934" s="9">
        <v>69844.590188700007</v>
      </c>
      <c r="AV934" s="9">
        <v>77029.457978599996</v>
      </c>
      <c r="AW934" s="9">
        <v>73635.308205599998</v>
      </c>
      <c r="AX934" s="9">
        <v>73458.688334299994</v>
      </c>
      <c r="AY934" s="9">
        <v>77028.607894700006</v>
      </c>
      <c r="AZ934" s="9">
        <v>64942.852916000003</v>
      </c>
      <c r="BA934" s="9">
        <v>53349.964157299997</v>
      </c>
      <c r="BB934" s="9">
        <v>68781.315154099997</v>
      </c>
      <c r="BC934" s="9">
        <v>73586.307457699993</v>
      </c>
      <c r="BD934" s="9">
        <v>70532.723361800003</v>
      </c>
      <c r="BE934" s="9">
        <v>99345.822525900003</v>
      </c>
      <c r="BF934" s="9">
        <v>84030.005567100001</v>
      </c>
      <c r="BG934" s="11">
        <v>1.25</v>
      </c>
      <c r="BH934" s="13">
        <v>0.25</v>
      </c>
      <c r="BI934" s="6">
        <v>1</v>
      </c>
      <c r="BJ934" s="13">
        <v>0.2</v>
      </c>
      <c r="BK934" s="6">
        <v>1</v>
      </c>
      <c r="BL934" s="13">
        <v>0.16666666666666666</v>
      </c>
      <c r="BM934" s="11">
        <v>-0.75</v>
      </c>
      <c r="BN934" s="13">
        <v>-0.10714285714285714</v>
      </c>
      <c r="BO934" s="11">
        <v>0.25</v>
      </c>
      <c r="BP934" s="13">
        <v>4.1666666666666664E-2</v>
      </c>
      <c r="BQ934" s="6">
        <v>5</v>
      </c>
      <c r="BR934" s="6">
        <v>6</v>
      </c>
      <c r="BS934" s="6">
        <v>5</v>
      </c>
      <c r="BT934" s="6">
        <v>6</v>
      </c>
      <c r="BU934" s="6">
        <v>6</v>
      </c>
      <c r="BV934" s="6">
        <v>4</v>
      </c>
      <c r="BW934" s="6">
        <v>7</v>
      </c>
      <c r="BX934" s="6">
        <v>6</v>
      </c>
      <c r="BY934" s="6">
        <v>5</v>
      </c>
      <c r="BZ934" s="6">
        <v>5</v>
      </c>
      <c r="CA934" s="6">
        <v>7</v>
      </c>
      <c r="CB934" s="6">
        <v>7</v>
      </c>
      <c r="CC934" s="11">
        <v>6.25</v>
      </c>
      <c r="CD934" s="11">
        <v>273.59100000000001</v>
      </c>
      <c r="CE934" s="11">
        <v>11.7113</v>
      </c>
      <c r="CF934" s="11">
        <v>5.9791400000000001</v>
      </c>
      <c r="CG934" s="11">
        <v>18</v>
      </c>
      <c r="CH934" s="20">
        <v>0.27226</v>
      </c>
      <c r="CI934" s="20">
        <v>0.24709999999999999</v>
      </c>
      <c r="CJ934" s="20">
        <v>0.210315</v>
      </c>
      <c r="CK934" s="20">
        <v>0.36957099999999998</v>
      </c>
      <c r="CL934" s="20">
        <v>0.34382299999999999</v>
      </c>
      <c r="CM934" s="20">
        <v>0.33902500000000002</v>
      </c>
      <c r="CN934" s="20">
        <v>0.31118499999999999</v>
      </c>
      <c r="CO934" s="20">
        <v>0.28360400000000002</v>
      </c>
      <c r="CP934" s="20">
        <v>0.24598</v>
      </c>
      <c r="CQ934" s="20">
        <v>1.3725700000000001</v>
      </c>
      <c r="CR934" s="20">
        <v>1.3847499999999999</v>
      </c>
      <c r="CS934" s="20">
        <v>1.2911600000000001</v>
      </c>
      <c r="CT934" s="20">
        <v>1.28834</v>
      </c>
      <c r="CU934" s="20">
        <v>1.2839</v>
      </c>
      <c r="CV934" s="20">
        <v>1.26302</v>
      </c>
      <c r="CW934" s="20">
        <v>1.37113</v>
      </c>
      <c r="CX934" s="20">
        <v>1.4431099999999999</v>
      </c>
      <c r="CY934" s="6" t="s">
        <v>531</v>
      </c>
      <c r="CZ934" s="6" t="s">
        <v>532</v>
      </c>
      <c r="DA934" s="6" t="s">
        <v>140</v>
      </c>
      <c r="DB934" s="6" t="s">
        <v>345</v>
      </c>
      <c r="DC934" s="6">
        <v>48460</v>
      </c>
      <c r="DD934" s="6"/>
      <c r="DE934" s="6" t="s">
        <v>534</v>
      </c>
      <c r="DF934" s="6" t="s">
        <v>363</v>
      </c>
      <c r="DG934" s="6" t="s">
        <v>364</v>
      </c>
      <c r="DH934" s="6" t="s">
        <v>365</v>
      </c>
      <c r="DI934" s="6"/>
      <c r="DJ934" s="6">
        <v>29</v>
      </c>
      <c r="DK934" s="6">
        <v>91</v>
      </c>
      <c r="DL934" s="6">
        <v>8</v>
      </c>
      <c r="DM934" s="6" t="s">
        <v>368</v>
      </c>
      <c r="DN934" s="6">
        <v>7</v>
      </c>
      <c r="DO934" s="6" t="s">
        <v>369</v>
      </c>
      <c r="DP934" s="6"/>
      <c r="DQ934" s="6"/>
    </row>
    <row r="935" spans="1:121" x14ac:dyDescent="0.2">
      <c r="A935" s="6" t="s">
        <v>319</v>
      </c>
      <c r="B935" s="6" t="s">
        <v>319</v>
      </c>
      <c r="C935" s="6" t="s">
        <v>188</v>
      </c>
      <c r="D935" s="6" t="s">
        <v>140</v>
      </c>
      <c r="E935" s="6" t="s">
        <v>281</v>
      </c>
      <c r="F935" s="11">
        <v>334</v>
      </c>
      <c r="G935" s="13">
        <v>0.925207756233</v>
      </c>
      <c r="H935" s="11">
        <v>192.50346406399996</v>
      </c>
      <c r="I935" s="13">
        <v>0.5329352577621036</v>
      </c>
      <c r="J935" s="11">
        <v>-29.59729031300003</v>
      </c>
      <c r="K935" s="13">
        <v>-5.3452010294534336E-2</v>
      </c>
      <c r="L935" s="11">
        <v>170.86683465600004</v>
      </c>
      <c r="M935" s="13">
        <v>0.32600722692917083</v>
      </c>
      <c r="N935" s="11">
        <v>141.26954434300001</v>
      </c>
      <c r="O935" s="13">
        <v>0.25512947498472588</v>
      </c>
      <c r="P935" s="7">
        <v>361.21360195300002</v>
      </c>
      <c r="Q935" s="7">
        <v>440.13767556400001</v>
      </c>
      <c r="R935" s="7">
        <v>446.52780633100002</v>
      </c>
      <c r="S935" s="7">
        <v>421.81082581700002</v>
      </c>
      <c r="T935" s="7">
        <v>448.33721164899998</v>
      </c>
      <c r="U935" s="7">
        <v>608.71196598899996</v>
      </c>
      <c r="V935" s="7">
        <v>553.71706601699998</v>
      </c>
      <c r="W935" s="7">
        <v>487.76606676</v>
      </c>
      <c r="X935" s="7">
        <v>467.064326483</v>
      </c>
      <c r="Y935" s="7">
        <v>524.11977570399995</v>
      </c>
      <c r="Z935" s="7">
        <v>529.84418319700001</v>
      </c>
      <c r="AA935" s="7">
        <v>571.300401803</v>
      </c>
      <c r="AB935" s="7">
        <v>602.02477859099997</v>
      </c>
      <c r="AC935" s="7">
        <v>616.35218503299996</v>
      </c>
      <c r="AD935" s="7">
        <v>628.50860026600003</v>
      </c>
      <c r="AE935" s="7">
        <v>664.25401829600003</v>
      </c>
      <c r="AF935" s="7">
        <v>694.98661035999999</v>
      </c>
      <c r="AG935" s="9">
        <v>6601.4818587000009</v>
      </c>
      <c r="AH935" s="13">
        <v>0.47387523143723714</v>
      </c>
      <c r="AI935" s="9">
        <v>2824.9610730999993</v>
      </c>
      <c r="AJ935" s="13">
        <v>0.2027846339609676</v>
      </c>
      <c r="AK935" s="9">
        <v>4121.5516353999992</v>
      </c>
      <c r="AL935" s="13">
        <v>0.24597753743460948</v>
      </c>
      <c r="AM935" s="9">
        <v>-345.03084979999767</v>
      </c>
      <c r="AN935" s="13">
        <v>-1.6526558266754442E-2</v>
      </c>
      <c r="AO935" s="9">
        <v>3776.5207856000015</v>
      </c>
      <c r="AP935" s="13">
        <v>0.22538581706312921</v>
      </c>
      <c r="AQ935" s="9">
        <v>13930.8438609</v>
      </c>
      <c r="AR935" s="9">
        <v>15893.9407985</v>
      </c>
      <c r="AS935" s="9">
        <v>16520.7269161</v>
      </c>
      <c r="AT935" s="9">
        <v>18294.1873639</v>
      </c>
      <c r="AU935" s="9">
        <v>19395.584732899999</v>
      </c>
      <c r="AV935" s="9">
        <v>15556.8579546</v>
      </c>
      <c r="AW935" s="9">
        <v>16755.804934</v>
      </c>
      <c r="AX935" s="9">
        <v>19718.2630986</v>
      </c>
      <c r="AY935" s="9">
        <v>20150.464264999999</v>
      </c>
      <c r="AZ935" s="9">
        <v>20877.356569399999</v>
      </c>
      <c r="BA935" s="9">
        <v>21498.275407699999</v>
      </c>
      <c r="BB935" s="9">
        <v>21699.627415999999</v>
      </c>
      <c r="BC935" s="9">
        <v>22246.8706733</v>
      </c>
      <c r="BD935" s="9">
        <v>23752.34376</v>
      </c>
      <c r="BE935" s="9">
        <v>22224.4731794</v>
      </c>
      <c r="BF935" s="9">
        <v>20532.325719600001</v>
      </c>
      <c r="BG935" s="11">
        <v>0.25</v>
      </c>
      <c r="BH935" s="13">
        <v>9.6153846153846159E-3</v>
      </c>
      <c r="BI935" s="6">
        <v>0</v>
      </c>
      <c r="BJ935" s="13">
        <v>0</v>
      </c>
      <c r="BK935" s="6">
        <v>1</v>
      </c>
      <c r="BL935" s="13">
        <v>3.8461538461538464E-2</v>
      </c>
      <c r="BM935" s="11">
        <v>-0.75</v>
      </c>
      <c r="BN935" s="13">
        <v>-2.7777777777777776E-2</v>
      </c>
      <c r="BO935" s="11">
        <v>0.25</v>
      </c>
      <c r="BP935" s="13">
        <v>9.6153846153846159E-3</v>
      </c>
      <c r="BQ935" s="6">
        <v>26</v>
      </c>
      <c r="BR935" s="6">
        <v>23</v>
      </c>
      <c r="BS935" s="6">
        <v>28</v>
      </c>
      <c r="BT935" s="6">
        <v>26</v>
      </c>
      <c r="BU935" s="6">
        <v>27</v>
      </c>
      <c r="BV935" s="6">
        <v>27</v>
      </c>
      <c r="BW935" s="6">
        <v>27</v>
      </c>
      <c r="BX935" s="6">
        <v>30</v>
      </c>
      <c r="BY935" s="6">
        <v>27</v>
      </c>
      <c r="BZ935" s="6">
        <v>29</v>
      </c>
      <c r="CA935" s="6">
        <v>25</v>
      </c>
      <c r="CB935" s="6">
        <v>27</v>
      </c>
      <c r="CC935" s="11">
        <v>26.25</v>
      </c>
      <c r="CD935" s="11">
        <v>261.78899999999999</v>
      </c>
      <c r="CE935" s="11">
        <v>32.499299999999998</v>
      </c>
      <c r="CF935" s="11">
        <v>39.484999999999999</v>
      </c>
      <c r="CG935" s="11">
        <v>71</v>
      </c>
      <c r="CH935" s="20">
        <v>0.36653599999999997</v>
      </c>
      <c r="CI935" s="20">
        <v>0.44359300000000002</v>
      </c>
      <c r="CJ935" s="20">
        <v>0.44487599999999999</v>
      </c>
      <c r="CK935" s="20">
        <v>0.40183200000000002</v>
      </c>
      <c r="CL935" s="20">
        <v>0.41067100000000001</v>
      </c>
      <c r="CM935" s="20">
        <v>0.54775799999999997</v>
      </c>
      <c r="CN935" s="20">
        <v>0.50016300000000002</v>
      </c>
      <c r="CO935" s="20">
        <v>0.46900799999999998</v>
      </c>
      <c r="CP935" s="20">
        <v>0.49765100000000001</v>
      </c>
      <c r="CQ935" s="20">
        <v>0.52996699999999997</v>
      </c>
      <c r="CR935" s="20">
        <v>0.53456700000000001</v>
      </c>
      <c r="CS935" s="20">
        <v>0.557307</v>
      </c>
      <c r="CT935" s="20">
        <v>0.58361600000000002</v>
      </c>
      <c r="CU935" s="20">
        <v>0.59280299999999997</v>
      </c>
      <c r="CV935" s="20">
        <v>0.59677400000000003</v>
      </c>
      <c r="CW935" s="20">
        <v>0.63197800000000004</v>
      </c>
      <c r="CX935" s="20">
        <v>0.652142</v>
      </c>
      <c r="CY935" s="6" t="s">
        <v>531</v>
      </c>
      <c r="CZ935" s="6" t="s">
        <v>532</v>
      </c>
      <c r="DA935" s="6" t="s">
        <v>140</v>
      </c>
      <c r="DB935" s="6" t="s">
        <v>345</v>
      </c>
      <c r="DC935" s="6">
        <v>48460</v>
      </c>
      <c r="DD935" s="6"/>
      <c r="DE935" s="6" t="s">
        <v>534</v>
      </c>
      <c r="DF935" s="6" t="s">
        <v>363</v>
      </c>
      <c r="DG935" s="6" t="s">
        <v>364</v>
      </c>
      <c r="DH935" s="6" t="s">
        <v>365</v>
      </c>
      <c r="DI935" s="6"/>
      <c r="DJ935" s="6">
        <v>29</v>
      </c>
      <c r="DK935" s="6">
        <v>91</v>
      </c>
      <c r="DL935" s="6">
        <v>8</v>
      </c>
      <c r="DM935" s="6" t="s">
        <v>368</v>
      </c>
      <c r="DN935" s="6">
        <v>7</v>
      </c>
      <c r="DO935" s="6" t="s">
        <v>369</v>
      </c>
      <c r="DP935" s="6"/>
      <c r="DQ935" s="6"/>
    </row>
    <row r="936" spans="1:121" x14ac:dyDescent="0.2">
      <c r="A936" s="6" t="s">
        <v>320</v>
      </c>
      <c r="B936" s="6" t="s">
        <v>320</v>
      </c>
      <c r="C936" s="6" t="s">
        <v>189</v>
      </c>
      <c r="D936" s="6" t="s">
        <v>140</v>
      </c>
      <c r="E936" s="6" t="s">
        <v>281</v>
      </c>
      <c r="F936" s="11">
        <v>36</v>
      </c>
      <c r="G936" s="13">
        <v>1.0909090909100001</v>
      </c>
      <c r="H936" s="11">
        <v>38.251172089100002</v>
      </c>
      <c r="I936" s="13">
        <v>1.1631779505769797</v>
      </c>
      <c r="J936" s="11">
        <v>-11.640472001000006</v>
      </c>
      <c r="K936" s="13">
        <v>-0.16363633983925768</v>
      </c>
      <c r="L936" s="11">
        <v>9.4594892018999985</v>
      </c>
      <c r="M936" s="13">
        <v>0.15899435216099653</v>
      </c>
      <c r="N936" s="11">
        <v>-2.1809827991000077</v>
      </c>
      <c r="O936" s="13">
        <v>-3.0659241521000601E-2</v>
      </c>
      <c r="P936" s="7">
        <v>32.8850560399</v>
      </c>
      <c r="Q936" s="7">
        <v>35.726644174699999</v>
      </c>
      <c r="R936" s="7">
        <v>44.684087494400003</v>
      </c>
      <c r="S936" s="7">
        <v>51.357766134400002</v>
      </c>
      <c r="T936" s="7">
        <v>66.909187406000001</v>
      </c>
      <c r="U936" s="7">
        <v>77.907993973299995</v>
      </c>
      <c r="V936" s="7">
        <v>71.136228129000003</v>
      </c>
      <c r="W936" s="7">
        <v>125.44177752</v>
      </c>
      <c r="X936" s="7">
        <v>72.646749088199996</v>
      </c>
      <c r="Y936" s="7">
        <v>59.495756127999996</v>
      </c>
      <c r="Z936" s="7">
        <v>67.578640700400001</v>
      </c>
      <c r="AA936" s="7">
        <v>70.176823055900002</v>
      </c>
      <c r="AB936" s="7">
        <v>74.044157003600006</v>
      </c>
      <c r="AC936" s="7">
        <v>66.750475615499994</v>
      </c>
      <c r="AD936" s="7">
        <v>63.407459437</v>
      </c>
      <c r="AE936" s="7">
        <v>66.495528103300003</v>
      </c>
      <c r="AF936" s="7">
        <v>68.955245329899995</v>
      </c>
      <c r="AG936" s="9">
        <v>8004.3096327999992</v>
      </c>
      <c r="AH936" s="13">
        <v>0.50366129778836166</v>
      </c>
      <c r="AI936" s="9">
        <v>-975.72567559999879</v>
      </c>
      <c r="AJ936" s="13">
        <v>-6.1396333050925671E-2</v>
      </c>
      <c r="AK936" s="9">
        <v>7312.6830210999979</v>
      </c>
      <c r="AL936" s="13">
        <v>0.49024051754215114</v>
      </c>
      <c r="AM936" s="9">
        <v>1667.3522873000002</v>
      </c>
      <c r="AN936" s="13">
        <v>7.5007286750311028E-2</v>
      </c>
      <c r="AO936" s="9">
        <v>8980.035308399998</v>
      </c>
      <c r="AP936" s="13">
        <v>0.60201941536836712</v>
      </c>
      <c r="AQ936" s="9">
        <v>15892.246769699999</v>
      </c>
      <c r="AR936" s="9">
        <v>17125.159645899999</v>
      </c>
      <c r="AS936" s="9">
        <v>15243.154231099999</v>
      </c>
      <c r="AT936" s="9">
        <v>16239.798185199999</v>
      </c>
      <c r="AU936" s="9">
        <v>16889.629419000001</v>
      </c>
      <c r="AV936" s="9">
        <v>14352.585428</v>
      </c>
      <c r="AW936" s="9">
        <v>14916.5210941</v>
      </c>
      <c r="AX936" s="9">
        <v>18984.784132199999</v>
      </c>
      <c r="AY936" s="9">
        <v>32373.0638363</v>
      </c>
      <c r="AZ936" s="9">
        <v>22229.204115199998</v>
      </c>
      <c r="BA936" s="9">
        <v>19758.345621</v>
      </c>
      <c r="BB936" s="9">
        <v>17890.5235908</v>
      </c>
      <c r="BC936" s="9">
        <v>24607.853489500001</v>
      </c>
      <c r="BD936" s="9">
        <v>20820.424090500001</v>
      </c>
      <c r="BE936" s="9">
        <v>21787.217886900002</v>
      </c>
      <c r="BF936" s="9">
        <v>23896.556402499999</v>
      </c>
      <c r="BG936" s="11">
        <v>2.75</v>
      </c>
      <c r="BH936" s="13">
        <v>0.55000000000000004</v>
      </c>
      <c r="BI936" s="6">
        <v>2</v>
      </c>
      <c r="BJ936" s="13">
        <v>0.4</v>
      </c>
      <c r="BK936" s="6">
        <v>-3</v>
      </c>
      <c r="BL936" s="13">
        <v>-0.42857142857142855</v>
      </c>
      <c r="BM936" s="11">
        <v>3.75</v>
      </c>
      <c r="BN936" s="13">
        <v>0.9375</v>
      </c>
      <c r="BO936" s="11">
        <v>0.75</v>
      </c>
      <c r="BP936" s="13">
        <v>0.10714285714285714</v>
      </c>
      <c r="BQ936" s="6">
        <v>5</v>
      </c>
      <c r="BR936" s="6">
        <v>6</v>
      </c>
      <c r="BS936" s="6">
        <v>5</v>
      </c>
      <c r="BT936" s="6">
        <v>7</v>
      </c>
      <c r="BU936" s="6">
        <v>7</v>
      </c>
      <c r="BV936" s="6">
        <v>4</v>
      </c>
      <c r="BW936" s="6">
        <v>4</v>
      </c>
      <c r="BX936" s="6">
        <v>5</v>
      </c>
      <c r="BY936" s="6">
        <v>6</v>
      </c>
      <c r="BZ936" s="6">
        <v>6</v>
      </c>
      <c r="CA936" s="6">
        <v>8</v>
      </c>
      <c r="CB936" s="6">
        <v>7</v>
      </c>
      <c r="CC936" s="11">
        <v>7.75</v>
      </c>
      <c r="CD936" s="11">
        <v>20.567599999999999</v>
      </c>
      <c r="CE936" s="11">
        <v>11.9078</v>
      </c>
      <c r="CF936" s="11">
        <v>3.5947300000000002</v>
      </c>
      <c r="CG936" s="11">
        <v>16</v>
      </c>
      <c r="CH936" s="20">
        <v>0.10002</v>
      </c>
      <c r="CI936" s="20">
        <v>0.10313600000000001</v>
      </c>
      <c r="CJ936" s="20">
        <v>0.123836</v>
      </c>
      <c r="CK936" s="20">
        <v>0.135574</v>
      </c>
      <c r="CL936" s="20">
        <v>0.17363400000000001</v>
      </c>
      <c r="CM936" s="20">
        <v>0.19959299999999999</v>
      </c>
      <c r="CN936" s="20">
        <v>0.18008299999999999</v>
      </c>
      <c r="CO936" s="20">
        <v>0.31418099999999999</v>
      </c>
      <c r="CP936" s="20">
        <v>0.17849599999999999</v>
      </c>
      <c r="CQ936" s="20">
        <v>0.13977000000000001</v>
      </c>
      <c r="CR936" s="20">
        <v>0.15956600000000001</v>
      </c>
      <c r="CS936" s="20">
        <v>0.16175999999999999</v>
      </c>
      <c r="CT936" s="20">
        <v>0.17182600000000001</v>
      </c>
      <c r="CU936" s="20">
        <v>0.15552299999999999</v>
      </c>
      <c r="CV936" s="20">
        <v>0.147424</v>
      </c>
      <c r="CW936" s="20">
        <v>0.155115</v>
      </c>
      <c r="CX936" s="20">
        <v>0.15807299999999999</v>
      </c>
      <c r="CY936" s="6" t="s">
        <v>531</v>
      </c>
      <c r="CZ936" s="6" t="s">
        <v>532</v>
      </c>
      <c r="DA936" s="6" t="s">
        <v>140</v>
      </c>
      <c r="DB936" s="6" t="s">
        <v>345</v>
      </c>
      <c r="DC936" s="6">
        <v>48460</v>
      </c>
      <c r="DD936" s="6"/>
      <c r="DE936" s="6" t="s">
        <v>534</v>
      </c>
      <c r="DF936" s="6" t="s">
        <v>363</v>
      </c>
      <c r="DG936" s="6" t="s">
        <v>364</v>
      </c>
      <c r="DH936" s="6" t="s">
        <v>365</v>
      </c>
      <c r="DI936" s="6"/>
      <c r="DJ936" s="6">
        <v>29</v>
      </c>
      <c r="DK936" s="6">
        <v>91</v>
      </c>
      <c r="DL936" s="6">
        <v>8</v>
      </c>
      <c r="DM936" s="6" t="s">
        <v>368</v>
      </c>
      <c r="DN936" s="6">
        <v>7</v>
      </c>
      <c r="DO936" s="6" t="s">
        <v>369</v>
      </c>
      <c r="DP936" s="6"/>
      <c r="DQ936" s="6"/>
    </row>
    <row r="937" spans="1:121" x14ac:dyDescent="0.2">
      <c r="A937" s="6" t="s">
        <v>321</v>
      </c>
      <c r="B937" s="6" t="s">
        <v>321</v>
      </c>
      <c r="C937" s="6" t="s">
        <v>190</v>
      </c>
      <c r="D937" s="6" t="s">
        <v>140</v>
      </c>
      <c r="E937" s="6" t="s">
        <v>281</v>
      </c>
      <c r="F937" s="11">
        <v>549</v>
      </c>
      <c r="G937" s="13">
        <v>0.20930232558100001</v>
      </c>
      <c r="H937" s="11">
        <v>331.66489988000012</v>
      </c>
      <c r="I937" s="13">
        <v>0.12643291970203574</v>
      </c>
      <c r="J937" s="11">
        <v>135.63636958999996</v>
      </c>
      <c r="K937" s="13">
        <v>4.5901986145789234E-2</v>
      </c>
      <c r="L937" s="11">
        <v>81.395229680000284</v>
      </c>
      <c r="M937" s="13">
        <v>2.6336816982228069E-2</v>
      </c>
      <c r="N937" s="11">
        <v>217.03159927000024</v>
      </c>
      <c r="O937" s="13">
        <v>7.3447715336259711E-2</v>
      </c>
      <c r="P937" s="7">
        <v>2623.2479694499998</v>
      </c>
      <c r="Q937" s="7">
        <v>2659.7450620599998</v>
      </c>
      <c r="R937" s="7">
        <v>2671.8348788799999</v>
      </c>
      <c r="S937" s="7">
        <v>2793.4942376499998</v>
      </c>
      <c r="T937" s="7">
        <v>3012.62054949</v>
      </c>
      <c r="U937" s="7">
        <v>3135.5053397900001</v>
      </c>
      <c r="V937" s="7">
        <v>2954.9128693299999</v>
      </c>
      <c r="W937" s="7">
        <v>2889.1107965000001</v>
      </c>
      <c r="X937" s="7">
        <v>2918.6270264</v>
      </c>
      <c r="Y937" s="7">
        <v>3090.5492389199999</v>
      </c>
      <c r="Z937" s="7">
        <v>3187.81337691</v>
      </c>
      <c r="AA937" s="7">
        <v>3521.38402322</v>
      </c>
      <c r="AB937" s="7">
        <v>3301.9953351200002</v>
      </c>
      <c r="AC937" s="7">
        <v>3143.8385168999998</v>
      </c>
      <c r="AD937" s="7">
        <v>3185.4781793299999</v>
      </c>
      <c r="AE937" s="7">
        <v>3146.1361068699998</v>
      </c>
      <c r="AF937" s="7">
        <v>3171.9444686000002</v>
      </c>
      <c r="AG937" s="9">
        <v>17518.013112100001</v>
      </c>
      <c r="AH937" s="13">
        <v>0.71509081448339273</v>
      </c>
      <c r="AI937" s="9">
        <v>10950.675496399999</v>
      </c>
      <c r="AJ937" s="13">
        <v>0.44701002389678457</v>
      </c>
      <c r="AK937" s="9">
        <v>2148.3522173000019</v>
      </c>
      <c r="AL937" s="13">
        <v>6.0605256995110435E-2</v>
      </c>
      <c r="AM937" s="9">
        <v>4418.9853984000001</v>
      </c>
      <c r="AN937" s="13">
        <v>0.11753672996722039</v>
      </c>
      <c r="AO937" s="9">
        <v>6567.3376157000021</v>
      </c>
      <c r="AP937" s="13">
        <v>0.1852653306883591</v>
      </c>
      <c r="AQ937" s="9">
        <v>24497.606118399999</v>
      </c>
      <c r="AR937" s="9">
        <v>26797.293156399999</v>
      </c>
      <c r="AS937" s="9">
        <v>28471.914419299999</v>
      </c>
      <c r="AT937" s="9">
        <v>29394.879734300001</v>
      </c>
      <c r="AU937" s="9">
        <v>31457.540885800001</v>
      </c>
      <c r="AV937" s="9">
        <v>33583.391938100001</v>
      </c>
      <c r="AW937" s="9">
        <v>35448.281614799998</v>
      </c>
      <c r="AX937" s="9">
        <v>36089.118401899999</v>
      </c>
      <c r="AY937" s="9">
        <v>37018.060344899997</v>
      </c>
      <c r="AZ937" s="9">
        <v>37596.6338321</v>
      </c>
      <c r="BA937" s="9">
        <v>38581.7276079</v>
      </c>
      <c r="BB937" s="9">
        <v>38637.211931799997</v>
      </c>
      <c r="BC937" s="9">
        <v>39731.6432184</v>
      </c>
      <c r="BD937" s="9">
        <v>40000.784354700001</v>
      </c>
      <c r="BE937" s="9">
        <v>42561.482034799999</v>
      </c>
      <c r="BF937" s="9">
        <v>42015.6192305</v>
      </c>
      <c r="BG937" s="11">
        <v>119.25</v>
      </c>
      <c r="BH937" s="13">
        <v>1.1041666666666667</v>
      </c>
      <c r="BI937" s="6">
        <v>17</v>
      </c>
      <c r="BJ937" s="13">
        <v>0.15740740740740741</v>
      </c>
      <c r="BK937" s="6">
        <v>3</v>
      </c>
      <c r="BL937" s="13">
        <v>2.4E-2</v>
      </c>
      <c r="BM937" s="11">
        <v>99.25</v>
      </c>
      <c r="BN937" s="13">
        <v>0.775390625</v>
      </c>
      <c r="BO937" s="11">
        <v>102.25</v>
      </c>
      <c r="BP937" s="13">
        <v>0.81799999999999995</v>
      </c>
      <c r="BQ937" s="6">
        <v>108</v>
      </c>
      <c r="BR937" s="6">
        <v>112</v>
      </c>
      <c r="BS937" s="6">
        <v>124</v>
      </c>
      <c r="BT937" s="6">
        <v>125</v>
      </c>
      <c r="BU937" s="6">
        <v>122</v>
      </c>
      <c r="BV937" s="6">
        <v>125</v>
      </c>
      <c r="BW937" s="6">
        <v>128</v>
      </c>
      <c r="BX937" s="6">
        <v>128</v>
      </c>
      <c r="BY937" s="6">
        <v>130</v>
      </c>
      <c r="BZ937" s="6">
        <v>196</v>
      </c>
      <c r="CA937" s="6">
        <v>193</v>
      </c>
      <c r="CB937" s="6">
        <v>218</v>
      </c>
      <c r="CC937" s="11">
        <v>227.25</v>
      </c>
      <c r="CD937" s="11">
        <v>-693.35500000000002</v>
      </c>
      <c r="CE937" s="11">
        <v>955.29899999999998</v>
      </c>
      <c r="CF937" s="11">
        <v>286.75299999999999</v>
      </c>
      <c r="CG937" s="11">
        <v>1242</v>
      </c>
      <c r="CH937" s="20">
        <v>1.6155299999999999</v>
      </c>
      <c r="CI937" s="20">
        <v>1.5660000000000001</v>
      </c>
      <c r="CJ937" s="20">
        <v>1.50759</v>
      </c>
      <c r="CK937" s="20">
        <v>1.5257799999999999</v>
      </c>
      <c r="CL937" s="20">
        <v>1.60009</v>
      </c>
      <c r="CM937" s="20">
        <v>1.6388499999999999</v>
      </c>
      <c r="CN937" s="20">
        <v>1.52277</v>
      </c>
      <c r="CO937" s="20">
        <v>1.478</v>
      </c>
      <c r="CP937" s="20">
        <v>1.4759899999999999</v>
      </c>
      <c r="CQ937" s="20">
        <v>1.5037700000000001</v>
      </c>
      <c r="CR937" s="20">
        <v>1.5868100000000001</v>
      </c>
      <c r="CS937" s="20">
        <v>1.68299</v>
      </c>
      <c r="CT937" s="20">
        <v>1.58043</v>
      </c>
      <c r="CU937" s="20">
        <v>1.5138799999999999</v>
      </c>
      <c r="CV937" s="20">
        <v>1.51545</v>
      </c>
      <c r="CW937" s="20">
        <v>1.49265</v>
      </c>
      <c r="CX937" s="20">
        <v>1.4702599999999999</v>
      </c>
      <c r="CY937" s="6" t="s">
        <v>531</v>
      </c>
      <c r="CZ937" s="6" t="s">
        <v>532</v>
      </c>
      <c r="DA937" s="6" t="s">
        <v>140</v>
      </c>
      <c r="DB937" s="6" t="s">
        <v>345</v>
      </c>
      <c r="DC937" s="6">
        <v>48460</v>
      </c>
      <c r="DD937" s="6"/>
      <c r="DE937" s="6" t="s">
        <v>534</v>
      </c>
      <c r="DF937" s="6" t="s">
        <v>363</v>
      </c>
      <c r="DG937" s="6" t="s">
        <v>364</v>
      </c>
      <c r="DH937" s="6" t="s">
        <v>365</v>
      </c>
      <c r="DI937" s="6"/>
      <c r="DJ937" s="6">
        <v>29</v>
      </c>
      <c r="DK937" s="6">
        <v>91</v>
      </c>
      <c r="DL937" s="6">
        <v>8</v>
      </c>
      <c r="DM937" s="6" t="s">
        <v>368</v>
      </c>
      <c r="DN937" s="6">
        <v>7</v>
      </c>
      <c r="DO937" s="6" t="s">
        <v>369</v>
      </c>
      <c r="DP937" s="6"/>
      <c r="DQ937" s="6"/>
    </row>
    <row r="938" spans="1:121" x14ac:dyDescent="0.2">
      <c r="A938" s="6" t="s">
        <v>322</v>
      </c>
      <c r="B938" s="6" t="s">
        <v>322</v>
      </c>
      <c r="C938" s="6" t="s">
        <v>191</v>
      </c>
      <c r="D938" s="6" t="s">
        <v>140</v>
      </c>
      <c r="E938" s="6" t="s">
        <v>281</v>
      </c>
      <c r="F938" s="11">
        <v>-14</v>
      </c>
      <c r="G938" s="13">
        <v>-0.13</v>
      </c>
      <c r="H938" s="11">
        <v>1</v>
      </c>
      <c r="I938" s="13">
        <v>9.0909090909090905E-3</v>
      </c>
      <c r="J938" s="11">
        <v>29</v>
      </c>
      <c r="K938" s="13">
        <v>0.26126126126126126</v>
      </c>
      <c r="L938" s="11">
        <v>-44</v>
      </c>
      <c r="M938" s="13">
        <v>-0.31428571428571428</v>
      </c>
      <c r="N938" s="11">
        <v>-15</v>
      </c>
      <c r="O938" s="13">
        <v>-0.13513513513513514</v>
      </c>
      <c r="P938" s="7">
        <v>110</v>
      </c>
      <c r="Q938" s="7">
        <v>108</v>
      </c>
      <c r="R938" s="7">
        <v>101</v>
      </c>
      <c r="S938" s="7">
        <v>162</v>
      </c>
      <c r="T938" s="7">
        <v>101</v>
      </c>
      <c r="U938" s="7">
        <v>100</v>
      </c>
      <c r="V938" s="7">
        <v>111</v>
      </c>
      <c r="W938" s="7">
        <v>99</v>
      </c>
      <c r="X938" s="7">
        <v>92</v>
      </c>
      <c r="Y938" s="7">
        <v>140</v>
      </c>
      <c r="Z938" s="7">
        <v>143</v>
      </c>
      <c r="AA938" s="7">
        <v>154</v>
      </c>
      <c r="AB938" s="7">
        <v>103</v>
      </c>
      <c r="AC938" s="7">
        <v>94</v>
      </c>
      <c r="AD938" s="7">
        <v>105</v>
      </c>
      <c r="AE938" s="7">
        <v>95</v>
      </c>
      <c r="AF938" s="7">
        <v>96</v>
      </c>
      <c r="AG938" s="9">
        <v>5131</v>
      </c>
      <c r="AH938" s="13">
        <v>0.51069971135662384</v>
      </c>
      <c r="AI938" s="9">
        <v>2937</v>
      </c>
      <c r="AJ938" s="13">
        <v>0.29232606748283069</v>
      </c>
      <c r="AK938" s="9">
        <v>4583</v>
      </c>
      <c r="AL938" s="13">
        <v>0.3529728897104128</v>
      </c>
      <c r="AM938" s="9">
        <v>-2389</v>
      </c>
      <c r="AN938" s="13">
        <v>-0.13599362440940399</v>
      </c>
      <c r="AO938" s="9">
        <v>2194</v>
      </c>
      <c r="AP938" s="13">
        <v>0.16897720271102895</v>
      </c>
      <c r="AQ938" s="9">
        <v>10047</v>
      </c>
      <c r="AR938" s="9">
        <v>11640</v>
      </c>
      <c r="AS938" s="9">
        <v>12048</v>
      </c>
      <c r="AT938" s="9">
        <v>12485</v>
      </c>
      <c r="AU938" s="9">
        <v>12235</v>
      </c>
      <c r="AV938" s="9">
        <v>12977</v>
      </c>
      <c r="AW938" s="9">
        <v>12984</v>
      </c>
      <c r="AX938" s="9">
        <v>14066</v>
      </c>
      <c r="AY938" s="9">
        <v>13923</v>
      </c>
      <c r="AZ938" s="9">
        <v>17567</v>
      </c>
      <c r="BA938" s="9">
        <v>18367</v>
      </c>
      <c r="BB938" s="9">
        <v>17790</v>
      </c>
      <c r="BC938" s="9">
        <v>14726</v>
      </c>
      <c r="BD938" s="9">
        <v>18722</v>
      </c>
      <c r="BE938" s="9">
        <v>15235</v>
      </c>
      <c r="BF938" s="9">
        <v>15178</v>
      </c>
      <c r="BG938" s="11">
        <v>-1</v>
      </c>
      <c r="BH938" s="13">
        <v>-7.1428571428571425E-2</v>
      </c>
      <c r="BI938" s="6">
        <v>-6</v>
      </c>
      <c r="BJ938" s="13">
        <v>-0.42857142857142855</v>
      </c>
      <c r="BK938" s="6">
        <v>0</v>
      </c>
      <c r="BL938" s="13">
        <v>0</v>
      </c>
      <c r="BM938" s="11">
        <v>5</v>
      </c>
      <c r="BN938" s="13">
        <v>0.625</v>
      </c>
      <c r="BO938" s="11">
        <v>5</v>
      </c>
      <c r="BP938" s="13">
        <v>0.625</v>
      </c>
      <c r="BQ938" s="6">
        <v>14</v>
      </c>
      <c r="BR938" s="6">
        <v>12</v>
      </c>
      <c r="BS938" s="6">
        <v>10</v>
      </c>
      <c r="BT938" s="6">
        <v>8</v>
      </c>
      <c r="BU938" s="6">
        <v>7</v>
      </c>
      <c r="BV938" s="6">
        <v>8</v>
      </c>
      <c r="BW938" s="6">
        <v>8</v>
      </c>
      <c r="BX938" s="6">
        <v>8</v>
      </c>
      <c r="BY938" s="6">
        <v>13</v>
      </c>
      <c r="BZ938" s="6">
        <v>14</v>
      </c>
      <c r="CA938" s="6">
        <v>13</v>
      </c>
      <c r="CB938" s="6">
        <v>12</v>
      </c>
      <c r="CC938" s="11">
        <v>13</v>
      </c>
      <c r="CD938" s="11">
        <v>-47</v>
      </c>
      <c r="CE938" s="11">
        <v>20</v>
      </c>
      <c r="CF938" s="11">
        <v>12</v>
      </c>
      <c r="CG938" s="11">
        <v>32</v>
      </c>
      <c r="CH938" s="20">
        <v>0.44</v>
      </c>
      <c r="CI938" s="20">
        <v>0.42</v>
      </c>
      <c r="CJ938" s="20">
        <v>0.38</v>
      </c>
      <c r="CK938" s="20">
        <v>0.6</v>
      </c>
      <c r="CL938" s="20">
        <v>0.36</v>
      </c>
      <c r="CM938" s="20">
        <v>0.36</v>
      </c>
      <c r="CN938" s="20">
        <v>0.39</v>
      </c>
      <c r="CO938" s="20">
        <v>0.35</v>
      </c>
      <c r="CP938" s="20">
        <v>0.34</v>
      </c>
      <c r="CQ938" s="20">
        <v>0.51</v>
      </c>
      <c r="CR938" s="20">
        <v>0.53</v>
      </c>
      <c r="CS938" s="20">
        <v>0.56000000000000005</v>
      </c>
      <c r="CT938" s="20">
        <v>0.37</v>
      </c>
      <c r="CU938" s="20">
        <v>0.34</v>
      </c>
      <c r="CV938" s="20">
        <v>0.37</v>
      </c>
      <c r="CW938" s="20">
        <v>0.33</v>
      </c>
      <c r="CX938" s="20">
        <v>0.33</v>
      </c>
      <c r="CY938" s="6" t="s">
        <v>531</v>
      </c>
      <c r="CZ938" s="6" t="s">
        <v>532</v>
      </c>
      <c r="DA938" s="6" t="s">
        <v>140</v>
      </c>
      <c r="DB938" s="6" t="s">
        <v>345</v>
      </c>
      <c r="DC938" s="6">
        <v>48460</v>
      </c>
      <c r="DD938" s="6"/>
      <c r="DE938" s="6" t="s">
        <v>534</v>
      </c>
      <c r="DF938" s="6" t="s">
        <v>363</v>
      </c>
      <c r="DG938" s="6" t="s">
        <v>364</v>
      </c>
      <c r="DH938" s="6" t="s">
        <v>365</v>
      </c>
      <c r="DI938" s="6"/>
      <c r="DJ938" s="6">
        <v>29</v>
      </c>
      <c r="DK938" s="6">
        <v>91</v>
      </c>
      <c r="DL938" s="6">
        <v>8</v>
      </c>
      <c r="DM938" s="6" t="s">
        <v>368</v>
      </c>
      <c r="DN938" s="6">
        <v>7</v>
      </c>
      <c r="DO938" s="6" t="s">
        <v>369</v>
      </c>
      <c r="DP938" s="6"/>
      <c r="DQ938" s="6"/>
    </row>
    <row r="939" spans="1:121" x14ac:dyDescent="0.2">
      <c r="A939" s="6" t="s">
        <v>323</v>
      </c>
      <c r="B939" s="6" t="s">
        <v>323</v>
      </c>
      <c r="C939" s="6" t="s">
        <v>192</v>
      </c>
      <c r="D939" s="6" t="s">
        <v>140</v>
      </c>
      <c r="E939" s="6" t="s">
        <v>281</v>
      </c>
      <c r="F939" s="11">
        <v>-11</v>
      </c>
      <c r="G939" s="13">
        <v>-9.2983939137799999E-3</v>
      </c>
      <c r="H939" s="11">
        <v>86.040041920000021</v>
      </c>
      <c r="I939" s="13">
        <v>7.2754694483144866E-2</v>
      </c>
      <c r="J939" s="11">
        <v>-40.466778530000056</v>
      </c>
      <c r="K939" s="13">
        <v>-3.1897644744968402E-2</v>
      </c>
      <c r="L939" s="11">
        <v>-56.25725652999995</v>
      </c>
      <c r="M939" s="13">
        <v>-4.5805460846563922E-2</v>
      </c>
      <c r="N939" s="11">
        <v>-96.724035060000006</v>
      </c>
      <c r="O939" s="13">
        <v>-7.6242019274069067E-2</v>
      </c>
      <c r="P939" s="7">
        <v>1182.60467632</v>
      </c>
      <c r="Q939" s="7">
        <v>1183.40565588</v>
      </c>
      <c r="R939" s="7">
        <v>1247.3461726600001</v>
      </c>
      <c r="S939" s="7">
        <v>1223.9987144300001</v>
      </c>
      <c r="T939" s="7">
        <v>1195.8615167299999</v>
      </c>
      <c r="U939" s="7">
        <v>1208.07635602</v>
      </c>
      <c r="V939" s="7">
        <v>1268.64471824</v>
      </c>
      <c r="W939" s="7">
        <v>1326.6045049500001</v>
      </c>
      <c r="X939" s="7">
        <v>1260.6215503200001</v>
      </c>
      <c r="Y939" s="7">
        <v>1228.1779397099999</v>
      </c>
      <c r="Z939" s="7">
        <v>1169.67186672</v>
      </c>
      <c r="AA939" s="7">
        <v>1163.63273714</v>
      </c>
      <c r="AB939" s="7">
        <v>1135.7901337000001</v>
      </c>
      <c r="AC939" s="7">
        <v>1149.9767094199999</v>
      </c>
      <c r="AD939" s="7">
        <v>1178.53896674</v>
      </c>
      <c r="AE939" s="7">
        <v>1183.4541567700001</v>
      </c>
      <c r="AF939" s="7">
        <v>1171.92068318</v>
      </c>
      <c r="AG939" s="9">
        <v>4903.6778233999994</v>
      </c>
      <c r="AH939" s="13">
        <v>0.4864945250770043</v>
      </c>
      <c r="AI939" s="9">
        <v>2731.4331829999992</v>
      </c>
      <c r="AJ939" s="13">
        <v>0.27098584715376006</v>
      </c>
      <c r="AK939" s="9">
        <v>902.06848880000143</v>
      </c>
      <c r="AL939" s="13">
        <v>7.0413320666594018E-2</v>
      </c>
      <c r="AM939" s="9">
        <v>1270.1761515999988</v>
      </c>
      <c r="AN939" s="13">
        <v>9.2624902331424105E-2</v>
      </c>
      <c r="AO939" s="9">
        <v>2172.2446404000002</v>
      </c>
      <c r="AP939" s="13">
        <v>0.16956024994759264</v>
      </c>
      <c r="AQ939" s="9">
        <v>10079.6156393</v>
      </c>
      <c r="AR939" s="9">
        <v>10118.9015679</v>
      </c>
      <c r="AS939" s="9">
        <v>10124.6548736</v>
      </c>
      <c r="AT939" s="9">
        <v>10848.7574738</v>
      </c>
      <c r="AU939" s="9">
        <v>10861.570071800001</v>
      </c>
      <c r="AV939" s="9">
        <v>11240.2933032</v>
      </c>
      <c r="AW939" s="9">
        <v>12811.048822299999</v>
      </c>
      <c r="AX939" s="9">
        <v>13176.926748399999</v>
      </c>
      <c r="AY939" s="9">
        <v>13756.979047000001</v>
      </c>
      <c r="AZ939" s="9">
        <v>13713.117311100001</v>
      </c>
      <c r="BA939" s="9">
        <v>13549.612605800001</v>
      </c>
      <c r="BB939" s="9">
        <v>13804.267895499999</v>
      </c>
      <c r="BC939" s="9">
        <v>14210.6150177</v>
      </c>
      <c r="BD939" s="9">
        <v>13923.3324479</v>
      </c>
      <c r="BE939" s="9">
        <v>14528.4460753</v>
      </c>
      <c r="BF939" s="9">
        <v>14983.2934627</v>
      </c>
      <c r="BG939" s="11">
        <v>13.75</v>
      </c>
      <c r="BH939" s="13">
        <v>0.20522388059701493</v>
      </c>
      <c r="BI939" s="6">
        <v>-2</v>
      </c>
      <c r="BJ939" s="13">
        <v>-2.9850746268656716E-2</v>
      </c>
      <c r="BK939" s="6">
        <v>15</v>
      </c>
      <c r="BL939" s="13">
        <v>0.23076923076923078</v>
      </c>
      <c r="BM939" s="11">
        <v>0.75</v>
      </c>
      <c r="BN939" s="13">
        <v>9.3749999999999997E-3</v>
      </c>
      <c r="BO939" s="11">
        <v>15.75</v>
      </c>
      <c r="BP939" s="13">
        <v>0.24230769230769231</v>
      </c>
      <c r="BQ939" s="6">
        <v>67</v>
      </c>
      <c r="BR939" s="6">
        <v>67</v>
      </c>
      <c r="BS939" s="6">
        <v>63</v>
      </c>
      <c r="BT939" s="6">
        <v>65</v>
      </c>
      <c r="BU939" s="6">
        <v>72</v>
      </c>
      <c r="BV939" s="6">
        <v>73</v>
      </c>
      <c r="BW939" s="6">
        <v>80</v>
      </c>
      <c r="BX939" s="6">
        <v>84</v>
      </c>
      <c r="BY939" s="6">
        <v>83</v>
      </c>
      <c r="BZ939" s="6">
        <v>81</v>
      </c>
      <c r="CA939" s="6">
        <v>80</v>
      </c>
      <c r="CB939" s="6">
        <v>80</v>
      </c>
      <c r="CC939" s="11">
        <v>80.75</v>
      </c>
      <c r="CD939" s="11">
        <v>-408.88799999999998</v>
      </c>
      <c r="CE939" s="11">
        <v>268.93099999999998</v>
      </c>
      <c r="CF939" s="11">
        <v>129.273</v>
      </c>
      <c r="CG939" s="11">
        <v>398</v>
      </c>
      <c r="CH939" s="20">
        <v>0.98138599999999998</v>
      </c>
      <c r="CI939" s="20">
        <v>0.962754</v>
      </c>
      <c r="CJ939" s="20">
        <v>0.984406</v>
      </c>
      <c r="CK939" s="20">
        <v>0.93017499999999997</v>
      </c>
      <c r="CL939" s="20">
        <v>0.88306700000000005</v>
      </c>
      <c r="CM939" s="20">
        <v>0.88136599999999998</v>
      </c>
      <c r="CN939" s="20">
        <v>0.91767299999999996</v>
      </c>
      <c r="CO939" s="20">
        <v>0.97440599999999999</v>
      </c>
      <c r="CP939" s="20">
        <v>0.96070999999999995</v>
      </c>
      <c r="CQ939" s="20">
        <v>0.91233299999999995</v>
      </c>
      <c r="CR939" s="20">
        <v>0.87914999999999999</v>
      </c>
      <c r="CS939" s="20">
        <v>0.84495799999999999</v>
      </c>
      <c r="CT939" s="20">
        <v>0.81712399999999996</v>
      </c>
      <c r="CU939" s="20">
        <v>0.82359300000000002</v>
      </c>
      <c r="CV939" s="20">
        <v>0.82589199999999996</v>
      </c>
      <c r="CW939" s="20">
        <v>0.82513300000000001</v>
      </c>
      <c r="CX939" s="20">
        <v>0.80685200000000001</v>
      </c>
      <c r="CY939" s="6" t="s">
        <v>531</v>
      </c>
      <c r="CZ939" s="6" t="s">
        <v>532</v>
      </c>
      <c r="DA939" s="6" t="s">
        <v>140</v>
      </c>
      <c r="DB939" s="6" t="s">
        <v>345</v>
      </c>
      <c r="DC939" s="6">
        <v>48460</v>
      </c>
      <c r="DD939" s="6"/>
      <c r="DE939" s="6" t="s">
        <v>534</v>
      </c>
      <c r="DF939" s="6" t="s">
        <v>363</v>
      </c>
      <c r="DG939" s="6" t="s">
        <v>364</v>
      </c>
      <c r="DH939" s="6" t="s">
        <v>365</v>
      </c>
      <c r="DI939" s="6"/>
      <c r="DJ939" s="6">
        <v>29</v>
      </c>
      <c r="DK939" s="6">
        <v>91</v>
      </c>
      <c r="DL939" s="6">
        <v>8</v>
      </c>
      <c r="DM939" s="6" t="s">
        <v>368</v>
      </c>
      <c r="DN939" s="6">
        <v>7</v>
      </c>
      <c r="DO939" s="6" t="s">
        <v>369</v>
      </c>
      <c r="DP939" s="6"/>
      <c r="DQ939" s="6"/>
    </row>
    <row r="940" spans="1:121" x14ac:dyDescent="0.2">
      <c r="A940" s="6" t="s">
        <v>325</v>
      </c>
      <c r="B940" s="6" t="s">
        <v>325</v>
      </c>
      <c r="C940" s="6" t="s">
        <v>193</v>
      </c>
      <c r="D940" s="6" t="s">
        <v>140</v>
      </c>
      <c r="E940" s="6" t="s">
        <v>281</v>
      </c>
      <c r="F940" s="11">
        <v>-21</v>
      </c>
      <c r="G940" s="13">
        <v>-2.90456431535E-2</v>
      </c>
      <c r="H940" s="11">
        <v>68.633156692000057</v>
      </c>
      <c r="I940" s="13">
        <v>9.4878905224345195E-2</v>
      </c>
      <c r="J940" s="11">
        <v>-52.971522087000039</v>
      </c>
      <c r="K940" s="13">
        <v>-6.6882431662243294E-2</v>
      </c>
      <c r="L940" s="11">
        <v>-37.094326955000042</v>
      </c>
      <c r="M940" s="13">
        <v>-5.0192720053194168E-2</v>
      </c>
      <c r="N940" s="11">
        <v>-90.065849042000082</v>
      </c>
      <c r="O940" s="13">
        <v>-0.1137181405465376</v>
      </c>
      <c r="P940" s="7">
        <v>723.37635567899997</v>
      </c>
      <c r="Q940" s="7">
        <v>767.76441853200004</v>
      </c>
      <c r="R940" s="7">
        <v>783.74972103799996</v>
      </c>
      <c r="S940" s="7">
        <v>790.50824416399996</v>
      </c>
      <c r="T940" s="7">
        <v>790.05180626399999</v>
      </c>
      <c r="U940" s="7">
        <v>810.87597974699997</v>
      </c>
      <c r="V940" s="7">
        <v>792.00951237100003</v>
      </c>
      <c r="W940" s="7">
        <v>725.41379206399995</v>
      </c>
      <c r="X940" s="7">
        <v>716.77806020499997</v>
      </c>
      <c r="Y940" s="7">
        <v>739.03799028399999</v>
      </c>
      <c r="Z940" s="7">
        <v>704.66823304000002</v>
      </c>
      <c r="AA940" s="7">
        <v>719.39288307599998</v>
      </c>
      <c r="AB940" s="7">
        <v>668.65189400500003</v>
      </c>
      <c r="AC940" s="7">
        <v>689.25012407099996</v>
      </c>
      <c r="AD940" s="7">
        <v>697.16749035400005</v>
      </c>
      <c r="AE940" s="7">
        <v>693.20998139699998</v>
      </c>
      <c r="AF940" s="7">
        <v>701.94366332899995</v>
      </c>
      <c r="AG940" s="9">
        <v>6404.4759255999998</v>
      </c>
      <c r="AH940" s="13">
        <v>0.42260214226711207</v>
      </c>
      <c r="AI940" s="9">
        <v>1379.0799588000009</v>
      </c>
      <c r="AJ940" s="13">
        <v>9.0999193644704282E-2</v>
      </c>
      <c r="AK940" s="9">
        <v>-394.97935630000211</v>
      </c>
      <c r="AL940" s="13">
        <v>-2.3889005194637977E-2</v>
      </c>
      <c r="AM940" s="9">
        <v>5420.375323100001</v>
      </c>
      <c r="AN940" s="13">
        <v>0.3358565495975171</v>
      </c>
      <c r="AO940" s="9">
        <v>5025.3959667999989</v>
      </c>
      <c r="AP940" s="13">
        <v>0.30394426554489085</v>
      </c>
      <c r="AQ940" s="9">
        <v>15154.8591099</v>
      </c>
      <c r="AR940" s="9">
        <v>15020.7052095</v>
      </c>
      <c r="AS940" s="9">
        <v>15133.192200900001</v>
      </c>
      <c r="AT940" s="9">
        <v>15306.4521518</v>
      </c>
      <c r="AU940" s="9">
        <v>15325.91655</v>
      </c>
      <c r="AV940" s="9">
        <v>16196.762290000001</v>
      </c>
      <c r="AW940" s="9">
        <v>16533.939068700001</v>
      </c>
      <c r="AX940" s="9">
        <v>17087.417063100002</v>
      </c>
      <c r="AY940" s="9">
        <v>16729.088003199999</v>
      </c>
      <c r="AZ940" s="9">
        <v>16138.959712399999</v>
      </c>
      <c r="BA940" s="9">
        <v>17170.8032652</v>
      </c>
      <c r="BB940" s="9">
        <v>18010.446389600002</v>
      </c>
      <c r="BC940" s="9">
        <v>19459.087063999999</v>
      </c>
      <c r="BD940" s="9">
        <v>20779.139006400001</v>
      </c>
      <c r="BE940" s="9">
        <v>21159.355379600001</v>
      </c>
      <c r="BF940" s="9">
        <v>21559.3350355</v>
      </c>
      <c r="BG940" s="11">
        <v>-61.5</v>
      </c>
      <c r="BH940" s="13">
        <v>-0.43309859154929575</v>
      </c>
      <c r="BI940" s="6">
        <v>16</v>
      </c>
      <c r="BJ940" s="13">
        <v>0.11267605633802817</v>
      </c>
      <c r="BK940" s="6">
        <v>-19</v>
      </c>
      <c r="BL940" s="13">
        <v>-0.12025316455696203</v>
      </c>
      <c r="BM940" s="11">
        <v>-58.5</v>
      </c>
      <c r="BN940" s="13">
        <v>-0.42086330935251798</v>
      </c>
      <c r="BO940" s="11">
        <v>-77.5</v>
      </c>
      <c r="BP940" s="13">
        <v>-0.49050632911392406</v>
      </c>
      <c r="BQ940" s="6">
        <v>142</v>
      </c>
      <c r="BR940" s="6">
        <v>142</v>
      </c>
      <c r="BS940" s="6">
        <v>148</v>
      </c>
      <c r="BT940" s="6">
        <v>158</v>
      </c>
      <c r="BU940" s="6">
        <v>150</v>
      </c>
      <c r="BV940" s="6">
        <v>131</v>
      </c>
      <c r="BW940" s="6">
        <v>139</v>
      </c>
      <c r="BX940" s="6">
        <v>140</v>
      </c>
      <c r="BY940" s="6">
        <v>142</v>
      </c>
      <c r="BZ940" s="6">
        <v>79</v>
      </c>
      <c r="CA940" s="6">
        <v>80</v>
      </c>
      <c r="CB940" s="6">
        <v>82</v>
      </c>
      <c r="CC940" s="11">
        <v>80.5</v>
      </c>
      <c r="CD940" s="11">
        <v>-93.844800000000006</v>
      </c>
      <c r="CE940" s="11">
        <v>-6.6616099999999996</v>
      </c>
      <c r="CF940" s="11">
        <v>79.073700000000002</v>
      </c>
      <c r="CG940" s="11">
        <v>72</v>
      </c>
      <c r="CH940" s="20">
        <v>0.88375400000000004</v>
      </c>
      <c r="CI940" s="20">
        <v>0.91574</v>
      </c>
      <c r="CJ940" s="20">
        <v>0.91203900000000004</v>
      </c>
      <c r="CK940" s="20">
        <v>0.90184299999999995</v>
      </c>
      <c r="CL940" s="20">
        <v>0.89032900000000004</v>
      </c>
      <c r="CM940" s="20">
        <v>0.91125999999999996</v>
      </c>
      <c r="CN940" s="20">
        <v>0.88684499999999999</v>
      </c>
      <c r="CO940" s="20">
        <v>0.82402299999999995</v>
      </c>
      <c r="CP940" s="20">
        <v>0.827569</v>
      </c>
      <c r="CQ940" s="20">
        <v>0.83787199999999995</v>
      </c>
      <c r="CR940" s="20">
        <v>0.82015199999999999</v>
      </c>
      <c r="CS940" s="20">
        <v>0.81515700000000002</v>
      </c>
      <c r="CT940" s="20">
        <v>0.81885699999999995</v>
      </c>
      <c r="CU940" s="20">
        <v>0.849213</v>
      </c>
      <c r="CV940" s="20">
        <v>0.857124</v>
      </c>
      <c r="CW940" s="20">
        <v>0.85694700000000001</v>
      </c>
      <c r="CX940" s="20">
        <v>0.86451199999999995</v>
      </c>
      <c r="CY940" s="6" t="s">
        <v>531</v>
      </c>
      <c r="CZ940" s="6" t="s">
        <v>532</v>
      </c>
      <c r="DA940" s="6" t="s">
        <v>140</v>
      </c>
      <c r="DB940" s="6" t="s">
        <v>345</v>
      </c>
      <c r="DC940" s="6">
        <v>48460</v>
      </c>
      <c r="DD940" s="6"/>
      <c r="DE940" s="6" t="s">
        <v>534</v>
      </c>
      <c r="DF940" s="6" t="s">
        <v>363</v>
      </c>
      <c r="DG940" s="6" t="s">
        <v>364</v>
      </c>
      <c r="DH940" s="6" t="s">
        <v>365</v>
      </c>
      <c r="DI940" s="6"/>
      <c r="DJ940" s="6">
        <v>29</v>
      </c>
      <c r="DK940" s="6">
        <v>91</v>
      </c>
      <c r="DL940" s="6">
        <v>8</v>
      </c>
      <c r="DM940" s="6" t="s">
        <v>368</v>
      </c>
      <c r="DN940" s="6">
        <v>7</v>
      </c>
      <c r="DO940" s="6" t="s">
        <v>369</v>
      </c>
      <c r="DP940" s="6"/>
      <c r="DQ940" s="6"/>
    </row>
    <row r="941" spans="1:121" x14ac:dyDescent="0.2">
      <c r="A941" s="6" t="s">
        <v>327</v>
      </c>
      <c r="B941" s="6" t="s">
        <v>327</v>
      </c>
      <c r="C941" s="6" t="s">
        <v>194</v>
      </c>
      <c r="D941" s="6" t="s">
        <v>140</v>
      </c>
      <c r="E941" s="6" t="s">
        <v>281</v>
      </c>
      <c r="F941" s="11">
        <v>-128</v>
      </c>
      <c r="G941" s="13">
        <v>-5.0097847358100002E-2</v>
      </c>
      <c r="H941" s="11">
        <v>-24.624542999999903</v>
      </c>
      <c r="I941" s="13">
        <v>-9.6370755839587895E-3</v>
      </c>
      <c r="J941" s="11">
        <v>-51.659474999999929</v>
      </c>
      <c r="K941" s="13">
        <v>-2.0414215760252416E-2</v>
      </c>
      <c r="L941" s="11">
        <v>-51.678825970000162</v>
      </c>
      <c r="M941" s="13">
        <v>-2.0847446940877437E-2</v>
      </c>
      <c r="N941" s="11">
        <v>-103.33830097000009</v>
      </c>
      <c r="O941" s="13">
        <v>-4.083607842122837E-2</v>
      </c>
      <c r="P941" s="7">
        <v>2555.1883229999999</v>
      </c>
      <c r="Q941" s="7">
        <v>2653.5139559999998</v>
      </c>
      <c r="R941" s="7">
        <v>2685.4898480000002</v>
      </c>
      <c r="S941" s="7">
        <v>2634.2155240000002</v>
      </c>
      <c r="T941" s="7">
        <v>2546.0612000000001</v>
      </c>
      <c r="U941" s="7">
        <v>2526.7201479999999</v>
      </c>
      <c r="V941" s="7">
        <v>2530.56378</v>
      </c>
      <c r="W941" s="7">
        <v>2532.5488460000001</v>
      </c>
      <c r="X941" s="7">
        <v>2421.495101</v>
      </c>
      <c r="Y941" s="7">
        <v>2478.904305</v>
      </c>
      <c r="Z941" s="7">
        <v>2429.8120079999999</v>
      </c>
      <c r="AA941" s="7">
        <v>2422.5334280000002</v>
      </c>
      <c r="AB941" s="7">
        <v>2375.851764</v>
      </c>
      <c r="AC941" s="7">
        <v>2373.722221</v>
      </c>
      <c r="AD941" s="7">
        <v>2419.8728070000002</v>
      </c>
      <c r="AE941" s="7">
        <v>2416.0554487499999</v>
      </c>
      <c r="AF941" s="7">
        <v>2427.2254790299999</v>
      </c>
      <c r="AG941" s="9">
        <v>14268.295281599996</v>
      </c>
      <c r="AH941" s="13">
        <v>0.44721904669829271</v>
      </c>
      <c r="AI941" s="9">
        <v>7792.4363959999973</v>
      </c>
      <c r="AJ941" s="13">
        <v>0.24424263079067784</v>
      </c>
      <c r="AK941" s="9">
        <v>3954.8768018999981</v>
      </c>
      <c r="AL941" s="13">
        <v>9.9626778005163674E-2</v>
      </c>
      <c r="AM941" s="9">
        <v>2520.9820837000007</v>
      </c>
      <c r="AN941" s="13">
        <v>5.775207300831036E-2</v>
      </c>
      <c r="AO941" s="9">
        <v>6475.8588855999988</v>
      </c>
      <c r="AP941" s="13">
        <v>0.16313250397041101</v>
      </c>
      <c r="AQ941" s="9">
        <v>31904.489280900001</v>
      </c>
      <c r="AR941" s="9">
        <v>32371.2504701</v>
      </c>
      <c r="AS941" s="9">
        <v>33416.270257900003</v>
      </c>
      <c r="AT941" s="9">
        <v>36160.976065299998</v>
      </c>
      <c r="AU941" s="9">
        <v>37556.068554999998</v>
      </c>
      <c r="AV941" s="9">
        <v>38782.700948400001</v>
      </c>
      <c r="AW941" s="9">
        <v>39696.925676899999</v>
      </c>
      <c r="AX941" s="9">
        <v>41153.679864500002</v>
      </c>
      <c r="AY941" s="9">
        <v>42936.640914600001</v>
      </c>
      <c r="AZ941" s="9">
        <v>43651.802478799997</v>
      </c>
      <c r="BA941" s="9">
        <v>43763.735218000002</v>
      </c>
      <c r="BB941" s="9">
        <v>42193.106625100001</v>
      </c>
      <c r="BC941" s="9">
        <v>44063.059248899997</v>
      </c>
      <c r="BD941" s="9">
        <v>45102.557296500003</v>
      </c>
      <c r="BE941" s="9">
        <v>45334.397019099997</v>
      </c>
      <c r="BF941" s="9">
        <v>46172.784562499997</v>
      </c>
      <c r="BG941" s="11">
        <v>0.25</v>
      </c>
      <c r="BH941" s="13">
        <v>2.5510204081632651E-3</v>
      </c>
      <c r="BI941" s="6">
        <v>0</v>
      </c>
      <c r="BJ941" s="13">
        <v>0</v>
      </c>
      <c r="BK941" s="6">
        <v>4</v>
      </c>
      <c r="BL941" s="13">
        <v>4.0816326530612242E-2</v>
      </c>
      <c r="BM941" s="11">
        <v>-3.75</v>
      </c>
      <c r="BN941" s="13">
        <v>-3.6764705882352942E-2</v>
      </c>
      <c r="BO941" s="11">
        <v>0.25</v>
      </c>
      <c r="BP941" s="13">
        <v>2.5510204081632651E-3</v>
      </c>
      <c r="BQ941" s="6">
        <v>98</v>
      </c>
      <c r="BR941" s="6">
        <v>99</v>
      </c>
      <c r="BS941" s="6">
        <v>99</v>
      </c>
      <c r="BT941" s="6">
        <v>98</v>
      </c>
      <c r="BU941" s="6">
        <v>95</v>
      </c>
      <c r="BV941" s="6">
        <v>97</v>
      </c>
      <c r="BW941" s="6">
        <v>102</v>
      </c>
      <c r="BX941" s="6">
        <v>101</v>
      </c>
      <c r="BY941" s="6">
        <v>99</v>
      </c>
      <c r="BZ941" s="6">
        <v>102</v>
      </c>
      <c r="CA941" s="6">
        <v>100</v>
      </c>
      <c r="CB941" s="6">
        <v>101</v>
      </c>
      <c r="CC941" s="11">
        <v>98.25</v>
      </c>
      <c r="CD941" s="11">
        <v>-257.47899999999998</v>
      </c>
      <c r="CE941" s="11">
        <v>-149.797</v>
      </c>
      <c r="CF941" s="11">
        <v>279.31299999999999</v>
      </c>
      <c r="CG941" s="11">
        <v>129</v>
      </c>
      <c r="CH941" s="20">
        <v>0.93976099999999996</v>
      </c>
      <c r="CI941" s="20">
        <v>0.950901</v>
      </c>
      <c r="CJ941" s="20">
        <v>0.94584900000000005</v>
      </c>
      <c r="CK941" s="20">
        <v>0.91616399999999998</v>
      </c>
      <c r="CL941" s="20">
        <v>0.87672099999999997</v>
      </c>
      <c r="CM941" s="20">
        <v>0.87336999999999998</v>
      </c>
      <c r="CN941" s="20">
        <v>0.87779499999999999</v>
      </c>
      <c r="CO941" s="20">
        <v>0.88227199999999995</v>
      </c>
      <c r="CP941" s="20">
        <v>0.84783200000000003</v>
      </c>
      <c r="CQ941" s="20">
        <v>0.84738899999999995</v>
      </c>
      <c r="CR941" s="20">
        <v>0.87271399999999999</v>
      </c>
      <c r="CS941" s="20">
        <v>0.87583100000000003</v>
      </c>
      <c r="CT941" s="20">
        <v>0.88175800000000004</v>
      </c>
      <c r="CU941" s="20">
        <v>0.90308200000000005</v>
      </c>
      <c r="CV941" s="20">
        <v>0.92655799999999999</v>
      </c>
      <c r="CW941" s="20">
        <v>0.93488499999999997</v>
      </c>
      <c r="CX941" s="20">
        <v>0.94225000000000003</v>
      </c>
      <c r="CY941" s="6" t="s">
        <v>531</v>
      </c>
      <c r="CZ941" s="6" t="s">
        <v>532</v>
      </c>
      <c r="DA941" s="6" t="s">
        <v>140</v>
      </c>
      <c r="DB941" s="6" t="s">
        <v>345</v>
      </c>
      <c r="DC941" s="6">
        <v>48460</v>
      </c>
      <c r="DD941" s="6"/>
      <c r="DE941" s="6" t="s">
        <v>534</v>
      </c>
      <c r="DF941" s="6" t="s">
        <v>363</v>
      </c>
      <c r="DG941" s="6" t="s">
        <v>364</v>
      </c>
      <c r="DH941" s="6" t="s">
        <v>365</v>
      </c>
      <c r="DI941" s="6"/>
      <c r="DJ941" s="6">
        <v>29</v>
      </c>
      <c r="DK941" s="6">
        <v>91</v>
      </c>
      <c r="DL941" s="6">
        <v>8</v>
      </c>
      <c r="DM941" s="6" t="s">
        <v>368</v>
      </c>
      <c r="DN941" s="6">
        <v>7</v>
      </c>
      <c r="DO941" s="6" t="s">
        <v>369</v>
      </c>
      <c r="DP941" s="6"/>
      <c r="DQ941" s="6"/>
    </row>
    <row r="942" spans="1:121" x14ac:dyDescent="0.2">
      <c r="A942" s="6" t="s">
        <v>1</v>
      </c>
      <c r="B942" s="6" t="s">
        <v>1</v>
      </c>
      <c r="C942" s="6" t="s">
        <v>2</v>
      </c>
      <c r="D942" s="6" t="s">
        <v>86</v>
      </c>
      <c r="E942" s="6" t="s">
        <v>227</v>
      </c>
      <c r="F942" s="11">
        <v>54</v>
      </c>
      <c r="G942" s="13">
        <v>1.8</v>
      </c>
      <c r="H942" s="11">
        <v>72.750334711299999</v>
      </c>
      <c r="I942" s="13">
        <v>2.4264959903838643</v>
      </c>
      <c r="J942" s="11">
        <v>-32.072208609900002</v>
      </c>
      <c r="K942" s="13">
        <v>-0.31219304405228132</v>
      </c>
      <c r="L942" s="11">
        <v>13.087803726100006</v>
      </c>
      <c r="M942" s="13">
        <v>0.18522285072479427</v>
      </c>
      <c r="N942" s="11">
        <v>-18.984404883799996</v>
      </c>
      <c r="O942" s="13">
        <v>-0.18479547892330189</v>
      </c>
      <c r="P942" s="7">
        <v>29.981642252699999</v>
      </c>
      <c r="Q942" s="7">
        <v>34.329457805600001</v>
      </c>
      <c r="R942" s="7">
        <v>113.917843959</v>
      </c>
      <c r="S942" s="7">
        <v>121.35588683100001</v>
      </c>
      <c r="T942" s="7">
        <v>76.159402997800001</v>
      </c>
      <c r="U942" s="7">
        <v>98.579441019000001</v>
      </c>
      <c r="V942" s="7">
        <v>102.731976964</v>
      </c>
      <c r="W942" s="7">
        <v>106.460919111</v>
      </c>
      <c r="X942" s="7">
        <v>78.981503680000003</v>
      </c>
      <c r="Y942" s="7">
        <v>70.659768354099995</v>
      </c>
      <c r="Z942" s="7">
        <v>78.028777100799999</v>
      </c>
      <c r="AA942" s="7">
        <v>94.233049066500001</v>
      </c>
      <c r="AB942" s="7">
        <v>57.555577163000002</v>
      </c>
      <c r="AC942" s="7">
        <v>49.7760904772</v>
      </c>
      <c r="AD942" s="7">
        <v>78.757071785700006</v>
      </c>
      <c r="AE942" s="7">
        <v>80.499408735100005</v>
      </c>
      <c r="AF942" s="7">
        <v>83.747572080200001</v>
      </c>
      <c r="AG942" s="9">
        <v>8426.6733845000017</v>
      </c>
      <c r="AH942" s="13">
        <v>0.42183004461319346</v>
      </c>
      <c r="AI942" s="9">
        <v>2681.4181341000003</v>
      </c>
      <c r="AJ942" s="13">
        <v>0.13422885633784931</v>
      </c>
      <c r="AK942" s="9">
        <v>-2419.544165299998</v>
      </c>
      <c r="AL942" s="13">
        <v>-0.10678597310127352</v>
      </c>
      <c r="AM942" s="9">
        <v>8164.7994156999994</v>
      </c>
      <c r="AN942" s="13">
        <v>0.40343227660098752</v>
      </c>
      <c r="AO942" s="9">
        <v>5745.2552504000014</v>
      </c>
      <c r="AP942" s="13">
        <v>0.25356539526241539</v>
      </c>
      <c r="AQ942" s="9">
        <v>19976.465621899999</v>
      </c>
      <c r="AR942" s="9">
        <v>19992.211595000001</v>
      </c>
      <c r="AS942" s="9">
        <v>20846.066390600001</v>
      </c>
      <c r="AT942" s="9">
        <v>20692.705109800001</v>
      </c>
      <c r="AU942" s="9">
        <v>24403.220742400001</v>
      </c>
      <c r="AV942" s="9">
        <v>22641.0121631</v>
      </c>
      <c r="AW942" s="9">
        <v>22657.883755999999</v>
      </c>
      <c r="AX942" s="9">
        <v>21740.177189099999</v>
      </c>
      <c r="AY942" s="9">
        <v>21380.224851499999</v>
      </c>
      <c r="AZ942" s="9">
        <v>20238.339590700001</v>
      </c>
      <c r="BA942" s="9">
        <v>20685.292567100001</v>
      </c>
      <c r="BB942" s="9">
        <v>25674.908311300002</v>
      </c>
      <c r="BC942" s="9">
        <v>22103.557396</v>
      </c>
      <c r="BD942" s="9">
        <v>23397.2660946</v>
      </c>
      <c r="BE942" s="9">
        <v>27224.813186799998</v>
      </c>
      <c r="BF942" s="9">
        <v>28403.139006400001</v>
      </c>
      <c r="BG942" s="11">
        <v>-2</v>
      </c>
      <c r="BH942" s="13">
        <v>-0.5</v>
      </c>
      <c r="BI942" s="6">
        <v>1</v>
      </c>
      <c r="BJ942" s="13">
        <v>0.25</v>
      </c>
      <c r="BK942" s="6">
        <v>-2</v>
      </c>
      <c r="BL942" s="13">
        <v>-0.4</v>
      </c>
      <c r="BM942" s="11">
        <v>-1</v>
      </c>
      <c r="BN942" s="13">
        <v>-0.33333333333333331</v>
      </c>
      <c r="BO942" s="11">
        <v>-3</v>
      </c>
      <c r="BP942" s="13">
        <v>-0.6</v>
      </c>
      <c r="BQ942" s="6">
        <v>4</v>
      </c>
      <c r="BR942" s="6">
        <v>6</v>
      </c>
      <c r="BS942" s="6">
        <v>5</v>
      </c>
      <c r="BT942" s="6">
        <v>5</v>
      </c>
      <c r="BU942" s="6">
        <v>5</v>
      </c>
      <c r="BV942" s="6">
        <v>5</v>
      </c>
      <c r="BW942" s="6">
        <v>3</v>
      </c>
      <c r="BX942" s="6">
        <v>3</v>
      </c>
      <c r="BY942" s="6">
        <v>3</v>
      </c>
      <c r="BZ942" s="6">
        <v>4</v>
      </c>
      <c r="CA942" s="6">
        <v>2</v>
      </c>
      <c r="CB942" s="6">
        <v>2</v>
      </c>
      <c r="CC942" s="11">
        <v>2</v>
      </c>
      <c r="CD942" s="11">
        <v>53.222099999999998</v>
      </c>
      <c r="CE942" s="11">
        <v>-2.7335400000000001</v>
      </c>
      <c r="CF942" s="11">
        <v>3.2773500000000002</v>
      </c>
      <c r="CG942" s="11">
        <v>0</v>
      </c>
      <c r="CH942" s="20">
        <v>0.56616299999999997</v>
      </c>
      <c r="CI942" s="20">
        <v>0.66120400000000001</v>
      </c>
      <c r="CJ942" s="20">
        <v>2.1706599999999998</v>
      </c>
      <c r="CK942" s="20">
        <v>2.3325900000000002</v>
      </c>
      <c r="CL942" s="20">
        <v>1.4505999999999999</v>
      </c>
      <c r="CM942" s="20">
        <v>1.87853</v>
      </c>
      <c r="CN942" s="20">
        <v>1.7459</v>
      </c>
      <c r="CO942" s="20">
        <v>1.8027</v>
      </c>
      <c r="CP942" s="20">
        <v>1.3369599999999999</v>
      </c>
      <c r="CQ942" s="20">
        <v>1.4484999999999999</v>
      </c>
      <c r="CR942" s="20">
        <v>1.54122</v>
      </c>
      <c r="CS942" s="20">
        <v>1.7040200000000001</v>
      </c>
      <c r="CT942" s="20">
        <v>1.1486799999999999</v>
      </c>
      <c r="CU942" s="20">
        <v>0.93034399999999995</v>
      </c>
      <c r="CV942" s="20">
        <v>1.4753799999999999</v>
      </c>
      <c r="CW942" s="20">
        <v>1.56664</v>
      </c>
      <c r="CX942" s="20">
        <v>1.61704</v>
      </c>
      <c r="CY942" s="6" t="s">
        <v>536</v>
      </c>
      <c r="CZ942" s="6" t="s">
        <v>537</v>
      </c>
      <c r="DA942" s="6" t="s">
        <v>86</v>
      </c>
      <c r="DB942" s="6" t="s">
        <v>345</v>
      </c>
      <c r="DC942" s="6"/>
      <c r="DD942" s="6"/>
      <c r="DE942" s="6"/>
      <c r="DF942" s="6"/>
      <c r="DG942" s="6"/>
      <c r="DH942" s="6" t="s">
        <v>333</v>
      </c>
      <c r="DI942" s="6"/>
      <c r="DJ942" s="6"/>
      <c r="DK942" s="6"/>
      <c r="DL942" s="6">
        <v>10</v>
      </c>
      <c r="DM942" s="6" t="s">
        <v>383</v>
      </c>
      <c r="DN942" s="6">
        <v>7</v>
      </c>
      <c r="DO942" s="6" t="s">
        <v>369</v>
      </c>
      <c r="DP942" s="6"/>
      <c r="DQ942" s="6"/>
    </row>
    <row r="943" spans="1:121" x14ac:dyDescent="0.2">
      <c r="A943" s="6" t="s">
        <v>310</v>
      </c>
      <c r="B943" s="6" t="s">
        <v>310</v>
      </c>
      <c r="C943" s="6" t="s">
        <v>173</v>
      </c>
      <c r="D943" s="6" t="s">
        <v>86</v>
      </c>
      <c r="E943" s="6" t="s">
        <v>227</v>
      </c>
      <c r="F943" s="11">
        <v>11</v>
      </c>
      <c r="G943" s="13">
        <v>1.21681415929E-2</v>
      </c>
      <c r="H943" s="11">
        <v>125.83105299999988</v>
      </c>
      <c r="I943" s="13">
        <v>0.13918643271872624</v>
      </c>
      <c r="J943" s="11">
        <v>-209.49139866299993</v>
      </c>
      <c r="K943" s="13">
        <v>-0.20341382461732857</v>
      </c>
      <c r="L943" s="11">
        <v>94.902128494000067</v>
      </c>
      <c r="M943" s="13">
        <v>0.11567978085603804</v>
      </c>
      <c r="N943" s="11">
        <v>-114.58927016899986</v>
      </c>
      <c r="O943" s="13">
        <v>-0.11126491041611164</v>
      </c>
      <c r="P943" s="7">
        <v>904.046828</v>
      </c>
      <c r="Q943" s="7">
        <v>806.70312200000001</v>
      </c>
      <c r="R943" s="7">
        <v>726.35655999999994</v>
      </c>
      <c r="S943" s="7">
        <v>780.13743999999997</v>
      </c>
      <c r="T943" s="7">
        <v>904.82803000000001</v>
      </c>
      <c r="U943" s="7">
        <v>906.57609600000001</v>
      </c>
      <c r="V943" s="7">
        <v>1029.8778809999999</v>
      </c>
      <c r="W943" s="7">
        <v>1163.0695740000001</v>
      </c>
      <c r="X943" s="7">
        <v>897.76769999999999</v>
      </c>
      <c r="Y943" s="7">
        <v>820.38648233699996</v>
      </c>
      <c r="Z943" s="7">
        <v>935.82570564900004</v>
      </c>
      <c r="AA943" s="7">
        <v>969.81089699999995</v>
      </c>
      <c r="AB943" s="7">
        <v>1037.7239124099999</v>
      </c>
      <c r="AC943" s="7">
        <v>1034.3673536199999</v>
      </c>
      <c r="AD943" s="7">
        <v>979.28896999999995</v>
      </c>
      <c r="AE943" s="7">
        <v>925.02715550000005</v>
      </c>
      <c r="AF943" s="7">
        <v>915.28861083100003</v>
      </c>
      <c r="AG943" s="9">
        <v>28859.541958700007</v>
      </c>
      <c r="AH943" s="13">
        <v>0.52817783034114996</v>
      </c>
      <c r="AI943" s="9">
        <v>25461.789480000007</v>
      </c>
      <c r="AJ943" s="13">
        <v>0.46599328372553667</v>
      </c>
      <c r="AK943" s="9">
        <v>-994.48896360000072</v>
      </c>
      <c r="AL943" s="13">
        <v>-1.2415342976293176E-2</v>
      </c>
      <c r="AM943" s="9">
        <v>4392.2414423000009</v>
      </c>
      <c r="AN943" s="13">
        <v>5.5522706092582461E-2</v>
      </c>
      <c r="AO943" s="9">
        <v>3397.7524787000002</v>
      </c>
      <c r="AP943" s="13">
        <v>4.2418029677177949E-2</v>
      </c>
      <c r="AQ943" s="9">
        <v>54639.820721099997</v>
      </c>
      <c r="AR943" s="9">
        <v>52482.1657758</v>
      </c>
      <c r="AS943" s="9">
        <v>54099.552597000002</v>
      </c>
      <c r="AT943" s="9">
        <v>61795.899344099998</v>
      </c>
      <c r="AU943" s="9">
        <v>59431.7311051</v>
      </c>
      <c r="AV943" s="9">
        <v>73592.898904500005</v>
      </c>
      <c r="AW943" s="9">
        <v>80101.610201100004</v>
      </c>
      <c r="AX943" s="9">
        <v>72205.414832199996</v>
      </c>
      <c r="AY943" s="9">
        <v>84440.655102699995</v>
      </c>
      <c r="AZ943" s="9">
        <v>79107.121237500003</v>
      </c>
      <c r="BA943" s="9">
        <v>85274.615104299999</v>
      </c>
      <c r="BB943" s="9">
        <v>83603.858203900003</v>
      </c>
      <c r="BC943" s="9">
        <v>89981.931693999999</v>
      </c>
      <c r="BD943" s="9">
        <v>90348.538234799998</v>
      </c>
      <c r="BE943" s="9">
        <v>89076.807698200006</v>
      </c>
      <c r="BF943" s="9">
        <v>83499.362679800004</v>
      </c>
      <c r="BG943" s="11">
        <v>2</v>
      </c>
      <c r="BH943" s="13">
        <v>0.4</v>
      </c>
      <c r="BI943" s="6">
        <v>0</v>
      </c>
      <c r="BJ943" s="13">
        <v>0</v>
      </c>
      <c r="BK943" s="6">
        <v>1</v>
      </c>
      <c r="BL943" s="13">
        <v>0.2</v>
      </c>
      <c r="BM943" s="11">
        <v>1</v>
      </c>
      <c r="BN943" s="13">
        <v>0.16666666666666666</v>
      </c>
      <c r="BO943" s="11">
        <v>2</v>
      </c>
      <c r="BP943" s="13">
        <v>0.4</v>
      </c>
      <c r="BQ943" s="6">
        <v>5</v>
      </c>
      <c r="BR943" s="6">
        <v>5</v>
      </c>
      <c r="BS943" s="6">
        <v>5</v>
      </c>
      <c r="BT943" s="6">
        <v>5</v>
      </c>
      <c r="BU943" s="6">
        <v>6</v>
      </c>
      <c r="BV943" s="6">
        <v>6</v>
      </c>
      <c r="BW943" s="6">
        <v>6</v>
      </c>
      <c r="BX943" s="6">
        <v>6</v>
      </c>
      <c r="BY943" s="6">
        <v>6</v>
      </c>
      <c r="BZ943" s="6">
        <v>8</v>
      </c>
      <c r="CA943" s="6">
        <v>7</v>
      </c>
      <c r="CB943" s="6">
        <v>7</v>
      </c>
      <c r="CC943" s="11">
        <v>7</v>
      </c>
      <c r="CD943" s="11">
        <v>-181.374</v>
      </c>
      <c r="CE943" s="11">
        <v>93.792900000000003</v>
      </c>
      <c r="CF943" s="11">
        <v>98.8232</v>
      </c>
      <c r="CG943" s="11">
        <v>193</v>
      </c>
      <c r="CH943" s="20">
        <v>60.170499999999997</v>
      </c>
      <c r="CI943" s="20">
        <v>57.204599999999999</v>
      </c>
      <c r="CJ943" s="20">
        <v>51.6785</v>
      </c>
      <c r="CK943" s="20">
        <v>54.176299999999998</v>
      </c>
      <c r="CL943" s="20">
        <v>58.093200000000003</v>
      </c>
      <c r="CM943" s="20">
        <v>52.861800000000002</v>
      </c>
      <c r="CN943" s="20">
        <v>49.698</v>
      </c>
      <c r="CO943" s="20">
        <v>50.454500000000003</v>
      </c>
      <c r="CP943" s="20">
        <v>42.768500000000003</v>
      </c>
      <c r="CQ943" s="20">
        <v>46.412500000000001</v>
      </c>
      <c r="CR943" s="20">
        <v>45.921900000000001</v>
      </c>
      <c r="CS943" s="20">
        <v>40.4315</v>
      </c>
      <c r="CT943" s="20">
        <v>47.386800000000001</v>
      </c>
      <c r="CU943" s="20">
        <v>43.410200000000003</v>
      </c>
      <c r="CV943" s="20">
        <v>46.560499999999998</v>
      </c>
      <c r="CW943" s="20">
        <v>53.781199999999998</v>
      </c>
      <c r="CX943" s="20">
        <v>52.280299999999997</v>
      </c>
      <c r="CY943" s="6" t="s">
        <v>536</v>
      </c>
      <c r="CZ943" s="6" t="s">
        <v>537</v>
      </c>
      <c r="DA943" s="6" t="s">
        <v>86</v>
      </c>
      <c r="DB943" s="6" t="s">
        <v>345</v>
      </c>
      <c r="DC943" s="6"/>
      <c r="DD943" s="6"/>
      <c r="DE943" s="6"/>
      <c r="DF943" s="6"/>
      <c r="DG943" s="6"/>
      <c r="DH943" s="6" t="s">
        <v>333</v>
      </c>
      <c r="DI943" s="6"/>
      <c r="DJ943" s="6"/>
      <c r="DK943" s="6"/>
      <c r="DL943" s="6">
        <v>10</v>
      </c>
      <c r="DM943" s="6" t="s">
        <v>383</v>
      </c>
      <c r="DN943" s="6">
        <v>7</v>
      </c>
      <c r="DO943" s="6" t="s">
        <v>369</v>
      </c>
      <c r="DP943" s="6"/>
      <c r="DQ943" s="6"/>
    </row>
    <row r="944" spans="1:121" x14ac:dyDescent="0.2">
      <c r="A944" s="6" t="s">
        <v>311</v>
      </c>
      <c r="B944" s="6" t="s">
        <v>311</v>
      </c>
      <c r="C944" s="6" t="s">
        <v>174</v>
      </c>
      <c r="D944" s="6" t="s">
        <v>86</v>
      </c>
      <c r="E944" s="6" t="s">
        <v>227</v>
      </c>
      <c r="F944" s="11">
        <v>1</v>
      </c>
      <c r="G944" s="13">
        <v>1</v>
      </c>
      <c r="H944" s="11">
        <v>0</v>
      </c>
      <c r="I944" s="13">
        <v>0</v>
      </c>
      <c r="J944" s="11">
        <v>11.966908</v>
      </c>
      <c r="K944" s="13">
        <v>2.3933816000000001</v>
      </c>
      <c r="L944" s="11">
        <v>-11.966908</v>
      </c>
      <c r="M944" s="13">
        <v>-0.70530871034368781</v>
      </c>
      <c r="N944" s="11">
        <v>0</v>
      </c>
      <c r="O944" s="13">
        <v>0</v>
      </c>
      <c r="P944" s="7">
        <v>5</v>
      </c>
      <c r="Q944" s="7">
        <v>5</v>
      </c>
      <c r="R944" s="7">
        <v>5</v>
      </c>
      <c r="S944" s="7">
        <v>10.213258</v>
      </c>
      <c r="T944" s="7">
        <v>5</v>
      </c>
      <c r="U944" s="7">
        <v>5</v>
      </c>
      <c r="V944" s="7">
        <v>5</v>
      </c>
      <c r="W944" s="7">
        <v>5</v>
      </c>
      <c r="X944" s="7">
        <v>12.436401</v>
      </c>
      <c r="Y944" s="7">
        <v>16.966908</v>
      </c>
      <c r="Z944" s="7">
        <v>12.648146000000001</v>
      </c>
      <c r="AA944" s="7">
        <v>12.201285</v>
      </c>
      <c r="AB944" s="7">
        <v>11.690097</v>
      </c>
      <c r="AC944" s="7">
        <v>5</v>
      </c>
      <c r="AD944" s="7">
        <v>5</v>
      </c>
      <c r="AE944" s="7">
        <v>5</v>
      </c>
      <c r="AF944" s="7">
        <v>5</v>
      </c>
      <c r="AG944" s="9">
        <v>0</v>
      </c>
      <c r="AH944" s="13">
        <v>0</v>
      </c>
      <c r="AI944" s="9">
        <v>0</v>
      </c>
      <c r="AJ944" s="13">
        <v>0</v>
      </c>
      <c r="AK944" s="9">
        <v>161059.032221</v>
      </c>
      <c r="AL944" s="13">
        <v>161059.032221</v>
      </c>
      <c r="AM944" s="9">
        <v>-161059.032221</v>
      </c>
      <c r="AN944" s="13">
        <v>-0.99999379113498121</v>
      </c>
      <c r="AO944" s="9">
        <v>0</v>
      </c>
      <c r="AP944" s="13">
        <v>0</v>
      </c>
      <c r="AQ944" s="9">
        <v>1</v>
      </c>
      <c r="AR944" s="9">
        <v>1</v>
      </c>
      <c r="AS944" s="9">
        <v>1</v>
      </c>
      <c r="AT944" s="9">
        <v>119763.00026299999</v>
      </c>
      <c r="AU944" s="9">
        <v>1</v>
      </c>
      <c r="AV944" s="9">
        <v>1</v>
      </c>
      <c r="AW944" s="9">
        <v>1</v>
      </c>
      <c r="AX944" s="9">
        <v>1</v>
      </c>
      <c r="AY944" s="9">
        <v>156795.11564199999</v>
      </c>
      <c r="AZ944" s="9">
        <v>161060.032221</v>
      </c>
      <c r="BA944" s="9">
        <v>176073.98909799999</v>
      </c>
      <c r="BB944" s="9">
        <v>191356.42852300001</v>
      </c>
      <c r="BC944" s="9">
        <v>186679.80665400001</v>
      </c>
      <c r="BD944" s="9">
        <v>1</v>
      </c>
      <c r="BE944" s="9">
        <v>1</v>
      </c>
      <c r="BF944" s="9">
        <v>1</v>
      </c>
      <c r="BG944" s="11">
        <v>0</v>
      </c>
      <c r="BH944" s="13">
        <v>0</v>
      </c>
      <c r="BI944" s="6">
        <v>0</v>
      </c>
      <c r="BJ944" s="13">
        <v>0</v>
      </c>
      <c r="BK944" s="6">
        <v>0</v>
      </c>
      <c r="BL944" s="13">
        <v>0</v>
      </c>
      <c r="BM944" s="11">
        <v>0</v>
      </c>
      <c r="BN944" s="13">
        <v>0</v>
      </c>
      <c r="BO944" s="11">
        <v>0</v>
      </c>
      <c r="BP944" s="13">
        <v>0</v>
      </c>
      <c r="BQ944" s="6">
        <v>1</v>
      </c>
      <c r="BR944" s="6">
        <v>1</v>
      </c>
      <c r="BS944" s="6">
        <v>1</v>
      </c>
      <c r="BT944" s="6">
        <v>1</v>
      </c>
      <c r="BU944" s="6">
        <v>1</v>
      </c>
      <c r="BV944" s="6">
        <v>1</v>
      </c>
      <c r="BW944" s="6">
        <v>1</v>
      </c>
      <c r="BX944" s="6">
        <v>1</v>
      </c>
      <c r="BY944" s="6">
        <v>1</v>
      </c>
      <c r="BZ944" s="6">
        <v>1</v>
      </c>
      <c r="CA944" s="6">
        <v>1</v>
      </c>
      <c r="CB944" s="6">
        <v>1</v>
      </c>
      <c r="CC944" s="11">
        <v>1</v>
      </c>
      <c r="CD944" s="11">
        <v>8.7150599999999994</v>
      </c>
      <c r="CE944" s="11">
        <v>-4.0710900000000001E-2</v>
      </c>
      <c r="CF944" s="11">
        <v>2.7328000000000002E-2</v>
      </c>
      <c r="CG944" s="11">
        <v>0</v>
      </c>
      <c r="CH944" s="20">
        <v>1.5186699999999999E-2</v>
      </c>
      <c r="CI944" s="20">
        <v>2.77746E-2</v>
      </c>
      <c r="CJ944" s="20">
        <v>0.56077500000000002</v>
      </c>
      <c r="CK944" s="20">
        <v>0.67206299999999997</v>
      </c>
      <c r="CL944" s="20">
        <v>0.25317600000000001</v>
      </c>
      <c r="CM944" s="20">
        <v>1.6897800000000001E-2</v>
      </c>
      <c r="CN944" s="20">
        <v>1.48731E-2</v>
      </c>
      <c r="CO944" s="20">
        <v>7.5006699999999996E-2</v>
      </c>
      <c r="CP944" s="20">
        <v>0.69577100000000003</v>
      </c>
      <c r="CQ944" s="20">
        <v>1.1616200000000001</v>
      </c>
      <c r="CR944" s="20">
        <v>0.84151399999999998</v>
      </c>
      <c r="CS944" s="20">
        <v>0.75296099999999999</v>
      </c>
      <c r="CT944" s="20">
        <v>0.80606599999999995</v>
      </c>
      <c r="CU944" s="20">
        <v>0.47614899999999999</v>
      </c>
      <c r="CV944" s="20">
        <v>0.58216400000000001</v>
      </c>
      <c r="CW944" s="20">
        <v>0.61691499999999999</v>
      </c>
      <c r="CX944" s="20">
        <v>0.59812200000000004</v>
      </c>
      <c r="CY944" s="6" t="s">
        <v>536</v>
      </c>
      <c r="CZ944" s="6" t="s">
        <v>537</v>
      </c>
      <c r="DA944" s="6" t="s">
        <v>86</v>
      </c>
      <c r="DB944" s="6" t="s">
        <v>345</v>
      </c>
      <c r="DC944" s="6"/>
      <c r="DD944" s="6"/>
      <c r="DE944" s="6"/>
      <c r="DF944" s="6"/>
      <c r="DG944" s="6"/>
      <c r="DH944" s="6" t="s">
        <v>333</v>
      </c>
      <c r="DI944" s="6"/>
      <c r="DJ944" s="6"/>
      <c r="DK944" s="6"/>
      <c r="DL944" s="6">
        <v>10</v>
      </c>
      <c r="DM944" s="6" t="s">
        <v>383</v>
      </c>
      <c r="DN944" s="6">
        <v>7</v>
      </c>
      <c r="DO944" s="6" t="s">
        <v>369</v>
      </c>
      <c r="DP944" s="6"/>
      <c r="DQ944" s="6"/>
    </row>
    <row r="945" spans="1:121" x14ac:dyDescent="0.2">
      <c r="A945" s="6" t="s">
        <v>312</v>
      </c>
      <c r="B945" s="6" t="s">
        <v>312</v>
      </c>
      <c r="C945" s="6" t="s">
        <v>175</v>
      </c>
      <c r="D945" s="6" t="s">
        <v>86</v>
      </c>
      <c r="E945" s="6" t="s">
        <v>227</v>
      </c>
      <c r="F945" s="11">
        <v>-4</v>
      </c>
      <c r="G945" s="13">
        <v>-3.2258064516099999E-2</v>
      </c>
      <c r="H945" s="11">
        <v>30.056717963000011</v>
      </c>
      <c r="I945" s="13">
        <v>0.24288685925881859</v>
      </c>
      <c r="J945" s="11">
        <v>94.279933225999997</v>
      </c>
      <c r="K945" s="13">
        <v>0.61298540309450877</v>
      </c>
      <c r="L945" s="11">
        <v>-127.73823781000002</v>
      </c>
      <c r="M945" s="13">
        <v>-0.51489817204899535</v>
      </c>
      <c r="N945" s="11">
        <v>-33.458304584000018</v>
      </c>
      <c r="O945" s="13">
        <v>-0.21753783250056569</v>
      </c>
      <c r="P945" s="7">
        <v>123.747814331</v>
      </c>
      <c r="Q945" s="7">
        <v>109.900039557</v>
      </c>
      <c r="R945" s="7">
        <v>129.928166882</v>
      </c>
      <c r="S945" s="7">
        <v>137.79214304600001</v>
      </c>
      <c r="T945" s="7">
        <v>134.69729420900001</v>
      </c>
      <c r="U945" s="7">
        <v>128.16151003900001</v>
      </c>
      <c r="V945" s="7">
        <v>153.80453229400001</v>
      </c>
      <c r="W945" s="7">
        <v>565.67884644799994</v>
      </c>
      <c r="X945" s="7">
        <v>617.76227639000001</v>
      </c>
      <c r="Y945" s="7">
        <v>248.08446552000001</v>
      </c>
      <c r="Z945" s="7">
        <v>211.90976414900001</v>
      </c>
      <c r="AA945" s="7">
        <v>186.019334646</v>
      </c>
      <c r="AB945" s="7">
        <v>148.155723112</v>
      </c>
      <c r="AC945" s="7">
        <v>122.924496568</v>
      </c>
      <c r="AD945" s="7">
        <v>120.675823495</v>
      </c>
      <c r="AE945" s="7">
        <v>119.085113724</v>
      </c>
      <c r="AF945" s="7">
        <v>120.34622770999999</v>
      </c>
      <c r="AG945" s="9">
        <v>23945.439739699999</v>
      </c>
      <c r="AH945" s="13">
        <v>1.1695342086066585</v>
      </c>
      <c r="AI945" s="9">
        <v>4045.4755740999972</v>
      </c>
      <c r="AJ945" s="13">
        <v>0.19758760437998468</v>
      </c>
      <c r="AK945" s="9">
        <v>18310.150593400002</v>
      </c>
      <c r="AL945" s="13">
        <v>0.74674914911403523</v>
      </c>
      <c r="AM945" s="9">
        <v>1589.8135722000006</v>
      </c>
      <c r="AN945" s="13">
        <v>3.7119189095120797E-2</v>
      </c>
      <c r="AO945" s="9">
        <v>19899.964165600002</v>
      </c>
      <c r="AP945" s="13">
        <v>0.81158706108174028</v>
      </c>
      <c r="AQ945" s="9">
        <v>20474.338897900001</v>
      </c>
      <c r="AR945" s="9">
        <v>20533.5626486</v>
      </c>
      <c r="AS945" s="9">
        <v>21269.805679699999</v>
      </c>
      <c r="AT945" s="9">
        <v>24603.158588499999</v>
      </c>
      <c r="AU945" s="9">
        <v>21417.940159099999</v>
      </c>
      <c r="AV945" s="9">
        <v>21939.381204900001</v>
      </c>
      <c r="AW945" s="9">
        <v>24519.814471999998</v>
      </c>
      <c r="AX945" s="9">
        <v>84299.133191600005</v>
      </c>
      <c r="AY945" s="9">
        <v>85312.250238599998</v>
      </c>
      <c r="AZ945" s="9">
        <v>42829.9650654</v>
      </c>
      <c r="BA945" s="9">
        <v>41446.230744699998</v>
      </c>
      <c r="BB945" s="9">
        <v>65219.196838999997</v>
      </c>
      <c r="BC945" s="9">
        <v>35677.506720500001</v>
      </c>
      <c r="BD945" s="9">
        <v>61302.069913500003</v>
      </c>
      <c r="BE945" s="9">
        <v>40742.403902400001</v>
      </c>
      <c r="BF945" s="9">
        <v>44419.7786376</v>
      </c>
      <c r="BG945" s="11">
        <v>-10.25</v>
      </c>
      <c r="BH945" s="13">
        <v>-0.51249999999999996</v>
      </c>
      <c r="BI945" s="6">
        <v>0</v>
      </c>
      <c r="BJ945" s="13">
        <v>0</v>
      </c>
      <c r="BK945" s="6">
        <v>-6</v>
      </c>
      <c r="BL945" s="13">
        <v>-0.3</v>
      </c>
      <c r="BM945" s="11">
        <v>-4.25</v>
      </c>
      <c r="BN945" s="13">
        <v>-0.30357142857142855</v>
      </c>
      <c r="BO945" s="11">
        <v>-10.25</v>
      </c>
      <c r="BP945" s="13">
        <v>-0.51249999999999996</v>
      </c>
      <c r="BQ945" s="6">
        <v>20</v>
      </c>
      <c r="BR945" s="6">
        <v>19</v>
      </c>
      <c r="BS945" s="6">
        <v>17</v>
      </c>
      <c r="BT945" s="6">
        <v>20</v>
      </c>
      <c r="BU945" s="6">
        <v>19</v>
      </c>
      <c r="BV945" s="6">
        <v>14</v>
      </c>
      <c r="BW945" s="6">
        <v>14</v>
      </c>
      <c r="BX945" s="6">
        <v>13</v>
      </c>
      <c r="BY945" s="6">
        <v>11</v>
      </c>
      <c r="BZ945" s="6">
        <v>10</v>
      </c>
      <c r="CA945" s="6">
        <v>9</v>
      </c>
      <c r="CB945" s="6">
        <v>10</v>
      </c>
      <c r="CC945" s="11">
        <v>9.75</v>
      </c>
      <c r="CD945" s="11">
        <v>-1.9397</v>
      </c>
      <c r="CE945" s="11">
        <v>-14.989000000000001</v>
      </c>
      <c r="CF945" s="11">
        <v>13.527100000000001</v>
      </c>
      <c r="CG945" s="11">
        <v>-1</v>
      </c>
      <c r="CH945" s="20">
        <v>0.51827599999999996</v>
      </c>
      <c r="CI945" s="20">
        <v>0.46777600000000003</v>
      </c>
      <c r="CJ945" s="20">
        <v>0.53986999999999996</v>
      </c>
      <c r="CK945" s="20">
        <v>0.55624200000000001</v>
      </c>
      <c r="CL945" s="20">
        <v>0.51775099999999996</v>
      </c>
      <c r="CM945" s="20">
        <v>0.47185100000000002</v>
      </c>
      <c r="CN945" s="20">
        <v>0.50490900000000005</v>
      </c>
      <c r="CO945" s="20">
        <v>1.9016999999999999</v>
      </c>
      <c r="CP945" s="20">
        <v>2.3618899999999998</v>
      </c>
      <c r="CQ945" s="20">
        <v>1.2417800000000001</v>
      </c>
      <c r="CR945" s="20">
        <v>1.0416399999999999</v>
      </c>
      <c r="CS945" s="20">
        <v>0.84013400000000005</v>
      </c>
      <c r="CT945" s="20">
        <v>0.72953999999999997</v>
      </c>
      <c r="CU945" s="20">
        <v>0.55377600000000005</v>
      </c>
      <c r="CV945" s="20">
        <v>0.53058000000000005</v>
      </c>
      <c r="CW945" s="20">
        <v>0.53203800000000001</v>
      </c>
      <c r="CX945" s="20">
        <v>0.53098999999999996</v>
      </c>
      <c r="CY945" s="6" t="s">
        <v>536</v>
      </c>
      <c r="CZ945" s="6" t="s">
        <v>537</v>
      </c>
      <c r="DA945" s="6" t="s">
        <v>86</v>
      </c>
      <c r="DB945" s="6" t="s">
        <v>345</v>
      </c>
      <c r="DC945" s="6"/>
      <c r="DD945" s="6"/>
      <c r="DE945" s="6"/>
      <c r="DF945" s="6"/>
      <c r="DG945" s="6"/>
      <c r="DH945" s="6" t="s">
        <v>333</v>
      </c>
      <c r="DI945" s="6"/>
      <c r="DJ945" s="6"/>
      <c r="DK945" s="6"/>
      <c r="DL945" s="6">
        <v>10</v>
      </c>
      <c r="DM945" s="6" t="s">
        <v>383</v>
      </c>
      <c r="DN945" s="6">
        <v>7</v>
      </c>
      <c r="DO945" s="6" t="s">
        <v>369</v>
      </c>
      <c r="DP945" s="6"/>
      <c r="DQ945" s="6"/>
    </row>
    <row r="946" spans="1:121" x14ac:dyDescent="0.2">
      <c r="A946" s="6" t="s">
        <v>792</v>
      </c>
      <c r="B946" s="6" t="s">
        <v>176</v>
      </c>
      <c r="C946" s="6" t="s">
        <v>177</v>
      </c>
      <c r="D946" s="6" t="s">
        <v>86</v>
      </c>
      <c r="E946" s="6" t="s">
        <v>227</v>
      </c>
      <c r="F946" s="11">
        <v>-252</v>
      </c>
      <c r="G946" s="13">
        <v>-0.404494382022</v>
      </c>
      <c r="H946" s="11">
        <v>-223.96479072699998</v>
      </c>
      <c r="I946" s="13">
        <v>-0.35954358225203809</v>
      </c>
      <c r="J946" s="11">
        <v>-332.8456306118</v>
      </c>
      <c r="K946" s="13">
        <v>-0.83430543104139965</v>
      </c>
      <c r="L946" s="11">
        <v>304.59059158880001</v>
      </c>
      <c r="M946" s="13">
        <v>4.6077660582933433</v>
      </c>
      <c r="N946" s="11">
        <v>-28.255039022999995</v>
      </c>
      <c r="O946" s="13">
        <v>-7.0823620150415337E-2</v>
      </c>
      <c r="P946" s="7">
        <v>622.91416613299998</v>
      </c>
      <c r="Q946" s="7">
        <v>558.86741901599999</v>
      </c>
      <c r="R946" s="7">
        <v>496.13262822799999</v>
      </c>
      <c r="S946" s="7">
        <v>362.00846412099997</v>
      </c>
      <c r="T946" s="7">
        <v>352.36704286499997</v>
      </c>
      <c r="U946" s="7">
        <v>371.88598918899999</v>
      </c>
      <c r="V946" s="7">
        <v>398.949375406</v>
      </c>
      <c r="W946" s="7">
        <v>239.65619478799999</v>
      </c>
      <c r="X946" s="7">
        <v>389.83519386199998</v>
      </c>
      <c r="Y946" s="7">
        <v>66.103744794199997</v>
      </c>
      <c r="Z946" s="7">
        <v>71.461032155500007</v>
      </c>
      <c r="AA946" s="7">
        <v>402.06987581800001</v>
      </c>
      <c r="AB946" s="7">
        <v>86.943047781199994</v>
      </c>
      <c r="AC946" s="7">
        <v>390.25087916899997</v>
      </c>
      <c r="AD946" s="7">
        <v>372.22692582399998</v>
      </c>
      <c r="AE946" s="7">
        <v>364.17736254300002</v>
      </c>
      <c r="AF946" s="7">
        <v>370.69433638300001</v>
      </c>
      <c r="AG946" s="9">
        <v>26425.964169699997</v>
      </c>
      <c r="AH946" s="13">
        <v>0.62651327663661815</v>
      </c>
      <c r="AI946" s="9">
        <v>24331.793427400007</v>
      </c>
      <c r="AJ946" s="13">
        <v>0.57686416014007513</v>
      </c>
      <c r="AK946" s="9">
        <v>-28455.606826400006</v>
      </c>
      <c r="AL946" s="13">
        <v>-0.42783174506524424</v>
      </c>
      <c r="AM946" s="9">
        <v>30549.777568699996</v>
      </c>
      <c r="AN946" s="13">
        <v>0.80276688380014893</v>
      </c>
      <c r="AO946" s="9">
        <v>2094.1707422999898</v>
      </c>
      <c r="AP946" s="13">
        <v>3.1485981958098763E-2</v>
      </c>
      <c r="AQ946" s="9">
        <v>42179.416071699998</v>
      </c>
      <c r="AR946" s="9">
        <v>44217.546604299998</v>
      </c>
      <c r="AS946" s="9">
        <v>46045.881811899999</v>
      </c>
      <c r="AT946" s="9">
        <v>51284.175178600002</v>
      </c>
      <c r="AU946" s="9">
        <v>48715.419261000003</v>
      </c>
      <c r="AV946" s="9">
        <v>57188.680117800002</v>
      </c>
      <c r="AW946" s="9">
        <v>66511.209499100005</v>
      </c>
      <c r="AX946" s="9">
        <v>60137.903403999997</v>
      </c>
      <c r="AY946" s="9">
        <v>64863.981656299999</v>
      </c>
      <c r="AZ946" s="9">
        <v>38055.602672699999</v>
      </c>
      <c r="BA946" s="9">
        <v>43563.050158600003</v>
      </c>
      <c r="BB946" s="9">
        <v>75835.560016899995</v>
      </c>
      <c r="BC946" s="9">
        <v>41165.846538099999</v>
      </c>
      <c r="BD946" s="9">
        <v>75000.735299000007</v>
      </c>
      <c r="BE946" s="9">
        <v>74981.384894600007</v>
      </c>
      <c r="BF946" s="9">
        <v>68605.380241399995</v>
      </c>
      <c r="BG946" s="11">
        <v>-3</v>
      </c>
      <c r="BH946" s="13">
        <v>-0.15789473684210525</v>
      </c>
      <c r="BI946" s="6">
        <v>-3</v>
      </c>
      <c r="BJ946" s="13">
        <v>-0.15789473684210525</v>
      </c>
      <c r="BK946" s="6">
        <v>-1</v>
      </c>
      <c r="BL946" s="13">
        <v>-6.25E-2</v>
      </c>
      <c r="BM946" s="11">
        <v>1</v>
      </c>
      <c r="BN946" s="13">
        <v>6.6666666666666666E-2</v>
      </c>
      <c r="BO946" s="11">
        <v>0</v>
      </c>
      <c r="BP946" s="13">
        <v>0</v>
      </c>
      <c r="BQ946" s="6">
        <v>19</v>
      </c>
      <c r="BR946" s="6">
        <v>17</v>
      </c>
      <c r="BS946" s="6">
        <v>14</v>
      </c>
      <c r="BT946" s="6">
        <v>16</v>
      </c>
      <c r="BU946" s="6">
        <v>18</v>
      </c>
      <c r="BV946" s="6">
        <v>17</v>
      </c>
      <c r="BW946" s="6">
        <v>15</v>
      </c>
      <c r="BX946" s="6">
        <v>15</v>
      </c>
      <c r="BY946" s="6">
        <v>20</v>
      </c>
      <c r="BZ946" s="6">
        <v>16</v>
      </c>
      <c r="CA946" s="6">
        <v>16</v>
      </c>
      <c r="CB946" s="6">
        <v>17</v>
      </c>
      <c r="CC946" s="11">
        <v>16</v>
      </c>
      <c r="CD946" s="11">
        <v>-100.437</v>
      </c>
      <c r="CE946" s="11">
        <v>-219.875</v>
      </c>
      <c r="CF946" s="11">
        <v>68.091999999999999</v>
      </c>
      <c r="CG946" s="11">
        <v>-152</v>
      </c>
      <c r="CH946" s="20">
        <v>1.3627199999999999</v>
      </c>
      <c r="CI946" s="20">
        <v>1.3278099999999999</v>
      </c>
      <c r="CJ946" s="20">
        <v>1.2300800000000001</v>
      </c>
      <c r="CK946" s="20">
        <v>0.92357500000000003</v>
      </c>
      <c r="CL946" s="20">
        <v>0.90137999999999996</v>
      </c>
      <c r="CM946" s="20">
        <v>0.95506500000000005</v>
      </c>
      <c r="CN946" s="20">
        <v>0.92490000000000006</v>
      </c>
      <c r="CO946" s="20">
        <v>0.55668399999999996</v>
      </c>
      <c r="CP946" s="20">
        <v>1.0146299999999999</v>
      </c>
      <c r="CQ946" s="20">
        <v>0.213085</v>
      </c>
      <c r="CR946" s="20">
        <v>0.219476</v>
      </c>
      <c r="CS946" s="20">
        <v>1.12646</v>
      </c>
      <c r="CT946" s="20">
        <v>0.26975700000000002</v>
      </c>
      <c r="CU946" s="20">
        <v>1.1349199999999999</v>
      </c>
      <c r="CV946" s="20">
        <v>1.0860799999999999</v>
      </c>
      <c r="CW946" s="20">
        <v>1.1032999999999999</v>
      </c>
      <c r="CX946" s="20">
        <v>1.11622</v>
      </c>
      <c r="CY946" s="6" t="s">
        <v>536</v>
      </c>
      <c r="CZ946" s="6" t="s">
        <v>537</v>
      </c>
      <c r="DA946" s="6" t="s">
        <v>86</v>
      </c>
      <c r="DB946" s="6" t="s">
        <v>345</v>
      </c>
      <c r="DC946" s="6"/>
      <c r="DD946" s="6"/>
      <c r="DE946" s="6"/>
      <c r="DF946" s="6"/>
      <c r="DG946" s="6"/>
      <c r="DH946" s="6" t="s">
        <v>333</v>
      </c>
      <c r="DI946" s="6"/>
      <c r="DJ946" s="6"/>
      <c r="DK946" s="6"/>
      <c r="DL946" s="6">
        <v>10</v>
      </c>
      <c r="DM946" s="6" t="s">
        <v>383</v>
      </c>
      <c r="DN946" s="6">
        <v>7</v>
      </c>
      <c r="DO946" s="6" t="s">
        <v>369</v>
      </c>
      <c r="DP946" s="6"/>
      <c r="DQ946" s="6"/>
    </row>
    <row r="947" spans="1:121" x14ac:dyDescent="0.2">
      <c r="A947" s="6" t="s">
        <v>313</v>
      </c>
      <c r="B947" s="6" t="s">
        <v>313</v>
      </c>
      <c r="C947" s="6" t="s">
        <v>178</v>
      </c>
      <c r="D947" s="6" t="s">
        <v>86</v>
      </c>
      <c r="E947" s="6" t="s">
        <v>227</v>
      </c>
      <c r="F947" s="11">
        <v>18</v>
      </c>
      <c r="G947" s="13">
        <v>0.47368421052600002</v>
      </c>
      <c r="H947" s="11">
        <v>56.790489269200009</v>
      </c>
      <c r="I947" s="13">
        <v>1.5028797138534129</v>
      </c>
      <c r="J947" s="11">
        <v>-58.277857498300008</v>
      </c>
      <c r="K947" s="13">
        <v>-0.61618654502339698</v>
      </c>
      <c r="L947" s="11">
        <v>19.420618532900001</v>
      </c>
      <c r="M947" s="13">
        <v>0.53499718409152619</v>
      </c>
      <c r="N947" s="11">
        <v>-38.857238965400008</v>
      </c>
      <c r="O947" s="13">
        <v>-0.41084742739447455</v>
      </c>
      <c r="P947" s="7">
        <v>37.787780848799997</v>
      </c>
      <c r="Q947" s="7">
        <v>39.034258163399997</v>
      </c>
      <c r="R947" s="7">
        <v>67.063104235599994</v>
      </c>
      <c r="S947" s="7">
        <v>74.718889298799994</v>
      </c>
      <c r="T947" s="7">
        <v>81.856358921500004</v>
      </c>
      <c r="U947" s="7">
        <v>87.594387199899998</v>
      </c>
      <c r="V947" s="7">
        <v>94.578270118000006</v>
      </c>
      <c r="W947" s="7">
        <v>87.389632927500003</v>
      </c>
      <c r="X947" s="7">
        <v>36.259598338799996</v>
      </c>
      <c r="Y947" s="7">
        <v>36.300412619699998</v>
      </c>
      <c r="Z947" s="7">
        <v>47.1691013083</v>
      </c>
      <c r="AA947" s="7">
        <v>44.295634144700003</v>
      </c>
      <c r="AB947" s="7">
        <v>48.0737196989</v>
      </c>
      <c r="AC947" s="7">
        <v>50.946223913700003</v>
      </c>
      <c r="AD947" s="7">
        <v>50.021457660800003</v>
      </c>
      <c r="AE947" s="7">
        <v>51.368676289</v>
      </c>
      <c r="AF947" s="7">
        <v>55.721031152599998</v>
      </c>
      <c r="AG947" s="9">
        <v>-1388.803998000003</v>
      </c>
      <c r="AH947" s="13">
        <v>-2.7581183140618266E-2</v>
      </c>
      <c r="AI947" s="9">
        <v>-12239.794742099999</v>
      </c>
      <c r="AJ947" s="13">
        <v>-0.24307823196908443</v>
      </c>
      <c r="AK947" s="9">
        <v>-4590.2539719999986</v>
      </c>
      <c r="AL947" s="13">
        <v>-0.12043636908085752</v>
      </c>
      <c r="AM947" s="9">
        <v>15441.244716099995</v>
      </c>
      <c r="AN947" s="13">
        <v>0.46061277751918273</v>
      </c>
      <c r="AO947" s="9">
        <v>10850.990744099996</v>
      </c>
      <c r="AP947" s="13">
        <v>0.28470187796166596</v>
      </c>
      <c r="AQ947" s="9">
        <v>50353.3148277</v>
      </c>
      <c r="AR947" s="9">
        <v>50058.313150200003</v>
      </c>
      <c r="AS947" s="9">
        <v>32391.7448243</v>
      </c>
      <c r="AT947" s="9">
        <v>30469.556161</v>
      </c>
      <c r="AU947" s="9">
        <v>35623.589701700002</v>
      </c>
      <c r="AV947" s="9">
        <v>36659.092676799999</v>
      </c>
      <c r="AW947" s="9">
        <v>38113.520085600001</v>
      </c>
      <c r="AX947" s="9">
        <v>38576.368874699998</v>
      </c>
      <c r="AY947" s="9">
        <v>39940.054518600002</v>
      </c>
      <c r="AZ947" s="9">
        <v>33523.266113600002</v>
      </c>
      <c r="BA947" s="9">
        <v>33847.0685036</v>
      </c>
      <c r="BB947" s="9">
        <v>38765.099471100002</v>
      </c>
      <c r="BC947" s="9">
        <v>45654.861972899998</v>
      </c>
      <c r="BD947" s="9">
        <v>51258.621692699999</v>
      </c>
      <c r="BE947" s="9">
        <v>49832.956130999999</v>
      </c>
      <c r="BF947" s="9">
        <v>48964.510829699997</v>
      </c>
      <c r="BG947" s="11">
        <v>2</v>
      </c>
      <c r="BH947" s="13">
        <v>0.33333333333333331</v>
      </c>
      <c r="BI947" s="6">
        <v>0</v>
      </c>
      <c r="BJ947" s="13">
        <v>0</v>
      </c>
      <c r="BK947" s="6">
        <v>0</v>
      </c>
      <c r="BL947" s="13">
        <v>0</v>
      </c>
      <c r="BM947" s="11">
        <v>2</v>
      </c>
      <c r="BN947" s="13">
        <v>0.33333333333333331</v>
      </c>
      <c r="BO947" s="11">
        <v>2</v>
      </c>
      <c r="BP947" s="13">
        <v>0.33333333333333331</v>
      </c>
      <c r="BQ947" s="6">
        <v>6</v>
      </c>
      <c r="BR947" s="6">
        <v>6</v>
      </c>
      <c r="BS947" s="6">
        <v>6</v>
      </c>
      <c r="BT947" s="6">
        <v>6</v>
      </c>
      <c r="BU947" s="6">
        <v>6</v>
      </c>
      <c r="BV947" s="6">
        <v>6</v>
      </c>
      <c r="BW947" s="6">
        <v>6</v>
      </c>
      <c r="BX947" s="6">
        <v>6</v>
      </c>
      <c r="BY947" s="6">
        <v>5</v>
      </c>
      <c r="BZ947" s="6">
        <v>7</v>
      </c>
      <c r="CA947" s="6">
        <v>7</v>
      </c>
      <c r="CB947" s="6">
        <v>7</v>
      </c>
      <c r="CC947" s="11">
        <v>8</v>
      </c>
      <c r="CD947" s="11">
        <v>16.892399999999999</v>
      </c>
      <c r="CE947" s="11">
        <v>-3.0898099999999999</v>
      </c>
      <c r="CF947" s="11">
        <v>4.1306599999999998</v>
      </c>
      <c r="CG947" s="11">
        <v>1</v>
      </c>
      <c r="CH947" s="20">
        <v>0.232158</v>
      </c>
      <c r="CI947" s="20">
        <v>0.247366</v>
      </c>
      <c r="CJ947" s="20">
        <v>0.42393900000000001</v>
      </c>
      <c r="CK947" s="20">
        <v>0.47453400000000001</v>
      </c>
      <c r="CL947" s="20">
        <v>0.50888999999999995</v>
      </c>
      <c r="CM947" s="20">
        <v>0.53193100000000004</v>
      </c>
      <c r="CN947" s="20">
        <v>0.50011499999999998</v>
      </c>
      <c r="CO947" s="20">
        <v>0.45113799999999998</v>
      </c>
      <c r="CP947" s="20">
        <v>0.198264</v>
      </c>
      <c r="CQ947" s="20">
        <v>0.24338000000000001</v>
      </c>
      <c r="CR947" s="20">
        <v>0.30263699999999999</v>
      </c>
      <c r="CS947" s="20">
        <v>0.25894800000000001</v>
      </c>
      <c r="CT947" s="20">
        <v>0.30946800000000002</v>
      </c>
      <c r="CU947" s="20">
        <v>0.30778299999999997</v>
      </c>
      <c r="CV947" s="20">
        <v>0.30339300000000002</v>
      </c>
      <c r="CW947" s="20">
        <v>0.32433499999999998</v>
      </c>
      <c r="CX947" s="20">
        <v>0.346833</v>
      </c>
      <c r="CY947" s="6" t="s">
        <v>536</v>
      </c>
      <c r="CZ947" s="6" t="s">
        <v>537</v>
      </c>
      <c r="DA947" s="6" t="s">
        <v>86</v>
      </c>
      <c r="DB947" s="6" t="s">
        <v>345</v>
      </c>
      <c r="DC947" s="6"/>
      <c r="DD947" s="6"/>
      <c r="DE947" s="6"/>
      <c r="DF947" s="6"/>
      <c r="DG947" s="6"/>
      <c r="DH947" s="6" t="s">
        <v>333</v>
      </c>
      <c r="DI947" s="6"/>
      <c r="DJ947" s="6"/>
      <c r="DK947" s="6"/>
      <c r="DL947" s="6">
        <v>10</v>
      </c>
      <c r="DM947" s="6" t="s">
        <v>383</v>
      </c>
      <c r="DN947" s="6">
        <v>7</v>
      </c>
      <c r="DO947" s="6" t="s">
        <v>369</v>
      </c>
      <c r="DP947" s="6"/>
      <c r="DQ947" s="6"/>
    </row>
    <row r="948" spans="1:121" x14ac:dyDescent="0.2">
      <c r="A948" s="6" t="s">
        <v>793</v>
      </c>
      <c r="B948" s="6" t="s">
        <v>179</v>
      </c>
      <c r="C948" s="6" t="s">
        <v>180</v>
      </c>
      <c r="D948" s="6" t="s">
        <v>86</v>
      </c>
      <c r="E948" s="6" t="s">
        <v>227</v>
      </c>
      <c r="F948" s="11">
        <v>61</v>
      </c>
      <c r="G948" s="13">
        <v>0.18</v>
      </c>
      <c r="H948" s="11">
        <v>-25</v>
      </c>
      <c r="I948" s="13">
        <v>-7.5075075075075076E-2</v>
      </c>
      <c r="J948" s="11">
        <v>21</v>
      </c>
      <c r="K948" s="13">
        <v>6.8181818181818177E-2</v>
      </c>
      <c r="L948" s="11">
        <v>65</v>
      </c>
      <c r="M948" s="13">
        <v>0.19756838905775076</v>
      </c>
      <c r="N948" s="11">
        <v>86</v>
      </c>
      <c r="O948" s="13">
        <v>0.2792207792207792</v>
      </c>
      <c r="P948" s="7">
        <v>333</v>
      </c>
      <c r="Q948" s="7">
        <v>317</v>
      </c>
      <c r="R948" s="7">
        <v>319</v>
      </c>
      <c r="S948" s="7">
        <v>307</v>
      </c>
      <c r="T948" s="7">
        <v>320</v>
      </c>
      <c r="U948" s="7">
        <v>334</v>
      </c>
      <c r="V948" s="7">
        <v>308</v>
      </c>
      <c r="W948" s="7">
        <v>314</v>
      </c>
      <c r="X948" s="7">
        <v>322</v>
      </c>
      <c r="Y948" s="7">
        <v>329</v>
      </c>
      <c r="Z948" s="7">
        <v>359</v>
      </c>
      <c r="AA948" s="7">
        <v>399</v>
      </c>
      <c r="AB948" s="7">
        <v>392</v>
      </c>
      <c r="AC948" s="7">
        <v>410</v>
      </c>
      <c r="AD948" s="7">
        <v>401</v>
      </c>
      <c r="AE948" s="7">
        <v>383</v>
      </c>
      <c r="AF948" s="7">
        <v>394</v>
      </c>
      <c r="AG948" s="9">
        <v>13139</v>
      </c>
      <c r="AH948" s="13">
        <v>0.76451763062958222</v>
      </c>
      <c r="AI948" s="9">
        <v>4881</v>
      </c>
      <c r="AJ948" s="13">
        <v>0.28401024089375071</v>
      </c>
      <c r="AK948" s="9">
        <v>3521</v>
      </c>
      <c r="AL948" s="13">
        <v>0.15955952327004125</v>
      </c>
      <c r="AM948" s="9">
        <v>4737</v>
      </c>
      <c r="AN948" s="13">
        <v>0.18512584023761139</v>
      </c>
      <c r="AO948" s="9">
        <v>8258</v>
      </c>
      <c r="AP948" s="13">
        <v>0.3742239543209317</v>
      </c>
      <c r="AQ948" s="9">
        <v>17186</v>
      </c>
      <c r="AR948" s="9">
        <v>18578</v>
      </c>
      <c r="AS948" s="9">
        <v>18532</v>
      </c>
      <c r="AT948" s="9">
        <v>18722</v>
      </c>
      <c r="AU948" s="9">
        <v>19622</v>
      </c>
      <c r="AV948" s="9">
        <v>20149</v>
      </c>
      <c r="AW948" s="9">
        <v>22067</v>
      </c>
      <c r="AX948" s="9">
        <v>23273</v>
      </c>
      <c r="AY948" s="9">
        <v>23095</v>
      </c>
      <c r="AZ948" s="9">
        <v>25588</v>
      </c>
      <c r="BA948" s="9">
        <v>26197</v>
      </c>
      <c r="BB948" s="9">
        <v>26176</v>
      </c>
      <c r="BC948" s="9">
        <v>27899</v>
      </c>
      <c r="BD948" s="9">
        <v>27203</v>
      </c>
      <c r="BE948" s="9">
        <v>27801</v>
      </c>
      <c r="BF948" s="9">
        <v>30325</v>
      </c>
      <c r="BG948" s="11">
        <v>-15</v>
      </c>
      <c r="BH948" s="13">
        <v>-0.33333333333333331</v>
      </c>
      <c r="BI948" s="6">
        <v>-5</v>
      </c>
      <c r="BJ948" s="13">
        <v>-0.1111111111111111</v>
      </c>
      <c r="BK948" s="6">
        <v>-9</v>
      </c>
      <c r="BL948" s="13">
        <v>-0.22500000000000001</v>
      </c>
      <c r="BM948" s="11">
        <v>-1</v>
      </c>
      <c r="BN948" s="13">
        <v>-3.2258064516129031E-2</v>
      </c>
      <c r="BO948" s="11">
        <v>-10</v>
      </c>
      <c r="BP948" s="13">
        <v>-0.25</v>
      </c>
      <c r="BQ948" s="6">
        <v>45</v>
      </c>
      <c r="BR948" s="6">
        <v>45</v>
      </c>
      <c r="BS948" s="6">
        <v>45</v>
      </c>
      <c r="BT948" s="6">
        <v>40</v>
      </c>
      <c r="BU948" s="6">
        <v>37</v>
      </c>
      <c r="BV948" s="6">
        <v>32</v>
      </c>
      <c r="BW948" s="6">
        <v>31</v>
      </c>
      <c r="BX948" s="6">
        <v>30</v>
      </c>
      <c r="BY948" s="6">
        <v>29</v>
      </c>
      <c r="BZ948" s="6">
        <v>33</v>
      </c>
      <c r="CA948" s="6">
        <v>34</v>
      </c>
      <c r="CB948" s="6">
        <v>33</v>
      </c>
      <c r="CC948" s="11">
        <v>30</v>
      </c>
      <c r="CD948" s="11">
        <v>46</v>
      </c>
      <c r="CE948" s="11">
        <v>-21</v>
      </c>
      <c r="CF948" s="11">
        <v>36</v>
      </c>
      <c r="CG948" s="11">
        <v>15</v>
      </c>
      <c r="CH948" s="20">
        <v>0.76</v>
      </c>
      <c r="CI948" s="20">
        <v>0.73</v>
      </c>
      <c r="CJ948" s="20">
        <v>0.74</v>
      </c>
      <c r="CK948" s="20">
        <v>0.72</v>
      </c>
      <c r="CL948" s="20">
        <v>0.74</v>
      </c>
      <c r="CM948" s="20">
        <v>0.76</v>
      </c>
      <c r="CN948" s="20">
        <v>0.62</v>
      </c>
      <c r="CO948" s="20">
        <v>0.62</v>
      </c>
      <c r="CP948" s="20">
        <v>0.66</v>
      </c>
      <c r="CQ948" s="20">
        <v>0.82</v>
      </c>
      <c r="CR948" s="20">
        <v>0.86</v>
      </c>
      <c r="CS948" s="20">
        <v>0.87</v>
      </c>
      <c r="CT948" s="20">
        <v>0.94</v>
      </c>
      <c r="CU948" s="20">
        <v>0.92</v>
      </c>
      <c r="CV948" s="20">
        <v>0.9</v>
      </c>
      <c r="CW948" s="20">
        <v>0.88</v>
      </c>
      <c r="CX948" s="20">
        <v>0.9</v>
      </c>
      <c r="CY948" s="6" t="s">
        <v>536</v>
      </c>
      <c r="CZ948" s="6" t="s">
        <v>537</v>
      </c>
      <c r="DA948" s="6" t="s">
        <v>86</v>
      </c>
      <c r="DB948" s="6" t="s">
        <v>345</v>
      </c>
      <c r="DC948" s="6"/>
      <c r="DD948" s="6"/>
      <c r="DE948" s="6"/>
      <c r="DF948" s="6"/>
      <c r="DG948" s="6"/>
      <c r="DH948" s="6" t="s">
        <v>333</v>
      </c>
      <c r="DI948" s="6"/>
      <c r="DJ948" s="6"/>
      <c r="DK948" s="6"/>
      <c r="DL948" s="6">
        <v>10</v>
      </c>
      <c r="DM948" s="6" t="s">
        <v>383</v>
      </c>
      <c r="DN948" s="6">
        <v>7</v>
      </c>
      <c r="DO948" s="6" t="s">
        <v>369</v>
      </c>
      <c r="DP948" s="6"/>
      <c r="DQ948" s="6"/>
    </row>
    <row r="949" spans="1:121" x14ac:dyDescent="0.2">
      <c r="A949" s="6" t="s">
        <v>794</v>
      </c>
      <c r="B949" s="6" t="s">
        <v>181</v>
      </c>
      <c r="C949" s="6" t="s">
        <v>182</v>
      </c>
      <c r="D949" s="6" t="s">
        <v>86</v>
      </c>
      <c r="E949" s="6" t="s">
        <v>227</v>
      </c>
      <c r="F949" s="11">
        <v>40</v>
      </c>
      <c r="G949" s="13">
        <v>0.54054054054099998</v>
      </c>
      <c r="H949" s="11">
        <v>13.134751963100001</v>
      </c>
      <c r="I949" s="13">
        <v>0.17656555308523167</v>
      </c>
      <c r="J949" s="11">
        <v>14.1584212474</v>
      </c>
      <c r="K949" s="13">
        <v>0.16176434497910477</v>
      </c>
      <c r="L949" s="11">
        <v>12.446696118999995</v>
      </c>
      <c r="M949" s="13">
        <v>0.12240636941482907</v>
      </c>
      <c r="N949" s="11">
        <v>26.605117366399995</v>
      </c>
      <c r="O949" s="13">
        <v>0.30397170056359396</v>
      </c>
      <c r="P949" s="7">
        <v>74.390229201500006</v>
      </c>
      <c r="Q949" s="7">
        <v>81.328534500100005</v>
      </c>
      <c r="R949" s="7">
        <v>82.9727788828</v>
      </c>
      <c r="S949" s="7">
        <v>87.274792722300006</v>
      </c>
      <c r="T949" s="7">
        <v>89.653841444199998</v>
      </c>
      <c r="U949" s="7">
        <v>84.336682019199998</v>
      </c>
      <c r="V949" s="7">
        <v>87.524981164600007</v>
      </c>
      <c r="W949" s="7">
        <v>88.663161758699999</v>
      </c>
      <c r="X949" s="7">
        <v>73.284902533700006</v>
      </c>
      <c r="Y949" s="7">
        <v>101.68340241200001</v>
      </c>
      <c r="Z949" s="7">
        <v>118.517506849</v>
      </c>
      <c r="AA949" s="7">
        <v>129.69818664900001</v>
      </c>
      <c r="AB949" s="7">
        <v>147.61496035600001</v>
      </c>
      <c r="AC949" s="7">
        <v>142.60670942900001</v>
      </c>
      <c r="AD949" s="7">
        <v>112.102804306</v>
      </c>
      <c r="AE949" s="7">
        <v>110.90844712400001</v>
      </c>
      <c r="AF949" s="7">
        <v>114.130098531</v>
      </c>
      <c r="AG949" s="9">
        <v>13808.510753099999</v>
      </c>
      <c r="AH949" s="13">
        <v>0.5538819355468475</v>
      </c>
      <c r="AI949" s="9">
        <v>13606.043691800001</v>
      </c>
      <c r="AJ949" s="13">
        <v>0.54576065079699498</v>
      </c>
      <c r="AK949" s="9">
        <v>-8603.023933299999</v>
      </c>
      <c r="AL949" s="13">
        <v>-0.22324371560960576</v>
      </c>
      <c r="AM949" s="9">
        <v>8805.4909945999971</v>
      </c>
      <c r="AN949" s="13">
        <v>0.2941690058069511</v>
      </c>
      <c r="AO949" s="9">
        <v>202.46706129999802</v>
      </c>
      <c r="AP949" s="13">
        <v>5.2539083238178881E-3</v>
      </c>
      <c r="AQ949" s="9">
        <v>24930.422653099999</v>
      </c>
      <c r="AR949" s="9">
        <v>27440.309527400001</v>
      </c>
      <c r="AS949" s="9">
        <v>28082.558344000001</v>
      </c>
      <c r="AT949" s="9">
        <v>28160.204586399999</v>
      </c>
      <c r="AU949" s="9">
        <v>29292.7955673</v>
      </c>
      <c r="AV949" s="9">
        <v>37526.240359800002</v>
      </c>
      <c r="AW949" s="9">
        <v>38536.4663449</v>
      </c>
      <c r="AX949" s="9">
        <v>40681.322283000001</v>
      </c>
      <c r="AY949" s="9">
        <v>28871.6450329</v>
      </c>
      <c r="AZ949" s="9">
        <v>29933.442411600001</v>
      </c>
      <c r="BA949" s="9">
        <v>32219.346268099998</v>
      </c>
      <c r="BB949" s="9">
        <v>30615.814257400001</v>
      </c>
      <c r="BC949" s="9">
        <v>31878.548906299999</v>
      </c>
      <c r="BD949" s="9">
        <v>32892.690777199998</v>
      </c>
      <c r="BE949" s="9">
        <v>37965.652734399999</v>
      </c>
      <c r="BF949" s="9">
        <v>38738.933406199998</v>
      </c>
      <c r="BG949" s="11">
        <v>-4</v>
      </c>
      <c r="BH949" s="13">
        <v>-0.23529411764705882</v>
      </c>
      <c r="BI949" s="6">
        <v>1</v>
      </c>
      <c r="BJ949" s="13">
        <v>5.8823529411764705E-2</v>
      </c>
      <c r="BK949" s="6">
        <v>-2</v>
      </c>
      <c r="BL949" s="13">
        <v>-0.1111111111111111</v>
      </c>
      <c r="BM949" s="11">
        <v>-3</v>
      </c>
      <c r="BN949" s="13">
        <v>-0.1875</v>
      </c>
      <c r="BO949" s="11">
        <v>-5</v>
      </c>
      <c r="BP949" s="13">
        <v>-0.27777777777777779</v>
      </c>
      <c r="BQ949" s="6">
        <v>17</v>
      </c>
      <c r="BR949" s="6">
        <v>16</v>
      </c>
      <c r="BS949" s="6">
        <v>14</v>
      </c>
      <c r="BT949" s="6">
        <v>18</v>
      </c>
      <c r="BU949" s="6">
        <v>17</v>
      </c>
      <c r="BV949" s="6">
        <v>15</v>
      </c>
      <c r="BW949" s="6">
        <v>16</v>
      </c>
      <c r="BX949" s="6">
        <v>18</v>
      </c>
      <c r="BY949" s="6">
        <v>18</v>
      </c>
      <c r="BZ949" s="6">
        <v>15</v>
      </c>
      <c r="CA949" s="6">
        <v>15</v>
      </c>
      <c r="CB949" s="6">
        <v>13</v>
      </c>
      <c r="CC949" s="11">
        <v>13</v>
      </c>
      <c r="CD949" s="11">
        <v>26.9193</v>
      </c>
      <c r="CE949" s="11">
        <v>4.6888500000000004</v>
      </c>
      <c r="CF949" s="11">
        <v>8.1317500000000003</v>
      </c>
      <c r="CG949" s="11">
        <v>13</v>
      </c>
      <c r="CH949" s="20">
        <v>0.57735099999999995</v>
      </c>
      <c r="CI949" s="20">
        <v>0.65659599999999996</v>
      </c>
      <c r="CJ949" s="20">
        <v>0.66961999999999999</v>
      </c>
      <c r="CK949" s="20">
        <v>0.70080299999999995</v>
      </c>
      <c r="CL949" s="20">
        <v>0.70048999999999995</v>
      </c>
      <c r="CM949" s="20">
        <v>0.64180999999999999</v>
      </c>
      <c r="CN949" s="20">
        <v>0.57874400000000004</v>
      </c>
      <c r="CO949" s="20">
        <v>0.57242099999999996</v>
      </c>
      <c r="CP949" s="20">
        <v>0.49967699999999998</v>
      </c>
      <c r="CQ949" s="20">
        <v>0.84498399999999996</v>
      </c>
      <c r="CR949" s="20">
        <v>0.93026699999999996</v>
      </c>
      <c r="CS949" s="20">
        <v>0.92394799999999999</v>
      </c>
      <c r="CT949" s="20">
        <v>1.15103</v>
      </c>
      <c r="CU949" s="20">
        <v>1.0203100000000001</v>
      </c>
      <c r="CV949" s="20">
        <v>0.77767200000000003</v>
      </c>
      <c r="CW949" s="20">
        <v>0.78044800000000003</v>
      </c>
      <c r="CX949" s="20">
        <v>0.78657299999999997</v>
      </c>
      <c r="CY949" s="6" t="s">
        <v>536</v>
      </c>
      <c r="CZ949" s="6" t="s">
        <v>537</v>
      </c>
      <c r="DA949" s="6" t="s">
        <v>86</v>
      </c>
      <c r="DB949" s="6" t="s">
        <v>345</v>
      </c>
      <c r="DC949" s="6"/>
      <c r="DD949" s="6"/>
      <c r="DE949" s="6"/>
      <c r="DF949" s="6"/>
      <c r="DG949" s="6"/>
      <c r="DH949" s="6" t="s">
        <v>333</v>
      </c>
      <c r="DI949" s="6"/>
      <c r="DJ949" s="6"/>
      <c r="DK949" s="6"/>
      <c r="DL949" s="6">
        <v>10</v>
      </c>
      <c r="DM949" s="6" t="s">
        <v>383</v>
      </c>
      <c r="DN949" s="6">
        <v>7</v>
      </c>
      <c r="DO949" s="6" t="s">
        <v>369</v>
      </c>
      <c r="DP949" s="6"/>
      <c r="DQ949" s="6"/>
    </row>
    <row r="950" spans="1:121" x14ac:dyDescent="0.2">
      <c r="A950" s="6" t="s">
        <v>314</v>
      </c>
      <c r="B950" s="6" t="s">
        <v>314</v>
      </c>
      <c r="C950" s="6" t="s">
        <v>183</v>
      </c>
      <c r="D950" s="6" t="s">
        <v>86</v>
      </c>
      <c r="E950" s="6" t="s">
        <v>227</v>
      </c>
      <c r="F950" s="11">
        <v>1</v>
      </c>
      <c r="G950" s="13">
        <v>1</v>
      </c>
      <c r="H950" s="11">
        <v>0</v>
      </c>
      <c r="I950" s="13">
        <v>0</v>
      </c>
      <c r="J950" s="11">
        <v>14.933748000000001</v>
      </c>
      <c r="K950" s="13">
        <v>2.9867496000000004</v>
      </c>
      <c r="L950" s="11">
        <v>-3.5744160359000006</v>
      </c>
      <c r="M950" s="13">
        <v>-0.17931480000148495</v>
      </c>
      <c r="N950" s="11">
        <v>11.359331964100001</v>
      </c>
      <c r="O950" s="13">
        <v>2.2718663928199998</v>
      </c>
      <c r="P950" s="7">
        <v>5</v>
      </c>
      <c r="Q950" s="7">
        <v>5</v>
      </c>
      <c r="R950" s="7">
        <v>5</v>
      </c>
      <c r="S950" s="7">
        <v>5</v>
      </c>
      <c r="T950" s="7">
        <v>5</v>
      </c>
      <c r="U950" s="7">
        <v>5</v>
      </c>
      <c r="V950" s="7">
        <v>5</v>
      </c>
      <c r="W950" s="7">
        <v>22.506186814100001</v>
      </c>
      <c r="X950" s="7">
        <v>12.0328126645</v>
      </c>
      <c r="Y950" s="7">
        <v>19.933748000000001</v>
      </c>
      <c r="Z950" s="7">
        <v>15.677574826500001</v>
      </c>
      <c r="AA950" s="7">
        <v>12.18572</v>
      </c>
      <c r="AB950" s="7">
        <v>12.383587585900001</v>
      </c>
      <c r="AC950" s="7">
        <v>11.982825</v>
      </c>
      <c r="AD950" s="7">
        <v>14.160931</v>
      </c>
      <c r="AE950" s="7">
        <v>15.376765499999999</v>
      </c>
      <c r="AF950" s="7">
        <v>16.359331964100001</v>
      </c>
      <c r="AG950" s="9">
        <v>46934.159782000002</v>
      </c>
      <c r="AH950" s="13">
        <v>46934.159782000002</v>
      </c>
      <c r="AI950" s="9">
        <v>0</v>
      </c>
      <c r="AJ950" s="13">
        <v>0</v>
      </c>
      <c r="AK950" s="9">
        <v>29346.8543856</v>
      </c>
      <c r="AL950" s="13">
        <v>29346.8543856</v>
      </c>
      <c r="AM950" s="9">
        <v>17587.305396400003</v>
      </c>
      <c r="AN950" s="13">
        <v>0.59927056899360587</v>
      </c>
      <c r="AO950" s="9">
        <v>46934.159782000002</v>
      </c>
      <c r="AP950" s="13">
        <v>46934.159782000002</v>
      </c>
      <c r="AQ950" s="9">
        <v>1</v>
      </c>
      <c r="AR950" s="9">
        <v>1</v>
      </c>
      <c r="AS950" s="9">
        <v>1</v>
      </c>
      <c r="AT950" s="9">
        <v>1</v>
      </c>
      <c r="AU950" s="9">
        <v>1</v>
      </c>
      <c r="AV950" s="9">
        <v>1</v>
      </c>
      <c r="AW950" s="9">
        <v>1</v>
      </c>
      <c r="AX950" s="9">
        <v>30681.385595299998</v>
      </c>
      <c r="AY950" s="9">
        <v>45157.884785200004</v>
      </c>
      <c r="AZ950" s="9">
        <v>29347.8543856</v>
      </c>
      <c r="BA950" s="9">
        <v>36795.733785900004</v>
      </c>
      <c r="BB950" s="9">
        <v>51034.706787199997</v>
      </c>
      <c r="BC950" s="9">
        <v>53036.215500400001</v>
      </c>
      <c r="BD950" s="9">
        <v>53425.136299700003</v>
      </c>
      <c r="BE950" s="9">
        <v>48401.036051499999</v>
      </c>
      <c r="BF950" s="9">
        <v>46935.159782000002</v>
      </c>
      <c r="BG950" s="11">
        <v>1</v>
      </c>
      <c r="BH950" s="13">
        <v>0.5</v>
      </c>
      <c r="BI950" s="6">
        <v>0</v>
      </c>
      <c r="BJ950" s="13">
        <v>0</v>
      </c>
      <c r="BK950" s="6">
        <v>0</v>
      </c>
      <c r="BL950" s="13">
        <v>0</v>
      </c>
      <c r="BM950" s="11">
        <v>1</v>
      </c>
      <c r="BN950" s="13">
        <v>0.5</v>
      </c>
      <c r="BO950" s="11">
        <v>1</v>
      </c>
      <c r="BP950" s="13">
        <v>0.5</v>
      </c>
      <c r="BQ950" s="6">
        <v>2</v>
      </c>
      <c r="BR950" s="6">
        <v>2</v>
      </c>
      <c r="BS950" s="6">
        <v>2</v>
      </c>
      <c r="BT950" s="6">
        <v>2</v>
      </c>
      <c r="BU950" s="6">
        <v>2</v>
      </c>
      <c r="BV950" s="6">
        <v>2</v>
      </c>
      <c r="BW950" s="6">
        <v>2</v>
      </c>
      <c r="BX950" s="6">
        <v>2</v>
      </c>
      <c r="BY950" s="6">
        <v>3</v>
      </c>
      <c r="BZ950" s="6">
        <v>3</v>
      </c>
      <c r="CA950" s="6">
        <v>3</v>
      </c>
      <c r="CB950" s="6">
        <v>3</v>
      </c>
      <c r="CC950" s="11">
        <v>3</v>
      </c>
      <c r="CD950" s="11">
        <v>14.6271</v>
      </c>
      <c r="CE950" s="11">
        <v>-0.66072299999999995</v>
      </c>
      <c r="CF950" s="11">
        <v>0.23580499999999999</v>
      </c>
      <c r="CG950" s="11">
        <v>-1</v>
      </c>
      <c r="CH950" s="20">
        <v>2.1260299999999999E-2</v>
      </c>
      <c r="CI950" s="20">
        <v>6.7743999999999999E-2</v>
      </c>
      <c r="CJ950" s="20">
        <v>2.2950000000000002E-2</v>
      </c>
      <c r="CK950" s="20">
        <v>1.86681E-2</v>
      </c>
      <c r="CL950" s="20">
        <v>4.0966500000000003E-2</v>
      </c>
      <c r="CM950" s="20">
        <v>8.9116000000000001E-2</v>
      </c>
      <c r="CN950" s="20">
        <v>8.4688299999999994E-2</v>
      </c>
      <c r="CO950" s="20">
        <v>0.227712</v>
      </c>
      <c r="CP950" s="20">
        <v>0.127965</v>
      </c>
      <c r="CQ950" s="20">
        <v>0.265015</v>
      </c>
      <c r="CR950" s="20">
        <v>0.20420099999999999</v>
      </c>
      <c r="CS950" s="20">
        <v>0.14696200000000001</v>
      </c>
      <c r="CT950" s="20">
        <v>0.16516800000000001</v>
      </c>
      <c r="CU950" s="20">
        <v>0.14979600000000001</v>
      </c>
      <c r="CV950" s="20">
        <v>0.17790900000000001</v>
      </c>
      <c r="CW950" s="20">
        <v>0.198097</v>
      </c>
      <c r="CX950" s="20">
        <v>0.20902200000000001</v>
      </c>
      <c r="CY950" s="6" t="s">
        <v>536</v>
      </c>
      <c r="CZ950" s="6" t="s">
        <v>537</v>
      </c>
      <c r="DA950" s="6" t="s">
        <v>86</v>
      </c>
      <c r="DB950" s="6" t="s">
        <v>345</v>
      </c>
      <c r="DC950" s="6"/>
      <c r="DD950" s="6"/>
      <c r="DE950" s="6"/>
      <c r="DF950" s="6"/>
      <c r="DG950" s="6"/>
      <c r="DH950" s="6" t="s">
        <v>333</v>
      </c>
      <c r="DI950" s="6"/>
      <c r="DJ950" s="6"/>
      <c r="DK950" s="6"/>
      <c r="DL950" s="6">
        <v>10</v>
      </c>
      <c r="DM950" s="6" t="s">
        <v>383</v>
      </c>
      <c r="DN950" s="6">
        <v>7</v>
      </c>
      <c r="DO950" s="6" t="s">
        <v>369</v>
      </c>
      <c r="DP950" s="6"/>
      <c r="DQ950" s="6"/>
    </row>
    <row r="951" spans="1:121" x14ac:dyDescent="0.2">
      <c r="A951" s="6" t="s">
        <v>315</v>
      </c>
      <c r="B951" s="6" t="s">
        <v>315</v>
      </c>
      <c r="C951" s="6" t="s">
        <v>184</v>
      </c>
      <c r="D951" s="6" t="s">
        <v>86</v>
      </c>
      <c r="E951" s="6" t="s">
        <v>227</v>
      </c>
      <c r="F951" s="11">
        <v>-15</v>
      </c>
      <c r="G951" s="13">
        <v>-0.21</v>
      </c>
      <c r="H951" s="11">
        <v>0</v>
      </c>
      <c r="I951" s="13">
        <v>0</v>
      </c>
      <c r="J951" s="11">
        <v>-11</v>
      </c>
      <c r="K951" s="13">
        <v>-0.15492957746478872</v>
      </c>
      <c r="L951" s="11">
        <v>-4</v>
      </c>
      <c r="M951" s="13">
        <v>-6.6666666666666666E-2</v>
      </c>
      <c r="N951" s="11">
        <v>-15</v>
      </c>
      <c r="O951" s="13">
        <v>-0.21126760563380281</v>
      </c>
      <c r="P951" s="7">
        <v>71</v>
      </c>
      <c r="Q951" s="7">
        <v>73</v>
      </c>
      <c r="R951" s="7">
        <v>69</v>
      </c>
      <c r="S951" s="7">
        <v>70</v>
      </c>
      <c r="T951" s="7">
        <v>73</v>
      </c>
      <c r="U951" s="7">
        <v>74</v>
      </c>
      <c r="V951" s="7">
        <v>71</v>
      </c>
      <c r="W951" s="7">
        <v>61</v>
      </c>
      <c r="X951" s="7">
        <v>62</v>
      </c>
      <c r="Y951" s="7">
        <v>60</v>
      </c>
      <c r="Z951" s="7">
        <v>62</v>
      </c>
      <c r="AA951" s="7">
        <v>57</v>
      </c>
      <c r="AB951" s="7">
        <v>57</v>
      </c>
      <c r="AC951" s="7">
        <v>58</v>
      </c>
      <c r="AD951" s="7">
        <v>61</v>
      </c>
      <c r="AE951" s="7">
        <v>57</v>
      </c>
      <c r="AF951" s="7">
        <v>56</v>
      </c>
      <c r="AG951" s="9">
        <v>9325</v>
      </c>
      <c r="AH951" s="13">
        <v>0.35090690148265219</v>
      </c>
      <c r="AI951" s="9">
        <v>2820</v>
      </c>
      <c r="AJ951" s="13">
        <v>0.10611876270038384</v>
      </c>
      <c r="AK951" s="9">
        <v>3073</v>
      </c>
      <c r="AL951" s="13">
        <v>0.10454514526774172</v>
      </c>
      <c r="AM951" s="9">
        <v>3432</v>
      </c>
      <c r="AN951" s="13">
        <v>0.10570733360027104</v>
      </c>
      <c r="AO951" s="9">
        <v>6505</v>
      </c>
      <c r="AP951" s="13">
        <v>0.22130366741511873</v>
      </c>
      <c r="AQ951" s="9">
        <v>26574</v>
      </c>
      <c r="AR951" s="9">
        <v>26927</v>
      </c>
      <c r="AS951" s="9">
        <v>26931</v>
      </c>
      <c r="AT951" s="9">
        <v>28897</v>
      </c>
      <c r="AU951" s="9">
        <v>29452</v>
      </c>
      <c r="AV951" s="9">
        <v>29008</v>
      </c>
      <c r="AW951" s="9">
        <v>29394</v>
      </c>
      <c r="AX951" s="9">
        <v>31925</v>
      </c>
      <c r="AY951" s="9">
        <v>34622</v>
      </c>
      <c r="AZ951" s="9">
        <v>32467</v>
      </c>
      <c r="BA951" s="9">
        <v>29692</v>
      </c>
      <c r="BB951" s="9">
        <v>33799</v>
      </c>
      <c r="BC951" s="9">
        <v>33925</v>
      </c>
      <c r="BD951" s="9">
        <v>33808</v>
      </c>
      <c r="BE951" s="9">
        <v>34924</v>
      </c>
      <c r="BF951" s="9">
        <v>35899</v>
      </c>
      <c r="BG951" s="11">
        <v>-1</v>
      </c>
      <c r="BH951" s="13">
        <v>-6.6666666666666666E-2</v>
      </c>
      <c r="BI951" s="6">
        <v>0</v>
      </c>
      <c r="BJ951" s="13">
        <v>0</v>
      </c>
      <c r="BK951" s="6">
        <v>0</v>
      </c>
      <c r="BL951" s="13">
        <v>0</v>
      </c>
      <c r="BM951" s="11">
        <v>-1</v>
      </c>
      <c r="BN951" s="13">
        <v>-6.6666666666666666E-2</v>
      </c>
      <c r="BO951" s="11">
        <v>-1</v>
      </c>
      <c r="BP951" s="13">
        <v>-6.6666666666666666E-2</v>
      </c>
      <c r="BQ951" s="6">
        <v>15</v>
      </c>
      <c r="BR951" s="6">
        <v>15</v>
      </c>
      <c r="BS951" s="6">
        <v>15</v>
      </c>
      <c r="BT951" s="6">
        <v>15</v>
      </c>
      <c r="BU951" s="6">
        <v>15</v>
      </c>
      <c r="BV951" s="6">
        <v>15</v>
      </c>
      <c r="BW951" s="6">
        <v>15</v>
      </c>
      <c r="BX951" s="6">
        <v>16</v>
      </c>
      <c r="BY951" s="6">
        <v>15</v>
      </c>
      <c r="BZ951" s="6">
        <v>15</v>
      </c>
      <c r="CA951" s="6">
        <v>13</v>
      </c>
      <c r="CB951" s="6">
        <v>14</v>
      </c>
      <c r="CC951" s="11">
        <v>14</v>
      </c>
      <c r="CD951" s="11">
        <v>-17</v>
      </c>
      <c r="CE951" s="11">
        <v>-6</v>
      </c>
      <c r="CF951" s="11">
        <v>8</v>
      </c>
      <c r="CG951" s="11">
        <v>2</v>
      </c>
      <c r="CH951" s="20">
        <v>0.43</v>
      </c>
      <c r="CI951" s="20">
        <v>0.44</v>
      </c>
      <c r="CJ951" s="20">
        <v>0.41</v>
      </c>
      <c r="CK951" s="20">
        <v>0.42</v>
      </c>
      <c r="CL951" s="20">
        <v>0.43</v>
      </c>
      <c r="CM951" s="20">
        <v>0.43</v>
      </c>
      <c r="CN951" s="20">
        <v>0.36</v>
      </c>
      <c r="CO951" s="20">
        <v>0.31</v>
      </c>
      <c r="CP951" s="20">
        <v>0.33</v>
      </c>
      <c r="CQ951" s="20">
        <v>0.39</v>
      </c>
      <c r="CR951" s="20">
        <v>0.39</v>
      </c>
      <c r="CS951" s="20">
        <v>0.33</v>
      </c>
      <c r="CT951" s="20">
        <v>0.37</v>
      </c>
      <c r="CU951" s="20">
        <v>0.35</v>
      </c>
      <c r="CV951" s="20">
        <v>0.37</v>
      </c>
      <c r="CW951" s="20">
        <v>0.35</v>
      </c>
      <c r="CX951" s="20">
        <v>0.34</v>
      </c>
      <c r="CY951" s="6" t="s">
        <v>536</v>
      </c>
      <c r="CZ951" s="6" t="s">
        <v>537</v>
      </c>
      <c r="DA951" s="6" t="s">
        <v>86</v>
      </c>
      <c r="DB951" s="6" t="s">
        <v>345</v>
      </c>
      <c r="DC951" s="6"/>
      <c r="DD951" s="6"/>
      <c r="DE951" s="6"/>
      <c r="DF951" s="6"/>
      <c r="DG951" s="6"/>
      <c r="DH951" s="6" t="s">
        <v>333</v>
      </c>
      <c r="DI951" s="6"/>
      <c r="DJ951" s="6"/>
      <c r="DK951" s="6"/>
      <c r="DL951" s="6">
        <v>10</v>
      </c>
      <c r="DM951" s="6" t="s">
        <v>383</v>
      </c>
      <c r="DN951" s="6">
        <v>7</v>
      </c>
      <c r="DO951" s="6" t="s">
        <v>369</v>
      </c>
      <c r="DP951" s="6"/>
      <c r="DQ951" s="6"/>
    </row>
    <row r="952" spans="1:121" x14ac:dyDescent="0.2">
      <c r="A952" s="6" t="s">
        <v>316</v>
      </c>
      <c r="B952" s="6" t="s">
        <v>316</v>
      </c>
      <c r="C952" s="6" t="s">
        <v>185</v>
      </c>
      <c r="D952" s="6" t="s">
        <v>86</v>
      </c>
      <c r="E952" s="6" t="s">
        <v>227</v>
      </c>
      <c r="F952" s="11">
        <v>16</v>
      </c>
      <c r="G952" s="13">
        <v>0.89</v>
      </c>
      <c r="H952" s="11">
        <v>13</v>
      </c>
      <c r="I952" s="13">
        <v>0.72222222222222221</v>
      </c>
      <c r="J952" s="11">
        <v>0</v>
      </c>
      <c r="K952" s="13">
        <v>0</v>
      </c>
      <c r="L952" s="11">
        <v>3</v>
      </c>
      <c r="M952" s="13">
        <v>9.6774193548387094E-2</v>
      </c>
      <c r="N952" s="11">
        <v>3</v>
      </c>
      <c r="O952" s="13">
        <v>9.6774193548387094E-2</v>
      </c>
      <c r="P952" s="7">
        <v>18</v>
      </c>
      <c r="Q952" s="7">
        <v>14</v>
      </c>
      <c r="R952" s="7">
        <v>17</v>
      </c>
      <c r="S952" s="7">
        <v>18</v>
      </c>
      <c r="T952" s="7">
        <v>22</v>
      </c>
      <c r="U952" s="7">
        <v>20</v>
      </c>
      <c r="V952" s="7">
        <v>31</v>
      </c>
      <c r="W952" s="7">
        <v>28</v>
      </c>
      <c r="X952" s="7">
        <v>30</v>
      </c>
      <c r="Y952" s="7">
        <v>31</v>
      </c>
      <c r="Z952" s="7">
        <v>29</v>
      </c>
      <c r="AA952" s="7">
        <v>33</v>
      </c>
      <c r="AB952" s="7">
        <v>33</v>
      </c>
      <c r="AC952" s="7">
        <v>31</v>
      </c>
      <c r="AD952" s="7">
        <v>34</v>
      </c>
      <c r="AE952" s="7">
        <v>33</v>
      </c>
      <c r="AF952" s="7">
        <v>34</v>
      </c>
      <c r="AG952" s="9">
        <v>11454</v>
      </c>
      <c r="AH952" s="13">
        <v>0.63718291054739651</v>
      </c>
      <c r="AI952" s="9">
        <v>6830</v>
      </c>
      <c r="AJ952" s="13">
        <v>0.37995104583889633</v>
      </c>
      <c r="AK952" s="9">
        <v>1546</v>
      </c>
      <c r="AL952" s="13">
        <v>6.232363137950496E-2</v>
      </c>
      <c r="AM952" s="9">
        <v>3078</v>
      </c>
      <c r="AN952" s="13">
        <v>0.11680327868852459</v>
      </c>
      <c r="AO952" s="9">
        <v>4624</v>
      </c>
      <c r="AP952" s="13">
        <v>0.18640651455293075</v>
      </c>
      <c r="AQ952" s="9">
        <v>17976</v>
      </c>
      <c r="AR952" s="9">
        <v>24832</v>
      </c>
      <c r="AS952" s="9">
        <v>20063</v>
      </c>
      <c r="AT952" s="9">
        <v>17582</v>
      </c>
      <c r="AU952" s="9">
        <v>18282</v>
      </c>
      <c r="AV952" s="9">
        <v>22041</v>
      </c>
      <c r="AW952" s="9">
        <v>24806</v>
      </c>
      <c r="AX952" s="9">
        <v>25346</v>
      </c>
      <c r="AY952" s="9">
        <v>26420</v>
      </c>
      <c r="AZ952" s="9">
        <v>26352</v>
      </c>
      <c r="BA952" s="9">
        <v>27239</v>
      </c>
      <c r="BB952" s="9">
        <v>39196</v>
      </c>
      <c r="BC952" s="9">
        <v>31513</v>
      </c>
      <c r="BD952" s="9">
        <v>26113</v>
      </c>
      <c r="BE952" s="9">
        <v>27484</v>
      </c>
      <c r="BF952" s="9">
        <v>29430</v>
      </c>
      <c r="BG952" s="11">
        <v>1</v>
      </c>
      <c r="BH952" s="13">
        <v>0.125</v>
      </c>
      <c r="BI952" s="6">
        <v>2</v>
      </c>
      <c r="BJ952" s="13">
        <v>0.25</v>
      </c>
      <c r="BK952" s="6">
        <v>-2</v>
      </c>
      <c r="BL952" s="13">
        <v>-0.2</v>
      </c>
      <c r="BM952" s="11">
        <v>1</v>
      </c>
      <c r="BN952" s="13">
        <v>0.125</v>
      </c>
      <c r="BO952" s="11">
        <v>-1</v>
      </c>
      <c r="BP952" s="13">
        <v>-0.1</v>
      </c>
      <c r="BQ952" s="6">
        <v>8</v>
      </c>
      <c r="BR952" s="6">
        <v>10</v>
      </c>
      <c r="BS952" s="6">
        <v>9</v>
      </c>
      <c r="BT952" s="6">
        <v>10</v>
      </c>
      <c r="BU952" s="6">
        <v>9</v>
      </c>
      <c r="BV952" s="6">
        <v>8</v>
      </c>
      <c r="BW952" s="6">
        <v>8</v>
      </c>
      <c r="BX952" s="6">
        <v>9</v>
      </c>
      <c r="BY952" s="6">
        <v>9</v>
      </c>
      <c r="BZ952" s="6">
        <v>7</v>
      </c>
      <c r="CA952" s="6">
        <v>9</v>
      </c>
      <c r="CB952" s="6">
        <v>9</v>
      </c>
      <c r="CC952" s="11">
        <v>9</v>
      </c>
      <c r="CD952" s="11">
        <v>15</v>
      </c>
      <c r="CE952" s="11">
        <v>-1</v>
      </c>
      <c r="CF952" s="11">
        <v>2</v>
      </c>
      <c r="CG952" s="11">
        <v>1</v>
      </c>
      <c r="CH952" s="20">
        <v>0.27</v>
      </c>
      <c r="CI952" s="20">
        <v>0.21</v>
      </c>
      <c r="CJ952" s="20">
        <v>0.24</v>
      </c>
      <c r="CK952" s="20">
        <v>0.26</v>
      </c>
      <c r="CL952" s="20">
        <v>0.3</v>
      </c>
      <c r="CM952" s="20">
        <v>0.27</v>
      </c>
      <c r="CN952" s="20">
        <v>0.37</v>
      </c>
      <c r="CO952" s="20">
        <v>0.33</v>
      </c>
      <c r="CP952" s="20">
        <v>0.38</v>
      </c>
      <c r="CQ952" s="20">
        <v>0.49</v>
      </c>
      <c r="CR952" s="20">
        <v>0.45</v>
      </c>
      <c r="CS952" s="20">
        <v>0.46</v>
      </c>
      <c r="CT952" s="20">
        <v>0.5</v>
      </c>
      <c r="CU952" s="20">
        <v>0.44</v>
      </c>
      <c r="CV952" s="20">
        <v>0.48</v>
      </c>
      <c r="CW952" s="20">
        <v>0.48</v>
      </c>
      <c r="CX952" s="20">
        <v>0.5</v>
      </c>
      <c r="CY952" s="6" t="s">
        <v>536</v>
      </c>
      <c r="CZ952" s="6" t="s">
        <v>537</v>
      </c>
      <c r="DA952" s="6" t="s">
        <v>86</v>
      </c>
      <c r="DB952" s="6" t="s">
        <v>345</v>
      </c>
      <c r="DC952" s="6"/>
      <c r="DD952" s="6"/>
      <c r="DE952" s="6"/>
      <c r="DF952" s="6"/>
      <c r="DG952" s="6"/>
      <c r="DH952" s="6" t="s">
        <v>333</v>
      </c>
      <c r="DI952" s="6"/>
      <c r="DJ952" s="6"/>
      <c r="DK952" s="6"/>
      <c r="DL952" s="6">
        <v>10</v>
      </c>
      <c r="DM952" s="6" t="s">
        <v>383</v>
      </c>
      <c r="DN952" s="6">
        <v>7</v>
      </c>
      <c r="DO952" s="6" t="s">
        <v>369</v>
      </c>
      <c r="DP952" s="6"/>
      <c r="DQ952" s="6"/>
    </row>
    <row r="953" spans="1:121" x14ac:dyDescent="0.2">
      <c r="A953" s="6" t="s">
        <v>317</v>
      </c>
      <c r="B953" s="6" t="s">
        <v>317</v>
      </c>
      <c r="C953" s="6" t="s">
        <v>186</v>
      </c>
      <c r="D953" s="6" t="s">
        <v>86</v>
      </c>
      <c r="E953" s="6" t="s">
        <v>227</v>
      </c>
      <c r="F953" s="11">
        <v>15</v>
      </c>
      <c r="G953" s="13">
        <v>0.75</v>
      </c>
      <c r="H953" s="11">
        <v>16</v>
      </c>
      <c r="I953" s="13">
        <v>0.8</v>
      </c>
      <c r="J953" s="11">
        <v>-2</v>
      </c>
      <c r="K953" s="13">
        <v>-5.5555555555555552E-2</v>
      </c>
      <c r="L953" s="11">
        <v>1</v>
      </c>
      <c r="M953" s="13">
        <v>2.9411764705882353E-2</v>
      </c>
      <c r="N953" s="11">
        <v>-1</v>
      </c>
      <c r="O953" s="13">
        <v>-2.7777777777777776E-2</v>
      </c>
      <c r="P953" s="7">
        <v>20</v>
      </c>
      <c r="Q953" s="7">
        <v>24</v>
      </c>
      <c r="R953" s="7">
        <v>35</v>
      </c>
      <c r="S953" s="7">
        <v>37</v>
      </c>
      <c r="T953" s="7">
        <v>31</v>
      </c>
      <c r="U953" s="7">
        <v>33</v>
      </c>
      <c r="V953" s="7">
        <v>36</v>
      </c>
      <c r="W953" s="7">
        <v>28</v>
      </c>
      <c r="X953" s="7">
        <v>32</v>
      </c>
      <c r="Y953" s="7">
        <v>34</v>
      </c>
      <c r="Z953" s="7">
        <v>43</v>
      </c>
      <c r="AA953" s="7">
        <v>34</v>
      </c>
      <c r="AB953" s="7">
        <v>36</v>
      </c>
      <c r="AC953" s="7">
        <v>28</v>
      </c>
      <c r="AD953" s="7">
        <v>30</v>
      </c>
      <c r="AE953" s="7">
        <v>34</v>
      </c>
      <c r="AF953" s="7">
        <v>35</v>
      </c>
      <c r="AG953" s="9">
        <v>-2678</v>
      </c>
      <c r="AH953" s="13">
        <v>-8.6979115918022668E-2</v>
      </c>
      <c r="AI953" s="9">
        <v>-9872</v>
      </c>
      <c r="AJ953" s="13">
        <v>-0.32063399265971615</v>
      </c>
      <c r="AK953" s="9">
        <v>3513</v>
      </c>
      <c r="AL953" s="13">
        <v>0.16794951474876896</v>
      </c>
      <c r="AM953" s="9">
        <v>3681</v>
      </c>
      <c r="AN953" s="13">
        <v>0.15067539909946789</v>
      </c>
      <c r="AO953" s="9">
        <v>7194</v>
      </c>
      <c r="AP953" s="13">
        <v>0.34393077401156952</v>
      </c>
      <c r="AQ953" s="9">
        <v>30789</v>
      </c>
      <c r="AR953" s="9">
        <v>29711</v>
      </c>
      <c r="AS953" s="9">
        <v>27511</v>
      </c>
      <c r="AT953" s="9">
        <v>30113</v>
      </c>
      <c r="AU953" s="9">
        <v>31571</v>
      </c>
      <c r="AV953" s="9">
        <v>26591</v>
      </c>
      <c r="AW953" s="9">
        <v>20917</v>
      </c>
      <c r="AX953" s="9">
        <v>21273</v>
      </c>
      <c r="AY953" s="9">
        <v>23583</v>
      </c>
      <c r="AZ953" s="9">
        <v>24430</v>
      </c>
      <c r="BA953" s="9">
        <v>22793</v>
      </c>
      <c r="BB953" s="9">
        <v>23648</v>
      </c>
      <c r="BC953" s="9">
        <v>22360</v>
      </c>
      <c r="BD953" s="9">
        <v>28686</v>
      </c>
      <c r="BE953" s="9">
        <v>26188</v>
      </c>
      <c r="BF953" s="9">
        <v>28111</v>
      </c>
      <c r="BG953" s="11">
        <v>-1</v>
      </c>
      <c r="BH953" s="13">
        <v>-9.0909090909090912E-2</v>
      </c>
      <c r="BI953" s="6">
        <v>-3</v>
      </c>
      <c r="BJ953" s="13">
        <v>-0.27272727272727271</v>
      </c>
      <c r="BK953" s="6">
        <v>0</v>
      </c>
      <c r="BL953" s="13">
        <v>0</v>
      </c>
      <c r="BM953" s="11">
        <v>2</v>
      </c>
      <c r="BN953" s="13">
        <v>0.25</v>
      </c>
      <c r="BO953" s="11">
        <v>2</v>
      </c>
      <c r="BP953" s="13">
        <v>0.25</v>
      </c>
      <c r="BQ953" s="6">
        <v>11</v>
      </c>
      <c r="BR953" s="6">
        <v>10</v>
      </c>
      <c r="BS953" s="6">
        <v>9</v>
      </c>
      <c r="BT953" s="6">
        <v>8</v>
      </c>
      <c r="BU953" s="6">
        <v>9</v>
      </c>
      <c r="BV953" s="6">
        <v>9</v>
      </c>
      <c r="BW953" s="6">
        <v>8</v>
      </c>
      <c r="BX953" s="6">
        <v>9</v>
      </c>
      <c r="BY953" s="6">
        <v>9</v>
      </c>
      <c r="BZ953" s="6">
        <v>8</v>
      </c>
      <c r="CA953" s="6">
        <v>8</v>
      </c>
      <c r="CB953" s="6">
        <v>11</v>
      </c>
      <c r="CC953" s="11">
        <v>10</v>
      </c>
      <c r="CD953" s="11">
        <v>9</v>
      </c>
      <c r="CE953" s="11">
        <v>4</v>
      </c>
      <c r="CF953" s="11">
        <v>2</v>
      </c>
      <c r="CG953" s="11">
        <v>6</v>
      </c>
      <c r="CH953" s="20">
        <v>0.09</v>
      </c>
      <c r="CI953" s="20">
        <v>0.11</v>
      </c>
      <c r="CJ953" s="20">
        <v>0.17</v>
      </c>
      <c r="CK953" s="20">
        <v>0.17</v>
      </c>
      <c r="CL953" s="20">
        <v>0.14000000000000001</v>
      </c>
      <c r="CM953" s="20">
        <v>0.14000000000000001</v>
      </c>
      <c r="CN953" s="20">
        <v>0.13</v>
      </c>
      <c r="CO953" s="20">
        <v>0.1</v>
      </c>
      <c r="CP953" s="20">
        <v>0.12</v>
      </c>
      <c r="CQ953" s="20">
        <v>0.15</v>
      </c>
      <c r="CR953" s="20">
        <v>0.18</v>
      </c>
      <c r="CS953" s="20">
        <v>0.13</v>
      </c>
      <c r="CT953" s="20">
        <v>0.15</v>
      </c>
      <c r="CU953" s="20">
        <v>0.11</v>
      </c>
      <c r="CV953" s="20">
        <v>0.11</v>
      </c>
      <c r="CW953" s="20">
        <v>0.13</v>
      </c>
      <c r="CX953" s="20">
        <v>0.13</v>
      </c>
      <c r="CY953" s="6" t="s">
        <v>536</v>
      </c>
      <c r="CZ953" s="6" t="s">
        <v>537</v>
      </c>
      <c r="DA953" s="6" t="s">
        <v>86</v>
      </c>
      <c r="DB953" s="6" t="s">
        <v>345</v>
      </c>
      <c r="DC953" s="6"/>
      <c r="DD953" s="6"/>
      <c r="DE953" s="6"/>
      <c r="DF953" s="6"/>
      <c r="DG953" s="6"/>
      <c r="DH953" s="6" t="s">
        <v>333</v>
      </c>
      <c r="DI953" s="6"/>
      <c r="DJ953" s="6"/>
      <c r="DK953" s="6"/>
      <c r="DL953" s="6">
        <v>10</v>
      </c>
      <c r="DM953" s="6" t="s">
        <v>383</v>
      </c>
      <c r="DN953" s="6">
        <v>7</v>
      </c>
      <c r="DO953" s="6" t="s">
        <v>369</v>
      </c>
      <c r="DP953" s="6"/>
      <c r="DQ953" s="6"/>
    </row>
    <row r="954" spans="1:121" x14ac:dyDescent="0.2">
      <c r="A954" s="6" t="s">
        <v>318</v>
      </c>
      <c r="B954" s="6" t="s">
        <v>318</v>
      </c>
      <c r="C954" s="6" t="s">
        <v>187</v>
      </c>
      <c r="D954" s="6" t="s">
        <v>86</v>
      </c>
      <c r="E954" s="6" t="s">
        <v>227</v>
      </c>
      <c r="F954" s="11">
        <v>-29</v>
      </c>
      <c r="G954" s="13">
        <v>-1</v>
      </c>
      <c r="H954" s="11">
        <v>-18.035227999999996</v>
      </c>
      <c r="I954" s="13">
        <v>-0.61635277556874779</v>
      </c>
      <c r="J954" s="11">
        <v>-11.225982</v>
      </c>
      <c r="K954" s="13">
        <v>-1</v>
      </c>
      <c r="L954" s="11">
        <v>0</v>
      </c>
      <c r="M954" s="13"/>
      <c r="N954" s="11">
        <v>-11.225982</v>
      </c>
      <c r="O954" s="13">
        <v>-1</v>
      </c>
      <c r="P954" s="7">
        <v>29.261209999999998</v>
      </c>
      <c r="Q954" s="7">
        <v>28.575113999999999</v>
      </c>
      <c r="R954" s="7">
        <v>16.312518000000001</v>
      </c>
      <c r="S954" s="7">
        <v>21.179048999999999</v>
      </c>
      <c r="T954" s="7">
        <v>19.316649000000002</v>
      </c>
      <c r="U954" s="7">
        <v>13.196471000000001</v>
      </c>
      <c r="V954" s="7">
        <v>11.225982</v>
      </c>
      <c r="W954" s="7">
        <v>0</v>
      </c>
      <c r="X954" s="7">
        <v>0</v>
      </c>
      <c r="Y954" s="7">
        <v>0</v>
      </c>
      <c r="Z954" s="7">
        <v>0</v>
      </c>
      <c r="AA954" s="7">
        <v>0</v>
      </c>
      <c r="AB954" s="7">
        <v>0</v>
      </c>
      <c r="AC954" s="7">
        <v>0</v>
      </c>
      <c r="AD954" s="7">
        <v>0</v>
      </c>
      <c r="AE954" s="7">
        <v>0</v>
      </c>
      <c r="AF954" s="7">
        <v>0</v>
      </c>
      <c r="AG954" s="9">
        <v>-33867.417196399998</v>
      </c>
      <c r="AH954" s="13">
        <v>-1</v>
      </c>
      <c r="AI954" s="9">
        <v>-10549.698089399997</v>
      </c>
      <c r="AJ954" s="13">
        <v>-0.31149993010159033</v>
      </c>
      <c r="AK954" s="9">
        <v>-23317.719107000001</v>
      </c>
      <c r="AL954" s="13">
        <v>-1</v>
      </c>
      <c r="AM954" s="9">
        <v>0</v>
      </c>
      <c r="AN954" s="13"/>
      <c r="AO954" s="9">
        <v>-23317.719107000001</v>
      </c>
      <c r="AP954" s="13">
        <v>-1</v>
      </c>
      <c r="AQ954" s="9">
        <v>33867.417196399998</v>
      </c>
      <c r="AR954" s="9">
        <v>31900.622157500002</v>
      </c>
      <c r="AS954" s="9">
        <v>22152.678199999998</v>
      </c>
      <c r="AT954" s="9">
        <v>25709.383355999998</v>
      </c>
      <c r="AU954" s="9">
        <v>27917.6900977</v>
      </c>
      <c r="AV954" s="9">
        <v>26981.087509100002</v>
      </c>
      <c r="AW954" s="9">
        <v>23317.719107000001</v>
      </c>
      <c r="AX954" s="9">
        <v>0</v>
      </c>
      <c r="AY954" s="9">
        <v>0</v>
      </c>
      <c r="AZ954" s="9">
        <v>0</v>
      </c>
      <c r="BA954" s="9">
        <v>0</v>
      </c>
      <c r="BB954" s="9">
        <v>0</v>
      </c>
      <c r="BC954" s="9">
        <v>0</v>
      </c>
      <c r="BD954" s="9">
        <v>0</v>
      </c>
      <c r="BE954" s="9">
        <v>0</v>
      </c>
      <c r="BF954" s="9">
        <v>0</v>
      </c>
      <c r="BG954" s="11">
        <v>-1</v>
      </c>
      <c r="BH954" s="13">
        <v>-1</v>
      </c>
      <c r="BI954" s="6">
        <v>0</v>
      </c>
      <c r="BJ954" s="13">
        <v>0</v>
      </c>
      <c r="BK954" s="6">
        <v>-1</v>
      </c>
      <c r="BL954" s="13">
        <v>-1</v>
      </c>
      <c r="BM954" s="11">
        <v>0</v>
      </c>
      <c r="BN954" s="13" t="e">
        <v>#DIV/0!</v>
      </c>
      <c r="BO954" s="11">
        <v>-1</v>
      </c>
      <c r="BP954" s="13">
        <v>-1</v>
      </c>
      <c r="BQ954" s="6">
        <v>1</v>
      </c>
      <c r="BR954" s="6">
        <v>1</v>
      </c>
      <c r="BS954" s="6">
        <v>1</v>
      </c>
      <c r="BT954" s="6">
        <v>1</v>
      </c>
      <c r="BU954" s="6">
        <v>0</v>
      </c>
      <c r="BV954" s="6">
        <v>0</v>
      </c>
      <c r="BW954" s="6">
        <v>0</v>
      </c>
      <c r="BX954" s="6">
        <v>0</v>
      </c>
      <c r="BY954" s="6">
        <v>0</v>
      </c>
      <c r="BZ954" s="6">
        <v>0</v>
      </c>
      <c r="CA954" s="6">
        <v>0</v>
      </c>
      <c r="CB954" s="6">
        <v>0</v>
      </c>
      <c r="CC954" s="11">
        <v>0</v>
      </c>
      <c r="CD954" s="11">
        <v>-38.724899999999998</v>
      </c>
      <c r="CE954" s="11">
        <v>6.2650600000000001</v>
      </c>
      <c r="CF954" s="11">
        <v>3.1985999999999999</v>
      </c>
      <c r="CG954" s="11">
        <v>9</v>
      </c>
      <c r="CH954" s="20">
        <v>0.62136000000000002</v>
      </c>
      <c r="CI954" s="20">
        <v>0.62038300000000002</v>
      </c>
      <c r="CJ954" s="20">
        <v>0.35935</v>
      </c>
      <c r="CK954" s="20">
        <v>0.46324900000000002</v>
      </c>
      <c r="CL954" s="20">
        <v>0.41003600000000001</v>
      </c>
      <c r="CM954" s="20">
        <v>0.27305699999999999</v>
      </c>
      <c r="CN954" s="20">
        <v>0.19942099999999999</v>
      </c>
      <c r="CO954" s="20">
        <v>0</v>
      </c>
      <c r="CP954" s="20">
        <v>0</v>
      </c>
      <c r="CQ954" s="20">
        <v>0</v>
      </c>
      <c r="CR954" s="20">
        <v>0</v>
      </c>
      <c r="CS954" s="20">
        <v>0</v>
      </c>
      <c r="CT954" s="20">
        <v>0</v>
      </c>
      <c r="CU954" s="20">
        <v>0</v>
      </c>
      <c r="CV954" s="20">
        <v>0</v>
      </c>
      <c r="CW954" s="20">
        <v>0</v>
      </c>
      <c r="CX954" s="20">
        <v>0</v>
      </c>
      <c r="CY954" s="6" t="s">
        <v>536</v>
      </c>
      <c r="CZ954" s="6" t="s">
        <v>537</v>
      </c>
      <c r="DA954" s="6" t="s">
        <v>86</v>
      </c>
      <c r="DB954" s="6" t="s">
        <v>345</v>
      </c>
      <c r="DC954" s="6"/>
      <c r="DD954" s="6"/>
      <c r="DE954" s="6"/>
      <c r="DF954" s="6"/>
      <c r="DG954" s="6"/>
      <c r="DH954" s="6" t="s">
        <v>333</v>
      </c>
      <c r="DI954" s="6"/>
      <c r="DJ954" s="6"/>
      <c r="DK954" s="6"/>
      <c r="DL954" s="6">
        <v>10</v>
      </c>
      <c r="DM954" s="6" t="s">
        <v>383</v>
      </c>
      <c r="DN954" s="6">
        <v>7</v>
      </c>
      <c r="DO954" s="6" t="s">
        <v>369</v>
      </c>
      <c r="DP954" s="6"/>
      <c r="DQ954" s="6"/>
    </row>
    <row r="955" spans="1:121" x14ac:dyDescent="0.2">
      <c r="A955" s="6" t="s">
        <v>319</v>
      </c>
      <c r="B955" s="6" t="s">
        <v>319</v>
      </c>
      <c r="C955" s="6" t="s">
        <v>188</v>
      </c>
      <c r="D955" s="6" t="s">
        <v>86</v>
      </c>
      <c r="E955" s="6" t="s">
        <v>227</v>
      </c>
      <c r="F955" s="11">
        <v>48</v>
      </c>
      <c r="G955" s="13">
        <v>1.11627906977</v>
      </c>
      <c r="H955" s="11">
        <v>18.662768661299999</v>
      </c>
      <c r="I955" s="13">
        <v>0.43749779204518902</v>
      </c>
      <c r="J955" s="11">
        <v>-25.556355925599995</v>
      </c>
      <c r="K955" s="13">
        <v>-0.41676528294457937</v>
      </c>
      <c r="L955" s="11">
        <v>55.393503918699992</v>
      </c>
      <c r="M955" s="13">
        <v>1.5488454220727943</v>
      </c>
      <c r="N955" s="11">
        <v>29.837147993099997</v>
      </c>
      <c r="O955" s="13">
        <v>0.4865751385606305</v>
      </c>
      <c r="P955" s="7">
        <v>42.657972224399998</v>
      </c>
      <c r="Q955" s="7">
        <v>49.212747218099999</v>
      </c>
      <c r="R955" s="7">
        <v>44.666093474299998</v>
      </c>
      <c r="S955" s="7">
        <v>46.118686355199998</v>
      </c>
      <c r="T955" s="7">
        <v>62.056269365399999</v>
      </c>
      <c r="U955" s="7">
        <v>63.265191940400001</v>
      </c>
      <c r="V955" s="7">
        <v>61.320740885699998</v>
      </c>
      <c r="W955" s="7">
        <v>53.363460844400002</v>
      </c>
      <c r="X955" s="7">
        <v>52.312759272900003</v>
      </c>
      <c r="Y955" s="7">
        <v>35.764384960100003</v>
      </c>
      <c r="Z955" s="7">
        <v>40.525164374200003</v>
      </c>
      <c r="AA955" s="7">
        <v>48.518000533699997</v>
      </c>
      <c r="AB955" s="7">
        <v>40.728975927299999</v>
      </c>
      <c r="AC955" s="7">
        <v>64.908133982999999</v>
      </c>
      <c r="AD955" s="7">
        <v>84.776216921499994</v>
      </c>
      <c r="AE955" s="7">
        <v>83.442920747299993</v>
      </c>
      <c r="AF955" s="7">
        <v>91.157888878799994</v>
      </c>
      <c r="AG955" s="9">
        <v>10695.689730299999</v>
      </c>
      <c r="AH955" s="13">
        <v>0.93517571701560109</v>
      </c>
      <c r="AI955" s="9">
        <v>5615.4205486999981</v>
      </c>
      <c r="AJ955" s="13">
        <v>0.49098329050232897</v>
      </c>
      <c r="AK955" s="9">
        <v>3597.5711658</v>
      </c>
      <c r="AL955" s="13">
        <v>0.21097016506616512</v>
      </c>
      <c r="AM955" s="9">
        <v>1482.6980158000006</v>
      </c>
      <c r="AN955" s="13">
        <v>7.1801069266703613E-2</v>
      </c>
      <c r="AO955" s="9">
        <v>5080.2691816000006</v>
      </c>
      <c r="AP955" s="13">
        <v>0.2979191177679924</v>
      </c>
      <c r="AQ955" s="9">
        <v>11437.090950600001</v>
      </c>
      <c r="AR955" s="9">
        <v>14443.6905537</v>
      </c>
      <c r="AS955" s="9">
        <v>15470.568901299999</v>
      </c>
      <c r="AT955" s="9">
        <v>13655.595569499999</v>
      </c>
      <c r="AU955" s="9">
        <v>16496.641579200001</v>
      </c>
      <c r="AV955" s="9">
        <v>15734.2142334</v>
      </c>
      <c r="AW955" s="9">
        <v>17052.511499299999</v>
      </c>
      <c r="AX955" s="9">
        <v>19076.3661173</v>
      </c>
      <c r="AY955" s="9">
        <v>19960.810705600001</v>
      </c>
      <c r="AZ955" s="9">
        <v>20650.082665099999</v>
      </c>
      <c r="BA955" s="9">
        <v>19003.282092699999</v>
      </c>
      <c r="BB955" s="9">
        <v>18353.443180599999</v>
      </c>
      <c r="BC955" s="9">
        <v>23741.873445599998</v>
      </c>
      <c r="BD955" s="9">
        <v>22491.416770100001</v>
      </c>
      <c r="BE955" s="9">
        <v>22269.575375100001</v>
      </c>
      <c r="BF955" s="9">
        <v>22132.780680899999</v>
      </c>
      <c r="BG955" s="11">
        <v>-4.5</v>
      </c>
      <c r="BH955" s="13">
        <v>-0.45</v>
      </c>
      <c r="BI955" s="6">
        <v>0</v>
      </c>
      <c r="BJ955" s="13">
        <v>0</v>
      </c>
      <c r="BK955" s="6">
        <v>-2</v>
      </c>
      <c r="BL955" s="13">
        <v>-0.2</v>
      </c>
      <c r="BM955" s="11">
        <v>-2.5</v>
      </c>
      <c r="BN955" s="13">
        <v>-0.3125</v>
      </c>
      <c r="BO955" s="11">
        <v>-4.5</v>
      </c>
      <c r="BP955" s="13">
        <v>-0.45</v>
      </c>
      <c r="BQ955" s="6">
        <v>10</v>
      </c>
      <c r="BR955" s="6">
        <v>11</v>
      </c>
      <c r="BS955" s="6">
        <v>10</v>
      </c>
      <c r="BT955" s="6">
        <v>10</v>
      </c>
      <c r="BU955" s="6">
        <v>8</v>
      </c>
      <c r="BV955" s="6">
        <v>9</v>
      </c>
      <c r="BW955" s="6">
        <v>8</v>
      </c>
      <c r="BX955" s="6">
        <v>4</v>
      </c>
      <c r="BY955" s="6">
        <v>5</v>
      </c>
      <c r="BZ955" s="6">
        <v>5</v>
      </c>
      <c r="CA955" s="6">
        <v>7</v>
      </c>
      <c r="CB955" s="6">
        <v>7</v>
      </c>
      <c r="CC955" s="11">
        <v>5.5</v>
      </c>
      <c r="CD955" s="11">
        <v>39.998800000000003</v>
      </c>
      <c r="CE955" s="11">
        <v>3.83805</v>
      </c>
      <c r="CF955" s="11">
        <v>4.66303</v>
      </c>
      <c r="CG955" s="11">
        <v>9</v>
      </c>
      <c r="CH955" s="20">
        <v>0.184668</v>
      </c>
      <c r="CI955" s="20">
        <v>0.21569099999999999</v>
      </c>
      <c r="CJ955" s="20">
        <v>0.195106</v>
      </c>
      <c r="CK955" s="20">
        <v>0.197686</v>
      </c>
      <c r="CL955" s="20">
        <v>0.256326</v>
      </c>
      <c r="CM955" s="20">
        <v>0.25356699999999999</v>
      </c>
      <c r="CN955" s="20">
        <v>0.21543200000000001</v>
      </c>
      <c r="CO955" s="20">
        <v>0.18996499999999999</v>
      </c>
      <c r="CP955" s="20">
        <v>0.20293600000000001</v>
      </c>
      <c r="CQ955" s="20">
        <v>0.16234599999999999</v>
      </c>
      <c r="CR955" s="20">
        <v>0.171873</v>
      </c>
      <c r="CS955" s="20">
        <v>0.18482599999999999</v>
      </c>
      <c r="CT955" s="20">
        <v>0.16800300000000001</v>
      </c>
      <c r="CU955" s="20">
        <v>0.246146</v>
      </c>
      <c r="CV955" s="20">
        <v>0.318666</v>
      </c>
      <c r="CW955" s="20">
        <v>0.32096799999999998</v>
      </c>
      <c r="CX955" s="20">
        <v>0.342557</v>
      </c>
      <c r="CY955" s="6" t="s">
        <v>536</v>
      </c>
      <c r="CZ955" s="6" t="s">
        <v>537</v>
      </c>
      <c r="DA955" s="6" t="s">
        <v>86</v>
      </c>
      <c r="DB955" s="6" t="s">
        <v>345</v>
      </c>
      <c r="DC955" s="6"/>
      <c r="DD955" s="6"/>
      <c r="DE955" s="6"/>
      <c r="DF955" s="6"/>
      <c r="DG955" s="6"/>
      <c r="DH955" s="6" t="s">
        <v>333</v>
      </c>
      <c r="DI955" s="6"/>
      <c r="DJ955" s="6"/>
      <c r="DK955" s="6"/>
      <c r="DL955" s="6">
        <v>10</v>
      </c>
      <c r="DM955" s="6" t="s">
        <v>383</v>
      </c>
      <c r="DN955" s="6">
        <v>7</v>
      </c>
      <c r="DO955" s="6" t="s">
        <v>369</v>
      </c>
      <c r="DP955" s="6"/>
      <c r="DQ955" s="6"/>
    </row>
    <row r="956" spans="1:121" x14ac:dyDescent="0.2">
      <c r="A956" s="6" t="s">
        <v>320</v>
      </c>
      <c r="B956" s="6" t="s">
        <v>320</v>
      </c>
      <c r="C956" s="6" t="s">
        <v>189</v>
      </c>
      <c r="D956" s="6" t="s">
        <v>86</v>
      </c>
      <c r="E956" s="6" t="s">
        <v>227</v>
      </c>
      <c r="F956" s="11">
        <v>30</v>
      </c>
      <c r="G956" s="13">
        <v>3</v>
      </c>
      <c r="H956" s="11">
        <v>30.382317999999998</v>
      </c>
      <c r="I956" s="13">
        <v>3.0143841030455754</v>
      </c>
      <c r="J956" s="11">
        <v>-6.4609278314999941</v>
      </c>
      <c r="K956" s="13">
        <v>-0.15968114996970806</v>
      </c>
      <c r="L956" s="11">
        <v>6.475360059099998</v>
      </c>
      <c r="M956" s="13">
        <v>0.19044894797613288</v>
      </c>
      <c r="N956" s="11">
        <v>1.4432227600003955E-2</v>
      </c>
      <c r="O956" s="13">
        <v>3.5669098307481898E-4</v>
      </c>
      <c r="P956" s="7">
        <v>10.079113</v>
      </c>
      <c r="Q956" s="7">
        <v>24.886483821900001</v>
      </c>
      <c r="R956" s="7">
        <v>24.885225592600001</v>
      </c>
      <c r="S956" s="7">
        <v>20.618656000000001</v>
      </c>
      <c r="T956" s="7">
        <v>20.946083999999999</v>
      </c>
      <c r="U956" s="7">
        <v>54.393709999999999</v>
      </c>
      <c r="V956" s="7">
        <v>40.461430999999997</v>
      </c>
      <c r="W956" s="7">
        <v>30.816154999999998</v>
      </c>
      <c r="X956" s="7">
        <v>31.6473478415</v>
      </c>
      <c r="Y956" s="7">
        <v>34.000503168500003</v>
      </c>
      <c r="Z956" s="7">
        <v>56.147145000000002</v>
      </c>
      <c r="AA956" s="7">
        <v>45.125518</v>
      </c>
      <c r="AB956" s="7">
        <v>51.268701999999998</v>
      </c>
      <c r="AC956" s="7">
        <v>37.854240402800002</v>
      </c>
      <c r="AD956" s="7">
        <v>37.6604679569</v>
      </c>
      <c r="AE956" s="7">
        <v>37.953402702799998</v>
      </c>
      <c r="AF956" s="7">
        <v>40.475863227600001</v>
      </c>
      <c r="AG956" s="9">
        <v>-46167.975242899993</v>
      </c>
      <c r="AH956" s="13">
        <v>-0.69284174734114923</v>
      </c>
      <c r="AI956" s="9">
        <v>-55828.880655399997</v>
      </c>
      <c r="AJ956" s="13">
        <v>-0.83782273365640747</v>
      </c>
      <c r="AK956" s="9">
        <v>9220.5690415000008</v>
      </c>
      <c r="AL956" s="13">
        <v>0.85321988462355003</v>
      </c>
      <c r="AM956" s="9">
        <v>440.33637100000124</v>
      </c>
      <c r="AN956" s="13">
        <v>2.1986740551398685E-2</v>
      </c>
      <c r="AO956" s="9">
        <v>9660.9054125000021</v>
      </c>
      <c r="AP956" s="13">
        <v>0.89396614941146091</v>
      </c>
      <c r="AQ956" s="9">
        <v>66635.671738999998</v>
      </c>
      <c r="AR956" s="9">
        <v>40149.4231411</v>
      </c>
      <c r="AS956" s="9">
        <v>54016.201152599999</v>
      </c>
      <c r="AT956" s="9">
        <v>89265.358615999998</v>
      </c>
      <c r="AU956" s="9">
        <v>19695.835299099999</v>
      </c>
      <c r="AV956" s="9">
        <v>17731.9359884</v>
      </c>
      <c r="AW956" s="9">
        <v>10806.791083599999</v>
      </c>
      <c r="AX956" s="9">
        <v>19180.708284799999</v>
      </c>
      <c r="AY956" s="9">
        <v>26414.801304500001</v>
      </c>
      <c r="AZ956" s="9">
        <v>20027.3601251</v>
      </c>
      <c r="BA956" s="9">
        <v>26480.521741199998</v>
      </c>
      <c r="BB956" s="9">
        <v>32582.089641099999</v>
      </c>
      <c r="BC956" s="9">
        <v>33636.632449700002</v>
      </c>
      <c r="BD956" s="9">
        <v>20465.893607999998</v>
      </c>
      <c r="BE956" s="9">
        <v>20500.046612900001</v>
      </c>
      <c r="BF956" s="9">
        <v>20467.696496100001</v>
      </c>
      <c r="BG956" s="11">
        <v>-1</v>
      </c>
      <c r="BH956" s="13">
        <v>-1</v>
      </c>
      <c r="BI956" s="6">
        <v>0</v>
      </c>
      <c r="BJ956" s="13">
        <v>0</v>
      </c>
      <c r="BK956" s="6">
        <v>-1</v>
      </c>
      <c r="BL956" s="13">
        <v>-1</v>
      </c>
      <c r="BM956" s="11">
        <v>0</v>
      </c>
      <c r="BN956" s="13" t="e">
        <v>#DIV/0!</v>
      </c>
      <c r="BO956" s="11">
        <v>-1</v>
      </c>
      <c r="BP956" s="13">
        <v>-1</v>
      </c>
      <c r="BQ956" s="6">
        <v>1</v>
      </c>
      <c r="BR956" s="6">
        <v>1</v>
      </c>
      <c r="BS956" s="6">
        <v>1</v>
      </c>
      <c r="BT956" s="6">
        <v>1</v>
      </c>
      <c r="BU956" s="6">
        <v>0</v>
      </c>
      <c r="BV956" s="6">
        <v>0</v>
      </c>
      <c r="BW956" s="6">
        <v>0</v>
      </c>
      <c r="BX956" s="6">
        <v>1</v>
      </c>
      <c r="BY956" s="6">
        <v>1</v>
      </c>
      <c r="BZ956" s="6">
        <v>1</v>
      </c>
      <c r="CA956" s="6">
        <v>0</v>
      </c>
      <c r="CB956" s="6">
        <v>0</v>
      </c>
      <c r="CC956" s="11">
        <v>0</v>
      </c>
      <c r="CD956" s="11">
        <v>25.645299999999999</v>
      </c>
      <c r="CE956" s="11">
        <v>3.6497000000000002</v>
      </c>
      <c r="CF956" s="11">
        <v>1.1017699999999999</v>
      </c>
      <c r="CG956" s="11">
        <v>5</v>
      </c>
      <c r="CH956" s="20">
        <v>0.13078300000000001</v>
      </c>
      <c r="CI956" s="20">
        <v>0.31242199999999998</v>
      </c>
      <c r="CJ956" s="20">
        <v>0.30237000000000003</v>
      </c>
      <c r="CK956" s="20">
        <v>0.24490700000000001</v>
      </c>
      <c r="CL956" s="20">
        <v>0.245115</v>
      </c>
      <c r="CM956" s="20">
        <v>0.62067099999999997</v>
      </c>
      <c r="CN956" s="20">
        <v>0.39838400000000002</v>
      </c>
      <c r="CO956" s="20">
        <v>0.285744</v>
      </c>
      <c r="CP956" s="20">
        <v>0.283109</v>
      </c>
      <c r="CQ956" s="20">
        <v>0.35857899999999998</v>
      </c>
      <c r="CR956" s="20">
        <v>0.55729899999999999</v>
      </c>
      <c r="CS956" s="20">
        <v>0.40619100000000002</v>
      </c>
      <c r="CT956" s="20">
        <v>0.50623399999999996</v>
      </c>
      <c r="CU956" s="20">
        <v>0.34775</v>
      </c>
      <c r="CV956" s="20">
        <v>0.346638</v>
      </c>
      <c r="CW956" s="20">
        <v>0.35794700000000002</v>
      </c>
      <c r="CX956" s="20">
        <v>0.371585</v>
      </c>
      <c r="CY956" s="6" t="s">
        <v>536</v>
      </c>
      <c r="CZ956" s="6" t="s">
        <v>537</v>
      </c>
      <c r="DA956" s="6" t="s">
        <v>86</v>
      </c>
      <c r="DB956" s="6" t="s">
        <v>345</v>
      </c>
      <c r="DC956" s="6"/>
      <c r="DD956" s="6"/>
      <c r="DE956" s="6"/>
      <c r="DF956" s="6"/>
      <c r="DG956" s="6"/>
      <c r="DH956" s="6" t="s">
        <v>333</v>
      </c>
      <c r="DI956" s="6"/>
      <c r="DJ956" s="6"/>
      <c r="DK956" s="6"/>
      <c r="DL956" s="6">
        <v>10</v>
      </c>
      <c r="DM956" s="6" t="s">
        <v>383</v>
      </c>
      <c r="DN956" s="6">
        <v>7</v>
      </c>
      <c r="DO956" s="6" t="s">
        <v>369</v>
      </c>
      <c r="DP956" s="6"/>
      <c r="DQ956" s="6"/>
    </row>
    <row r="957" spans="1:121" x14ac:dyDescent="0.2">
      <c r="A957" s="6" t="s">
        <v>321</v>
      </c>
      <c r="B957" s="6" t="s">
        <v>321</v>
      </c>
      <c r="C957" s="6" t="s">
        <v>190</v>
      </c>
      <c r="D957" s="6" t="s">
        <v>86</v>
      </c>
      <c r="E957" s="6" t="s">
        <v>227</v>
      </c>
      <c r="F957" s="11">
        <v>352</v>
      </c>
      <c r="G957" s="13">
        <v>0.71255060728700004</v>
      </c>
      <c r="H957" s="11">
        <v>76.58100311100003</v>
      </c>
      <c r="I957" s="13">
        <v>0.15491547242885018</v>
      </c>
      <c r="J957" s="11">
        <v>-94.099417103999997</v>
      </c>
      <c r="K957" s="13">
        <v>-0.16482021586915185</v>
      </c>
      <c r="L957" s="11">
        <v>369.14246481200001</v>
      </c>
      <c r="M957" s="13">
        <v>0.77417221351498444</v>
      </c>
      <c r="N957" s="11">
        <v>275.04304770800002</v>
      </c>
      <c r="O957" s="13">
        <v>0.48175276629439379</v>
      </c>
      <c r="P957" s="7">
        <v>494.34057108899998</v>
      </c>
      <c r="Q957" s="7">
        <v>494.38610742999998</v>
      </c>
      <c r="R957" s="7">
        <v>521.10243604799996</v>
      </c>
      <c r="S957" s="7">
        <v>528.44177205599999</v>
      </c>
      <c r="T957" s="7">
        <v>492.80613600100003</v>
      </c>
      <c r="U957" s="7">
        <v>502.47571530099998</v>
      </c>
      <c r="V957" s="7">
        <v>570.92157420000001</v>
      </c>
      <c r="W957" s="7">
        <v>563.26237303000005</v>
      </c>
      <c r="X957" s="7">
        <v>528.89654656899995</v>
      </c>
      <c r="Y957" s="7">
        <v>476.82215709600001</v>
      </c>
      <c r="Z957" s="7">
        <v>451.26298391900002</v>
      </c>
      <c r="AA957" s="7">
        <v>503.42784494099999</v>
      </c>
      <c r="AB957" s="7">
        <v>809.41558114700001</v>
      </c>
      <c r="AC957" s="7">
        <v>789.591817827</v>
      </c>
      <c r="AD957" s="7">
        <v>808.73838559499995</v>
      </c>
      <c r="AE957" s="7">
        <v>804.04658566399996</v>
      </c>
      <c r="AF957" s="7">
        <v>845.96462190800003</v>
      </c>
      <c r="AG957" s="9">
        <v>4506.8621399999975</v>
      </c>
      <c r="AH957" s="13">
        <v>0.2496194684592071</v>
      </c>
      <c r="AI957" s="9">
        <v>5243.6472857000008</v>
      </c>
      <c r="AJ957" s="13">
        <v>0.2904274432152919</v>
      </c>
      <c r="AK957" s="9">
        <v>6379.7393061999974</v>
      </c>
      <c r="AL957" s="13">
        <v>0.27382526868217527</v>
      </c>
      <c r="AM957" s="9">
        <v>-7116.5244519000007</v>
      </c>
      <c r="AN957" s="13">
        <v>-0.23978867951882732</v>
      </c>
      <c r="AO957" s="9">
        <v>-736.78514570000334</v>
      </c>
      <c r="AP957" s="13">
        <v>-3.1623610432838969E-2</v>
      </c>
      <c r="AQ957" s="9">
        <v>18054.930442000001</v>
      </c>
      <c r="AR957" s="9">
        <v>18911.7880057</v>
      </c>
      <c r="AS957" s="9">
        <v>18011.4247106</v>
      </c>
      <c r="AT957" s="9">
        <v>18244.0730888</v>
      </c>
      <c r="AU957" s="9">
        <v>21679.528325700001</v>
      </c>
      <c r="AV957" s="9">
        <v>22602.604165299999</v>
      </c>
      <c r="AW957" s="9">
        <v>23298.577727700002</v>
      </c>
      <c r="AX957" s="9">
        <v>25971.6750029</v>
      </c>
      <c r="AY957" s="9">
        <v>27148.201794600001</v>
      </c>
      <c r="AZ957" s="9">
        <v>29678.317033899999</v>
      </c>
      <c r="BA957" s="9">
        <v>29828.523942100001</v>
      </c>
      <c r="BB957" s="9">
        <v>29329.717975399999</v>
      </c>
      <c r="BC957" s="9">
        <v>22392.5326742</v>
      </c>
      <c r="BD957" s="9">
        <v>22257.383219700001</v>
      </c>
      <c r="BE957" s="9">
        <v>22347.446018899998</v>
      </c>
      <c r="BF957" s="9">
        <v>22561.792581999998</v>
      </c>
      <c r="BG957" s="11">
        <v>234</v>
      </c>
      <c r="BH957" s="13">
        <v>8.6666666666666661</v>
      </c>
      <c r="BI957" s="6">
        <v>3</v>
      </c>
      <c r="BJ957" s="13">
        <v>0.1111111111111111</v>
      </c>
      <c r="BK957" s="6">
        <v>-6</v>
      </c>
      <c r="BL957" s="13">
        <v>-0.2</v>
      </c>
      <c r="BM957" s="11">
        <v>237</v>
      </c>
      <c r="BN957" s="13">
        <v>9.875</v>
      </c>
      <c r="BO957" s="11">
        <v>231</v>
      </c>
      <c r="BP957" s="13">
        <v>7.7</v>
      </c>
      <c r="BQ957" s="6">
        <v>27</v>
      </c>
      <c r="BR957" s="6">
        <v>27</v>
      </c>
      <c r="BS957" s="6">
        <v>31</v>
      </c>
      <c r="BT957" s="6">
        <v>30</v>
      </c>
      <c r="BU957" s="6">
        <v>27</v>
      </c>
      <c r="BV957" s="6">
        <v>26</v>
      </c>
      <c r="BW957" s="6">
        <v>24</v>
      </c>
      <c r="BX957" s="6">
        <v>23</v>
      </c>
      <c r="BY957" s="6">
        <v>26</v>
      </c>
      <c r="BZ957" s="6">
        <v>269</v>
      </c>
      <c r="CA957" s="6">
        <v>256</v>
      </c>
      <c r="CB957" s="6">
        <v>263</v>
      </c>
      <c r="CC957" s="11">
        <v>261</v>
      </c>
      <c r="CD957" s="11">
        <v>117.56399999999999</v>
      </c>
      <c r="CE957" s="11">
        <v>180.02199999999999</v>
      </c>
      <c r="CF957" s="11">
        <v>54.037399999999998</v>
      </c>
      <c r="CG957" s="11">
        <v>234</v>
      </c>
      <c r="CH957" s="20">
        <v>1.2987899999999999</v>
      </c>
      <c r="CI957" s="20">
        <v>1.26583</v>
      </c>
      <c r="CJ957" s="20">
        <v>1.28914</v>
      </c>
      <c r="CK957" s="20">
        <v>1.29871</v>
      </c>
      <c r="CL957" s="20">
        <v>1.1802999999999999</v>
      </c>
      <c r="CM957" s="20">
        <v>1.1697599999999999</v>
      </c>
      <c r="CN957" s="20">
        <v>1.14432</v>
      </c>
      <c r="CO957" s="20">
        <v>1.0667899999999999</v>
      </c>
      <c r="CP957" s="20">
        <v>0.97382500000000005</v>
      </c>
      <c r="CQ957" s="20">
        <v>1.0415399999999999</v>
      </c>
      <c r="CR957" s="20">
        <v>0.94425899999999996</v>
      </c>
      <c r="CS957" s="20">
        <v>0.93958699999999995</v>
      </c>
      <c r="CT957" s="20">
        <v>1.6484300000000001</v>
      </c>
      <c r="CU957" s="20">
        <v>1.49915</v>
      </c>
      <c r="CV957" s="20">
        <v>1.5231300000000001</v>
      </c>
      <c r="CW957" s="20">
        <v>1.5423</v>
      </c>
      <c r="CX957" s="20">
        <v>1.57033</v>
      </c>
      <c r="CY957" s="6" t="s">
        <v>536</v>
      </c>
      <c r="CZ957" s="6" t="s">
        <v>537</v>
      </c>
      <c r="DA957" s="6" t="s">
        <v>86</v>
      </c>
      <c r="DB957" s="6" t="s">
        <v>345</v>
      </c>
      <c r="DC957" s="6"/>
      <c r="DD957" s="6"/>
      <c r="DE957" s="6"/>
      <c r="DF957" s="6"/>
      <c r="DG957" s="6"/>
      <c r="DH957" s="6" t="s">
        <v>333</v>
      </c>
      <c r="DI957" s="6"/>
      <c r="DJ957" s="6"/>
      <c r="DK957" s="6"/>
      <c r="DL957" s="6">
        <v>10</v>
      </c>
      <c r="DM957" s="6" t="s">
        <v>383</v>
      </c>
      <c r="DN957" s="6">
        <v>7</v>
      </c>
      <c r="DO957" s="6" t="s">
        <v>369</v>
      </c>
      <c r="DP957" s="6"/>
      <c r="DQ957" s="6"/>
    </row>
    <row r="958" spans="1:121" x14ac:dyDescent="0.2">
      <c r="A958" s="6" t="s">
        <v>322</v>
      </c>
      <c r="B958" s="6" t="s">
        <v>322</v>
      </c>
      <c r="C958" s="6" t="s">
        <v>191</v>
      </c>
      <c r="D958" s="6" t="s">
        <v>86</v>
      </c>
      <c r="E958" s="6" t="s">
        <v>227</v>
      </c>
      <c r="F958" s="11">
        <v>1</v>
      </c>
      <c r="G958" s="13">
        <v>1</v>
      </c>
      <c r="H958" s="11">
        <v>-11</v>
      </c>
      <c r="I958" s="13">
        <v>-0.37931034482758619</v>
      </c>
      <c r="J958" s="11">
        <v>-5</v>
      </c>
      <c r="K958" s="13">
        <v>-0.27777777777777779</v>
      </c>
      <c r="L958" s="11">
        <v>-8</v>
      </c>
      <c r="M958" s="13">
        <v>-0.61538461538461542</v>
      </c>
      <c r="N958" s="11">
        <v>-13</v>
      </c>
      <c r="O958" s="13">
        <v>-0.72222222222222221</v>
      </c>
      <c r="P958" s="7">
        <v>29</v>
      </c>
      <c r="Q958" s="7">
        <v>22</v>
      </c>
      <c r="R958" s="7">
        <v>15</v>
      </c>
      <c r="S958" s="7">
        <v>16</v>
      </c>
      <c r="T958" s="7">
        <v>16</v>
      </c>
      <c r="U958" s="7">
        <v>18</v>
      </c>
      <c r="V958" s="7">
        <v>18</v>
      </c>
      <c r="W958" s="7">
        <v>19</v>
      </c>
      <c r="X958" s="7">
        <v>16</v>
      </c>
      <c r="Y958" s="7">
        <v>13</v>
      </c>
      <c r="Z958" s="7">
        <v>22</v>
      </c>
      <c r="AA958" s="7">
        <v>16</v>
      </c>
      <c r="AB958" s="7">
        <v>5</v>
      </c>
      <c r="AC958" s="7">
        <v>11</v>
      </c>
      <c r="AD958" s="7">
        <v>10</v>
      </c>
      <c r="AE958" s="7">
        <v>10</v>
      </c>
      <c r="AF958" s="7">
        <v>5</v>
      </c>
      <c r="AG958" s="9">
        <v>-1845</v>
      </c>
      <c r="AH958" s="13">
        <v>-0.15804351550454002</v>
      </c>
      <c r="AI958" s="9">
        <v>-1930</v>
      </c>
      <c r="AJ958" s="13">
        <v>-0.16532465307520988</v>
      </c>
      <c r="AK958" s="9">
        <v>406</v>
      </c>
      <c r="AL958" s="13">
        <v>4.1666666666666664E-2</v>
      </c>
      <c r="AM958" s="9">
        <v>-321</v>
      </c>
      <c r="AN958" s="13">
        <v>-3.1625615763546798E-2</v>
      </c>
      <c r="AO958" s="9">
        <v>85</v>
      </c>
      <c r="AP958" s="13">
        <v>8.7233169129720851E-3</v>
      </c>
      <c r="AQ958" s="9">
        <v>11674</v>
      </c>
      <c r="AR958" s="9">
        <v>14068</v>
      </c>
      <c r="AS958" s="9">
        <v>11999</v>
      </c>
      <c r="AT958" s="9">
        <v>12821</v>
      </c>
      <c r="AU958" s="9">
        <v>10218</v>
      </c>
      <c r="AV958" s="9">
        <v>9434</v>
      </c>
      <c r="AW958" s="9">
        <v>9744</v>
      </c>
      <c r="AX958" s="9">
        <v>9643</v>
      </c>
      <c r="AY958" s="9">
        <v>10017</v>
      </c>
      <c r="AZ958" s="9">
        <v>10150</v>
      </c>
      <c r="BA958" s="9">
        <v>9223</v>
      </c>
      <c r="BB958" s="9">
        <v>9818</v>
      </c>
      <c r="BC958" s="9">
        <v>1</v>
      </c>
      <c r="BD958" s="9">
        <v>11720</v>
      </c>
      <c r="BE958" s="9">
        <v>12880</v>
      </c>
      <c r="BF958" s="9">
        <v>9829</v>
      </c>
      <c r="BG958" s="11">
        <v>1</v>
      </c>
      <c r="BH958" s="13">
        <v>0.33333333333333331</v>
      </c>
      <c r="BI958" s="6">
        <v>1</v>
      </c>
      <c r="BJ958" s="13">
        <v>0.33333333333333331</v>
      </c>
      <c r="BK958" s="6">
        <v>0</v>
      </c>
      <c r="BL958" s="13">
        <v>0</v>
      </c>
      <c r="BM958" s="11">
        <v>0</v>
      </c>
      <c r="BN958" s="13">
        <v>0</v>
      </c>
      <c r="BO958" s="11">
        <v>0</v>
      </c>
      <c r="BP958" s="13">
        <v>0</v>
      </c>
      <c r="BQ958" s="6">
        <v>3</v>
      </c>
      <c r="BR958" s="6">
        <v>3</v>
      </c>
      <c r="BS958" s="6">
        <v>3</v>
      </c>
      <c r="BT958" s="6">
        <v>4</v>
      </c>
      <c r="BU958" s="6">
        <v>4</v>
      </c>
      <c r="BV958" s="6">
        <v>4</v>
      </c>
      <c r="BW958" s="6">
        <v>4</v>
      </c>
      <c r="BX958" s="6">
        <v>5</v>
      </c>
      <c r="BY958" s="6">
        <v>4</v>
      </c>
      <c r="BZ958" s="6">
        <v>3</v>
      </c>
      <c r="CA958" s="6">
        <v>4</v>
      </c>
      <c r="CB958" s="6">
        <v>4</v>
      </c>
      <c r="CC958" s="11">
        <v>4</v>
      </c>
      <c r="CD958" s="11">
        <v>-28</v>
      </c>
      <c r="CE958" s="11">
        <v>5</v>
      </c>
      <c r="CF958" s="11">
        <v>3</v>
      </c>
      <c r="CG958" s="11">
        <v>8</v>
      </c>
      <c r="CH958" s="20">
        <v>0.49</v>
      </c>
      <c r="CI958" s="20">
        <v>0.37</v>
      </c>
      <c r="CJ958" s="20">
        <v>0.26</v>
      </c>
      <c r="CK958" s="20">
        <v>0.27</v>
      </c>
      <c r="CL958" s="20">
        <v>0.25</v>
      </c>
      <c r="CM958" s="20">
        <v>0.28000000000000003</v>
      </c>
      <c r="CN958" s="20">
        <v>0.25</v>
      </c>
      <c r="CO958" s="20">
        <v>0.25</v>
      </c>
      <c r="CP958" s="20">
        <v>0.22</v>
      </c>
      <c r="CQ958" s="20">
        <v>0.21</v>
      </c>
      <c r="CR958" s="20">
        <v>0.34</v>
      </c>
      <c r="CS958" s="20">
        <v>0.22</v>
      </c>
      <c r="CT958" s="20">
        <v>0.12</v>
      </c>
      <c r="CU958" s="20">
        <v>0.16</v>
      </c>
      <c r="CV958" s="20">
        <v>0.14000000000000001</v>
      </c>
      <c r="CW958" s="20">
        <v>0.15</v>
      </c>
      <c r="CX958" s="20">
        <v>0.13</v>
      </c>
      <c r="CY958" s="6" t="s">
        <v>536</v>
      </c>
      <c r="CZ958" s="6" t="s">
        <v>537</v>
      </c>
      <c r="DA958" s="6" t="s">
        <v>86</v>
      </c>
      <c r="DB958" s="6" t="s">
        <v>345</v>
      </c>
      <c r="DC958" s="6"/>
      <c r="DD958" s="6"/>
      <c r="DE958" s="6"/>
      <c r="DF958" s="6"/>
      <c r="DG958" s="6"/>
      <c r="DH958" s="6" t="s">
        <v>333</v>
      </c>
      <c r="DI958" s="6"/>
      <c r="DJ958" s="6"/>
      <c r="DK958" s="6"/>
      <c r="DL958" s="6">
        <v>10</v>
      </c>
      <c r="DM958" s="6" t="s">
        <v>383</v>
      </c>
      <c r="DN958" s="6">
        <v>7</v>
      </c>
      <c r="DO958" s="6" t="s">
        <v>369</v>
      </c>
      <c r="DP958" s="6"/>
      <c r="DQ958" s="6"/>
    </row>
    <row r="959" spans="1:121" x14ac:dyDescent="0.2">
      <c r="A959" s="6" t="s">
        <v>323</v>
      </c>
      <c r="B959" s="6" t="s">
        <v>323</v>
      </c>
      <c r="C959" s="6" t="s">
        <v>192</v>
      </c>
      <c r="D959" s="6" t="s">
        <v>86</v>
      </c>
      <c r="E959" s="6" t="s">
        <v>227</v>
      </c>
      <c r="F959" s="11">
        <v>35</v>
      </c>
      <c r="G959" s="13">
        <v>0.277777777778</v>
      </c>
      <c r="H959" s="11">
        <v>62.076078238999997</v>
      </c>
      <c r="I959" s="13">
        <v>0.49245068665891401</v>
      </c>
      <c r="J959" s="11">
        <v>-20.945679310000003</v>
      </c>
      <c r="K959" s="13">
        <v>-0.11133531323990084</v>
      </c>
      <c r="L959" s="11">
        <v>-6.0001965920000089</v>
      </c>
      <c r="M959" s="13">
        <v>-3.5889387167743418E-2</v>
      </c>
      <c r="N959" s="11">
        <v>-26.945875902000012</v>
      </c>
      <c r="O959" s="13">
        <v>-0.14322894424533547</v>
      </c>
      <c r="P959" s="7">
        <v>126.055420209</v>
      </c>
      <c r="Q959" s="7">
        <v>124.600808671</v>
      </c>
      <c r="R959" s="7">
        <v>137.68961621099999</v>
      </c>
      <c r="S959" s="7">
        <v>153.33075352899999</v>
      </c>
      <c r="T959" s="7">
        <v>143.14904452799999</v>
      </c>
      <c r="U959" s="7">
        <v>195.88226355099999</v>
      </c>
      <c r="V959" s="7">
        <v>188.131498448</v>
      </c>
      <c r="W959" s="7">
        <v>194.163603542</v>
      </c>
      <c r="X959" s="7">
        <v>202.73325641700001</v>
      </c>
      <c r="Y959" s="7">
        <v>167.185819138</v>
      </c>
      <c r="Z959" s="7">
        <v>178.51327278900001</v>
      </c>
      <c r="AA959" s="7">
        <v>182.45547786700001</v>
      </c>
      <c r="AB959" s="7">
        <v>161.92117708500001</v>
      </c>
      <c r="AC959" s="7">
        <v>170.082459116</v>
      </c>
      <c r="AD959" s="7">
        <v>169.45488724399999</v>
      </c>
      <c r="AE959" s="7">
        <v>159.841032939</v>
      </c>
      <c r="AF959" s="7">
        <v>161.18562254599999</v>
      </c>
      <c r="AG959" s="9">
        <v>6551.472808460001</v>
      </c>
      <c r="AH959" s="13">
        <v>0.76321348702821534</v>
      </c>
      <c r="AI959" s="9">
        <v>1428.2921286599994</v>
      </c>
      <c r="AJ959" s="13">
        <v>0.1663888178856365</v>
      </c>
      <c r="AK959" s="9">
        <v>5249.4947733000008</v>
      </c>
      <c r="AL959" s="13">
        <v>0.52430168531680765</v>
      </c>
      <c r="AM959" s="9">
        <v>-126.31409349999922</v>
      </c>
      <c r="AN959" s="13">
        <v>-8.2764601046630311E-3</v>
      </c>
      <c r="AO959" s="9">
        <v>5123.1806798000016</v>
      </c>
      <c r="AP959" s="13">
        <v>0.51168586323081244</v>
      </c>
      <c r="AQ959" s="9">
        <v>8584.0632009399997</v>
      </c>
      <c r="AR959" s="9">
        <v>8895.9266186799996</v>
      </c>
      <c r="AS959" s="9">
        <v>8689.7538759300005</v>
      </c>
      <c r="AT959" s="9">
        <v>9923.9513399499992</v>
      </c>
      <c r="AU959" s="9">
        <v>9966.2853886800003</v>
      </c>
      <c r="AV959" s="9">
        <v>9864.8575292599999</v>
      </c>
      <c r="AW959" s="9">
        <v>10012.355329599999</v>
      </c>
      <c r="AX959" s="9">
        <v>11596.058483700001</v>
      </c>
      <c r="AY959" s="9">
        <v>11683.009987900001</v>
      </c>
      <c r="AZ959" s="9">
        <v>15261.8501029</v>
      </c>
      <c r="BA959" s="9">
        <v>12242.9510636</v>
      </c>
      <c r="BB959" s="9">
        <v>12012.864494400001</v>
      </c>
      <c r="BC959" s="9">
        <v>12821.044856099999</v>
      </c>
      <c r="BD959" s="9">
        <v>12446.7987257</v>
      </c>
      <c r="BE959" s="9">
        <v>14479.782128299999</v>
      </c>
      <c r="BF959" s="9">
        <v>15135.536009400001</v>
      </c>
      <c r="BG959" s="11">
        <v>1.25</v>
      </c>
      <c r="BH959" s="13">
        <v>7.8125E-2</v>
      </c>
      <c r="BI959" s="6">
        <v>0</v>
      </c>
      <c r="BJ959" s="13">
        <v>0</v>
      </c>
      <c r="BK959" s="6">
        <v>-2</v>
      </c>
      <c r="BL959" s="13">
        <v>-0.125</v>
      </c>
      <c r="BM959" s="11">
        <v>3.25</v>
      </c>
      <c r="BN959" s="13">
        <v>0.23214285714285715</v>
      </c>
      <c r="BO959" s="11">
        <v>1.25</v>
      </c>
      <c r="BP959" s="13">
        <v>7.8125E-2</v>
      </c>
      <c r="BQ959" s="6">
        <v>16</v>
      </c>
      <c r="BR959" s="6">
        <v>14</v>
      </c>
      <c r="BS959" s="6">
        <v>16</v>
      </c>
      <c r="BT959" s="6">
        <v>16</v>
      </c>
      <c r="BU959" s="6">
        <v>17</v>
      </c>
      <c r="BV959" s="6">
        <v>16</v>
      </c>
      <c r="BW959" s="6">
        <v>14</v>
      </c>
      <c r="BX959" s="6">
        <v>18</v>
      </c>
      <c r="BY959" s="6">
        <v>19</v>
      </c>
      <c r="BZ959" s="6">
        <v>18</v>
      </c>
      <c r="CA959" s="6">
        <v>17</v>
      </c>
      <c r="CB959" s="6">
        <v>17</v>
      </c>
      <c r="CC959" s="11">
        <v>17.25</v>
      </c>
      <c r="CD959" s="11">
        <v>-7.3148799999999996</v>
      </c>
      <c r="CE959" s="11">
        <v>28.665700000000001</v>
      </c>
      <c r="CF959" s="11">
        <v>13.779400000000001</v>
      </c>
      <c r="CG959" s="11">
        <v>43</v>
      </c>
      <c r="CH959" s="20">
        <v>0.44627299999999998</v>
      </c>
      <c r="CI959" s="20">
        <v>0.44081999999999999</v>
      </c>
      <c r="CJ959" s="20">
        <v>0.47642200000000001</v>
      </c>
      <c r="CK959" s="20">
        <v>0.52430500000000002</v>
      </c>
      <c r="CL959" s="20">
        <v>0.47666999999999998</v>
      </c>
      <c r="CM959" s="20">
        <v>0.636513</v>
      </c>
      <c r="CN959" s="20">
        <v>0.52928399999999998</v>
      </c>
      <c r="CO959" s="20">
        <v>0.52799099999999999</v>
      </c>
      <c r="CP959" s="20">
        <v>0.56251799999999996</v>
      </c>
      <c r="CQ959" s="20">
        <v>0.55752400000000002</v>
      </c>
      <c r="CR959" s="20">
        <v>0.564025</v>
      </c>
      <c r="CS959" s="20">
        <v>0.51737599999999995</v>
      </c>
      <c r="CT959" s="20">
        <v>0.49567099999999997</v>
      </c>
      <c r="CU959" s="20">
        <v>0.48027999999999998</v>
      </c>
      <c r="CV959" s="20">
        <v>0.47010600000000002</v>
      </c>
      <c r="CW959" s="20">
        <v>0.450573</v>
      </c>
      <c r="CX959" s="20">
        <v>0.44442100000000001</v>
      </c>
      <c r="CY959" s="6" t="s">
        <v>536</v>
      </c>
      <c r="CZ959" s="6" t="s">
        <v>537</v>
      </c>
      <c r="DA959" s="6" t="s">
        <v>86</v>
      </c>
      <c r="DB959" s="6" t="s">
        <v>345</v>
      </c>
      <c r="DC959" s="6"/>
      <c r="DD959" s="6"/>
      <c r="DE959" s="6"/>
      <c r="DF959" s="6"/>
      <c r="DG959" s="6"/>
      <c r="DH959" s="6" t="s">
        <v>333</v>
      </c>
      <c r="DI959" s="6"/>
      <c r="DJ959" s="6"/>
      <c r="DK959" s="6"/>
      <c r="DL959" s="6">
        <v>10</v>
      </c>
      <c r="DM959" s="6" t="s">
        <v>383</v>
      </c>
      <c r="DN959" s="6">
        <v>7</v>
      </c>
      <c r="DO959" s="6" t="s">
        <v>369</v>
      </c>
      <c r="DP959" s="6"/>
      <c r="DQ959" s="6"/>
    </row>
    <row r="960" spans="1:121" x14ac:dyDescent="0.2">
      <c r="A960" s="6" t="s">
        <v>325</v>
      </c>
      <c r="B960" s="6" t="s">
        <v>325</v>
      </c>
      <c r="C960" s="6" t="s">
        <v>193</v>
      </c>
      <c r="D960" s="6" t="s">
        <v>86</v>
      </c>
      <c r="E960" s="6" t="s">
        <v>227</v>
      </c>
      <c r="F960" s="11">
        <v>-181</v>
      </c>
      <c r="G960" s="13">
        <v>-0.53550295857999997</v>
      </c>
      <c r="H960" s="11">
        <v>152.11666005700005</v>
      </c>
      <c r="I960" s="13">
        <v>0.44946029005064586</v>
      </c>
      <c r="J960" s="11">
        <v>82.592090487000007</v>
      </c>
      <c r="K960" s="13">
        <v>0.16836301072690621</v>
      </c>
      <c r="L960" s="11">
        <v>-415.78560822200006</v>
      </c>
      <c r="M960" s="13">
        <v>-0.72543729379543676</v>
      </c>
      <c r="N960" s="11">
        <v>-333.193517735</v>
      </c>
      <c r="O960" s="13">
        <v>-0.67921108994550949</v>
      </c>
      <c r="P960" s="7">
        <v>338.44293572599997</v>
      </c>
      <c r="Q960" s="7">
        <v>461.09489879</v>
      </c>
      <c r="R960" s="7">
        <v>477.858107265</v>
      </c>
      <c r="S960" s="7">
        <v>511.93736398499999</v>
      </c>
      <c r="T960" s="7">
        <v>534.87172886600001</v>
      </c>
      <c r="U960" s="7">
        <v>454.65211250999999</v>
      </c>
      <c r="V960" s="7">
        <v>490.55959578300002</v>
      </c>
      <c r="W960" s="7">
        <v>523.85900658900005</v>
      </c>
      <c r="X960" s="7">
        <v>532.85521918500001</v>
      </c>
      <c r="Y960" s="7">
        <v>573.15168627000003</v>
      </c>
      <c r="Z960" s="7">
        <v>576.79657618299996</v>
      </c>
      <c r="AA960" s="7">
        <v>543.43951272200002</v>
      </c>
      <c r="AB960" s="7">
        <v>158.51853599099999</v>
      </c>
      <c r="AC960" s="7">
        <v>167.33180602199999</v>
      </c>
      <c r="AD960" s="7">
        <v>165.62390956600001</v>
      </c>
      <c r="AE960" s="7">
        <v>165.20748782199999</v>
      </c>
      <c r="AF960" s="7">
        <v>157.36607804799999</v>
      </c>
      <c r="AG960" s="9">
        <v>3481.7705311999998</v>
      </c>
      <c r="AH960" s="13">
        <v>0.28586175349682591</v>
      </c>
      <c r="AI960" s="9">
        <v>-2069.1686796000013</v>
      </c>
      <c r="AJ960" s="13">
        <v>-0.1698837363722841</v>
      </c>
      <c r="AK960" s="9">
        <v>-307.30881212999884</v>
      </c>
      <c r="AL960" s="13">
        <v>-3.0394289759289577E-2</v>
      </c>
      <c r="AM960" s="9">
        <v>5858.2480229299999</v>
      </c>
      <c r="AN960" s="13">
        <v>0.59757108609741327</v>
      </c>
      <c r="AO960" s="9">
        <v>5550.9392108000011</v>
      </c>
      <c r="AP960" s="13">
        <v>0.54901404759550554</v>
      </c>
      <c r="AQ960" s="9">
        <v>12179.910353900001</v>
      </c>
      <c r="AR960" s="9">
        <v>11011.6113559</v>
      </c>
      <c r="AS960" s="9">
        <v>10242.746827499999</v>
      </c>
      <c r="AT960" s="9">
        <v>9867.1577884300004</v>
      </c>
      <c r="AU960" s="9">
        <v>9410.0823467600003</v>
      </c>
      <c r="AV960" s="9">
        <v>10150.326874799999</v>
      </c>
      <c r="AW960" s="9">
        <v>10110.741674299999</v>
      </c>
      <c r="AX960" s="9">
        <v>10224.7532527</v>
      </c>
      <c r="AY960" s="9">
        <v>9671.7236555100008</v>
      </c>
      <c r="AZ960" s="9">
        <v>9803.4328621700006</v>
      </c>
      <c r="BA960" s="9">
        <v>9219.6858494999997</v>
      </c>
      <c r="BB960" s="9">
        <v>9479.3144661499991</v>
      </c>
      <c r="BC960" s="9">
        <v>14977.3837774</v>
      </c>
      <c r="BD960" s="9">
        <v>14380.1076698</v>
      </c>
      <c r="BE960" s="9">
        <v>14816.857056000001</v>
      </c>
      <c r="BF960" s="9">
        <v>15661.680885100001</v>
      </c>
      <c r="BG960" s="11">
        <v>-153.5</v>
      </c>
      <c r="BH960" s="13">
        <v>-0.82526881720430112</v>
      </c>
      <c r="BI960" s="6">
        <v>6</v>
      </c>
      <c r="BJ960" s="13">
        <v>3.2258064516129031E-2</v>
      </c>
      <c r="BK960" s="6">
        <v>79</v>
      </c>
      <c r="BL960" s="13">
        <v>0.41145833333333331</v>
      </c>
      <c r="BM960" s="11">
        <v>-238.5</v>
      </c>
      <c r="BN960" s="13">
        <v>-0.88007380073800734</v>
      </c>
      <c r="BO960" s="11">
        <v>-159.5</v>
      </c>
      <c r="BP960" s="13">
        <v>-0.83072916666666663</v>
      </c>
      <c r="BQ960" s="6">
        <v>186</v>
      </c>
      <c r="BR960" s="6">
        <v>183</v>
      </c>
      <c r="BS960" s="6">
        <v>174</v>
      </c>
      <c r="BT960" s="6">
        <v>192</v>
      </c>
      <c r="BU960" s="6">
        <v>215</v>
      </c>
      <c r="BV960" s="6">
        <v>245</v>
      </c>
      <c r="BW960" s="6">
        <v>271</v>
      </c>
      <c r="BX960" s="6">
        <v>283</v>
      </c>
      <c r="BY960" s="6">
        <v>274</v>
      </c>
      <c r="BZ960" s="6">
        <v>24</v>
      </c>
      <c r="CA960" s="6">
        <v>30</v>
      </c>
      <c r="CB960" s="6">
        <v>31</v>
      </c>
      <c r="CC960" s="11">
        <v>32.5</v>
      </c>
      <c r="CD960" s="11">
        <v>-214.95599999999999</v>
      </c>
      <c r="CE960" s="11">
        <v>-3.1167400000000001</v>
      </c>
      <c r="CF960" s="11">
        <v>36.995899999999999</v>
      </c>
      <c r="CG960" s="11">
        <v>34</v>
      </c>
      <c r="CH960" s="20">
        <v>1.76397</v>
      </c>
      <c r="CI960" s="20">
        <v>2.3916200000000001</v>
      </c>
      <c r="CJ960" s="20">
        <v>2.4380299999999999</v>
      </c>
      <c r="CK960" s="20">
        <v>2.62792</v>
      </c>
      <c r="CL960" s="20">
        <v>2.7180800000000001</v>
      </c>
      <c r="CM960" s="20">
        <v>2.2757100000000001</v>
      </c>
      <c r="CN960" s="20">
        <v>2.1364299999999998</v>
      </c>
      <c r="CO960" s="20">
        <v>2.2030699999999999</v>
      </c>
      <c r="CP960" s="20">
        <v>2.2399200000000001</v>
      </c>
      <c r="CQ960" s="20">
        <v>2.9171100000000001</v>
      </c>
      <c r="CR960" s="20">
        <v>2.8220299999999998</v>
      </c>
      <c r="CS960" s="20">
        <v>2.4046799999999999</v>
      </c>
      <c r="CT960" s="20">
        <v>0.82601500000000005</v>
      </c>
      <c r="CU960" s="20">
        <v>0.81288700000000003</v>
      </c>
      <c r="CV960" s="20">
        <v>0.80610599999999999</v>
      </c>
      <c r="CW960" s="20">
        <v>0.82570299999999996</v>
      </c>
      <c r="CX960" s="20">
        <v>0.77616300000000005</v>
      </c>
      <c r="CY960" s="6" t="s">
        <v>536</v>
      </c>
      <c r="CZ960" s="6" t="s">
        <v>537</v>
      </c>
      <c r="DA960" s="6" t="s">
        <v>86</v>
      </c>
      <c r="DB960" s="6" t="s">
        <v>345</v>
      </c>
      <c r="DC960" s="6"/>
      <c r="DD960" s="6"/>
      <c r="DE960" s="6"/>
      <c r="DF960" s="6"/>
      <c r="DG960" s="6"/>
      <c r="DH960" s="6" t="s">
        <v>333</v>
      </c>
      <c r="DI960" s="6"/>
      <c r="DJ960" s="6"/>
      <c r="DK960" s="6"/>
      <c r="DL960" s="6">
        <v>10</v>
      </c>
      <c r="DM960" s="6" t="s">
        <v>383</v>
      </c>
      <c r="DN960" s="6">
        <v>7</v>
      </c>
      <c r="DO960" s="6" t="s">
        <v>369</v>
      </c>
      <c r="DP960" s="6"/>
      <c r="DQ960" s="6"/>
    </row>
    <row r="961" spans="1:121" x14ac:dyDescent="0.2">
      <c r="A961" s="6" t="s">
        <v>327</v>
      </c>
      <c r="B961" s="6" t="s">
        <v>327</v>
      </c>
      <c r="C961" s="6" t="s">
        <v>194</v>
      </c>
      <c r="D961" s="6" t="s">
        <v>86</v>
      </c>
      <c r="E961" s="6" t="s">
        <v>227</v>
      </c>
      <c r="F961" s="11">
        <v>57</v>
      </c>
      <c r="G961" s="13">
        <v>8.5585585585600005E-2</v>
      </c>
      <c r="H961" s="11">
        <v>297.46522300000004</v>
      </c>
      <c r="I961" s="13">
        <v>0.44675260451286614</v>
      </c>
      <c r="J961" s="11">
        <v>-277.99984300000006</v>
      </c>
      <c r="K961" s="13">
        <v>-0.28858992923100335</v>
      </c>
      <c r="L961" s="11">
        <v>38.042781185000081</v>
      </c>
      <c r="M961" s="13">
        <v>5.5512255265049278E-2</v>
      </c>
      <c r="N961" s="11">
        <v>-239.95706181499997</v>
      </c>
      <c r="O961" s="13">
        <v>-0.24909795178434804</v>
      </c>
      <c r="P961" s="7">
        <v>665.83881099999996</v>
      </c>
      <c r="Q961" s="7">
        <v>643.73385199999996</v>
      </c>
      <c r="R961" s="7">
        <v>632.84814600000004</v>
      </c>
      <c r="S961" s="7">
        <v>627.43852400000003</v>
      </c>
      <c r="T961" s="7">
        <v>630.07782599999996</v>
      </c>
      <c r="U961" s="7">
        <v>640.90215899999998</v>
      </c>
      <c r="V961" s="7">
        <v>963.304034</v>
      </c>
      <c r="W961" s="7">
        <v>697.25238000000002</v>
      </c>
      <c r="X961" s="7">
        <v>705.76900699999999</v>
      </c>
      <c r="Y961" s="7">
        <v>685.30419099999995</v>
      </c>
      <c r="Z961" s="7">
        <v>670.12996799999996</v>
      </c>
      <c r="AA961" s="7">
        <v>657.36165900000003</v>
      </c>
      <c r="AB961" s="7">
        <v>666.08556799999997</v>
      </c>
      <c r="AC961" s="7">
        <v>673.77174600000001</v>
      </c>
      <c r="AD961" s="7">
        <v>732.87669100000005</v>
      </c>
      <c r="AE961" s="7">
        <v>718.31666825000002</v>
      </c>
      <c r="AF961" s="7">
        <v>723.34697218500003</v>
      </c>
      <c r="AG961" s="9">
        <v>19763.850946900002</v>
      </c>
      <c r="AH961" s="13">
        <v>0.70326928619579321</v>
      </c>
      <c r="AI961" s="9">
        <v>-594.85118030000012</v>
      </c>
      <c r="AJ961" s="13">
        <v>-2.1166956079878941E-2</v>
      </c>
      <c r="AK961" s="9">
        <v>12268.578244</v>
      </c>
      <c r="AL961" s="13">
        <v>0.4460008598352061</v>
      </c>
      <c r="AM961" s="9">
        <v>8090.1238832000017</v>
      </c>
      <c r="AN961" s="13">
        <v>0.20338928975154491</v>
      </c>
      <c r="AO961" s="9">
        <v>20358.702127200002</v>
      </c>
      <c r="AP961" s="13">
        <v>0.74010194769721205</v>
      </c>
      <c r="AQ961" s="9">
        <v>28102.821116800002</v>
      </c>
      <c r="AR961" s="9">
        <v>29129.657662599999</v>
      </c>
      <c r="AS961" s="9">
        <v>30600.974341900001</v>
      </c>
      <c r="AT961" s="9">
        <v>32898.375330900002</v>
      </c>
      <c r="AU961" s="9">
        <v>34079.048100699998</v>
      </c>
      <c r="AV961" s="9">
        <v>36329.733911700001</v>
      </c>
      <c r="AW961" s="9">
        <v>27507.969936500001</v>
      </c>
      <c r="AX961" s="9">
        <v>38393.388655700001</v>
      </c>
      <c r="AY961" s="9">
        <v>38918.693471899998</v>
      </c>
      <c r="AZ961" s="9">
        <v>39776.548180500002</v>
      </c>
      <c r="BA961" s="9">
        <v>39593.570901400002</v>
      </c>
      <c r="BB961" s="9">
        <v>40223.659408300002</v>
      </c>
      <c r="BC961" s="9">
        <v>42192.443550800002</v>
      </c>
      <c r="BD961" s="9">
        <v>42726.520225799999</v>
      </c>
      <c r="BE961" s="9">
        <v>47259.845066200003</v>
      </c>
      <c r="BF961" s="9">
        <v>47866.672063700003</v>
      </c>
      <c r="BG961" s="11">
        <v>-2</v>
      </c>
      <c r="BH961" s="13">
        <v>-6.25E-2</v>
      </c>
      <c r="BI961" s="6">
        <v>5</v>
      </c>
      <c r="BJ961" s="13">
        <v>0.15625</v>
      </c>
      <c r="BK961" s="6">
        <v>-4</v>
      </c>
      <c r="BL961" s="13">
        <v>-0.10810810810810811</v>
      </c>
      <c r="BM961" s="11">
        <v>-3</v>
      </c>
      <c r="BN961" s="13">
        <v>-9.0909090909090912E-2</v>
      </c>
      <c r="BO961" s="11">
        <v>-7</v>
      </c>
      <c r="BP961" s="13">
        <v>-0.1891891891891892</v>
      </c>
      <c r="BQ961" s="6">
        <v>32</v>
      </c>
      <c r="BR961" s="6">
        <v>32</v>
      </c>
      <c r="BS961" s="6">
        <v>34</v>
      </c>
      <c r="BT961" s="6">
        <v>37</v>
      </c>
      <c r="BU961" s="6">
        <v>35</v>
      </c>
      <c r="BV961" s="6">
        <v>33</v>
      </c>
      <c r="BW961" s="6">
        <v>33</v>
      </c>
      <c r="BX961" s="6">
        <v>33</v>
      </c>
      <c r="BY961" s="6">
        <v>31</v>
      </c>
      <c r="BZ961" s="6">
        <v>31</v>
      </c>
      <c r="CA961" s="6">
        <v>31</v>
      </c>
      <c r="CB961" s="6">
        <v>30</v>
      </c>
      <c r="CC961" s="11">
        <v>30</v>
      </c>
      <c r="CD961" s="11">
        <v>23.758500000000002</v>
      </c>
      <c r="CE961" s="11">
        <v>-39.034599999999998</v>
      </c>
      <c r="CF961" s="11">
        <v>72.784199999999998</v>
      </c>
      <c r="CG961" s="11">
        <v>34</v>
      </c>
      <c r="CH961" s="20">
        <v>1.0447299999999999</v>
      </c>
      <c r="CI961" s="20">
        <v>1.00318</v>
      </c>
      <c r="CJ961" s="20">
        <v>0.97724</v>
      </c>
      <c r="CK961" s="20">
        <v>0.98189300000000002</v>
      </c>
      <c r="CL961" s="20">
        <v>0.97837200000000002</v>
      </c>
      <c r="CM961" s="20">
        <v>0.98669700000000005</v>
      </c>
      <c r="CN961" s="20">
        <v>1.2996300000000001</v>
      </c>
      <c r="CO961" s="20">
        <v>0.89927999999999997</v>
      </c>
      <c r="CP961" s="20">
        <v>0.89968899999999996</v>
      </c>
      <c r="CQ961" s="20">
        <v>1.0516700000000001</v>
      </c>
      <c r="CR961" s="20">
        <v>1.0117799999999999</v>
      </c>
      <c r="CS961" s="20">
        <v>0.92807899999999999</v>
      </c>
      <c r="CT961" s="20">
        <v>1.05186</v>
      </c>
      <c r="CU961" s="20">
        <v>1.0106999999999999</v>
      </c>
      <c r="CV961" s="20">
        <v>1.1109</v>
      </c>
      <c r="CW961" s="20">
        <v>1.1237600000000001</v>
      </c>
      <c r="CX961" s="20">
        <v>1.1245400000000001</v>
      </c>
      <c r="CY961" s="6" t="s">
        <v>536</v>
      </c>
      <c r="CZ961" s="6" t="s">
        <v>537</v>
      </c>
      <c r="DA961" s="6" t="s">
        <v>86</v>
      </c>
      <c r="DB961" s="6" t="s">
        <v>345</v>
      </c>
      <c r="DC961" s="6"/>
      <c r="DD961" s="6"/>
      <c r="DE961" s="6"/>
      <c r="DF961" s="6"/>
      <c r="DG961" s="6"/>
      <c r="DH961" s="6" t="s">
        <v>333</v>
      </c>
      <c r="DI961" s="6"/>
      <c r="DJ961" s="6"/>
      <c r="DK961" s="6"/>
      <c r="DL961" s="6">
        <v>10</v>
      </c>
      <c r="DM961" s="6" t="s">
        <v>383</v>
      </c>
      <c r="DN961" s="6">
        <v>7</v>
      </c>
      <c r="DO961" s="6" t="s">
        <v>369</v>
      </c>
      <c r="DP961" s="6"/>
      <c r="DQ961" s="6"/>
    </row>
    <row r="962" spans="1:121" x14ac:dyDescent="0.2">
      <c r="A962" s="6" t="s">
        <v>1</v>
      </c>
      <c r="B962" s="6" t="s">
        <v>1</v>
      </c>
      <c r="C962" s="6" t="s">
        <v>2</v>
      </c>
      <c r="D962" s="6" t="s">
        <v>165</v>
      </c>
      <c r="E962" s="6" t="s">
        <v>304</v>
      </c>
      <c r="F962" s="11">
        <v>-482</v>
      </c>
      <c r="G962" s="13">
        <v>-0.46124401913899998</v>
      </c>
      <c r="H962" s="11">
        <v>-496.01756280299992</v>
      </c>
      <c r="I962" s="13">
        <v>-0.47458282344696834</v>
      </c>
      <c r="J962" s="11">
        <v>-212.89870027000001</v>
      </c>
      <c r="K962" s="13">
        <v>-0.38768920230947057</v>
      </c>
      <c r="L962" s="11">
        <v>226.53062260799999</v>
      </c>
      <c r="M962" s="13">
        <v>0.67369867930881955</v>
      </c>
      <c r="N962" s="11">
        <v>13.631922337999981</v>
      </c>
      <c r="O962" s="13">
        <v>2.4823773421169065E-2</v>
      </c>
      <c r="P962" s="7">
        <v>1045.1654343499999</v>
      </c>
      <c r="Q962" s="7">
        <v>992.46162892300003</v>
      </c>
      <c r="R962" s="7">
        <v>983.23456299300005</v>
      </c>
      <c r="S962" s="7">
        <v>619.07639721099997</v>
      </c>
      <c r="T962" s="7">
        <v>811.24517217899995</v>
      </c>
      <c r="U962" s="7">
        <v>682.98009673000001</v>
      </c>
      <c r="V962" s="7">
        <v>549.14787154700002</v>
      </c>
      <c r="W962" s="7">
        <v>524.53480149500001</v>
      </c>
      <c r="X962" s="7">
        <v>360.047356364</v>
      </c>
      <c r="Y962" s="7">
        <v>336.24917127700002</v>
      </c>
      <c r="Z962" s="7">
        <v>373.47997821799999</v>
      </c>
      <c r="AA962" s="7">
        <v>366.77572324300002</v>
      </c>
      <c r="AB962" s="7">
        <v>378.14905369000002</v>
      </c>
      <c r="AC962" s="7">
        <v>556.04151317100002</v>
      </c>
      <c r="AD962" s="7">
        <v>561.53742934599995</v>
      </c>
      <c r="AE962" s="7">
        <v>556.86379684200006</v>
      </c>
      <c r="AF962" s="7">
        <v>562.779793885</v>
      </c>
      <c r="AG962" s="9">
        <v>13289.7873239</v>
      </c>
      <c r="AH962" s="13">
        <v>0.60378676957271693</v>
      </c>
      <c r="AI962" s="9">
        <v>2398.5852516999985</v>
      </c>
      <c r="AJ962" s="13">
        <v>0.1089734549825518</v>
      </c>
      <c r="AK962" s="9">
        <v>9398.1815210999994</v>
      </c>
      <c r="AL962" s="13">
        <v>0.38502438828897922</v>
      </c>
      <c r="AM962" s="9">
        <v>1493.0205511000022</v>
      </c>
      <c r="AN962" s="13">
        <v>4.4162411035502551E-2</v>
      </c>
      <c r="AO962" s="9">
        <v>10891.202072200002</v>
      </c>
      <c r="AP962" s="13">
        <v>0.44619040461879256</v>
      </c>
      <c r="AQ962" s="9">
        <v>22010.729604600001</v>
      </c>
      <c r="AR962" s="9">
        <v>21914.2164089</v>
      </c>
      <c r="AS962" s="9">
        <v>22245.486813700001</v>
      </c>
      <c r="AT962" s="9">
        <v>23523.388804999999</v>
      </c>
      <c r="AU962" s="9">
        <v>22894.129654199998</v>
      </c>
      <c r="AV962" s="9">
        <v>23169.863402200001</v>
      </c>
      <c r="AW962" s="9">
        <v>24409.3148563</v>
      </c>
      <c r="AX962" s="9">
        <v>29470.432842400001</v>
      </c>
      <c r="AY962" s="9">
        <v>31915.488184099999</v>
      </c>
      <c r="AZ962" s="9">
        <v>33807.496377399999</v>
      </c>
      <c r="BA962" s="9">
        <v>33415.319287899998</v>
      </c>
      <c r="BB962" s="9">
        <v>34612.5423305</v>
      </c>
      <c r="BC962" s="9">
        <v>34589.432062599997</v>
      </c>
      <c r="BD962" s="9">
        <v>33274.451169200001</v>
      </c>
      <c r="BE962" s="9">
        <v>34956.334434099997</v>
      </c>
      <c r="BF962" s="9">
        <v>35300.516928500001</v>
      </c>
      <c r="BG962" s="11">
        <v>-0.75</v>
      </c>
      <c r="BH962" s="13">
        <v>-3.2608695652173912E-2</v>
      </c>
      <c r="BI962" s="6">
        <v>2</v>
      </c>
      <c r="BJ962" s="13">
        <v>8.6956521739130432E-2</v>
      </c>
      <c r="BK962" s="6">
        <v>0</v>
      </c>
      <c r="BL962" s="13">
        <v>0</v>
      </c>
      <c r="BM962" s="11">
        <v>-2.75</v>
      </c>
      <c r="BN962" s="13">
        <v>-0.11</v>
      </c>
      <c r="BO962" s="11">
        <v>-2.75</v>
      </c>
      <c r="BP962" s="13">
        <v>-0.11</v>
      </c>
      <c r="BQ962" s="6">
        <v>23</v>
      </c>
      <c r="BR962" s="6">
        <v>27</v>
      </c>
      <c r="BS962" s="6">
        <v>26</v>
      </c>
      <c r="BT962" s="6">
        <v>25</v>
      </c>
      <c r="BU962" s="6">
        <v>27</v>
      </c>
      <c r="BV962" s="6">
        <v>22</v>
      </c>
      <c r="BW962" s="6">
        <v>25</v>
      </c>
      <c r="BX962" s="6">
        <v>22</v>
      </c>
      <c r="BY962" s="6">
        <v>21</v>
      </c>
      <c r="BZ962" s="6">
        <v>19</v>
      </c>
      <c r="CA962" s="6">
        <v>19</v>
      </c>
      <c r="CB962" s="6">
        <v>22</v>
      </c>
      <c r="CC962" s="11">
        <v>22.25</v>
      </c>
      <c r="CD962" s="11">
        <v>-501.34300000000002</v>
      </c>
      <c r="CE962" s="11">
        <v>-95.291600000000003</v>
      </c>
      <c r="CF962" s="11">
        <v>114.249</v>
      </c>
      <c r="CG962" s="11">
        <v>19</v>
      </c>
      <c r="CH962" s="20">
        <v>0.18715499999999999</v>
      </c>
      <c r="CI962" s="20">
        <v>0.18257899999999999</v>
      </c>
      <c r="CJ962" s="20">
        <v>0.184007</v>
      </c>
      <c r="CK962" s="20">
        <v>0.11754199999999999</v>
      </c>
      <c r="CL962" s="20">
        <v>0.15501499999999999</v>
      </c>
      <c r="CM962" s="20">
        <v>0.131992</v>
      </c>
      <c r="CN962" s="20">
        <v>0.107665</v>
      </c>
      <c r="CO962" s="20">
        <v>0.105022</v>
      </c>
      <c r="CP962" s="20">
        <v>7.2363899999999995E-2</v>
      </c>
      <c r="CQ962" s="20">
        <v>7.0370500000000002E-2</v>
      </c>
      <c r="CR962" s="20">
        <v>7.8295000000000003E-2</v>
      </c>
      <c r="CS962" s="20">
        <v>7.5397400000000003E-2</v>
      </c>
      <c r="CT962" s="20">
        <v>7.8266199999999994E-2</v>
      </c>
      <c r="CU962" s="20">
        <v>0.11498</v>
      </c>
      <c r="CV962" s="20">
        <v>0.11450299999999999</v>
      </c>
      <c r="CW962" s="20">
        <v>0.113797</v>
      </c>
      <c r="CX962" s="20">
        <v>0.11554</v>
      </c>
      <c r="CY962" s="6" t="s">
        <v>538</v>
      </c>
      <c r="CZ962" s="6" t="s">
        <v>539</v>
      </c>
      <c r="DA962" s="6" t="s">
        <v>165</v>
      </c>
      <c r="DB962" s="6"/>
      <c r="DC962" s="6">
        <v>28140</v>
      </c>
      <c r="DD962" s="6">
        <v>312</v>
      </c>
      <c r="DE962" s="6" t="s">
        <v>402</v>
      </c>
      <c r="DF962" s="6" t="s">
        <v>375</v>
      </c>
      <c r="DG962" s="6" t="s">
        <v>364</v>
      </c>
      <c r="DH962" s="6" t="s">
        <v>419</v>
      </c>
      <c r="DI962" s="6" t="s">
        <v>377</v>
      </c>
      <c r="DJ962" s="6">
        <v>29</v>
      </c>
      <c r="DK962" s="6">
        <v>95</v>
      </c>
      <c r="DL962" s="6">
        <v>1</v>
      </c>
      <c r="DM962" s="6" t="s">
        <v>404</v>
      </c>
      <c r="DN962" s="6">
        <v>1</v>
      </c>
      <c r="DO962" s="6" t="s">
        <v>405</v>
      </c>
      <c r="DP962" s="6"/>
      <c r="DQ962" s="6"/>
    </row>
    <row r="963" spans="1:121" x14ac:dyDescent="0.2">
      <c r="A963" s="6" t="s">
        <v>310</v>
      </c>
      <c r="B963" s="6" t="s">
        <v>310</v>
      </c>
      <c r="C963" s="6" t="s">
        <v>173</v>
      </c>
      <c r="D963" s="6" t="s">
        <v>165</v>
      </c>
      <c r="E963" s="6" t="s">
        <v>304</v>
      </c>
      <c r="F963" s="11">
        <v>-17</v>
      </c>
      <c r="G963" s="13">
        <v>-0.217948717949</v>
      </c>
      <c r="H963" s="11">
        <v>-21.224662375100003</v>
      </c>
      <c r="I963" s="13">
        <v>-0.27257317460065467</v>
      </c>
      <c r="J963" s="11">
        <v>10.975974685600001</v>
      </c>
      <c r="K963" s="13">
        <v>0.19377426843968015</v>
      </c>
      <c r="L963" s="11">
        <v>-6.2475539404999978</v>
      </c>
      <c r="M963" s="13">
        <v>-9.2393370445360015E-2</v>
      </c>
      <c r="N963" s="11">
        <v>4.7284207451000029</v>
      </c>
      <c r="O963" s="13">
        <v>8.3477440227594138E-2</v>
      </c>
      <c r="P963" s="7">
        <v>77.867759386800003</v>
      </c>
      <c r="Q963" s="7">
        <v>80.945293683599999</v>
      </c>
      <c r="R963" s="7">
        <v>82.4249165457</v>
      </c>
      <c r="S963" s="7">
        <v>78.726752241</v>
      </c>
      <c r="T963" s="7">
        <v>71.256340289299999</v>
      </c>
      <c r="U963" s="7">
        <v>46.3798527557</v>
      </c>
      <c r="V963" s="7">
        <v>56.6430970117</v>
      </c>
      <c r="W963" s="7">
        <v>58.485772541899998</v>
      </c>
      <c r="X963" s="7">
        <v>64.341078926500003</v>
      </c>
      <c r="Y963" s="7">
        <v>67.619071697300001</v>
      </c>
      <c r="Z963" s="7">
        <v>72.397624468700002</v>
      </c>
      <c r="AA963" s="7">
        <v>59.252651104599998</v>
      </c>
      <c r="AB963" s="7">
        <v>53.336524779999998</v>
      </c>
      <c r="AC963" s="7">
        <v>53.927402500100001</v>
      </c>
      <c r="AD963" s="7">
        <v>62.013064821500002</v>
      </c>
      <c r="AE963" s="7">
        <v>60.270167706599999</v>
      </c>
      <c r="AF963" s="7">
        <v>61.371517756800003</v>
      </c>
      <c r="AG963" s="9">
        <v>41113.6886581</v>
      </c>
      <c r="AH963" s="13">
        <v>0.84055147305448252</v>
      </c>
      <c r="AI963" s="9">
        <v>28590.615943800003</v>
      </c>
      <c r="AJ963" s="13">
        <v>0.58452270111165117</v>
      </c>
      <c r="AK963" s="9">
        <v>-16400.326831200007</v>
      </c>
      <c r="AL963" s="13">
        <v>-0.21160791502195539</v>
      </c>
      <c r="AM963" s="9">
        <v>28923.399545500004</v>
      </c>
      <c r="AN963" s="13">
        <v>0.47335447431419464</v>
      </c>
      <c r="AO963" s="9">
        <v>12523.072714299997</v>
      </c>
      <c r="AP963" s="13">
        <v>0.16158100591629879</v>
      </c>
      <c r="AQ963" s="9">
        <v>48912.755466000002</v>
      </c>
      <c r="AR963" s="9">
        <v>47111.325014399998</v>
      </c>
      <c r="AS963" s="9">
        <v>51887.748140600001</v>
      </c>
      <c r="AT963" s="9">
        <v>58035.893408600001</v>
      </c>
      <c r="AU963" s="9">
        <v>73620.471118400004</v>
      </c>
      <c r="AV963" s="9">
        <v>92834.633878299996</v>
      </c>
      <c r="AW963" s="9">
        <v>77503.371409800005</v>
      </c>
      <c r="AX963" s="9">
        <v>72033.624539800003</v>
      </c>
      <c r="AY963" s="9">
        <v>66415.383510700005</v>
      </c>
      <c r="AZ963" s="9">
        <v>61103.044578599998</v>
      </c>
      <c r="BA963" s="9">
        <v>61334.282249900003</v>
      </c>
      <c r="BB963" s="9">
        <v>68902.506109499998</v>
      </c>
      <c r="BC963" s="9">
        <v>72504.5246071</v>
      </c>
      <c r="BD963" s="9">
        <v>73744.404712999996</v>
      </c>
      <c r="BE963" s="9">
        <v>81136.218465600003</v>
      </c>
      <c r="BF963" s="9">
        <v>90026.444124100002</v>
      </c>
      <c r="BG963" s="11">
        <v>1.5</v>
      </c>
      <c r="BH963" s="13">
        <v>0.1875</v>
      </c>
      <c r="BI963" s="6">
        <v>-1</v>
      </c>
      <c r="BJ963" s="13">
        <v>-0.125</v>
      </c>
      <c r="BK963" s="6">
        <v>2</v>
      </c>
      <c r="BL963" s="13">
        <v>0.2857142857142857</v>
      </c>
      <c r="BM963" s="11">
        <v>0.5</v>
      </c>
      <c r="BN963" s="13">
        <v>5.5555555555555552E-2</v>
      </c>
      <c r="BO963" s="11">
        <v>2.5</v>
      </c>
      <c r="BP963" s="13">
        <v>0.35714285714285715</v>
      </c>
      <c r="BQ963" s="6">
        <v>8</v>
      </c>
      <c r="BR963" s="6">
        <v>9</v>
      </c>
      <c r="BS963" s="6">
        <v>6</v>
      </c>
      <c r="BT963" s="6">
        <v>7</v>
      </c>
      <c r="BU963" s="6">
        <v>8</v>
      </c>
      <c r="BV963" s="6">
        <v>9</v>
      </c>
      <c r="BW963" s="6">
        <v>9</v>
      </c>
      <c r="BX963" s="6">
        <v>9</v>
      </c>
      <c r="BY963" s="6">
        <v>8</v>
      </c>
      <c r="BZ963" s="6">
        <v>8</v>
      </c>
      <c r="CA963" s="6">
        <v>9</v>
      </c>
      <c r="CB963" s="6">
        <v>9</v>
      </c>
      <c r="CC963" s="11">
        <v>9.5</v>
      </c>
      <c r="CD963" s="11">
        <v>-33.0867</v>
      </c>
      <c r="CE963" s="11">
        <v>8.0786099999999994</v>
      </c>
      <c r="CF963" s="11">
        <v>8.5118799999999997</v>
      </c>
      <c r="CG963" s="11">
        <v>17</v>
      </c>
      <c r="CH963" s="20">
        <v>4.9145099999999997E-2</v>
      </c>
      <c r="CI963" s="20">
        <v>5.4824999999999999E-2</v>
      </c>
      <c r="CJ963" s="20">
        <v>5.7596300000000003E-2</v>
      </c>
      <c r="CK963" s="20">
        <v>5.4004799999999999E-2</v>
      </c>
      <c r="CL963" s="20">
        <v>4.5896600000000003E-2</v>
      </c>
      <c r="CM963" s="20">
        <v>2.7426900000000001E-2</v>
      </c>
      <c r="CN963" s="20">
        <v>3.1533600000000002E-2</v>
      </c>
      <c r="CO963" s="20">
        <v>2.9999700000000001E-2</v>
      </c>
      <c r="CP963" s="20">
        <v>3.6393000000000002E-2</v>
      </c>
      <c r="CQ963" s="20">
        <v>3.9054400000000003E-2</v>
      </c>
      <c r="CR963" s="20">
        <v>3.7705700000000002E-2</v>
      </c>
      <c r="CS963" s="20">
        <v>2.8081800000000001E-2</v>
      </c>
      <c r="CT963" s="20">
        <v>2.5258099999999999E-2</v>
      </c>
      <c r="CU963" s="20">
        <v>2.5038999999999999E-2</v>
      </c>
      <c r="CV963" s="20">
        <v>3.2093200000000002E-2</v>
      </c>
      <c r="CW963" s="20">
        <v>3.6794599999999997E-2</v>
      </c>
      <c r="CX963" s="20">
        <v>3.7272899999999998E-2</v>
      </c>
      <c r="CY963" s="6" t="s">
        <v>538</v>
      </c>
      <c r="CZ963" s="6" t="s">
        <v>539</v>
      </c>
      <c r="DA963" s="6" t="s">
        <v>165</v>
      </c>
      <c r="DB963" s="6"/>
      <c r="DC963" s="6">
        <v>28140</v>
      </c>
      <c r="DD963" s="6">
        <v>312</v>
      </c>
      <c r="DE963" s="6" t="s">
        <v>402</v>
      </c>
      <c r="DF963" s="6" t="s">
        <v>375</v>
      </c>
      <c r="DG963" s="6" t="s">
        <v>364</v>
      </c>
      <c r="DH963" s="6" t="s">
        <v>419</v>
      </c>
      <c r="DI963" s="6" t="s">
        <v>377</v>
      </c>
      <c r="DJ963" s="6">
        <v>29</v>
      </c>
      <c r="DK963" s="6">
        <v>95</v>
      </c>
      <c r="DL963" s="6">
        <v>1</v>
      </c>
      <c r="DM963" s="6" t="s">
        <v>404</v>
      </c>
      <c r="DN963" s="6">
        <v>1</v>
      </c>
      <c r="DO963" s="6" t="s">
        <v>405</v>
      </c>
      <c r="DP963" s="6"/>
      <c r="DQ963" s="6"/>
    </row>
    <row r="964" spans="1:121" x14ac:dyDescent="0.2">
      <c r="A964" s="6" t="s">
        <v>311</v>
      </c>
      <c r="B964" s="6" t="s">
        <v>311</v>
      </c>
      <c r="C964" s="6" t="s">
        <v>174</v>
      </c>
      <c r="D964" s="6" t="s">
        <v>165</v>
      </c>
      <c r="E964" s="6" t="s">
        <v>304</v>
      </c>
      <c r="F964" s="11">
        <v>-946</v>
      </c>
      <c r="G964" s="13">
        <v>-0.349077490775</v>
      </c>
      <c r="H964" s="11">
        <v>-598.64144799999985</v>
      </c>
      <c r="I964" s="13">
        <v>-0.2209248527163768</v>
      </c>
      <c r="J964" s="11">
        <v>-271.95277607999992</v>
      </c>
      <c r="K964" s="13">
        <v>-0.12882256358468322</v>
      </c>
      <c r="L964" s="11">
        <v>-74.712810779999927</v>
      </c>
      <c r="M964" s="13">
        <v>-4.0624394199210635E-2</v>
      </c>
      <c r="N964" s="11">
        <v>-346.66558685999985</v>
      </c>
      <c r="O964" s="13">
        <v>-0.16421361917907679</v>
      </c>
      <c r="P964" s="7">
        <v>2709.7062219999998</v>
      </c>
      <c r="Q964" s="7">
        <v>2689.281109</v>
      </c>
      <c r="R964" s="7">
        <v>2099.8309519999998</v>
      </c>
      <c r="S964" s="7">
        <v>2013.112157</v>
      </c>
      <c r="T964" s="7">
        <v>1951.6425939999999</v>
      </c>
      <c r="U964" s="7">
        <v>1969.6721050000001</v>
      </c>
      <c r="V964" s="7">
        <v>2111.0647739999999</v>
      </c>
      <c r="W964" s="7">
        <v>2013.6542480000001</v>
      </c>
      <c r="X964" s="7">
        <v>1961.8952730000001</v>
      </c>
      <c r="Y964" s="7">
        <v>1839.11199792</v>
      </c>
      <c r="Z964" s="7">
        <v>1731.4883495500001</v>
      </c>
      <c r="AA964" s="7">
        <v>1774.3120466</v>
      </c>
      <c r="AB964" s="7">
        <v>1743.84940686</v>
      </c>
      <c r="AC964" s="7">
        <v>1806.1480209599999</v>
      </c>
      <c r="AD964" s="7">
        <v>1843.21401848</v>
      </c>
      <c r="AE964" s="7">
        <v>1793.58997426</v>
      </c>
      <c r="AF964" s="7">
        <v>1764.3991871400001</v>
      </c>
      <c r="AG964" s="9">
        <v>-1514.0471870000038</v>
      </c>
      <c r="AH964" s="13">
        <v>-1.1557864744811562E-2</v>
      </c>
      <c r="AI964" s="9">
        <v>-17348.341304000001</v>
      </c>
      <c r="AJ964" s="13">
        <v>-0.13243298099298895</v>
      </c>
      <c r="AK964" s="9">
        <v>6732.7240719999972</v>
      </c>
      <c r="AL964" s="13">
        <v>5.9241490887245465E-2</v>
      </c>
      <c r="AM964" s="9">
        <v>9101.5700450000004</v>
      </c>
      <c r="AN964" s="13">
        <v>7.5606040622734322E-2</v>
      </c>
      <c r="AO964" s="9">
        <v>15834.294116999998</v>
      </c>
      <c r="AP964" s="13">
        <v>0.1393265460765522</v>
      </c>
      <c r="AQ964" s="9">
        <v>130997.136619</v>
      </c>
      <c r="AR964" s="9">
        <v>165868.06849800001</v>
      </c>
      <c r="AS964" s="9">
        <v>96735.877543399998</v>
      </c>
      <c r="AT964" s="9">
        <v>101245.680076</v>
      </c>
      <c r="AU964" s="9">
        <v>101562.784776</v>
      </c>
      <c r="AV964" s="9">
        <v>111673.63329899999</v>
      </c>
      <c r="AW964" s="9">
        <v>113648.795315</v>
      </c>
      <c r="AX964" s="9">
        <v>131272.11905099999</v>
      </c>
      <c r="AY964" s="9">
        <v>115546.847346</v>
      </c>
      <c r="AZ964" s="9">
        <v>120381.51938699999</v>
      </c>
      <c r="BA964" s="9">
        <v>122702.45228699999</v>
      </c>
      <c r="BB964" s="9">
        <v>111251.1094</v>
      </c>
      <c r="BC964" s="9">
        <v>118249.359559</v>
      </c>
      <c r="BD964" s="9">
        <v>121770.505451</v>
      </c>
      <c r="BE964" s="9">
        <v>120475.722052</v>
      </c>
      <c r="BF964" s="9">
        <v>129483.08943199999</v>
      </c>
      <c r="BG964" s="11">
        <v>5.25</v>
      </c>
      <c r="BH964" s="13">
        <v>0.21</v>
      </c>
      <c r="BI964" s="6">
        <v>-2</v>
      </c>
      <c r="BJ964" s="13">
        <v>-0.08</v>
      </c>
      <c r="BK964" s="6">
        <v>-1</v>
      </c>
      <c r="BL964" s="13">
        <v>-4.3478260869565216E-2</v>
      </c>
      <c r="BM964" s="11">
        <v>8.25</v>
      </c>
      <c r="BN964" s="13">
        <v>0.375</v>
      </c>
      <c r="BO964" s="11">
        <v>7.25</v>
      </c>
      <c r="BP964" s="13">
        <v>0.31521739130434784</v>
      </c>
      <c r="BQ964" s="6">
        <v>25</v>
      </c>
      <c r="BR964" s="6">
        <v>25</v>
      </c>
      <c r="BS964" s="6">
        <v>25</v>
      </c>
      <c r="BT964" s="6">
        <v>23</v>
      </c>
      <c r="BU964" s="6">
        <v>24</v>
      </c>
      <c r="BV964" s="6">
        <v>24</v>
      </c>
      <c r="BW964" s="6">
        <v>22</v>
      </c>
      <c r="BX964" s="6">
        <v>22</v>
      </c>
      <c r="BY964" s="6">
        <v>26</v>
      </c>
      <c r="BZ964" s="6">
        <v>26</v>
      </c>
      <c r="CA964" s="6">
        <v>30</v>
      </c>
      <c r="CB964" s="6">
        <v>31</v>
      </c>
      <c r="CC964" s="11">
        <v>30.25</v>
      </c>
      <c r="CD964" s="11">
        <v>-800.25199999999995</v>
      </c>
      <c r="CE964" s="11">
        <v>-441.25900000000001</v>
      </c>
      <c r="CF964" s="11">
        <v>296.20400000000001</v>
      </c>
      <c r="CG964" s="11">
        <v>-145</v>
      </c>
      <c r="CH964" s="20">
        <v>1.5609</v>
      </c>
      <c r="CI964" s="20">
        <v>1.5968199999999999</v>
      </c>
      <c r="CJ964" s="20">
        <v>1.3097000000000001</v>
      </c>
      <c r="CK964" s="20">
        <v>1.30854</v>
      </c>
      <c r="CL964" s="20">
        <v>1.31586</v>
      </c>
      <c r="CM964" s="20">
        <v>1.3501799999999999</v>
      </c>
      <c r="CN964" s="20">
        <v>1.4482699999999999</v>
      </c>
      <c r="CO964" s="20">
        <v>1.3510599999999999</v>
      </c>
      <c r="CP964" s="20">
        <v>1.30322</v>
      </c>
      <c r="CQ964" s="20">
        <v>1.2854399999999999</v>
      </c>
      <c r="CR964" s="20">
        <v>1.22268</v>
      </c>
      <c r="CS964" s="20">
        <v>1.24475</v>
      </c>
      <c r="CT964" s="20">
        <v>1.24699</v>
      </c>
      <c r="CU964" s="20">
        <v>1.3000100000000001</v>
      </c>
      <c r="CV964" s="20">
        <v>1.3101799999999999</v>
      </c>
      <c r="CW964" s="20">
        <v>1.2760499999999999</v>
      </c>
      <c r="CX964" s="20">
        <v>1.2535099999999999</v>
      </c>
      <c r="CY964" s="6" t="s">
        <v>538</v>
      </c>
      <c r="CZ964" s="6" t="s">
        <v>539</v>
      </c>
      <c r="DA964" s="6" t="s">
        <v>165</v>
      </c>
      <c r="DB964" s="6"/>
      <c r="DC964" s="6">
        <v>28140</v>
      </c>
      <c r="DD964" s="6">
        <v>312</v>
      </c>
      <c r="DE964" s="6" t="s">
        <v>402</v>
      </c>
      <c r="DF964" s="6" t="s">
        <v>375</v>
      </c>
      <c r="DG964" s="6" t="s">
        <v>364</v>
      </c>
      <c r="DH964" s="6" t="s">
        <v>419</v>
      </c>
      <c r="DI964" s="6" t="s">
        <v>377</v>
      </c>
      <c r="DJ964" s="6">
        <v>29</v>
      </c>
      <c r="DK964" s="6">
        <v>95</v>
      </c>
      <c r="DL964" s="6">
        <v>1</v>
      </c>
      <c r="DM964" s="6" t="s">
        <v>404</v>
      </c>
      <c r="DN964" s="6">
        <v>1</v>
      </c>
      <c r="DO964" s="6" t="s">
        <v>405</v>
      </c>
      <c r="DP964" s="6"/>
      <c r="DQ964" s="6"/>
    </row>
    <row r="965" spans="1:121" x14ac:dyDescent="0.2">
      <c r="A965" s="6" t="s">
        <v>312</v>
      </c>
      <c r="B965" s="6" t="s">
        <v>312</v>
      </c>
      <c r="C965" s="6" t="s">
        <v>175</v>
      </c>
      <c r="D965" s="6" t="s">
        <v>165</v>
      </c>
      <c r="E965" s="6" t="s">
        <v>304</v>
      </c>
      <c r="F965" s="11">
        <v>-2523</v>
      </c>
      <c r="G965" s="13">
        <v>-0.106316632253</v>
      </c>
      <c r="H965" s="11">
        <v>624.26881440000216</v>
      </c>
      <c r="I965" s="13">
        <v>2.6305848887639535E-2</v>
      </c>
      <c r="J965" s="11">
        <v>-6269.0412240000005</v>
      </c>
      <c r="K965" s="13">
        <v>-0.25739790193943163</v>
      </c>
      <c r="L965" s="11">
        <v>3121.2019580999986</v>
      </c>
      <c r="M965" s="13">
        <v>0.17257169936456032</v>
      </c>
      <c r="N965" s="11">
        <v>-3147.8392659000019</v>
      </c>
      <c r="O965" s="13">
        <v>-0.12924579592543145</v>
      </c>
      <c r="P965" s="7">
        <v>23731.179216699999</v>
      </c>
      <c r="Q965" s="7">
        <v>23146.696197400001</v>
      </c>
      <c r="R965" s="7">
        <v>24035.312169000001</v>
      </c>
      <c r="S965" s="7">
        <v>23848.849608299999</v>
      </c>
      <c r="T965" s="7">
        <v>24326.432312100002</v>
      </c>
      <c r="U965" s="7">
        <v>24976.7225248</v>
      </c>
      <c r="V965" s="7">
        <v>24355.448031100001</v>
      </c>
      <c r="W965" s="7">
        <v>23147.658102900001</v>
      </c>
      <c r="X965" s="7">
        <v>20291.3337264</v>
      </c>
      <c r="Y965" s="7">
        <v>18086.4068071</v>
      </c>
      <c r="Z965" s="7">
        <v>17658.3908342</v>
      </c>
      <c r="AA965" s="7">
        <v>17938.326326599999</v>
      </c>
      <c r="AB965" s="7">
        <v>18404.286078100002</v>
      </c>
      <c r="AC965" s="7">
        <v>19117.369565500001</v>
      </c>
      <c r="AD965" s="7">
        <v>20522.428013299999</v>
      </c>
      <c r="AE965" s="7">
        <v>21093.122104099999</v>
      </c>
      <c r="AF965" s="7">
        <v>21207.608765199999</v>
      </c>
      <c r="AG965" s="9">
        <v>21172.419381899992</v>
      </c>
      <c r="AH965" s="13">
        <v>0.43827939978204949</v>
      </c>
      <c r="AI965" s="9">
        <v>8009.0132693999985</v>
      </c>
      <c r="AJ965" s="13">
        <v>0.16579047794414606</v>
      </c>
      <c r="AK965" s="9">
        <v>5074.1505064000012</v>
      </c>
      <c r="AL965" s="13">
        <v>9.0099713803157525E-2</v>
      </c>
      <c r="AM965" s="9">
        <v>8089.2556060999923</v>
      </c>
      <c r="AN965" s="13">
        <v>0.13176570789255482</v>
      </c>
      <c r="AO965" s="9">
        <v>13163.406112499993</v>
      </c>
      <c r="AP965" s="13">
        <v>0.233737474265902</v>
      </c>
      <c r="AQ965" s="9">
        <v>48308.041382800002</v>
      </c>
      <c r="AR965" s="9">
        <v>48406.545621999998</v>
      </c>
      <c r="AS965" s="9">
        <v>49195.478408700001</v>
      </c>
      <c r="AT965" s="9">
        <v>49107.947918500002</v>
      </c>
      <c r="AU965" s="9">
        <v>51084.255298999997</v>
      </c>
      <c r="AV965" s="9">
        <v>54730.051106600004</v>
      </c>
      <c r="AW965" s="9">
        <v>56317.0546522</v>
      </c>
      <c r="AX965" s="9">
        <v>60661.117373000001</v>
      </c>
      <c r="AY965" s="9">
        <v>61007.593298899999</v>
      </c>
      <c r="AZ965" s="9">
        <v>61391.205158600002</v>
      </c>
      <c r="BA965" s="9">
        <v>60910.299707300001</v>
      </c>
      <c r="BB965" s="9">
        <v>62486.577047699997</v>
      </c>
      <c r="BC965" s="9">
        <v>62975.029043299997</v>
      </c>
      <c r="BD965" s="9">
        <v>65342.9767336</v>
      </c>
      <c r="BE965" s="9">
        <v>69786.9753929</v>
      </c>
      <c r="BF965" s="9">
        <v>69480.460764699994</v>
      </c>
      <c r="BG965" s="11">
        <v>-530.75</v>
      </c>
      <c r="BH965" s="13">
        <v>-0.27162231320368474</v>
      </c>
      <c r="BI965" s="6">
        <v>-27</v>
      </c>
      <c r="BJ965" s="13">
        <v>-1.3817809621289662E-2</v>
      </c>
      <c r="BK965" s="6">
        <v>-364</v>
      </c>
      <c r="BL965" s="13">
        <v>-0.18889465490399585</v>
      </c>
      <c r="BM965" s="11">
        <v>-139.75</v>
      </c>
      <c r="BN965" s="13">
        <v>-8.9411388355726165E-2</v>
      </c>
      <c r="BO965" s="11">
        <v>-503.75</v>
      </c>
      <c r="BP965" s="13">
        <v>-0.26141670991177995</v>
      </c>
      <c r="BQ965" s="6">
        <v>1954</v>
      </c>
      <c r="BR965" s="6">
        <v>1968</v>
      </c>
      <c r="BS965" s="6">
        <v>1949</v>
      </c>
      <c r="BT965" s="6">
        <v>1927</v>
      </c>
      <c r="BU965" s="6">
        <v>1843</v>
      </c>
      <c r="BV965" s="6">
        <v>1703</v>
      </c>
      <c r="BW965" s="6">
        <v>1563</v>
      </c>
      <c r="BX965" s="6">
        <v>1482</v>
      </c>
      <c r="BY965" s="6">
        <v>1434</v>
      </c>
      <c r="BZ965" s="6">
        <v>1398</v>
      </c>
      <c r="CA965" s="6">
        <v>1415</v>
      </c>
      <c r="CB965" s="6">
        <v>1430</v>
      </c>
      <c r="CC965" s="11">
        <v>1423.25</v>
      </c>
      <c r="CD965" s="11">
        <v>-2243.2199999999998</v>
      </c>
      <c r="CE965" s="11">
        <v>-2874.45</v>
      </c>
      <c r="CF965" s="11">
        <v>2594.1</v>
      </c>
      <c r="CG965" s="11">
        <v>-280</v>
      </c>
      <c r="CH965" s="20">
        <v>0.94248200000000004</v>
      </c>
      <c r="CI965" s="20">
        <v>0.94101900000000005</v>
      </c>
      <c r="CJ965" s="20">
        <v>0.98087100000000005</v>
      </c>
      <c r="CK965" s="20">
        <v>0.95099699999999998</v>
      </c>
      <c r="CL965" s="20">
        <v>0.93807700000000005</v>
      </c>
      <c r="CM965" s="20">
        <v>0.93259300000000001</v>
      </c>
      <c r="CN965" s="20">
        <v>0.92238699999999996</v>
      </c>
      <c r="CO965" s="20">
        <v>0.92013599999999995</v>
      </c>
      <c r="CP965" s="20">
        <v>0.92112300000000003</v>
      </c>
      <c r="CQ965" s="20">
        <v>0.92423699999999998</v>
      </c>
      <c r="CR965" s="20">
        <v>0.92124700000000004</v>
      </c>
      <c r="CS965" s="20">
        <v>0.92099500000000001</v>
      </c>
      <c r="CT965" s="20">
        <v>0.93983300000000003</v>
      </c>
      <c r="CU965" s="20">
        <v>0.95282800000000001</v>
      </c>
      <c r="CV965" s="20">
        <v>0.98216000000000003</v>
      </c>
      <c r="CW965" s="20">
        <v>0.98953500000000005</v>
      </c>
      <c r="CX965" s="20">
        <v>0.99493100000000001</v>
      </c>
      <c r="CY965" s="6" t="s">
        <v>538</v>
      </c>
      <c r="CZ965" s="6" t="s">
        <v>539</v>
      </c>
      <c r="DA965" s="6" t="s">
        <v>165</v>
      </c>
      <c r="DB965" s="6"/>
      <c r="DC965" s="6">
        <v>28140</v>
      </c>
      <c r="DD965" s="6">
        <v>312</v>
      </c>
      <c r="DE965" s="6" t="s">
        <v>402</v>
      </c>
      <c r="DF965" s="6" t="s">
        <v>375</v>
      </c>
      <c r="DG965" s="6" t="s">
        <v>364</v>
      </c>
      <c r="DH965" s="6" t="s">
        <v>419</v>
      </c>
      <c r="DI965" s="6" t="s">
        <v>377</v>
      </c>
      <c r="DJ965" s="6">
        <v>29</v>
      </c>
      <c r="DK965" s="6">
        <v>95</v>
      </c>
      <c r="DL965" s="6">
        <v>1</v>
      </c>
      <c r="DM965" s="6" t="s">
        <v>404</v>
      </c>
      <c r="DN965" s="6">
        <v>1</v>
      </c>
      <c r="DO965" s="6" t="s">
        <v>405</v>
      </c>
      <c r="DP965" s="6"/>
      <c r="DQ965" s="6"/>
    </row>
    <row r="966" spans="1:121" x14ac:dyDescent="0.2">
      <c r="A966" s="6" t="s">
        <v>792</v>
      </c>
      <c r="B966" s="6" t="s">
        <v>176</v>
      </c>
      <c r="C966" s="6" t="s">
        <v>177</v>
      </c>
      <c r="D966" s="6" t="s">
        <v>165</v>
      </c>
      <c r="E966" s="6" t="s">
        <v>304</v>
      </c>
      <c r="F966" s="11">
        <v>-8170</v>
      </c>
      <c r="G966" s="13">
        <v>-0.26303081034100001</v>
      </c>
      <c r="H966" s="11">
        <v>-3167.0967596999981</v>
      </c>
      <c r="I966" s="13">
        <v>-0.10196281395246408</v>
      </c>
      <c r="J966" s="11">
        <v>-3750.5543408000012</v>
      </c>
      <c r="K966" s="13">
        <v>-0.13445644439557866</v>
      </c>
      <c r="L966" s="11">
        <v>-1253.0871183999989</v>
      </c>
      <c r="M966" s="13">
        <v>-5.1901331378466919E-2</v>
      </c>
      <c r="N966" s="11">
        <v>-5003.6414592000001</v>
      </c>
      <c r="O966" s="13">
        <v>-0.17937930729750023</v>
      </c>
      <c r="P966" s="7">
        <v>31061.292219499999</v>
      </c>
      <c r="Q966" s="7">
        <v>29418.185445800002</v>
      </c>
      <c r="R966" s="7">
        <v>28716.656230799999</v>
      </c>
      <c r="S966" s="7">
        <v>28897.6176729</v>
      </c>
      <c r="T966" s="7">
        <v>28262.770794100001</v>
      </c>
      <c r="U966" s="7">
        <v>28439.552561</v>
      </c>
      <c r="V966" s="7">
        <v>27894.195459800001</v>
      </c>
      <c r="W966" s="7">
        <v>27623.184140199999</v>
      </c>
      <c r="X966" s="7">
        <v>24557.394896099999</v>
      </c>
      <c r="Y966" s="7">
        <v>24143.641119</v>
      </c>
      <c r="Z966" s="7">
        <v>23939.895947000001</v>
      </c>
      <c r="AA966" s="7">
        <v>23735.3280194</v>
      </c>
      <c r="AB966" s="7">
        <v>24118.965581100001</v>
      </c>
      <c r="AC966" s="7">
        <v>23177.2040653</v>
      </c>
      <c r="AD966" s="7">
        <v>22556.228621099999</v>
      </c>
      <c r="AE966" s="7">
        <v>22918.701606099999</v>
      </c>
      <c r="AF966" s="7">
        <v>22890.554000600001</v>
      </c>
      <c r="AG966" s="9">
        <v>23643.688079899999</v>
      </c>
      <c r="AH966" s="13">
        <v>0.47118997780520161</v>
      </c>
      <c r="AI966" s="9">
        <v>9444.8740790000011</v>
      </c>
      <c r="AJ966" s="13">
        <v>0.18822486545321387</v>
      </c>
      <c r="AK966" s="9">
        <v>6071.4790528999947</v>
      </c>
      <c r="AL966" s="13">
        <v>0.10183022133981522</v>
      </c>
      <c r="AM966" s="9">
        <v>8127.3349480000034</v>
      </c>
      <c r="AN966" s="13">
        <v>0.12371309302320432</v>
      </c>
      <c r="AO966" s="9">
        <v>14198.814000899998</v>
      </c>
      <c r="AP966" s="13">
        <v>0.2381410460082056</v>
      </c>
      <c r="AQ966" s="9">
        <v>50178.673557599999</v>
      </c>
      <c r="AR966" s="9">
        <v>52940.761613299997</v>
      </c>
      <c r="AS966" s="9">
        <v>54550.172337299999</v>
      </c>
      <c r="AT966" s="9">
        <v>56769.741965300003</v>
      </c>
      <c r="AU966" s="9">
        <v>57625.650980999999</v>
      </c>
      <c r="AV966" s="9">
        <v>58548.051821699999</v>
      </c>
      <c r="AW966" s="9">
        <v>59623.5476366</v>
      </c>
      <c r="AX966" s="9">
        <v>62119.398602000001</v>
      </c>
      <c r="AY966" s="9">
        <v>64849.214463600001</v>
      </c>
      <c r="AZ966" s="9">
        <v>65695.026689499995</v>
      </c>
      <c r="BA966" s="9">
        <v>67002.823100499998</v>
      </c>
      <c r="BB966" s="9">
        <v>69715.975824399997</v>
      </c>
      <c r="BC966" s="9">
        <v>70125.892875399993</v>
      </c>
      <c r="BD966" s="9">
        <v>70669.930775700006</v>
      </c>
      <c r="BE966" s="9">
        <v>72241.4781582</v>
      </c>
      <c r="BF966" s="9">
        <v>73822.361637499998</v>
      </c>
      <c r="BG966" s="11">
        <v>-187</v>
      </c>
      <c r="BH966" s="13">
        <v>-0.21769499417927823</v>
      </c>
      <c r="BI966" s="6">
        <v>-55</v>
      </c>
      <c r="BJ966" s="13">
        <v>-6.4027939464493602E-2</v>
      </c>
      <c r="BK966" s="6">
        <v>-62</v>
      </c>
      <c r="BL966" s="13">
        <v>-7.7114427860696513E-2</v>
      </c>
      <c r="BM966" s="11">
        <v>-70</v>
      </c>
      <c r="BN966" s="13">
        <v>-9.4339622641509441E-2</v>
      </c>
      <c r="BO966" s="11">
        <v>-132</v>
      </c>
      <c r="BP966" s="13">
        <v>-0.16417910447761194</v>
      </c>
      <c r="BQ966" s="6">
        <v>859</v>
      </c>
      <c r="BR966" s="6">
        <v>830</v>
      </c>
      <c r="BS966" s="6">
        <v>812</v>
      </c>
      <c r="BT966" s="6">
        <v>804</v>
      </c>
      <c r="BU966" s="6">
        <v>794</v>
      </c>
      <c r="BV966" s="6">
        <v>760</v>
      </c>
      <c r="BW966" s="6">
        <v>742</v>
      </c>
      <c r="BX966" s="6">
        <v>706</v>
      </c>
      <c r="BY966" s="6">
        <v>695</v>
      </c>
      <c r="BZ966" s="6">
        <v>696</v>
      </c>
      <c r="CA966" s="6">
        <v>691</v>
      </c>
      <c r="CB966" s="6">
        <v>687</v>
      </c>
      <c r="CC966" s="11">
        <v>672</v>
      </c>
      <c r="CD966" s="11">
        <v>-602.16800000000001</v>
      </c>
      <c r="CE966" s="11">
        <v>-10963.9</v>
      </c>
      <c r="CF966" s="11">
        <v>3395.37</v>
      </c>
      <c r="CG966" s="11">
        <v>-7569</v>
      </c>
      <c r="CH966" s="20">
        <v>0.64436000000000004</v>
      </c>
      <c r="CI966" s="20">
        <v>0.66759599999999997</v>
      </c>
      <c r="CJ966" s="20">
        <v>0.69926900000000003</v>
      </c>
      <c r="CK966" s="20">
        <v>0.72826199999999996</v>
      </c>
      <c r="CL966" s="20">
        <v>0.72531199999999996</v>
      </c>
      <c r="CM966" s="20">
        <v>0.74072199999999999</v>
      </c>
      <c r="CN966" s="20">
        <v>0.74604300000000001</v>
      </c>
      <c r="CO966" s="20">
        <v>0.75869200000000003</v>
      </c>
      <c r="CP966" s="20">
        <v>0.75888900000000004</v>
      </c>
      <c r="CQ966" s="20">
        <v>0.79453700000000005</v>
      </c>
      <c r="CR966" s="20">
        <v>0.78036399999999995</v>
      </c>
      <c r="CS966" s="20">
        <v>0.75595000000000001</v>
      </c>
      <c r="CT966" s="20">
        <v>0.776065</v>
      </c>
      <c r="CU966" s="20">
        <v>0.74571200000000004</v>
      </c>
      <c r="CV966" s="20">
        <v>0.71637899999999999</v>
      </c>
      <c r="CW966" s="20">
        <v>0.72907999999999995</v>
      </c>
      <c r="CX966" s="20">
        <v>0.73288799999999998</v>
      </c>
      <c r="CY966" s="6" t="s">
        <v>538</v>
      </c>
      <c r="CZ966" s="6" t="s">
        <v>539</v>
      </c>
      <c r="DA966" s="6" t="s">
        <v>165</v>
      </c>
      <c r="DB966" s="6"/>
      <c r="DC966" s="6">
        <v>28140</v>
      </c>
      <c r="DD966" s="6">
        <v>312</v>
      </c>
      <c r="DE966" s="6" t="s">
        <v>402</v>
      </c>
      <c r="DF966" s="6" t="s">
        <v>375</v>
      </c>
      <c r="DG966" s="6" t="s">
        <v>364</v>
      </c>
      <c r="DH966" s="6" t="s">
        <v>419</v>
      </c>
      <c r="DI966" s="6" t="s">
        <v>377</v>
      </c>
      <c r="DJ966" s="6">
        <v>29</v>
      </c>
      <c r="DK966" s="6">
        <v>95</v>
      </c>
      <c r="DL966" s="6">
        <v>1</v>
      </c>
      <c r="DM966" s="6" t="s">
        <v>404</v>
      </c>
      <c r="DN966" s="6">
        <v>1</v>
      </c>
      <c r="DO966" s="6" t="s">
        <v>405</v>
      </c>
      <c r="DP966" s="6"/>
      <c r="DQ966" s="6"/>
    </row>
    <row r="967" spans="1:121" x14ac:dyDescent="0.2">
      <c r="A967" s="6" t="s">
        <v>313</v>
      </c>
      <c r="B967" s="6" t="s">
        <v>313</v>
      </c>
      <c r="C967" s="6" t="s">
        <v>178</v>
      </c>
      <c r="D967" s="6" t="s">
        <v>165</v>
      </c>
      <c r="E967" s="6" t="s">
        <v>304</v>
      </c>
      <c r="F967" s="11">
        <v>-4128</v>
      </c>
      <c r="G967" s="13">
        <v>-0.23140310555499999</v>
      </c>
      <c r="H967" s="11">
        <v>-1220.5552707999996</v>
      </c>
      <c r="I967" s="13">
        <v>-6.8419481597434176E-2</v>
      </c>
      <c r="J967" s="11">
        <v>-2267.0896185000001</v>
      </c>
      <c r="K967" s="13">
        <v>-0.13641766737377242</v>
      </c>
      <c r="L967" s="11">
        <v>-640.36566900000071</v>
      </c>
      <c r="M967" s="13">
        <v>-4.4619656521308698E-2</v>
      </c>
      <c r="N967" s="11">
        <v>-2907.4552875000008</v>
      </c>
      <c r="O967" s="13">
        <v>-0.17495041443342527</v>
      </c>
      <c r="P967" s="7">
        <v>17839.2943399</v>
      </c>
      <c r="Q967" s="7">
        <v>17198.131568000001</v>
      </c>
      <c r="R967" s="7">
        <v>16406.250968</v>
      </c>
      <c r="S967" s="7">
        <v>15759.7926188</v>
      </c>
      <c r="T967" s="7">
        <v>16044.1299428</v>
      </c>
      <c r="U967" s="7">
        <v>16336.0179243</v>
      </c>
      <c r="V967" s="7">
        <v>16618.7390691</v>
      </c>
      <c r="W967" s="7">
        <v>16466.2257393</v>
      </c>
      <c r="X967" s="7">
        <v>14987.572042899999</v>
      </c>
      <c r="Y967" s="7">
        <v>14351.6494506</v>
      </c>
      <c r="Z967" s="7">
        <v>14477.3268947</v>
      </c>
      <c r="AA967" s="7">
        <v>15137.6830011</v>
      </c>
      <c r="AB967" s="7">
        <v>14717.8697997</v>
      </c>
      <c r="AC967" s="7">
        <v>14703.3898032</v>
      </c>
      <c r="AD967" s="7">
        <v>13947.4254647</v>
      </c>
      <c r="AE967" s="7">
        <v>13772.8983032</v>
      </c>
      <c r="AF967" s="7">
        <v>13711.283781599999</v>
      </c>
      <c r="AG967" s="9">
        <v>21707.697796699998</v>
      </c>
      <c r="AH967" s="13">
        <v>0.42084703010910635</v>
      </c>
      <c r="AI967" s="9">
        <v>10757.798383099995</v>
      </c>
      <c r="AJ967" s="13">
        <v>0.20856138418918063</v>
      </c>
      <c r="AK967" s="9">
        <v>51.810277399999904</v>
      </c>
      <c r="AL967" s="13">
        <v>8.3110846129508015E-4</v>
      </c>
      <c r="AM967" s="9">
        <v>10898.089136200004</v>
      </c>
      <c r="AN967" s="13">
        <v>0.17467523893733425</v>
      </c>
      <c r="AO967" s="9">
        <v>10949.899413600004</v>
      </c>
      <c r="AP967" s="13">
        <v>0.17565152146768886</v>
      </c>
      <c r="AQ967" s="9">
        <v>51580.969434600003</v>
      </c>
      <c r="AR967" s="9">
        <v>53106.3295917</v>
      </c>
      <c r="AS967" s="9">
        <v>53805.939520499996</v>
      </c>
      <c r="AT967" s="9">
        <v>55782.5536278</v>
      </c>
      <c r="AU967" s="9">
        <v>58986.960428699997</v>
      </c>
      <c r="AV967" s="9">
        <v>59696.573200799998</v>
      </c>
      <c r="AW967" s="9">
        <v>62338.767817699998</v>
      </c>
      <c r="AX967" s="9">
        <v>63410.849941799999</v>
      </c>
      <c r="AY967" s="9">
        <v>62574.1780841</v>
      </c>
      <c r="AZ967" s="9">
        <v>62390.578095099998</v>
      </c>
      <c r="BA967" s="9">
        <v>64628.374844899998</v>
      </c>
      <c r="BB967" s="9">
        <v>69010.702372999993</v>
      </c>
      <c r="BC967" s="9">
        <v>68003.286786199998</v>
      </c>
      <c r="BD967" s="9">
        <v>69742.096587199994</v>
      </c>
      <c r="BE967" s="9">
        <v>72393.663379899997</v>
      </c>
      <c r="BF967" s="9">
        <v>73288.667231300002</v>
      </c>
      <c r="BG967" s="11">
        <v>-186.75</v>
      </c>
      <c r="BH967" s="13">
        <v>-0.14212328767123289</v>
      </c>
      <c r="BI967" s="6">
        <v>-93</v>
      </c>
      <c r="BJ967" s="13">
        <v>-7.0776255707762553E-2</v>
      </c>
      <c r="BK967" s="6">
        <v>-89</v>
      </c>
      <c r="BL967" s="13">
        <v>-7.2891072891072897E-2</v>
      </c>
      <c r="BM967" s="11">
        <v>-4.75</v>
      </c>
      <c r="BN967" s="13">
        <v>-4.1961130742049473E-3</v>
      </c>
      <c r="BO967" s="11">
        <v>-93.75</v>
      </c>
      <c r="BP967" s="13">
        <v>-7.6781326781326778E-2</v>
      </c>
      <c r="BQ967" s="6">
        <v>1314</v>
      </c>
      <c r="BR967" s="6">
        <v>1259</v>
      </c>
      <c r="BS967" s="6">
        <v>1207</v>
      </c>
      <c r="BT967" s="6">
        <v>1221</v>
      </c>
      <c r="BU967" s="6">
        <v>1217</v>
      </c>
      <c r="BV967" s="6">
        <v>1179</v>
      </c>
      <c r="BW967" s="6">
        <v>1132</v>
      </c>
      <c r="BX967" s="6">
        <v>1126</v>
      </c>
      <c r="BY967" s="6">
        <v>1147</v>
      </c>
      <c r="BZ967" s="6">
        <v>1135</v>
      </c>
      <c r="CA967" s="6">
        <v>1128</v>
      </c>
      <c r="CB967" s="6">
        <v>1137</v>
      </c>
      <c r="CC967" s="11">
        <v>1127.25</v>
      </c>
      <c r="CD967" s="11">
        <v>-4619.3900000000003</v>
      </c>
      <c r="CE967" s="11">
        <v>-1458.67</v>
      </c>
      <c r="CF967" s="11">
        <v>1950.05</v>
      </c>
      <c r="CG967" s="11">
        <v>491</v>
      </c>
      <c r="CH967" s="20">
        <v>1.0392999999999999</v>
      </c>
      <c r="CI967" s="20">
        <v>1.0409900000000001</v>
      </c>
      <c r="CJ967" s="20">
        <v>1.0185999999999999</v>
      </c>
      <c r="CK967" s="20">
        <v>0.98868800000000001</v>
      </c>
      <c r="CL967" s="20">
        <v>1.0006600000000001</v>
      </c>
      <c r="CM967" s="20">
        <v>1.0060899999999999</v>
      </c>
      <c r="CN967" s="20">
        <v>1.0138</v>
      </c>
      <c r="CO967" s="20">
        <v>1.00512</v>
      </c>
      <c r="CP967" s="20">
        <v>0.97301899999999997</v>
      </c>
      <c r="CQ967" s="20">
        <v>0.98233499999999996</v>
      </c>
      <c r="CR967" s="20">
        <v>0.98585100000000003</v>
      </c>
      <c r="CS967" s="20">
        <v>1.006</v>
      </c>
      <c r="CT967" s="20">
        <v>0.98254900000000001</v>
      </c>
      <c r="CU967" s="20">
        <v>0.98274499999999998</v>
      </c>
      <c r="CV967" s="20">
        <v>0.92080099999999998</v>
      </c>
      <c r="CW967" s="20">
        <v>0.91311600000000004</v>
      </c>
      <c r="CX967" s="20">
        <v>0.90745699999999996</v>
      </c>
      <c r="CY967" s="6" t="s">
        <v>538</v>
      </c>
      <c r="CZ967" s="6" t="s">
        <v>539</v>
      </c>
      <c r="DA967" s="6" t="s">
        <v>165</v>
      </c>
      <c r="DB967" s="6"/>
      <c r="DC967" s="6">
        <v>28140</v>
      </c>
      <c r="DD967" s="6">
        <v>312</v>
      </c>
      <c r="DE967" s="6" t="s">
        <v>402</v>
      </c>
      <c r="DF967" s="6" t="s">
        <v>375</v>
      </c>
      <c r="DG967" s="6" t="s">
        <v>364</v>
      </c>
      <c r="DH967" s="6" t="s">
        <v>419</v>
      </c>
      <c r="DI967" s="6" t="s">
        <v>377</v>
      </c>
      <c r="DJ967" s="6">
        <v>29</v>
      </c>
      <c r="DK967" s="6">
        <v>95</v>
      </c>
      <c r="DL967" s="6">
        <v>1</v>
      </c>
      <c r="DM967" s="6" t="s">
        <v>404</v>
      </c>
      <c r="DN967" s="6">
        <v>1</v>
      </c>
      <c r="DO967" s="6" t="s">
        <v>405</v>
      </c>
      <c r="DP967" s="6"/>
      <c r="DQ967" s="6"/>
    </row>
    <row r="968" spans="1:121" x14ac:dyDescent="0.2">
      <c r="A968" s="6" t="s">
        <v>793</v>
      </c>
      <c r="B968" s="6" t="s">
        <v>179</v>
      </c>
      <c r="C968" s="6" t="s">
        <v>180</v>
      </c>
      <c r="D968" s="6" t="s">
        <v>165</v>
      </c>
      <c r="E968" s="6" t="s">
        <v>304</v>
      </c>
      <c r="F968" s="11">
        <v>-1678</v>
      </c>
      <c r="G968" s="13">
        <v>-0.04</v>
      </c>
      <c r="H968" s="11">
        <v>-1376</v>
      </c>
      <c r="I968" s="13">
        <v>-3.5627362643053183E-2</v>
      </c>
      <c r="J968" s="11">
        <v>-2454</v>
      </c>
      <c r="K968" s="13">
        <v>-6.5886269666541375E-2</v>
      </c>
      <c r="L968" s="11">
        <v>2152</v>
      </c>
      <c r="M968" s="13">
        <v>6.1853299609105544E-2</v>
      </c>
      <c r="N968" s="11">
        <v>-302</v>
      </c>
      <c r="O968" s="13">
        <v>-8.108253235246738E-3</v>
      </c>
      <c r="P968" s="7">
        <v>38622</v>
      </c>
      <c r="Q968" s="7">
        <v>38709</v>
      </c>
      <c r="R968" s="7">
        <v>38742</v>
      </c>
      <c r="S968" s="7">
        <v>38464</v>
      </c>
      <c r="T968" s="7">
        <v>38182</v>
      </c>
      <c r="U968" s="7">
        <v>37934</v>
      </c>
      <c r="V968" s="7">
        <v>37246</v>
      </c>
      <c r="W968" s="7">
        <v>36029</v>
      </c>
      <c r="X968" s="7">
        <v>35085</v>
      </c>
      <c r="Y968" s="7">
        <v>34792</v>
      </c>
      <c r="Z968" s="7">
        <v>35471</v>
      </c>
      <c r="AA968" s="7">
        <v>35533</v>
      </c>
      <c r="AB968" s="7">
        <v>35622</v>
      </c>
      <c r="AC968" s="7">
        <v>36039</v>
      </c>
      <c r="AD968" s="7">
        <v>36410</v>
      </c>
      <c r="AE968" s="7">
        <v>36773</v>
      </c>
      <c r="AF968" s="7">
        <v>36944</v>
      </c>
      <c r="AG968" s="9">
        <v>7487</v>
      </c>
      <c r="AH968" s="13">
        <v>0.28405038318537068</v>
      </c>
      <c r="AI968" s="9">
        <v>3574</v>
      </c>
      <c r="AJ968" s="13">
        <v>0.13559450641171561</v>
      </c>
      <c r="AK968" s="9">
        <v>1577</v>
      </c>
      <c r="AL968" s="13">
        <v>5.2686088467192305E-2</v>
      </c>
      <c r="AM968" s="9">
        <v>2336</v>
      </c>
      <c r="AN968" s="13">
        <v>7.4137548002158118E-2</v>
      </c>
      <c r="AO968" s="9">
        <v>3913</v>
      </c>
      <c r="AP968" s="13">
        <v>0.13072965388213284</v>
      </c>
      <c r="AQ968" s="9">
        <v>26358</v>
      </c>
      <c r="AR968" s="9">
        <v>27242</v>
      </c>
      <c r="AS968" s="9">
        <v>27920</v>
      </c>
      <c r="AT968" s="9">
        <v>27997</v>
      </c>
      <c r="AU968" s="9">
        <v>28469</v>
      </c>
      <c r="AV968" s="9">
        <v>29392</v>
      </c>
      <c r="AW968" s="9">
        <v>29932</v>
      </c>
      <c r="AX968" s="9">
        <v>30514</v>
      </c>
      <c r="AY968" s="9">
        <v>30802</v>
      </c>
      <c r="AZ968" s="9">
        <v>31509</v>
      </c>
      <c r="BA968" s="9">
        <v>31245</v>
      </c>
      <c r="BB968" s="9">
        <v>31678</v>
      </c>
      <c r="BC968" s="9">
        <v>32847</v>
      </c>
      <c r="BD968" s="9">
        <v>32448</v>
      </c>
      <c r="BE968" s="9">
        <v>33021</v>
      </c>
      <c r="BF968" s="9">
        <v>33845</v>
      </c>
      <c r="BG968" s="11">
        <v>-234</v>
      </c>
      <c r="BH968" s="13">
        <v>-9.9616858237547887E-2</v>
      </c>
      <c r="BI968" s="6">
        <v>-136</v>
      </c>
      <c r="BJ968" s="13">
        <v>-5.7896977437207321E-2</v>
      </c>
      <c r="BK968" s="6">
        <v>-100</v>
      </c>
      <c r="BL968" s="13">
        <v>-4.5187528242205149E-2</v>
      </c>
      <c r="BM968" s="11">
        <v>2</v>
      </c>
      <c r="BN968" s="13">
        <v>9.4652153336488402E-4</v>
      </c>
      <c r="BO968" s="11">
        <v>-98</v>
      </c>
      <c r="BP968" s="13">
        <v>-4.4283777677361046E-2</v>
      </c>
      <c r="BQ968" s="6">
        <v>2349</v>
      </c>
      <c r="BR968" s="6">
        <v>2284</v>
      </c>
      <c r="BS968" s="6">
        <v>2245</v>
      </c>
      <c r="BT968" s="6">
        <v>2213</v>
      </c>
      <c r="BU968" s="6">
        <v>2199</v>
      </c>
      <c r="BV968" s="6">
        <v>2155</v>
      </c>
      <c r="BW968" s="6">
        <v>2113</v>
      </c>
      <c r="BX968" s="6">
        <v>2095</v>
      </c>
      <c r="BY968" s="6">
        <v>2100</v>
      </c>
      <c r="BZ968" s="6">
        <v>2105</v>
      </c>
      <c r="CA968" s="6">
        <v>2131</v>
      </c>
      <c r="CB968" s="6">
        <v>2132</v>
      </c>
      <c r="CC968" s="11">
        <v>2115</v>
      </c>
      <c r="CD968" s="11">
        <v>-3425</v>
      </c>
      <c r="CE968" s="11">
        <v>-2475</v>
      </c>
      <c r="CF968" s="11">
        <v>4222</v>
      </c>
      <c r="CG968" s="11">
        <v>1747</v>
      </c>
      <c r="CH968" s="20">
        <v>0.84</v>
      </c>
      <c r="CI968" s="20">
        <v>0.86</v>
      </c>
      <c r="CJ968" s="20">
        <v>0.89</v>
      </c>
      <c r="CK968" s="20">
        <v>0.89</v>
      </c>
      <c r="CL968" s="20">
        <v>0.88</v>
      </c>
      <c r="CM968" s="20">
        <v>0.88</v>
      </c>
      <c r="CN968" s="20">
        <v>0.86</v>
      </c>
      <c r="CO968" s="20">
        <v>0.84</v>
      </c>
      <c r="CP968" s="20">
        <v>0.86</v>
      </c>
      <c r="CQ968" s="20">
        <v>0.89</v>
      </c>
      <c r="CR968" s="20">
        <v>0.9</v>
      </c>
      <c r="CS968" s="20">
        <v>0.88</v>
      </c>
      <c r="CT968" s="20">
        <v>0.89</v>
      </c>
      <c r="CU968" s="20">
        <v>0.9</v>
      </c>
      <c r="CV968" s="20">
        <v>0.89</v>
      </c>
      <c r="CW968" s="20">
        <v>0.89</v>
      </c>
      <c r="CX968" s="20">
        <v>0.9</v>
      </c>
      <c r="CY968" s="6" t="s">
        <v>538</v>
      </c>
      <c r="CZ968" s="6" t="s">
        <v>539</v>
      </c>
      <c r="DA968" s="6" t="s">
        <v>165</v>
      </c>
      <c r="DB968" s="6"/>
      <c r="DC968" s="6">
        <v>28140</v>
      </c>
      <c r="DD968" s="6">
        <v>312</v>
      </c>
      <c r="DE968" s="6" t="s">
        <v>402</v>
      </c>
      <c r="DF968" s="6" t="s">
        <v>375</v>
      </c>
      <c r="DG968" s="6" t="s">
        <v>364</v>
      </c>
      <c r="DH968" s="6" t="s">
        <v>419</v>
      </c>
      <c r="DI968" s="6" t="s">
        <v>377</v>
      </c>
      <c r="DJ968" s="6">
        <v>29</v>
      </c>
      <c r="DK968" s="6">
        <v>95</v>
      </c>
      <c r="DL968" s="6">
        <v>1</v>
      </c>
      <c r="DM968" s="6" t="s">
        <v>404</v>
      </c>
      <c r="DN968" s="6">
        <v>1</v>
      </c>
      <c r="DO968" s="6" t="s">
        <v>405</v>
      </c>
      <c r="DP968" s="6"/>
      <c r="DQ968" s="6"/>
    </row>
    <row r="969" spans="1:121" x14ac:dyDescent="0.2">
      <c r="A969" s="6" t="s">
        <v>794</v>
      </c>
      <c r="B969" s="6" t="s">
        <v>181</v>
      </c>
      <c r="C969" s="6" t="s">
        <v>182</v>
      </c>
      <c r="D969" s="6" t="s">
        <v>165</v>
      </c>
      <c r="E969" s="6" t="s">
        <v>304</v>
      </c>
      <c r="F969" s="11">
        <v>772</v>
      </c>
      <c r="G969" s="13">
        <v>6.7517928983700001E-2</v>
      </c>
      <c r="H969" s="11">
        <v>539.27078140000049</v>
      </c>
      <c r="I969" s="13">
        <v>4.7165406983358346E-2</v>
      </c>
      <c r="J969" s="11">
        <v>-2071.3426803300008</v>
      </c>
      <c r="K969" s="13">
        <v>-0.17300289205595551</v>
      </c>
      <c r="L969" s="11">
        <v>2304.7540790300009</v>
      </c>
      <c r="M969" s="13">
        <v>0.23276732236147132</v>
      </c>
      <c r="N969" s="11">
        <v>233.41139870000006</v>
      </c>
      <c r="O969" s="13">
        <v>1.949501036086039E-2</v>
      </c>
      <c r="P969" s="7">
        <v>11433.608144</v>
      </c>
      <c r="Q969" s="7">
        <v>10371.4999952</v>
      </c>
      <c r="R969" s="7">
        <v>9767.0745606300006</v>
      </c>
      <c r="S969" s="7">
        <v>10523.555207699999</v>
      </c>
      <c r="T969" s="7">
        <v>11281.537689000001</v>
      </c>
      <c r="U969" s="7">
        <v>12335.379858300001</v>
      </c>
      <c r="V969" s="7">
        <v>11972.8789254</v>
      </c>
      <c r="W969" s="7">
        <v>11910.705113</v>
      </c>
      <c r="X969" s="7">
        <v>11061.689089400001</v>
      </c>
      <c r="Y969" s="7">
        <v>9901.5362450699995</v>
      </c>
      <c r="Z969" s="7">
        <v>9920.6823418399999</v>
      </c>
      <c r="AA969" s="7">
        <v>10576.1478668</v>
      </c>
      <c r="AB969" s="7">
        <v>10926.4082475</v>
      </c>
      <c r="AC969" s="7">
        <v>11581.528129300001</v>
      </c>
      <c r="AD969" s="7">
        <v>12212.2882763</v>
      </c>
      <c r="AE969" s="7">
        <v>12029.153761400001</v>
      </c>
      <c r="AF969" s="7">
        <v>12206.2903241</v>
      </c>
      <c r="AG969" s="9">
        <v>18729.4076642</v>
      </c>
      <c r="AH969" s="13">
        <v>0.45637497641624197</v>
      </c>
      <c r="AI969" s="9">
        <v>7992.9883035000021</v>
      </c>
      <c r="AJ969" s="13">
        <v>0.19476322550646571</v>
      </c>
      <c r="AK969" s="9">
        <v>4316.7251527999979</v>
      </c>
      <c r="AL969" s="13">
        <v>8.8038033283910189E-2</v>
      </c>
      <c r="AM969" s="9">
        <v>6419.6942079</v>
      </c>
      <c r="AN969" s="13">
        <v>0.12033340313496016</v>
      </c>
      <c r="AO969" s="9">
        <v>10736.419360699998</v>
      </c>
      <c r="AP969" s="13">
        <v>0.21896535256923216</v>
      </c>
      <c r="AQ969" s="9">
        <v>41039.514942900001</v>
      </c>
      <c r="AR969" s="9">
        <v>42182.012495100003</v>
      </c>
      <c r="AS969" s="9">
        <v>43031.768133600002</v>
      </c>
      <c r="AT969" s="9">
        <v>45227.214960899997</v>
      </c>
      <c r="AU969" s="9">
        <v>46932.080122200001</v>
      </c>
      <c r="AV969" s="9">
        <v>47134.643589799998</v>
      </c>
      <c r="AW969" s="9">
        <v>49032.503246400003</v>
      </c>
      <c r="AX969" s="9">
        <v>49866.016722400003</v>
      </c>
      <c r="AY969" s="9">
        <v>51101.107882199998</v>
      </c>
      <c r="AZ969" s="9">
        <v>53349.228399200001</v>
      </c>
      <c r="BA969" s="9">
        <v>55156.2838491</v>
      </c>
      <c r="BB969" s="9">
        <v>55100.973832399999</v>
      </c>
      <c r="BC969" s="9">
        <v>57113.035784799999</v>
      </c>
      <c r="BD969" s="9">
        <v>57740.057471400003</v>
      </c>
      <c r="BE969" s="9">
        <v>59635.366466500003</v>
      </c>
      <c r="BF969" s="9">
        <v>59768.922607100001</v>
      </c>
      <c r="BG969" s="11">
        <v>-51.5</v>
      </c>
      <c r="BH969" s="13">
        <v>-0.10596707818930041</v>
      </c>
      <c r="BI969" s="6">
        <v>-5</v>
      </c>
      <c r="BJ969" s="13">
        <v>-1.0288065843621399E-2</v>
      </c>
      <c r="BK969" s="6">
        <v>-48</v>
      </c>
      <c r="BL969" s="13">
        <v>-9.9792099792099798E-2</v>
      </c>
      <c r="BM969" s="11">
        <v>1.5</v>
      </c>
      <c r="BN969" s="13">
        <v>3.4642032332563512E-3</v>
      </c>
      <c r="BO969" s="11">
        <v>-46.5</v>
      </c>
      <c r="BP969" s="13">
        <v>-9.6673596673596679E-2</v>
      </c>
      <c r="BQ969" s="6">
        <v>486</v>
      </c>
      <c r="BR969" s="6">
        <v>479</v>
      </c>
      <c r="BS969" s="6">
        <v>482</v>
      </c>
      <c r="BT969" s="6">
        <v>481</v>
      </c>
      <c r="BU969" s="6">
        <v>473</v>
      </c>
      <c r="BV969" s="6">
        <v>465</v>
      </c>
      <c r="BW969" s="6">
        <v>433</v>
      </c>
      <c r="BX969" s="6">
        <v>418</v>
      </c>
      <c r="BY969" s="6">
        <v>413</v>
      </c>
      <c r="BZ969" s="6">
        <v>408</v>
      </c>
      <c r="CA969" s="6">
        <v>421</v>
      </c>
      <c r="CB969" s="6">
        <v>440</v>
      </c>
      <c r="CC969" s="11">
        <v>434.5</v>
      </c>
      <c r="CD969" s="11">
        <v>-1197.81</v>
      </c>
      <c r="CE969" s="11">
        <v>720.66499999999996</v>
      </c>
      <c r="CF969" s="11">
        <v>1249.83</v>
      </c>
      <c r="CG969" s="11">
        <v>1971</v>
      </c>
      <c r="CH969" s="20">
        <v>0.84146799999999999</v>
      </c>
      <c r="CI969" s="20">
        <v>0.79977200000000004</v>
      </c>
      <c r="CJ969" s="20">
        <v>0.77416499999999999</v>
      </c>
      <c r="CK969" s="20">
        <v>0.83472299999999999</v>
      </c>
      <c r="CL969" s="20">
        <v>0.88429899999999995</v>
      </c>
      <c r="CM969" s="20">
        <v>0.95203300000000002</v>
      </c>
      <c r="CN969" s="20">
        <v>0.913327</v>
      </c>
      <c r="CO969" s="20">
        <v>0.90924700000000003</v>
      </c>
      <c r="CP969" s="20">
        <v>0.89549999999999996</v>
      </c>
      <c r="CQ969" s="20">
        <v>0.84001199999999998</v>
      </c>
      <c r="CR969" s="20">
        <v>0.82646500000000001</v>
      </c>
      <c r="CS969" s="20">
        <v>0.85649799999999998</v>
      </c>
      <c r="CT969" s="20">
        <v>0.88355799999999995</v>
      </c>
      <c r="CU969" s="20">
        <v>0.91674800000000001</v>
      </c>
      <c r="CV969" s="20">
        <v>0.92214600000000002</v>
      </c>
      <c r="CW969" s="20">
        <v>0.88883199999999996</v>
      </c>
      <c r="CX969" s="20">
        <v>0.894478</v>
      </c>
      <c r="CY969" s="6" t="s">
        <v>538</v>
      </c>
      <c r="CZ969" s="6" t="s">
        <v>539</v>
      </c>
      <c r="DA969" s="6" t="s">
        <v>165</v>
      </c>
      <c r="DB969" s="6"/>
      <c r="DC969" s="6">
        <v>28140</v>
      </c>
      <c r="DD969" s="6">
        <v>312</v>
      </c>
      <c r="DE969" s="6" t="s">
        <v>402</v>
      </c>
      <c r="DF969" s="6" t="s">
        <v>375</v>
      </c>
      <c r="DG969" s="6" t="s">
        <v>364</v>
      </c>
      <c r="DH969" s="6" t="s">
        <v>419</v>
      </c>
      <c r="DI969" s="6" t="s">
        <v>377</v>
      </c>
      <c r="DJ969" s="6">
        <v>29</v>
      </c>
      <c r="DK969" s="6">
        <v>95</v>
      </c>
      <c r="DL969" s="6">
        <v>1</v>
      </c>
      <c r="DM969" s="6" t="s">
        <v>404</v>
      </c>
      <c r="DN969" s="6">
        <v>1</v>
      </c>
      <c r="DO969" s="6" t="s">
        <v>405</v>
      </c>
      <c r="DP969" s="6"/>
      <c r="DQ969" s="6"/>
    </row>
    <row r="970" spans="1:121" x14ac:dyDescent="0.2">
      <c r="A970" s="6" t="s">
        <v>314</v>
      </c>
      <c r="B970" s="6" t="s">
        <v>314</v>
      </c>
      <c r="C970" s="6" t="s">
        <v>183</v>
      </c>
      <c r="D970" s="6" t="s">
        <v>165</v>
      </c>
      <c r="E970" s="6" t="s">
        <v>304</v>
      </c>
      <c r="F970" s="11">
        <v>-17013</v>
      </c>
      <c r="G970" s="13">
        <v>-0.67162764991500001</v>
      </c>
      <c r="H970" s="11">
        <v>-7710.1455829000006</v>
      </c>
      <c r="I970" s="13">
        <v>-0.30437628108931247</v>
      </c>
      <c r="J970" s="11">
        <v>-6666.5998132000004</v>
      </c>
      <c r="K970" s="13">
        <v>-0.37833649135581254</v>
      </c>
      <c r="L970" s="11">
        <v>-2636.1463581400003</v>
      </c>
      <c r="M970" s="13">
        <v>-0.24065117660612767</v>
      </c>
      <c r="N970" s="11">
        <v>-9302.7461713400007</v>
      </c>
      <c r="O970" s="13">
        <v>-0.52794054616412989</v>
      </c>
      <c r="P970" s="7">
        <v>25330.967167700001</v>
      </c>
      <c r="Q970" s="7">
        <v>22339.081309599998</v>
      </c>
      <c r="R970" s="7">
        <v>20735.064105400001</v>
      </c>
      <c r="S970" s="7">
        <v>19743.291527599999</v>
      </c>
      <c r="T970" s="7">
        <v>18680.374782300001</v>
      </c>
      <c r="U970" s="7">
        <v>17662.346504900001</v>
      </c>
      <c r="V970" s="7">
        <v>17620.8215848</v>
      </c>
      <c r="W970" s="7">
        <v>18260.3515186</v>
      </c>
      <c r="X970" s="7">
        <v>17592.853883700001</v>
      </c>
      <c r="Y970" s="7">
        <v>10954.2217716</v>
      </c>
      <c r="Z970" s="7">
        <v>9517.1477424200002</v>
      </c>
      <c r="AA970" s="7">
        <v>9947.6833162999992</v>
      </c>
      <c r="AB970" s="7">
        <v>9719.5655513099991</v>
      </c>
      <c r="AC970" s="7">
        <v>9525.6948828200002</v>
      </c>
      <c r="AD970" s="7">
        <v>9028.2413935599998</v>
      </c>
      <c r="AE970" s="7">
        <v>8958.5369241900007</v>
      </c>
      <c r="AF970" s="7">
        <v>8318.0754134599993</v>
      </c>
      <c r="AG970" s="9">
        <v>25802.521460299999</v>
      </c>
      <c r="AH970" s="13">
        <v>0.44155658103459833</v>
      </c>
      <c r="AI970" s="9">
        <v>17937.415679599995</v>
      </c>
      <c r="AJ970" s="13">
        <v>0.30696162591190734</v>
      </c>
      <c r="AK970" s="9">
        <v>-2844.072694699993</v>
      </c>
      <c r="AL970" s="13">
        <v>-3.7239348163382563E-2</v>
      </c>
      <c r="AM970" s="9">
        <v>10709.178475399996</v>
      </c>
      <c r="AN970" s="13">
        <v>0.14564621466796582</v>
      </c>
      <c r="AO970" s="9">
        <v>7865.1057807000034</v>
      </c>
      <c r="AP970" s="13">
        <v>0.10298309640788414</v>
      </c>
      <c r="AQ970" s="9">
        <v>58435.3683504</v>
      </c>
      <c r="AR970" s="9">
        <v>58936.197011299999</v>
      </c>
      <c r="AS970" s="9">
        <v>62010.418984099997</v>
      </c>
      <c r="AT970" s="9">
        <v>66042.900683400003</v>
      </c>
      <c r="AU970" s="9">
        <v>68072.8644661</v>
      </c>
      <c r="AV970" s="9">
        <v>71760.464237499997</v>
      </c>
      <c r="AW970" s="9">
        <v>76372.784029999995</v>
      </c>
      <c r="AX970" s="9">
        <v>74202.519087099994</v>
      </c>
      <c r="AY970" s="9">
        <v>79841.973308600005</v>
      </c>
      <c r="AZ970" s="9">
        <v>73528.711335300002</v>
      </c>
      <c r="BA970" s="9">
        <v>72613.529965199996</v>
      </c>
      <c r="BB970" s="9">
        <v>76018.552259699994</v>
      </c>
      <c r="BC970" s="9">
        <v>78032.6819483</v>
      </c>
      <c r="BD970" s="9">
        <v>80223.9796603</v>
      </c>
      <c r="BE970" s="9">
        <v>81259.927244199993</v>
      </c>
      <c r="BF970" s="9">
        <v>84237.889810699999</v>
      </c>
      <c r="BG970" s="11">
        <v>-79.75</v>
      </c>
      <c r="BH970" s="13">
        <v>-0.22152777777777777</v>
      </c>
      <c r="BI970" s="6">
        <v>-11</v>
      </c>
      <c r="BJ970" s="13">
        <v>-3.0555555555555555E-2</v>
      </c>
      <c r="BK970" s="6">
        <v>-41</v>
      </c>
      <c r="BL970" s="13">
        <v>-0.1174785100286533</v>
      </c>
      <c r="BM970" s="11">
        <v>-27.75</v>
      </c>
      <c r="BN970" s="13">
        <v>-9.0097402597402593E-2</v>
      </c>
      <c r="BO970" s="11">
        <v>-68.75</v>
      </c>
      <c r="BP970" s="13">
        <v>-0.19699140401146131</v>
      </c>
      <c r="BQ970" s="6">
        <v>360</v>
      </c>
      <c r="BR970" s="6">
        <v>344</v>
      </c>
      <c r="BS970" s="6">
        <v>341</v>
      </c>
      <c r="BT970" s="6">
        <v>349</v>
      </c>
      <c r="BU970" s="6">
        <v>342</v>
      </c>
      <c r="BV970" s="6">
        <v>323</v>
      </c>
      <c r="BW970" s="6">
        <v>308</v>
      </c>
      <c r="BX970" s="6">
        <v>284</v>
      </c>
      <c r="BY970" s="6">
        <v>290</v>
      </c>
      <c r="BZ970" s="6">
        <v>285</v>
      </c>
      <c r="CA970" s="6">
        <v>283</v>
      </c>
      <c r="CB970" s="6">
        <v>276</v>
      </c>
      <c r="CC970" s="11">
        <v>280.25</v>
      </c>
      <c r="CD970" s="11">
        <v>-12023.2</v>
      </c>
      <c r="CE970" s="11">
        <v>-7758.63</v>
      </c>
      <c r="CF970" s="11">
        <v>2768.98</v>
      </c>
      <c r="CG970" s="11">
        <v>-4990</v>
      </c>
      <c r="CH970" s="20">
        <v>2.3673700000000002</v>
      </c>
      <c r="CI970" s="20">
        <v>2.2492200000000002</v>
      </c>
      <c r="CJ970" s="20">
        <v>2.24072</v>
      </c>
      <c r="CK970" s="20">
        <v>2.2253799999999999</v>
      </c>
      <c r="CL970" s="20">
        <v>2.1596500000000001</v>
      </c>
      <c r="CM970" s="20">
        <v>2.0704600000000002</v>
      </c>
      <c r="CN970" s="20">
        <v>2.0883600000000002</v>
      </c>
      <c r="CO970" s="20">
        <v>2.1845699999999999</v>
      </c>
      <c r="CP970" s="20">
        <v>2.2214200000000002</v>
      </c>
      <c r="CQ970" s="20">
        <v>1.4867900000000001</v>
      </c>
      <c r="CR970" s="20">
        <v>1.3156600000000001</v>
      </c>
      <c r="CS970" s="20">
        <v>1.3638300000000001</v>
      </c>
      <c r="CT970" s="20">
        <v>1.3444</v>
      </c>
      <c r="CU970" s="20">
        <v>1.3174300000000001</v>
      </c>
      <c r="CV970" s="20">
        <v>1.23461</v>
      </c>
      <c r="CW970" s="20">
        <v>1.21187</v>
      </c>
      <c r="CX970" s="20">
        <v>1.13005</v>
      </c>
      <c r="CY970" s="6" t="s">
        <v>538</v>
      </c>
      <c r="CZ970" s="6" t="s">
        <v>539</v>
      </c>
      <c r="DA970" s="6" t="s">
        <v>165</v>
      </c>
      <c r="DB970" s="6"/>
      <c r="DC970" s="6">
        <v>28140</v>
      </c>
      <c r="DD970" s="6">
        <v>312</v>
      </c>
      <c r="DE970" s="6" t="s">
        <v>402</v>
      </c>
      <c r="DF970" s="6" t="s">
        <v>375</v>
      </c>
      <c r="DG970" s="6" t="s">
        <v>364</v>
      </c>
      <c r="DH970" s="6" t="s">
        <v>419</v>
      </c>
      <c r="DI970" s="6" t="s">
        <v>377</v>
      </c>
      <c r="DJ970" s="6">
        <v>29</v>
      </c>
      <c r="DK970" s="6">
        <v>95</v>
      </c>
      <c r="DL970" s="6">
        <v>1</v>
      </c>
      <c r="DM970" s="6" t="s">
        <v>404</v>
      </c>
      <c r="DN970" s="6">
        <v>1</v>
      </c>
      <c r="DO970" s="6" t="s">
        <v>405</v>
      </c>
      <c r="DP970" s="6"/>
      <c r="DQ970" s="6"/>
    </row>
    <row r="971" spans="1:121" x14ac:dyDescent="0.2">
      <c r="A971" s="6" t="s">
        <v>315</v>
      </c>
      <c r="B971" s="6" t="s">
        <v>315</v>
      </c>
      <c r="C971" s="6" t="s">
        <v>184</v>
      </c>
      <c r="D971" s="6" t="s">
        <v>165</v>
      </c>
      <c r="E971" s="6" t="s">
        <v>304</v>
      </c>
      <c r="F971" s="11">
        <v>-4675</v>
      </c>
      <c r="G971" s="13">
        <v>-0.17</v>
      </c>
      <c r="H971" s="11">
        <v>-3049</v>
      </c>
      <c r="I971" s="13">
        <v>-0.10787192641075535</v>
      </c>
      <c r="J971" s="11">
        <v>-290</v>
      </c>
      <c r="K971" s="13">
        <v>-1.1500634517766496E-2</v>
      </c>
      <c r="L971" s="11">
        <v>-1336</v>
      </c>
      <c r="M971" s="13">
        <v>-5.3598652009949448E-2</v>
      </c>
      <c r="N971" s="11">
        <v>-1626</v>
      </c>
      <c r="O971" s="13">
        <v>-6.4482868020304562E-2</v>
      </c>
      <c r="P971" s="7">
        <v>28265</v>
      </c>
      <c r="Q971" s="7">
        <v>27875</v>
      </c>
      <c r="R971" s="7">
        <v>26605</v>
      </c>
      <c r="S971" s="7">
        <v>26569</v>
      </c>
      <c r="T971" s="7">
        <v>25610</v>
      </c>
      <c r="U971" s="7">
        <v>25827</v>
      </c>
      <c r="V971" s="7">
        <v>25216</v>
      </c>
      <c r="W971" s="7">
        <v>24405</v>
      </c>
      <c r="X971" s="7">
        <v>24574</v>
      </c>
      <c r="Y971" s="7">
        <v>24926</v>
      </c>
      <c r="Z971" s="7">
        <v>24604</v>
      </c>
      <c r="AA971" s="7">
        <v>25058</v>
      </c>
      <c r="AB971" s="7">
        <v>24155</v>
      </c>
      <c r="AC971" s="7">
        <v>23761</v>
      </c>
      <c r="AD971" s="7">
        <v>23287</v>
      </c>
      <c r="AE971" s="7">
        <v>23671</v>
      </c>
      <c r="AF971" s="7">
        <v>23590</v>
      </c>
      <c r="AG971" s="9">
        <v>40062</v>
      </c>
      <c r="AH971" s="13">
        <v>0.66083829569635288</v>
      </c>
      <c r="AI971" s="9">
        <v>16334</v>
      </c>
      <c r="AJ971" s="13">
        <v>0.26943569272388368</v>
      </c>
      <c r="AK971" s="9">
        <v>3540</v>
      </c>
      <c r="AL971" s="13">
        <v>4.5999714126070401E-2</v>
      </c>
      <c r="AM971" s="9">
        <v>20188</v>
      </c>
      <c r="AN971" s="13">
        <v>0.2507919549796887</v>
      </c>
      <c r="AO971" s="9">
        <v>23728</v>
      </c>
      <c r="AP971" s="13">
        <v>0.30832802733994308</v>
      </c>
      <c r="AQ971" s="9">
        <v>60623</v>
      </c>
      <c r="AR971" s="9">
        <v>61981</v>
      </c>
      <c r="AS971" s="9">
        <v>63936</v>
      </c>
      <c r="AT971" s="9">
        <v>65247</v>
      </c>
      <c r="AU971" s="9">
        <v>70879</v>
      </c>
      <c r="AV971" s="9">
        <v>74668</v>
      </c>
      <c r="AW971" s="9">
        <v>76957</v>
      </c>
      <c r="AX971" s="9">
        <v>78498</v>
      </c>
      <c r="AY971" s="9">
        <v>77646</v>
      </c>
      <c r="AZ971" s="9">
        <v>80497</v>
      </c>
      <c r="BA971" s="9">
        <v>82641</v>
      </c>
      <c r="BB971" s="9">
        <v>90445</v>
      </c>
      <c r="BC971" s="9">
        <v>90503</v>
      </c>
      <c r="BD971" s="9">
        <v>92279</v>
      </c>
      <c r="BE971" s="9">
        <v>96265</v>
      </c>
      <c r="BF971" s="9">
        <v>100685</v>
      </c>
      <c r="BG971" s="11">
        <v>-111</v>
      </c>
      <c r="BH971" s="13">
        <v>-8.9660743134087242E-2</v>
      </c>
      <c r="BI971" s="6">
        <v>60</v>
      </c>
      <c r="BJ971" s="13">
        <v>4.8465266558966075E-2</v>
      </c>
      <c r="BK971" s="6">
        <v>-117</v>
      </c>
      <c r="BL971" s="13">
        <v>-9.0138674884437595E-2</v>
      </c>
      <c r="BM971" s="11">
        <v>-54</v>
      </c>
      <c r="BN971" s="13">
        <v>-4.5723962743437763E-2</v>
      </c>
      <c r="BO971" s="11">
        <v>-171</v>
      </c>
      <c r="BP971" s="13">
        <v>-0.13174114021571648</v>
      </c>
      <c r="BQ971" s="6">
        <v>1238</v>
      </c>
      <c r="BR971" s="6">
        <v>1257</v>
      </c>
      <c r="BS971" s="6">
        <v>1259</v>
      </c>
      <c r="BT971" s="6">
        <v>1298</v>
      </c>
      <c r="BU971" s="6">
        <v>1249</v>
      </c>
      <c r="BV971" s="6">
        <v>1218</v>
      </c>
      <c r="BW971" s="6">
        <v>1181</v>
      </c>
      <c r="BX971" s="6">
        <v>1150</v>
      </c>
      <c r="BY971" s="6">
        <v>1139</v>
      </c>
      <c r="BZ971" s="6">
        <v>1120</v>
      </c>
      <c r="CA971" s="6">
        <v>1124</v>
      </c>
      <c r="CB971" s="6">
        <v>1130</v>
      </c>
      <c r="CC971" s="11">
        <v>1127</v>
      </c>
      <c r="CD971" s="11">
        <v>-5516</v>
      </c>
      <c r="CE971" s="11">
        <v>-2248</v>
      </c>
      <c r="CF971" s="11">
        <v>3090</v>
      </c>
      <c r="CG971" s="11">
        <v>842</v>
      </c>
      <c r="CH971" s="20">
        <v>1.62</v>
      </c>
      <c r="CI971" s="20">
        <v>1.63</v>
      </c>
      <c r="CJ971" s="20">
        <v>1.56</v>
      </c>
      <c r="CK971" s="20">
        <v>1.58</v>
      </c>
      <c r="CL971" s="20">
        <v>1.51</v>
      </c>
      <c r="CM971" s="20">
        <v>1.51</v>
      </c>
      <c r="CN971" s="20">
        <v>1.49</v>
      </c>
      <c r="CO971" s="20">
        <v>1.47</v>
      </c>
      <c r="CP971" s="20">
        <v>1.54</v>
      </c>
      <c r="CQ971" s="20">
        <v>1.65</v>
      </c>
      <c r="CR971" s="20">
        <v>1.63</v>
      </c>
      <c r="CS971" s="20">
        <v>1.64</v>
      </c>
      <c r="CT971" s="20">
        <v>1.6</v>
      </c>
      <c r="CU971" s="20">
        <v>1.59</v>
      </c>
      <c r="CV971" s="20">
        <v>1.53</v>
      </c>
      <c r="CW971" s="20">
        <v>1.54</v>
      </c>
      <c r="CX971" s="20">
        <v>1.53</v>
      </c>
      <c r="CY971" s="6" t="s">
        <v>538</v>
      </c>
      <c r="CZ971" s="6" t="s">
        <v>539</v>
      </c>
      <c r="DA971" s="6" t="s">
        <v>165</v>
      </c>
      <c r="DB971" s="6"/>
      <c r="DC971" s="6">
        <v>28140</v>
      </c>
      <c r="DD971" s="6">
        <v>312</v>
      </c>
      <c r="DE971" s="6" t="s">
        <v>402</v>
      </c>
      <c r="DF971" s="6" t="s">
        <v>375</v>
      </c>
      <c r="DG971" s="6" t="s">
        <v>364</v>
      </c>
      <c r="DH971" s="6" t="s">
        <v>419</v>
      </c>
      <c r="DI971" s="6" t="s">
        <v>377</v>
      </c>
      <c r="DJ971" s="6">
        <v>29</v>
      </c>
      <c r="DK971" s="6">
        <v>95</v>
      </c>
      <c r="DL971" s="6">
        <v>1</v>
      </c>
      <c r="DM971" s="6" t="s">
        <v>404</v>
      </c>
      <c r="DN971" s="6">
        <v>1</v>
      </c>
      <c r="DO971" s="6" t="s">
        <v>405</v>
      </c>
      <c r="DP971" s="6"/>
      <c r="DQ971" s="6"/>
    </row>
    <row r="972" spans="1:121" x14ac:dyDescent="0.2">
      <c r="A972" s="6" t="s">
        <v>316</v>
      </c>
      <c r="B972" s="6" t="s">
        <v>316</v>
      </c>
      <c r="C972" s="6" t="s">
        <v>185</v>
      </c>
      <c r="D972" s="6" t="s">
        <v>165</v>
      </c>
      <c r="E972" s="6" t="s">
        <v>304</v>
      </c>
      <c r="F972" s="11">
        <v>-1968</v>
      </c>
      <c r="G972" s="13">
        <v>-0.24</v>
      </c>
      <c r="H972" s="11">
        <v>12</v>
      </c>
      <c r="I972" s="13">
        <v>1.4596764383894903E-3</v>
      </c>
      <c r="J972" s="11">
        <v>-951</v>
      </c>
      <c r="K972" s="13">
        <v>-0.11551074942305356</v>
      </c>
      <c r="L972" s="11">
        <v>-1029</v>
      </c>
      <c r="M972" s="13">
        <v>-0.14130733315023344</v>
      </c>
      <c r="N972" s="11">
        <v>-1980</v>
      </c>
      <c r="O972" s="13">
        <v>-0.24049556662213045</v>
      </c>
      <c r="P972" s="7">
        <v>8221</v>
      </c>
      <c r="Q972" s="7">
        <v>8324</v>
      </c>
      <c r="R972" s="7">
        <v>8322</v>
      </c>
      <c r="S972" s="7">
        <v>8049</v>
      </c>
      <c r="T972" s="7">
        <v>8137</v>
      </c>
      <c r="U972" s="7">
        <v>8205</v>
      </c>
      <c r="V972" s="7">
        <v>8233</v>
      </c>
      <c r="W972" s="7">
        <v>8219</v>
      </c>
      <c r="X972" s="7">
        <v>7695</v>
      </c>
      <c r="Y972" s="7">
        <v>7282</v>
      </c>
      <c r="Z972" s="7">
        <v>6252</v>
      </c>
      <c r="AA972" s="7">
        <v>6010</v>
      </c>
      <c r="AB972" s="7">
        <v>5799</v>
      </c>
      <c r="AC972" s="7">
        <v>5844</v>
      </c>
      <c r="AD972" s="7">
        <v>6185</v>
      </c>
      <c r="AE972" s="7">
        <v>6369</v>
      </c>
      <c r="AF972" s="7">
        <v>6253</v>
      </c>
      <c r="AG972" s="9">
        <v>20869</v>
      </c>
      <c r="AH972" s="13">
        <v>0.60248859633928054</v>
      </c>
      <c r="AI972" s="9">
        <v>6606</v>
      </c>
      <c r="AJ972" s="13">
        <v>0.19071539927247533</v>
      </c>
      <c r="AK972" s="9">
        <v>2718</v>
      </c>
      <c r="AL972" s="13">
        <v>6.59004946173989E-2</v>
      </c>
      <c r="AM972" s="9">
        <v>11545</v>
      </c>
      <c r="AN972" s="13">
        <v>0.26261316591601835</v>
      </c>
      <c r="AO972" s="9">
        <v>14263</v>
      </c>
      <c r="AP972" s="13">
        <v>0.34581999806032393</v>
      </c>
      <c r="AQ972" s="9">
        <v>34638</v>
      </c>
      <c r="AR972" s="9">
        <v>36160</v>
      </c>
      <c r="AS972" s="9">
        <v>36882</v>
      </c>
      <c r="AT972" s="9">
        <v>38259</v>
      </c>
      <c r="AU972" s="9">
        <v>39102</v>
      </c>
      <c r="AV972" s="9">
        <v>40274</v>
      </c>
      <c r="AW972" s="9">
        <v>41244</v>
      </c>
      <c r="AX972" s="9">
        <v>41695</v>
      </c>
      <c r="AY972" s="9">
        <v>43429</v>
      </c>
      <c r="AZ972" s="9">
        <v>43962</v>
      </c>
      <c r="BA972" s="9">
        <v>45385</v>
      </c>
      <c r="BB972" s="9">
        <v>49687</v>
      </c>
      <c r="BC972" s="9">
        <v>51089</v>
      </c>
      <c r="BD972" s="9">
        <v>51539</v>
      </c>
      <c r="BE972" s="9">
        <v>59634</v>
      </c>
      <c r="BF972" s="9">
        <v>55507</v>
      </c>
      <c r="BG972" s="11">
        <v>-123</v>
      </c>
      <c r="BH972" s="13">
        <v>-0.13225806451612904</v>
      </c>
      <c r="BI972" s="6">
        <v>-50</v>
      </c>
      <c r="BJ972" s="13">
        <v>-5.3763440860215055E-2</v>
      </c>
      <c r="BK972" s="6">
        <v>-72</v>
      </c>
      <c r="BL972" s="13">
        <v>-8.1818181818181818E-2</v>
      </c>
      <c r="BM972" s="11">
        <v>-1</v>
      </c>
      <c r="BN972" s="13">
        <v>-1.2376237623762376E-3</v>
      </c>
      <c r="BO972" s="11">
        <v>-73</v>
      </c>
      <c r="BP972" s="13">
        <v>-8.2954545454545461E-2</v>
      </c>
      <c r="BQ972" s="6">
        <v>930</v>
      </c>
      <c r="BR972" s="6">
        <v>898</v>
      </c>
      <c r="BS972" s="6">
        <v>888</v>
      </c>
      <c r="BT972" s="6">
        <v>880</v>
      </c>
      <c r="BU972" s="6">
        <v>866</v>
      </c>
      <c r="BV972" s="6">
        <v>852</v>
      </c>
      <c r="BW972" s="6">
        <v>808</v>
      </c>
      <c r="BX972" s="6">
        <v>783</v>
      </c>
      <c r="BY972" s="6">
        <v>787</v>
      </c>
      <c r="BZ972" s="6">
        <v>781</v>
      </c>
      <c r="CA972" s="6">
        <v>776</v>
      </c>
      <c r="CB972" s="6">
        <v>789</v>
      </c>
      <c r="CC972" s="11">
        <v>807</v>
      </c>
      <c r="CD972" s="11">
        <v>-2450</v>
      </c>
      <c r="CE972" s="11">
        <v>-417</v>
      </c>
      <c r="CF972" s="11">
        <v>899</v>
      </c>
      <c r="CG972" s="11">
        <v>482</v>
      </c>
      <c r="CH972" s="20">
        <v>1.1399999999999999</v>
      </c>
      <c r="CI972" s="20">
        <v>1.17</v>
      </c>
      <c r="CJ972" s="20">
        <v>1.17</v>
      </c>
      <c r="CK972" s="20">
        <v>1.1200000000000001</v>
      </c>
      <c r="CL972" s="20">
        <v>1.1100000000000001</v>
      </c>
      <c r="CM972" s="20">
        <v>1.1100000000000001</v>
      </c>
      <c r="CN972" s="20">
        <v>1.1299999999999999</v>
      </c>
      <c r="CO972" s="20">
        <v>1.1599999999999999</v>
      </c>
      <c r="CP972" s="20">
        <v>1.1399999999999999</v>
      </c>
      <c r="CQ972" s="20">
        <v>1.17</v>
      </c>
      <c r="CR972" s="20">
        <v>1.02</v>
      </c>
      <c r="CS972" s="20">
        <v>0.96</v>
      </c>
      <c r="CT972" s="20">
        <v>0.93</v>
      </c>
      <c r="CU972" s="20">
        <v>0.93</v>
      </c>
      <c r="CV972" s="20">
        <v>0.96</v>
      </c>
      <c r="CW972" s="20">
        <v>0.98</v>
      </c>
      <c r="CX972" s="20">
        <v>0.96</v>
      </c>
      <c r="CY972" s="6" t="s">
        <v>538</v>
      </c>
      <c r="CZ972" s="6" t="s">
        <v>539</v>
      </c>
      <c r="DA972" s="6" t="s">
        <v>165</v>
      </c>
      <c r="DB972" s="6"/>
      <c r="DC972" s="6">
        <v>28140</v>
      </c>
      <c r="DD972" s="6">
        <v>312</v>
      </c>
      <c r="DE972" s="6" t="s">
        <v>402</v>
      </c>
      <c r="DF972" s="6" t="s">
        <v>375</v>
      </c>
      <c r="DG972" s="6" t="s">
        <v>364</v>
      </c>
      <c r="DH972" s="6" t="s">
        <v>419</v>
      </c>
      <c r="DI972" s="6" t="s">
        <v>377</v>
      </c>
      <c r="DJ972" s="6">
        <v>29</v>
      </c>
      <c r="DK972" s="6">
        <v>95</v>
      </c>
      <c r="DL972" s="6">
        <v>1</v>
      </c>
      <c r="DM972" s="6" t="s">
        <v>404</v>
      </c>
      <c r="DN972" s="6">
        <v>1</v>
      </c>
      <c r="DO972" s="6" t="s">
        <v>405</v>
      </c>
      <c r="DP972" s="6"/>
      <c r="DQ972" s="6"/>
    </row>
    <row r="973" spans="1:121" x14ac:dyDescent="0.2">
      <c r="A973" s="6" t="s">
        <v>317</v>
      </c>
      <c r="B973" s="6" t="s">
        <v>317</v>
      </c>
      <c r="C973" s="6" t="s">
        <v>186</v>
      </c>
      <c r="D973" s="6" t="s">
        <v>165</v>
      </c>
      <c r="E973" s="6" t="s">
        <v>304</v>
      </c>
      <c r="F973" s="11">
        <v>8887</v>
      </c>
      <c r="G973" s="13">
        <v>0.33</v>
      </c>
      <c r="H973" s="11">
        <v>464</v>
      </c>
      <c r="I973" s="13">
        <v>1.7431158195274053E-2</v>
      </c>
      <c r="J973" s="11">
        <v>-1382</v>
      </c>
      <c r="K973" s="13">
        <v>-5.1028320348558136E-2</v>
      </c>
      <c r="L973" s="11">
        <v>9805</v>
      </c>
      <c r="M973" s="13">
        <v>0.38150266526594295</v>
      </c>
      <c r="N973" s="11">
        <v>8423</v>
      </c>
      <c r="O973" s="13">
        <v>0.31100690470036552</v>
      </c>
      <c r="P973" s="7">
        <v>26619</v>
      </c>
      <c r="Q973" s="7">
        <v>25960</v>
      </c>
      <c r="R973" s="7">
        <v>25312</v>
      </c>
      <c r="S973" s="7">
        <v>26274</v>
      </c>
      <c r="T973" s="7">
        <v>26322</v>
      </c>
      <c r="U973" s="7">
        <v>26863</v>
      </c>
      <c r="V973" s="7">
        <v>27083</v>
      </c>
      <c r="W973" s="7">
        <v>27573</v>
      </c>
      <c r="X973" s="7">
        <v>26470</v>
      </c>
      <c r="Y973" s="7">
        <v>25701</v>
      </c>
      <c r="Z973" s="7">
        <v>27913</v>
      </c>
      <c r="AA973" s="7">
        <v>28767</v>
      </c>
      <c r="AB973" s="7">
        <v>29850</v>
      </c>
      <c r="AC973" s="7">
        <v>29885</v>
      </c>
      <c r="AD973" s="7">
        <v>33806</v>
      </c>
      <c r="AE973" s="7">
        <v>34416</v>
      </c>
      <c r="AF973" s="7">
        <v>35506</v>
      </c>
      <c r="AG973" s="9">
        <v>35117</v>
      </c>
      <c r="AH973" s="13">
        <v>0.54238099650943683</v>
      </c>
      <c r="AI973" s="9">
        <v>13836</v>
      </c>
      <c r="AJ973" s="13">
        <v>0.21369659901769991</v>
      </c>
      <c r="AK973" s="9">
        <v>6225</v>
      </c>
      <c r="AL973" s="13">
        <v>7.921661449186837E-2</v>
      </c>
      <c r="AM973" s="9">
        <v>15056</v>
      </c>
      <c r="AN973" s="13">
        <v>0.17753251500465764</v>
      </c>
      <c r="AO973" s="9">
        <v>21281</v>
      </c>
      <c r="AP973" s="13">
        <v>0.2708126542974218</v>
      </c>
      <c r="AQ973" s="9">
        <v>64746</v>
      </c>
      <c r="AR973" s="9">
        <v>65889</v>
      </c>
      <c r="AS973" s="9">
        <v>67051</v>
      </c>
      <c r="AT973" s="9">
        <v>67465</v>
      </c>
      <c r="AU973" s="9">
        <v>69133</v>
      </c>
      <c r="AV973" s="9">
        <v>74940</v>
      </c>
      <c r="AW973" s="9">
        <v>78582</v>
      </c>
      <c r="AX973" s="9">
        <v>82300</v>
      </c>
      <c r="AY973" s="9">
        <v>84339</v>
      </c>
      <c r="AZ973" s="9">
        <v>84807</v>
      </c>
      <c r="BA973" s="9">
        <v>87687</v>
      </c>
      <c r="BB973" s="9">
        <v>91410</v>
      </c>
      <c r="BC973" s="9">
        <v>90877</v>
      </c>
      <c r="BD973" s="9">
        <v>93597</v>
      </c>
      <c r="BE973" s="9">
        <v>98606</v>
      </c>
      <c r="BF973" s="9">
        <v>99863</v>
      </c>
      <c r="BG973" s="11">
        <v>200</v>
      </c>
      <c r="BH973" s="13">
        <v>9.3940817285110376E-2</v>
      </c>
      <c r="BI973" s="6">
        <v>162</v>
      </c>
      <c r="BJ973" s="13">
        <v>7.6092062000939403E-2</v>
      </c>
      <c r="BK973" s="6">
        <v>-95</v>
      </c>
      <c r="BL973" s="13">
        <v>-4.1466608467917943E-2</v>
      </c>
      <c r="BM973" s="11">
        <v>133</v>
      </c>
      <c r="BN973" s="13">
        <v>6.0564663023679417E-2</v>
      </c>
      <c r="BO973" s="11">
        <v>38</v>
      </c>
      <c r="BP973" s="13">
        <v>1.6586643387167175E-2</v>
      </c>
      <c r="BQ973" s="6">
        <v>2129</v>
      </c>
      <c r="BR973" s="6">
        <v>2192</v>
      </c>
      <c r="BS973" s="6">
        <v>2265</v>
      </c>
      <c r="BT973" s="6">
        <v>2291</v>
      </c>
      <c r="BU973" s="6">
        <v>2296</v>
      </c>
      <c r="BV973" s="6">
        <v>2243</v>
      </c>
      <c r="BW973" s="6">
        <v>2196</v>
      </c>
      <c r="BX973" s="6">
        <v>2162</v>
      </c>
      <c r="BY973" s="6">
        <v>2179</v>
      </c>
      <c r="BZ973" s="6">
        <v>2187</v>
      </c>
      <c r="CA973" s="6">
        <v>2206</v>
      </c>
      <c r="CB973" s="6">
        <v>2329</v>
      </c>
      <c r="CC973" s="11">
        <v>2329</v>
      </c>
      <c r="CD973" s="11">
        <v>651</v>
      </c>
      <c r="CE973" s="11">
        <v>5326</v>
      </c>
      <c r="CF973" s="11">
        <v>2910</v>
      </c>
      <c r="CG973" s="11">
        <v>8236</v>
      </c>
      <c r="CH973" s="20">
        <v>1.1599999999999999</v>
      </c>
      <c r="CI973" s="20">
        <v>1.18</v>
      </c>
      <c r="CJ973" s="20">
        <v>1.17</v>
      </c>
      <c r="CK973" s="20">
        <v>1.22</v>
      </c>
      <c r="CL973" s="20">
        <v>1.18</v>
      </c>
      <c r="CM973" s="20">
        <v>1.17</v>
      </c>
      <c r="CN973" s="20">
        <v>1.1499999999999999</v>
      </c>
      <c r="CO973" s="20">
        <v>1.1399999999999999</v>
      </c>
      <c r="CP973" s="20">
        <v>1.1299999999999999</v>
      </c>
      <c r="CQ973" s="20">
        <v>1.1499999999999999</v>
      </c>
      <c r="CR973" s="20">
        <v>1.22</v>
      </c>
      <c r="CS973" s="20">
        <v>1.22</v>
      </c>
      <c r="CT973" s="20">
        <v>1.26</v>
      </c>
      <c r="CU973" s="20">
        <v>1.24</v>
      </c>
      <c r="CV973" s="20">
        <v>1.36</v>
      </c>
      <c r="CW973" s="20">
        <v>1.36</v>
      </c>
      <c r="CX973" s="20">
        <v>1.39</v>
      </c>
      <c r="CY973" s="6" t="s">
        <v>538</v>
      </c>
      <c r="CZ973" s="6" t="s">
        <v>539</v>
      </c>
      <c r="DA973" s="6" t="s">
        <v>165</v>
      </c>
      <c r="DB973" s="6"/>
      <c r="DC973" s="6">
        <v>28140</v>
      </c>
      <c r="DD973" s="6">
        <v>312</v>
      </c>
      <c r="DE973" s="6" t="s">
        <v>402</v>
      </c>
      <c r="DF973" s="6" t="s">
        <v>375</v>
      </c>
      <c r="DG973" s="6" t="s">
        <v>364</v>
      </c>
      <c r="DH973" s="6" t="s">
        <v>419</v>
      </c>
      <c r="DI973" s="6" t="s">
        <v>377</v>
      </c>
      <c r="DJ973" s="6">
        <v>29</v>
      </c>
      <c r="DK973" s="6">
        <v>95</v>
      </c>
      <c r="DL973" s="6">
        <v>1</v>
      </c>
      <c r="DM973" s="6" t="s">
        <v>404</v>
      </c>
      <c r="DN973" s="6">
        <v>1</v>
      </c>
      <c r="DO973" s="6" t="s">
        <v>405</v>
      </c>
      <c r="DP973" s="6"/>
      <c r="DQ973" s="6"/>
    </row>
    <row r="974" spans="1:121" x14ac:dyDescent="0.2">
      <c r="A974" s="6" t="s">
        <v>318</v>
      </c>
      <c r="B974" s="6" t="s">
        <v>318</v>
      </c>
      <c r="C974" s="6" t="s">
        <v>187</v>
      </c>
      <c r="D974" s="6" t="s">
        <v>165</v>
      </c>
      <c r="E974" s="6" t="s">
        <v>304</v>
      </c>
      <c r="F974" s="11">
        <v>1083</v>
      </c>
      <c r="G974" s="13">
        <v>0.14411177644699999</v>
      </c>
      <c r="H974" s="11">
        <v>1494.7852640000001</v>
      </c>
      <c r="I974" s="13">
        <v>0.19890311448948128</v>
      </c>
      <c r="J974" s="11">
        <v>-1866.8075060000001</v>
      </c>
      <c r="K974" s="13">
        <v>-0.20719450137207696</v>
      </c>
      <c r="L974" s="11">
        <v>1454.4390133900006</v>
      </c>
      <c r="M974" s="13">
        <v>0.20361395938841181</v>
      </c>
      <c r="N974" s="11">
        <v>-412.36849260999952</v>
      </c>
      <c r="O974" s="13">
        <v>-4.5768234771541495E-2</v>
      </c>
      <c r="P974" s="7">
        <v>7515.1425749999999</v>
      </c>
      <c r="Q974" s="7">
        <v>6921.1122679999999</v>
      </c>
      <c r="R974" s="7">
        <v>6798.5104629999996</v>
      </c>
      <c r="S974" s="7">
        <v>7400.078853</v>
      </c>
      <c r="T974" s="7">
        <v>10563.799234</v>
      </c>
      <c r="U974" s="7">
        <v>10017.326133</v>
      </c>
      <c r="V974" s="7">
        <v>9009.9278389999999</v>
      </c>
      <c r="W974" s="7">
        <v>8547.6341080000002</v>
      </c>
      <c r="X974" s="7">
        <v>7913.8075410000001</v>
      </c>
      <c r="Y974" s="7">
        <v>7143.1203329999998</v>
      </c>
      <c r="Z974" s="7">
        <v>7444.2549300000001</v>
      </c>
      <c r="AA974" s="7">
        <v>9309.9879440000004</v>
      </c>
      <c r="AB974" s="7">
        <v>8694.8237339999996</v>
      </c>
      <c r="AC974" s="7">
        <v>9178.9450419999994</v>
      </c>
      <c r="AD974" s="7">
        <v>8787.0124049999995</v>
      </c>
      <c r="AE974" s="7">
        <v>8623.6300442499996</v>
      </c>
      <c r="AF974" s="7">
        <v>8597.5593463900004</v>
      </c>
      <c r="AG974" s="9">
        <v>13585.414541499995</v>
      </c>
      <c r="AH974" s="13">
        <v>0.14781063990179938</v>
      </c>
      <c r="AI974" s="9">
        <v>46.44103190000169</v>
      </c>
      <c r="AJ974" s="13">
        <v>5.0528297254897063E-4</v>
      </c>
      <c r="AK974" s="9">
        <v>-2128.6435807999951</v>
      </c>
      <c r="AL974" s="13">
        <v>-2.314815413475808E-2</v>
      </c>
      <c r="AM974" s="9">
        <v>15667.617090399988</v>
      </c>
      <c r="AN974" s="13">
        <v>0.1744165386862136</v>
      </c>
      <c r="AO974" s="9">
        <v>13538.973509599993</v>
      </c>
      <c r="AP974" s="13">
        <v>0.14723096363029603</v>
      </c>
      <c r="AQ974" s="9">
        <v>91910.9378765</v>
      </c>
      <c r="AR974" s="9">
        <v>90370.765644200001</v>
      </c>
      <c r="AS974" s="9">
        <v>87070.318467399993</v>
      </c>
      <c r="AT974" s="9">
        <v>89427.429225500004</v>
      </c>
      <c r="AU974" s="9">
        <v>86419.624268300002</v>
      </c>
      <c r="AV974" s="9">
        <v>89526.898134899995</v>
      </c>
      <c r="AW974" s="9">
        <v>91957.378908400002</v>
      </c>
      <c r="AX974" s="9">
        <v>91253.537971400001</v>
      </c>
      <c r="AY974" s="9">
        <v>88404.097204299993</v>
      </c>
      <c r="AZ974" s="9">
        <v>89828.735327600007</v>
      </c>
      <c r="BA974" s="9">
        <v>90951.099026299999</v>
      </c>
      <c r="BB974" s="9">
        <v>104978.947421</v>
      </c>
      <c r="BC974" s="9">
        <v>107979.47730499999</v>
      </c>
      <c r="BD974" s="9">
        <v>105140.274208</v>
      </c>
      <c r="BE974" s="9">
        <v>101904.51162999999</v>
      </c>
      <c r="BF974" s="9">
        <v>105496.35241799999</v>
      </c>
      <c r="BG974" s="11">
        <v>-51</v>
      </c>
      <c r="BH974" s="13">
        <v>-0.24757281553398058</v>
      </c>
      <c r="BI974" s="6">
        <v>-4</v>
      </c>
      <c r="BJ974" s="13">
        <v>-1.9417475728155338E-2</v>
      </c>
      <c r="BK974" s="6">
        <v>-43</v>
      </c>
      <c r="BL974" s="13">
        <v>-0.21287128712871287</v>
      </c>
      <c r="BM974" s="11">
        <v>-4</v>
      </c>
      <c r="BN974" s="13">
        <v>-2.5157232704402517E-2</v>
      </c>
      <c r="BO974" s="11">
        <v>-47</v>
      </c>
      <c r="BP974" s="13">
        <v>-0.23267326732673269</v>
      </c>
      <c r="BQ974" s="6">
        <v>206</v>
      </c>
      <c r="BR974" s="6">
        <v>220</v>
      </c>
      <c r="BS974" s="6">
        <v>216</v>
      </c>
      <c r="BT974" s="6">
        <v>202</v>
      </c>
      <c r="BU974" s="6">
        <v>183</v>
      </c>
      <c r="BV974" s="6">
        <v>173</v>
      </c>
      <c r="BW974" s="6">
        <v>159</v>
      </c>
      <c r="BX974" s="6">
        <v>157</v>
      </c>
      <c r="BY974" s="6">
        <v>158</v>
      </c>
      <c r="BZ974" s="6">
        <v>148</v>
      </c>
      <c r="CA974" s="6">
        <v>157</v>
      </c>
      <c r="CB974" s="6">
        <v>159</v>
      </c>
      <c r="CC974" s="11">
        <v>155</v>
      </c>
      <c r="CD974" s="11">
        <v>-1348.13</v>
      </c>
      <c r="CE974" s="11">
        <v>1609.05</v>
      </c>
      <c r="CF974" s="11">
        <v>821.49599999999998</v>
      </c>
      <c r="CG974" s="11">
        <v>2430</v>
      </c>
      <c r="CH974" s="20">
        <v>1.51328</v>
      </c>
      <c r="CI974" s="20">
        <v>1.4352199999999999</v>
      </c>
      <c r="CJ974" s="20">
        <v>1.4709099999999999</v>
      </c>
      <c r="CK974" s="20">
        <v>1.5988800000000001</v>
      </c>
      <c r="CL974" s="20">
        <v>2.2496200000000002</v>
      </c>
      <c r="CM974" s="20">
        <v>2.1021200000000002</v>
      </c>
      <c r="CN974" s="20">
        <v>1.8464700000000001</v>
      </c>
      <c r="CO974" s="20">
        <v>1.68832</v>
      </c>
      <c r="CP974" s="20">
        <v>1.5888800000000001</v>
      </c>
      <c r="CQ974" s="20">
        <v>1.48447</v>
      </c>
      <c r="CR974" s="20">
        <v>1.51095</v>
      </c>
      <c r="CS974" s="20">
        <v>1.79488</v>
      </c>
      <c r="CT974" s="20">
        <v>1.63717</v>
      </c>
      <c r="CU974" s="20">
        <v>1.6972499999999999</v>
      </c>
      <c r="CV974" s="20">
        <v>1.58884</v>
      </c>
      <c r="CW974" s="20">
        <v>1.54626</v>
      </c>
      <c r="CX974" s="20">
        <v>1.52702</v>
      </c>
      <c r="CY974" s="6" t="s">
        <v>538</v>
      </c>
      <c r="CZ974" s="6" t="s">
        <v>539</v>
      </c>
      <c r="DA974" s="6" t="s">
        <v>165</v>
      </c>
      <c r="DB974" s="6"/>
      <c r="DC974" s="6">
        <v>28140</v>
      </c>
      <c r="DD974" s="6">
        <v>312</v>
      </c>
      <c r="DE974" s="6" t="s">
        <v>402</v>
      </c>
      <c r="DF974" s="6" t="s">
        <v>375</v>
      </c>
      <c r="DG974" s="6" t="s">
        <v>364</v>
      </c>
      <c r="DH974" s="6" t="s">
        <v>419</v>
      </c>
      <c r="DI974" s="6" t="s">
        <v>377</v>
      </c>
      <c r="DJ974" s="6">
        <v>29</v>
      </c>
      <c r="DK974" s="6">
        <v>95</v>
      </c>
      <c r="DL974" s="6">
        <v>1</v>
      </c>
      <c r="DM974" s="6" t="s">
        <v>404</v>
      </c>
      <c r="DN974" s="6">
        <v>1</v>
      </c>
      <c r="DO974" s="6" t="s">
        <v>405</v>
      </c>
      <c r="DP974" s="6"/>
      <c r="DQ974" s="6"/>
    </row>
    <row r="975" spans="1:121" x14ac:dyDescent="0.2">
      <c r="A975" s="6" t="s">
        <v>319</v>
      </c>
      <c r="B975" s="6" t="s">
        <v>319</v>
      </c>
      <c r="C975" s="6" t="s">
        <v>188</v>
      </c>
      <c r="D975" s="6" t="s">
        <v>165</v>
      </c>
      <c r="E975" s="6" t="s">
        <v>304</v>
      </c>
      <c r="F975" s="11">
        <v>-5573</v>
      </c>
      <c r="G975" s="13">
        <v>-0.23027022560099999</v>
      </c>
      <c r="H975" s="11">
        <v>-3493.5430042999978</v>
      </c>
      <c r="I975" s="13">
        <v>-0.14434669527645036</v>
      </c>
      <c r="J975" s="11">
        <v>-3394.9028808000003</v>
      </c>
      <c r="K975" s="13">
        <v>-0.16393446758560376</v>
      </c>
      <c r="L975" s="11">
        <v>1315.3612452999987</v>
      </c>
      <c r="M975" s="13">
        <v>7.5970964868415508E-2</v>
      </c>
      <c r="N975" s="11">
        <v>-2079.5416355000016</v>
      </c>
      <c r="O975" s="13">
        <v>-0.10041776239485654</v>
      </c>
      <c r="P975" s="7">
        <v>24202.445352899998</v>
      </c>
      <c r="Q975" s="7">
        <v>22421.397471200002</v>
      </c>
      <c r="R975" s="7">
        <v>19102.701628700001</v>
      </c>
      <c r="S975" s="7">
        <v>18560.891936</v>
      </c>
      <c r="T975" s="7">
        <v>18495.9113698</v>
      </c>
      <c r="U975" s="7">
        <v>18935.555910899999</v>
      </c>
      <c r="V975" s="7">
        <v>20708.902348600001</v>
      </c>
      <c r="W975" s="7">
        <v>21612.601077899999</v>
      </c>
      <c r="X975" s="7">
        <v>18178.098675699999</v>
      </c>
      <c r="Y975" s="7">
        <v>17313.9994678</v>
      </c>
      <c r="Z975" s="7">
        <v>16690.311533799999</v>
      </c>
      <c r="AA975" s="7">
        <v>17306.2967751</v>
      </c>
      <c r="AB975" s="7">
        <v>16113.878665300001</v>
      </c>
      <c r="AC975" s="7">
        <v>16529.162416499999</v>
      </c>
      <c r="AD975" s="7">
        <v>18773.479243099999</v>
      </c>
      <c r="AE975" s="7">
        <v>18650.94731</v>
      </c>
      <c r="AF975" s="7">
        <v>18629.360713099999</v>
      </c>
      <c r="AG975" s="9">
        <v>11696.4847132</v>
      </c>
      <c r="AH975" s="13">
        <v>0.49132470610843809</v>
      </c>
      <c r="AI975" s="9">
        <v>3941.5554502000014</v>
      </c>
      <c r="AJ975" s="13">
        <v>0.16556970924726708</v>
      </c>
      <c r="AK975" s="9">
        <v>4420.402352699999</v>
      </c>
      <c r="AL975" s="13">
        <v>0.15930770984190004</v>
      </c>
      <c r="AM975" s="9">
        <v>3334.5269102999991</v>
      </c>
      <c r="AN975" s="13">
        <v>0.1036598307742151</v>
      </c>
      <c r="AO975" s="9">
        <v>7754.9292629999982</v>
      </c>
      <c r="AP975" s="13">
        <v>0.27948135085935427</v>
      </c>
      <c r="AQ975" s="9">
        <v>23806.0178285</v>
      </c>
      <c r="AR975" s="9">
        <v>25129.148502399999</v>
      </c>
      <c r="AS975" s="9">
        <v>24469.2391078</v>
      </c>
      <c r="AT975" s="9">
        <v>26093.113847500001</v>
      </c>
      <c r="AU975" s="9">
        <v>26269.2423165</v>
      </c>
      <c r="AV975" s="9">
        <v>27277.8823146</v>
      </c>
      <c r="AW975" s="9">
        <v>27747.573278700002</v>
      </c>
      <c r="AX975" s="9">
        <v>30665.633522399999</v>
      </c>
      <c r="AY975" s="9">
        <v>31526.902052000001</v>
      </c>
      <c r="AZ975" s="9">
        <v>32167.975631400001</v>
      </c>
      <c r="BA975" s="9">
        <v>32490.710719399998</v>
      </c>
      <c r="BB975" s="9">
        <v>33650.917124200001</v>
      </c>
      <c r="BC975" s="9">
        <v>34357.625926300003</v>
      </c>
      <c r="BD975" s="9">
        <v>35293.285890899999</v>
      </c>
      <c r="BE975" s="9">
        <v>35823.528043099999</v>
      </c>
      <c r="BF975" s="9">
        <v>35502.5025417</v>
      </c>
      <c r="BG975" s="11">
        <v>130.75</v>
      </c>
      <c r="BH975" s="13">
        <v>0.13314663951120162</v>
      </c>
      <c r="BI975" s="6">
        <v>32</v>
      </c>
      <c r="BJ975" s="13">
        <v>3.2586558044806514E-2</v>
      </c>
      <c r="BK975" s="6">
        <v>21</v>
      </c>
      <c r="BL975" s="13">
        <v>2.0710059171597635E-2</v>
      </c>
      <c r="BM975" s="11">
        <v>77.75</v>
      </c>
      <c r="BN975" s="13">
        <v>7.5120772946859898E-2</v>
      </c>
      <c r="BO975" s="11">
        <v>98.75</v>
      </c>
      <c r="BP975" s="13">
        <v>9.7386587771203154E-2</v>
      </c>
      <c r="BQ975" s="6">
        <v>982</v>
      </c>
      <c r="BR975" s="6">
        <v>991</v>
      </c>
      <c r="BS975" s="6">
        <v>988</v>
      </c>
      <c r="BT975" s="6">
        <v>1014</v>
      </c>
      <c r="BU975" s="6">
        <v>1060</v>
      </c>
      <c r="BV975" s="6">
        <v>1059</v>
      </c>
      <c r="BW975" s="6">
        <v>1035</v>
      </c>
      <c r="BX975" s="6">
        <v>1040</v>
      </c>
      <c r="BY975" s="6">
        <v>1075</v>
      </c>
      <c r="BZ975" s="6">
        <v>1071</v>
      </c>
      <c r="CA975" s="6">
        <v>1090</v>
      </c>
      <c r="CB975" s="6">
        <v>1148</v>
      </c>
      <c r="CC975" s="11">
        <v>1112.75</v>
      </c>
      <c r="CD975" s="11">
        <v>-10396.299999999999</v>
      </c>
      <c r="CE975" s="11">
        <v>2177.56</v>
      </c>
      <c r="CF975" s="11">
        <v>2645.62</v>
      </c>
      <c r="CG975" s="11">
        <v>4824</v>
      </c>
      <c r="CH975" s="20">
        <v>0.99352799999999997</v>
      </c>
      <c r="CI975" s="20">
        <v>0.93861399999999995</v>
      </c>
      <c r="CJ975" s="20">
        <v>0.81952999999999998</v>
      </c>
      <c r="CK975" s="20">
        <v>0.78590300000000002</v>
      </c>
      <c r="CL975" s="20">
        <v>0.76644299999999999</v>
      </c>
      <c r="CM975" s="20">
        <v>0.76968899999999996</v>
      </c>
      <c r="CN975" s="20">
        <v>0.83933199999999997</v>
      </c>
      <c r="CO975" s="20">
        <v>0.90971999999999997</v>
      </c>
      <c r="CP975" s="20">
        <v>0.837279</v>
      </c>
      <c r="CQ975" s="20">
        <v>0.80236499999999999</v>
      </c>
      <c r="CR975" s="20">
        <v>0.75128600000000001</v>
      </c>
      <c r="CS975" s="20">
        <v>0.74946199999999996</v>
      </c>
      <c r="CT975" s="20">
        <v>0.68930899999999995</v>
      </c>
      <c r="CU975" s="20">
        <v>0.69348100000000001</v>
      </c>
      <c r="CV975" s="20">
        <v>0.768119</v>
      </c>
      <c r="CW975" s="20">
        <v>0.75331899999999996</v>
      </c>
      <c r="CX975" s="20">
        <v>0.74436000000000002</v>
      </c>
      <c r="CY975" s="6" t="s">
        <v>538</v>
      </c>
      <c r="CZ975" s="6" t="s">
        <v>539</v>
      </c>
      <c r="DA975" s="6" t="s">
        <v>165</v>
      </c>
      <c r="DB975" s="6"/>
      <c r="DC975" s="6">
        <v>28140</v>
      </c>
      <c r="DD975" s="6">
        <v>312</v>
      </c>
      <c r="DE975" s="6" t="s">
        <v>402</v>
      </c>
      <c r="DF975" s="6" t="s">
        <v>375</v>
      </c>
      <c r="DG975" s="6" t="s">
        <v>364</v>
      </c>
      <c r="DH975" s="6" t="s">
        <v>419</v>
      </c>
      <c r="DI975" s="6" t="s">
        <v>377</v>
      </c>
      <c r="DJ975" s="6">
        <v>29</v>
      </c>
      <c r="DK975" s="6">
        <v>95</v>
      </c>
      <c r="DL975" s="6">
        <v>1</v>
      </c>
      <c r="DM975" s="6" t="s">
        <v>404</v>
      </c>
      <c r="DN975" s="6">
        <v>1</v>
      </c>
      <c r="DO975" s="6" t="s">
        <v>405</v>
      </c>
      <c r="DP975" s="6"/>
      <c r="DQ975" s="6"/>
    </row>
    <row r="976" spans="1:121" x14ac:dyDescent="0.2">
      <c r="A976" s="6" t="s">
        <v>320</v>
      </c>
      <c r="B976" s="6" t="s">
        <v>320</v>
      </c>
      <c r="C976" s="6" t="s">
        <v>189</v>
      </c>
      <c r="D976" s="6" t="s">
        <v>165</v>
      </c>
      <c r="E976" s="6" t="s">
        <v>304</v>
      </c>
      <c r="F976" s="11">
        <v>350</v>
      </c>
      <c r="G976" s="13">
        <v>4.6113306982899997E-2</v>
      </c>
      <c r="H976" s="11">
        <v>-224.46062927000003</v>
      </c>
      <c r="I976" s="13">
        <v>-2.9572651801841991E-2</v>
      </c>
      <c r="J976" s="11">
        <v>371.14161079000041</v>
      </c>
      <c r="K976" s="13">
        <v>5.0387952909885465E-2</v>
      </c>
      <c r="L976" s="11">
        <v>203.63638205999996</v>
      </c>
      <c r="M976" s="13">
        <v>2.6320413440295579E-2</v>
      </c>
      <c r="N976" s="11">
        <v>574.77799285000037</v>
      </c>
      <c r="O976" s="13">
        <v>7.8034598103179378E-2</v>
      </c>
      <c r="P976" s="7">
        <v>7590.1420939199998</v>
      </c>
      <c r="Q976" s="7">
        <v>7814.4633936500004</v>
      </c>
      <c r="R976" s="7">
        <v>8020.3687188699996</v>
      </c>
      <c r="S976" s="7">
        <v>7647.6414680999997</v>
      </c>
      <c r="T976" s="7">
        <v>6556.6060862699997</v>
      </c>
      <c r="U976" s="7">
        <v>7307.2947597399998</v>
      </c>
      <c r="V976" s="7">
        <v>7365.6814646499997</v>
      </c>
      <c r="W976" s="7">
        <v>7137.6055930100001</v>
      </c>
      <c r="X976" s="7">
        <v>7629.6934199799998</v>
      </c>
      <c r="Y976" s="7">
        <v>7736.8230754400001</v>
      </c>
      <c r="Z976" s="7">
        <v>8210.2267422900004</v>
      </c>
      <c r="AA976" s="7">
        <v>8399.3019131700003</v>
      </c>
      <c r="AB976" s="7">
        <v>8210.1735152300007</v>
      </c>
      <c r="AC976" s="7">
        <v>7815.7114680100003</v>
      </c>
      <c r="AD976" s="7">
        <v>7855.76584275</v>
      </c>
      <c r="AE976" s="7">
        <v>7944.6513298600003</v>
      </c>
      <c r="AF976" s="7">
        <v>7940.4594575000001</v>
      </c>
      <c r="AG976" s="9">
        <v>16890.2304066</v>
      </c>
      <c r="AH976" s="13">
        <v>0.65326030616616659</v>
      </c>
      <c r="AI976" s="9">
        <v>9564.309442800004</v>
      </c>
      <c r="AJ976" s="13">
        <v>0.36991702093241058</v>
      </c>
      <c r="AK976" s="9">
        <v>848.73945619999722</v>
      </c>
      <c r="AL976" s="13">
        <v>2.3962428305908317E-2</v>
      </c>
      <c r="AM976" s="9">
        <v>6477.1815075999984</v>
      </c>
      <c r="AN976" s="13">
        <v>0.17859055218474792</v>
      </c>
      <c r="AO976" s="9">
        <v>7325.9209637999957</v>
      </c>
      <c r="AP976" s="13">
        <v>0.20683244379349583</v>
      </c>
      <c r="AQ976" s="9">
        <v>25855.283486799999</v>
      </c>
      <c r="AR976" s="9">
        <v>27180.822429399999</v>
      </c>
      <c r="AS976" s="9">
        <v>27368.666879299999</v>
      </c>
      <c r="AT976" s="9">
        <v>30227.162770399998</v>
      </c>
      <c r="AU976" s="9">
        <v>33138.307603399997</v>
      </c>
      <c r="AV976" s="9">
        <v>32439.587143799999</v>
      </c>
      <c r="AW976" s="9">
        <v>35419.592929600003</v>
      </c>
      <c r="AX976" s="9">
        <v>34090.448347600002</v>
      </c>
      <c r="AY976" s="9">
        <v>34446.690485599996</v>
      </c>
      <c r="AZ976" s="9">
        <v>36268.3323858</v>
      </c>
      <c r="BA976" s="9">
        <v>35717.7343865</v>
      </c>
      <c r="BB976" s="9">
        <v>38551.688733900002</v>
      </c>
      <c r="BC976" s="9">
        <v>38761.717291100002</v>
      </c>
      <c r="BD976" s="9">
        <v>41591.490650899999</v>
      </c>
      <c r="BE976" s="9">
        <v>42283.915954199998</v>
      </c>
      <c r="BF976" s="9">
        <v>42745.513893399999</v>
      </c>
      <c r="BG976" s="11">
        <v>45</v>
      </c>
      <c r="BH976" s="13">
        <v>0.23316062176165803</v>
      </c>
      <c r="BI976" s="6">
        <v>7</v>
      </c>
      <c r="BJ976" s="13">
        <v>3.6269430051813469E-2</v>
      </c>
      <c r="BK976" s="6">
        <v>10</v>
      </c>
      <c r="BL976" s="13">
        <v>0.05</v>
      </c>
      <c r="BM976" s="11">
        <v>28</v>
      </c>
      <c r="BN976" s="13">
        <v>0.13333333333333333</v>
      </c>
      <c r="BO976" s="11">
        <v>38</v>
      </c>
      <c r="BP976" s="13">
        <v>0.19</v>
      </c>
      <c r="BQ976" s="6">
        <v>193</v>
      </c>
      <c r="BR976" s="6">
        <v>195</v>
      </c>
      <c r="BS976" s="6">
        <v>196</v>
      </c>
      <c r="BT976" s="6">
        <v>200</v>
      </c>
      <c r="BU976" s="6">
        <v>212</v>
      </c>
      <c r="BV976" s="6">
        <v>213</v>
      </c>
      <c r="BW976" s="6">
        <v>210</v>
      </c>
      <c r="BX976" s="6">
        <v>212</v>
      </c>
      <c r="BY976" s="6">
        <v>224</v>
      </c>
      <c r="BZ976" s="6">
        <v>232</v>
      </c>
      <c r="CA976" s="6">
        <v>235</v>
      </c>
      <c r="CB976" s="6">
        <v>237</v>
      </c>
      <c r="CC976" s="11">
        <v>238</v>
      </c>
      <c r="CD976" s="11">
        <v>-3227.8</v>
      </c>
      <c r="CE976" s="11">
        <v>2748.43</v>
      </c>
      <c r="CF976" s="11">
        <v>829.69399999999996</v>
      </c>
      <c r="CG976" s="11">
        <v>3578</v>
      </c>
      <c r="CH976" s="20">
        <v>0.933917</v>
      </c>
      <c r="CI976" s="20">
        <v>0.93701500000000004</v>
      </c>
      <c r="CJ976" s="20">
        <v>0.95712399999999997</v>
      </c>
      <c r="CK976" s="20">
        <v>0.89730600000000005</v>
      </c>
      <c r="CL976" s="20">
        <v>0.76973999999999998</v>
      </c>
      <c r="CM976" s="20">
        <v>0.84562700000000002</v>
      </c>
      <c r="CN976" s="20">
        <v>0.83665500000000004</v>
      </c>
      <c r="CO976" s="20">
        <v>0.78256999999999999</v>
      </c>
      <c r="CP976" s="20">
        <v>0.81038699999999997</v>
      </c>
      <c r="CQ976" s="20">
        <v>0.83300300000000005</v>
      </c>
      <c r="CR976" s="20">
        <v>0.86491600000000002</v>
      </c>
      <c r="CS976" s="20">
        <v>0.85948100000000005</v>
      </c>
      <c r="CT976" s="20">
        <v>0.84072100000000005</v>
      </c>
      <c r="CU976" s="20">
        <v>0.79434899999999997</v>
      </c>
      <c r="CV976" s="20">
        <v>0.787049</v>
      </c>
      <c r="CW976" s="20">
        <v>0.78676999999999997</v>
      </c>
      <c r="CX976" s="20">
        <v>0.77509399999999995</v>
      </c>
      <c r="CY976" s="6" t="s">
        <v>538</v>
      </c>
      <c r="CZ976" s="6" t="s">
        <v>539</v>
      </c>
      <c r="DA976" s="6" t="s">
        <v>165</v>
      </c>
      <c r="DB976" s="6"/>
      <c r="DC976" s="6">
        <v>28140</v>
      </c>
      <c r="DD976" s="6">
        <v>312</v>
      </c>
      <c r="DE976" s="6" t="s">
        <v>402</v>
      </c>
      <c r="DF976" s="6" t="s">
        <v>375</v>
      </c>
      <c r="DG976" s="6" t="s">
        <v>364</v>
      </c>
      <c r="DH976" s="6" t="s">
        <v>419</v>
      </c>
      <c r="DI976" s="6" t="s">
        <v>377</v>
      </c>
      <c r="DJ976" s="6">
        <v>29</v>
      </c>
      <c r="DK976" s="6">
        <v>95</v>
      </c>
      <c r="DL976" s="6">
        <v>1</v>
      </c>
      <c r="DM976" s="6" t="s">
        <v>404</v>
      </c>
      <c r="DN976" s="6">
        <v>1</v>
      </c>
      <c r="DO976" s="6" t="s">
        <v>405</v>
      </c>
      <c r="DP976" s="6"/>
      <c r="DQ976" s="6"/>
    </row>
    <row r="977" spans="1:121" x14ac:dyDescent="0.2">
      <c r="A977" s="6" t="s">
        <v>321</v>
      </c>
      <c r="B977" s="6" t="s">
        <v>321</v>
      </c>
      <c r="C977" s="6" t="s">
        <v>190</v>
      </c>
      <c r="D977" s="6" t="s">
        <v>165</v>
      </c>
      <c r="E977" s="6" t="s">
        <v>304</v>
      </c>
      <c r="F977" s="11">
        <v>14667</v>
      </c>
      <c r="G977" s="13">
        <v>0.35793249871900001</v>
      </c>
      <c r="H977" s="11">
        <v>1345.4303739999959</v>
      </c>
      <c r="I977" s="13">
        <v>3.2833876449440171E-2</v>
      </c>
      <c r="J977" s="11">
        <v>3100.8567336999986</v>
      </c>
      <c r="K977" s="13">
        <v>7.3267632588187942E-2</v>
      </c>
      <c r="L977" s="11">
        <v>10220.684758100004</v>
      </c>
      <c r="M977" s="13">
        <v>0.22501031036515845</v>
      </c>
      <c r="N977" s="11">
        <v>13321.541491800002</v>
      </c>
      <c r="O977" s="13">
        <v>0.31476391570173495</v>
      </c>
      <c r="P977" s="7">
        <v>40976.897018900003</v>
      </c>
      <c r="Q977" s="7">
        <v>40598.289883999998</v>
      </c>
      <c r="R977" s="7">
        <v>41187.921841900003</v>
      </c>
      <c r="S977" s="7">
        <v>40001.531379699998</v>
      </c>
      <c r="T977" s="7">
        <v>40668.122235100003</v>
      </c>
      <c r="U977" s="7">
        <v>41890.897370899998</v>
      </c>
      <c r="V977" s="7">
        <v>42322.327392899999</v>
      </c>
      <c r="W977" s="7">
        <v>43616.957424699998</v>
      </c>
      <c r="X977" s="7">
        <v>45221.694902000003</v>
      </c>
      <c r="Y977" s="7">
        <v>45423.184126599997</v>
      </c>
      <c r="Z977" s="7">
        <v>47108.5338539</v>
      </c>
      <c r="AA977" s="7">
        <v>50071.392111200003</v>
      </c>
      <c r="AB977" s="7">
        <v>51723.975139499998</v>
      </c>
      <c r="AC977" s="7">
        <v>52371.9250034</v>
      </c>
      <c r="AD977" s="7">
        <v>53409.984724800001</v>
      </c>
      <c r="AE977" s="7">
        <v>54123.196879399999</v>
      </c>
      <c r="AF977" s="7">
        <v>55643.868884700001</v>
      </c>
      <c r="AG977" s="9">
        <v>17057.328396199999</v>
      </c>
      <c r="AH977" s="13">
        <v>0.39658505710404401</v>
      </c>
      <c r="AI977" s="9">
        <v>8502.1125689000037</v>
      </c>
      <c r="AJ977" s="13">
        <v>0.19767519979233</v>
      </c>
      <c r="AK977" s="9">
        <v>4842.8331536999976</v>
      </c>
      <c r="AL977" s="13">
        <v>9.4012539857301847E-2</v>
      </c>
      <c r="AM977" s="9">
        <v>3712.3826735999974</v>
      </c>
      <c r="AN977" s="13">
        <v>6.5874406579266173E-2</v>
      </c>
      <c r="AO977" s="9">
        <v>8555.215827299995</v>
      </c>
      <c r="AP977" s="13">
        <v>0.16607996671067737</v>
      </c>
      <c r="AQ977" s="9">
        <v>43010.517140399999</v>
      </c>
      <c r="AR977" s="9">
        <v>44505.1863897</v>
      </c>
      <c r="AS977" s="9">
        <v>45651.683508000002</v>
      </c>
      <c r="AT977" s="9">
        <v>47939.611942800002</v>
      </c>
      <c r="AU977" s="9">
        <v>49014.030612199997</v>
      </c>
      <c r="AV977" s="9">
        <v>50136.893226100001</v>
      </c>
      <c r="AW977" s="9">
        <v>51512.629709300003</v>
      </c>
      <c r="AX977" s="9">
        <v>54155.8865286</v>
      </c>
      <c r="AY977" s="9">
        <v>55004.706574099997</v>
      </c>
      <c r="AZ977" s="9">
        <v>56355.462863000001</v>
      </c>
      <c r="BA977" s="9">
        <v>56848.747294699999</v>
      </c>
      <c r="BB977" s="9">
        <v>55889.700542699997</v>
      </c>
      <c r="BC977" s="9">
        <v>56569.519220900002</v>
      </c>
      <c r="BD977" s="9">
        <v>56620.745774100003</v>
      </c>
      <c r="BE977" s="9">
        <v>59069.880052799999</v>
      </c>
      <c r="BF977" s="9">
        <v>60067.845536599998</v>
      </c>
      <c r="BG977" s="11">
        <v>3641.25</v>
      </c>
      <c r="BH977" s="13">
        <v>2.3119047619047617</v>
      </c>
      <c r="BI977" s="6">
        <v>50</v>
      </c>
      <c r="BJ977" s="13">
        <v>3.1746031746031744E-2</v>
      </c>
      <c r="BK977" s="6">
        <v>20</v>
      </c>
      <c r="BL977" s="13">
        <v>1.2307692307692308E-2</v>
      </c>
      <c r="BM977" s="11">
        <v>3571.25</v>
      </c>
      <c r="BN977" s="13">
        <v>2.1709726443768997</v>
      </c>
      <c r="BO977" s="11">
        <v>3591.25</v>
      </c>
      <c r="BP977" s="13">
        <v>2.21</v>
      </c>
      <c r="BQ977" s="6">
        <v>1575</v>
      </c>
      <c r="BR977" s="6">
        <v>1571</v>
      </c>
      <c r="BS977" s="6">
        <v>1572</v>
      </c>
      <c r="BT977" s="6">
        <v>1625</v>
      </c>
      <c r="BU977" s="6">
        <v>1651</v>
      </c>
      <c r="BV977" s="6">
        <v>1637</v>
      </c>
      <c r="BW977" s="6">
        <v>1645</v>
      </c>
      <c r="BX977" s="6">
        <v>1658</v>
      </c>
      <c r="BY977" s="6">
        <v>1722</v>
      </c>
      <c r="BZ977" s="6">
        <v>3904</v>
      </c>
      <c r="CA977" s="6">
        <v>4386</v>
      </c>
      <c r="CB977" s="6">
        <v>5003</v>
      </c>
      <c r="CC977" s="11">
        <v>5216.25</v>
      </c>
      <c r="CD977" s="11">
        <v>-4734.71</v>
      </c>
      <c r="CE977" s="11">
        <v>14922.4</v>
      </c>
      <c r="CF977" s="11">
        <v>4479.2700000000004</v>
      </c>
      <c r="CG977" s="11">
        <v>19401</v>
      </c>
      <c r="CH977" s="20">
        <v>1.0208999999999999</v>
      </c>
      <c r="CI977" s="20">
        <v>0.99285800000000002</v>
      </c>
      <c r="CJ977" s="20">
        <v>1.00074</v>
      </c>
      <c r="CK977" s="20">
        <v>0.97109800000000002</v>
      </c>
      <c r="CL977" s="20">
        <v>0.97716400000000003</v>
      </c>
      <c r="CM977" s="20">
        <v>0.98903700000000005</v>
      </c>
      <c r="CN977" s="20">
        <v>0.97861799999999999</v>
      </c>
      <c r="CO977" s="20">
        <v>0.97677899999999995</v>
      </c>
      <c r="CP977" s="20">
        <v>0.98861399999999999</v>
      </c>
      <c r="CQ977" s="20">
        <v>1.0129300000000001</v>
      </c>
      <c r="CR977" s="20">
        <v>1.0462100000000001</v>
      </c>
      <c r="CS977" s="20">
        <v>1.06237</v>
      </c>
      <c r="CT977" s="20">
        <v>1.0924199999999999</v>
      </c>
      <c r="CU977" s="20">
        <v>1.1001000000000001</v>
      </c>
      <c r="CV977" s="20">
        <v>1.0949</v>
      </c>
      <c r="CW977" s="20">
        <v>1.09012</v>
      </c>
      <c r="CX977" s="20">
        <v>1.09826</v>
      </c>
      <c r="CY977" s="6" t="s">
        <v>538</v>
      </c>
      <c r="CZ977" s="6" t="s">
        <v>539</v>
      </c>
      <c r="DA977" s="6" t="s">
        <v>165</v>
      </c>
      <c r="DB977" s="6"/>
      <c r="DC977" s="6">
        <v>28140</v>
      </c>
      <c r="DD977" s="6">
        <v>312</v>
      </c>
      <c r="DE977" s="6" t="s">
        <v>402</v>
      </c>
      <c r="DF977" s="6" t="s">
        <v>375</v>
      </c>
      <c r="DG977" s="6" t="s">
        <v>364</v>
      </c>
      <c r="DH977" s="6" t="s">
        <v>419</v>
      </c>
      <c r="DI977" s="6" t="s">
        <v>377</v>
      </c>
      <c r="DJ977" s="6">
        <v>29</v>
      </c>
      <c r="DK977" s="6">
        <v>95</v>
      </c>
      <c r="DL977" s="6">
        <v>1</v>
      </c>
      <c r="DM977" s="6" t="s">
        <v>404</v>
      </c>
      <c r="DN977" s="6">
        <v>1</v>
      </c>
      <c r="DO977" s="6" t="s">
        <v>405</v>
      </c>
      <c r="DP977" s="6"/>
      <c r="DQ977" s="6"/>
    </row>
    <row r="978" spans="1:121" x14ac:dyDescent="0.2">
      <c r="A978" s="6" t="s">
        <v>322</v>
      </c>
      <c r="B978" s="6" t="s">
        <v>322</v>
      </c>
      <c r="C978" s="6" t="s">
        <v>191</v>
      </c>
      <c r="D978" s="6" t="s">
        <v>165</v>
      </c>
      <c r="E978" s="6" t="s">
        <v>304</v>
      </c>
      <c r="F978" s="11">
        <v>1122</v>
      </c>
      <c r="G978" s="13">
        <v>0.2</v>
      </c>
      <c r="H978" s="11">
        <v>698</v>
      </c>
      <c r="I978" s="13">
        <v>0.12556215146609101</v>
      </c>
      <c r="J978" s="11">
        <v>25</v>
      </c>
      <c r="K978" s="13">
        <v>3.9955250119865747E-3</v>
      </c>
      <c r="L978" s="11">
        <v>399</v>
      </c>
      <c r="M978" s="13">
        <v>6.3514804202483288E-2</v>
      </c>
      <c r="N978" s="11">
        <v>424</v>
      </c>
      <c r="O978" s="13">
        <v>6.7764104203292319E-2</v>
      </c>
      <c r="P978" s="7">
        <v>5559</v>
      </c>
      <c r="Q978" s="7">
        <v>5875</v>
      </c>
      <c r="R978" s="7">
        <v>5968</v>
      </c>
      <c r="S978" s="7">
        <v>6380</v>
      </c>
      <c r="T978" s="7">
        <v>6420</v>
      </c>
      <c r="U978" s="7">
        <v>6246</v>
      </c>
      <c r="V978" s="7">
        <v>6257</v>
      </c>
      <c r="W978" s="7">
        <v>7072</v>
      </c>
      <c r="X978" s="7">
        <v>6838</v>
      </c>
      <c r="Y978" s="7">
        <v>6282</v>
      </c>
      <c r="Z978" s="7">
        <v>6198</v>
      </c>
      <c r="AA978" s="7">
        <v>6367</v>
      </c>
      <c r="AB978" s="7">
        <v>6500</v>
      </c>
      <c r="AC978" s="7">
        <v>6667</v>
      </c>
      <c r="AD978" s="7">
        <v>6377</v>
      </c>
      <c r="AE978" s="7">
        <v>6610</v>
      </c>
      <c r="AF978" s="7">
        <v>6681</v>
      </c>
      <c r="AG978" s="9">
        <v>49015</v>
      </c>
      <c r="AH978" s="13">
        <v>1.12134245384457</v>
      </c>
      <c r="AI978" s="9">
        <v>16366</v>
      </c>
      <c r="AJ978" s="13">
        <v>0.37441376312598662</v>
      </c>
      <c r="AK978" s="9">
        <v>1166</v>
      </c>
      <c r="AL978" s="13">
        <v>1.9408425853488023E-2</v>
      </c>
      <c r="AM978" s="9">
        <v>31483</v>
      </c>
      <c r="AN978" s="13">
        <v>0.5140669137697369</v>
      </c>
      <c r="AO978" s="9">
        <v>32649</v>
      </c>
      <c r="AP978" s="13">
        <v>0.54345256920285634</v>
      </c>
      <c r="AQ978" s="9">
        <v>43711</v>
      </c>
      <c r="AR978" s="9">
        <v>49195</v>
      </c>
      <c r="AS978" s="9">
        <v>50152</v>
      </c>
      <c r="AT978" s="9">
        <v>48923</v>
      </c>
      <c r="AU978" s="9">
        <v>48281</v>
      </c>
      <c r="AV978" s="9">
        <v>54901</v>
      </c>
      <c r="AW978" s="9">
        <v>60077</v>
      </c>
      <c r="AX978" s="9">
        <v>49756</v>
      </c>
      <c r="AY978" s="9">
        <v>56295</v>
      </c>
      <c r="AZ978" s="9">
        <v>61243</v>
      </c>
      <c r="BA978" s="9">
        <v>60691</v>
      </c>
      <c r="BB978" s="9">
        <v>65583</v>
      </c>
      <c r="BC978" s="9">
        <v>76324</v>
      </c>
      <c r="BD978" s="9">
        <v>73713</v>
      </c>
      <c r="BE978" s="9">
        <v>86175</v>
      </c>
      <c r="BF978" s="9">
        <v>92726</v>
      </c>
      <c r="BG978" s="11">
        <v>-15</v>
      </c>
      <c r="BH978" s="13">
        <v>-6.3559322033898302E-2</v>
      </c>
      <c r="BI978" s="6">
        <v>-18</v>
      </c>
      <c r="BJ978" s="13">
        <v>-7.6271186440677971E-2</v>
      </c>
      <c r="BK978" s="6">
        <v>-13</v>
      </c>
      <c r="BL978" s="13">
        <v>-5.9633027522935783E-2</v>
      </c>
      <c r="BM978" s="11">
        <v>16</v>
      </c>
      <c r="BN978" s="13">
        <v>7.8048780487804878E-2</v>
      </c>
      <c r="BO978" s="11">
        <v>3</v>
      </c>
      <c r="BP978" s="13">
        <v>1.3761467889908258E-2</v>
      </c>
      <c r="BQ978" s="6">
        <v>236</v>
      </c>
      <c r="BR978" s="6">
        <v>227</v>
      </c>
      <c r="BS978" s="6">
        <v>231</v>
      </c>
      <c r="BT978" s="6">
        <v>218</v>
      </c>
      <c r="BU978" s="6">
        <v>218</v>
      </c>
      <c r="BV978" s="6">
        <v>214</v>
      </c>
      <c r="BW978" s="6">
        <v>205</v>
      </c>
      <c r="BX978" s="6">
        <v>196</v>
      </c>
      <c r="BY978" s="6">
        <v>212</v>
      </c>
      <c r="BZ978" s="6">
        <v>216</v>
      </c>
      <c r="CA978" s="6">
        <v>216</v>
      </c>
      <c r="CB978" s="6">
        <v>216</v>
      </c>
      <c r="CC978" s="11">
        <v>221</v>
      </c>
      <c r="CD978" s="11">
        <v>-496</v>
      </c>
      <c r="CE978" s="11">
        <v>1011</v>
      </c>
      <c r="CF978" s="11">
        <v>608</v>
      </c>
      <c r="CG978" s="11">
        <v>1619</v>
      </c>
      <c r="CH978" s="20">
        <v>0.9</v>
      </c>
      <c r="CI978" s="20">
        <v>0.96</v>
      </c>
      <c r="CJ978" s="20">
        <v>0.98</v>
      </c>
      <c r="CK978" s="20">
        <v>1.04</v>
      </c>
      <c r="CL978" s="20">
        <v>1.05</v>
      </c>
      <c r="CM978" s="20">
        <v>1.01</v>
      </c>
      <c r="CN978" s="20">
        <v>0.99</v>
      </c>
      <c r="CO978" s="20">
        <v>1.1100000000000001</v>
      </c>
      <c r="CP978" s="20">
        <v>1.0900000000000001</v>
      </c>
      <c r="CQ978" s="20">
        <v>1.04</v>
      </c>
      <c r="CR978" s="20">
        <v>1.03</v>
      </c>
      <c r="CS978" s="20">
        <v>1.02</v>
      </c>
      <c r="CT978" s="20">
        <v>1.04</v>
      </c>
      <c r="CU978" s="20">
        <v>1.05</v>
      </c>
      <c r="CV978" s="20">
        <v>0.97</v>
      </c>
      <c r="CW978" s="20">
        <v>0.98</v>
      </c>
      <c r="CX978" s="20">
        <v>0.98</v>
      </c>
      <c r="CY978" s="6" t="s">
        <v>538</v>
      </c>
      <c r="CZ978" s="6" t="s">
        <v>539</v>
      </c>
      <c r="DA978" s="6" t="s">
        <v>165</v>
      </c>
      <c r="DB978" s="6"/>
      <c r="DC978" s="6">
        <v>28140</v>
      </c>
      <c r="DD978" s="6">
        <v>312</v>
      </c>
      <c r="DE978" s="6" t="s">
        <v>402</v>
      </c>
      <c r="DF978" s="6" t="s">
        <v>375</v>
      </c>
      <c r="DG978" s="6" t="s">
        <v>364</v>
      </c>
      <c r="DH978" s="6" t="s">
        <v>419</v>
      </c>
      <c r="DI978" s="6" t="s">
        <v>377</v>
      </c>
      <c r="DJ978" s="6">
        <v>29</v>
      </c>
      <c r="DK978" s="6">
        <v>95</v>
      </c>
      <c r="DL978" s="6">
        <v>1</v>
      </c>
      <c r="DM978" s="6" t="s">
        <v>404</v>
      </c>
      <c r="DN978" s="6">
        <v>1</v>
      </c>
      <c r="DO978" s="6" t="s">
        <v>405</v>
      </c>
      <c r="DP978" s="6"/>
      <c r="DQ978" s="6"/>
    </row>
    <row r="979" spans="1:121" x14ac:dyDescent="0.2">
      <c r="A979" s="6" t="s">
        <v>323</v>
      </c>
      <c r="B979" s="6" t="s">
        <v>323</v>
      </c>
      <c r="C979" s="6" t="s">
        <v>192</v>
      </c>
      <c r="D979" s="6" t="s">
        <v>165</v>
      </c>
      <c r="E979" s="6" t="s">
        <v>304</v>
      </c>
      <c r="F979" s="11">
        <v>5821</v>
      </c>
      <c r="G979" s="13">
        <v>0.19219467098099999</v>
      </c>
      <c r="H979" s="11">
        <v>724.80690940000204</v>
      </c>
      <c r="I979" s="13">
        <v>2.393150429399277E-2</v>
      </c>
      <c r="J979" s="11">
        <v>-902.78020990000005</v>
      </c>
      <c r="K979" s="13">
        <v>-2.9111112220923323E-2</v>
      </c>
      <c r="L979" s="11">
        <v>5998.8551039999984</v>
      </c>
      <c r="M979" s="13">
        <v>0.19923957649481311</v>
      </c>
      <c r="N979" s="11">
        <v>5096.0748940999983</v>
      </c>
      <c r="O979" s="13">
        <v>0.16432837860370003</v>
      </c>
      <c r="P979" s="7">
        <v>30286.725836199999</v>
      </c>
      <c r="Q979" s="7">
        <v>30566.473359799998</v>
      </c>
      <c r="R979" s="7">
        <v>30648.782869300001</v>
      </c>
      <c r="S979" s="7">
        <v>30497.474989999999</v>
      </c>
      <c r="T979" s="7">
        <v>30040.197798100002</v>
      </c>
      <c r="U979" s="7">
        <v>30130.837763799998</v>
      </c>
      <c r="V979" s="7">
        <v>31011.532745600001</v>
      </c>
      <c r="W979" s="7">
        <v>31462.558131199999</v>
      </c>
      <c r="X979" s="7">
        <v>30524.5855643</v>
      </c>
      <c r="Y979" s="7">
        <v>30108.752535700001</v>
      </c>
      <c r="Z979" s="7">
        <v>30613.366633500002</v>
      </c>
      <c r="AA979" s="7">
        <v>31863.790154400001</v>
      </c>
      <c r="AB979" s="7">
        <v>32015.904719599999</v>
      </c>
      <c r="AC979" s="7">
        <v>33451.953126799999</v>
      </c>
      <c r="AD979" s="7">
        <v>34918.224585099997</v>
      </c>
      <c r="AE979" s="7">
        <v>35575.457747200002</v>
      </c>
      <c r="AF979" s="7">
        <v>36107.6076397</v>
      </c>
      <c r="AG979" s="9">
        <v>6751.8303610000021</v>
      </c>
      <c r="AH979" s="13">
        <v>0.43229479641988505</v>
      </c>
      <c r="AI979" s="9">
        <v>3120.6753460000018</v>
      </c>
      <c r="AJ979" s="13">
        <v>0.19980533296334468</v>
      </c>
      <c r="AK979" s="9">
        <v>171.61881849999918</v>
      </c>
      <c r="AL979" s="13">
        <v>9.1582523389405063E-3</v>
      </c>
      <c r="AM979" s="9">
        <v>3459.5361965000011</v>
      </c>
      <c r="AN979" s="13">
        <v>0.18293899997403693</v>
      </c>
      <c r="AO979" s="9">
        <v>3631.1550150000003</v>
      </c>
      <c r="AP979" s="13">
        <v>0.1937726538373731</v>
      </c>
      <c r="AQ979" s="9">
        <v>15618.578842299999</v>
      </c>
      <c r="AR979" s="9">
        <v>15951.675039600001</v>
      </c>
      <c r="AS979" s="9">
        <v>16397.889313799998</v>
      </c>
      <c r="AT979" s="9">
        <v>16908.504184400001</v>
      </c>
      <c r="AU979" s="9">
        <v>17434.912888300001</v>
      </c>
      <c r="AV979" s="9">
        <v>17898.481827299998</v>
      </c>
      <c r="AW979" s="9">
        <v>18739.254188300001</v>
      </c>
      <c r="AX979" s="9">
        <v>18873.1046881</v>
      </c>
      <c r="AY979" s="9">
        <v>18679.892215600001</v>
      </c>
      <c r="AZ979" s="9">
        <v>18910.8730068</v>
      </c>
      <c r="BA979" s="9">
        <v>19318.751575800001</v>
      </c>
      <c r="BB979" s="9">
        <v>19942.7278959</v>
      </c>
      <c r="BC979" s="9">
        <v>20068.495573</v>
      </c>
      <c r="BD979" s="9">
        <v>20612.884462999999</v>
      </c>
      <c r="BE979" s="9">
        <v>21805.0888753</v>
      </c>
      <c r="BF979" s="9">
        <v>22370.409203300002</v>
      </c>
      <c r="BG979" s="11">
        <v>137.75</v>
      </c>
      <c r="BH979" s="13">
        <v>0.10062089116143171</v>
      </c>
      <c r="BI979" s="6">
        <v>2</v>
      </c>
      <c r="BJ979" s="13">
        <v>1.4609203798392988E-3</v>
      </c>
      <c r="BK979" s="6">
        <v>25</v>
      </c>
      <c r="BL979" s="13">
        <v>1.8234865061998541E-2</v>
      </c>
      <c r="BM979" s="11">
        <v>110.75</v>
      </c>
      <c r="BN979" s="13">
        <v>7.9333810888252143E-2</v>
      </c>
      <c r="BO979" s="11">
        <v>135.75</v>
      </c>
      <c r="BP979" s="13">
        <v>9.9015317286652083E-2</v>
      </c>
      <c r="BQ979" s="6">
        <v>1369</v>
      </c>
      <c r="BR979" s="6">
        <v>1375</v>
      </c>
      <c r="BS979" s="6">
        <v>1372</v>
      </c>
      <c r="BT979" s="6">
        <v>1371</v>
      </c>
      <c r="BU979" s="6">
        <v>1405</v>
      </c>
      <c r="BV979" s="6">
        <v>1395</v>
      </c>
      <c r="BW979" s="6">
        <v>1396</v>
      </c>
      <c r="BX979" s="6">
        <v>1387</v>
      </c>
      <c r="BY979" s="6">
        <v>1411</v>
      </c>
      <c r="BZ979" s="6">
        <v>1409</v>
      </c>
      <c r="CA979" s="6">
        <v>1454</v>
      </c>
      <c r="CB979" s="6">
        <v>1497</v>
      </c>
      <c r="CC979" s="11">
        <v>1506.75</v>
      </c>
      <c r="CD979" s="11">
        <v>-4377.1899999999996</v>
      </c>
      <c r="CE979" s="11">
        <v>6887.37</v>
      </c>
      <c r="CF979" s="11">
        <v>3310.7</v>
      </c>
      <c r="CG979" s="11">
        <v>10198</v>
      </c>
      <c r="CH979" s="20">
        <v>1.01677</v>
      </c>
      <c r="CI979" s="20">
        <v>1.0328900000000001</v>
      </c>
      <c r="CJ979" s="20">
        <v>1.04155</v>
      </c>
      <c r="CK979" s="20">
        <v>1.03013</v>
      </c>
      <c r="CL979" s="20">
        <v>1.00353</v>
      </c>
      <c r="CM979" s="20">
        <v>0.99296300000000004</v>
      </c>
      <c r="CN979" s="20">
        <v>1.0065200000000001</v>
      </c>
      <c r="CO979" s="20">
        <v>1.0116400000000001</v>
      </c>
      <c r="CP979" s="20">
        <v>1.0056099999999999</v>
      </c>
      <c r="CQ979" s="20">
        <v>1.02504</v>
      </c>
      <c r="CR979" s="20">
        <v>1.0265899999999999</v>
      </c>
      <c r="CS979" s="20">
        <v>1.02715</v>
      </c>
      <c r="CT979" s="20">
        <v>1.0163800000000001</v>
      </c>
      <c r="CU979" s="20">
        <v>1.0450699999999999</v>
      </c>
      <c r="CV979" s="20">
        <v>1.05443</v>
      </c>
      <c r="CW979" s="20">
        <v>1.05301</v>
      </c>
      <c r="CX979" s="20">
        <v>1.0585599999999999</v>
      </c>
      <c r="CY979" s="6" t="s">
        <v>538</v>
      </c>
      <c r="CZ979" s="6" t="s">
        <v>539</v>
      </c>
      <c r="DA979" s="6" t="s">
        <v>165</v>
      </c>
      <c r="DB979" s="6"/>
      <c r="DC979" s="6">
        <v>28140</v>
      </c>
      <c r="DD979" s="6">
        <v>312</v>
      </c>
      <c r="DE979" s="6" t="s">
        <v>402</v>
      </c>
      <c r="DF979" s="6" t="s">
        <v>375</v>
      </c>
      <c r="DG979" s="6" t="s">
        <v>364</v>
      </c>
      <c r="DH979" s="6" t="s">
        <v>419</v>
      </c>
      <c r="DI979" s="6" t="s">
        <v>377</v>
      </c>
      <c r="DJ979" s="6">
        <v>29</v>
      </c>
      <c r="DK979" s="6">
        <v>95</v>
      </c>
      <c r="DL979" s="6">
        <v>1</v>
      </c>
      <c r="DM979" s="6" t="s">
        <v>404</v>
      </c>
      <c r="DN979" s="6">
        <v>1</v>
      </c>
      <c r="DO979" s="6" t="s">
        <v>405</v>
      </c>
      <c r="DP979" s="6"/>
      <c r="DQ979" s="6"/>
    </row>
    <row r="980" spans="1:121" x14ac:dyDescent="0.2">
      <c r="A980" s="6" t="s">
        <v>325</v>
      </c>
      <c r="B980" s="6" t="s">
        <v>325</v>
      </c>
      <c r="C980" s="6" t="s">
        <v>193</v>
      </c>
      <c r="D980" s="6" t="s">
        <v>165</v>
      </c>
      <c r="E980" s="6" t="s">
        <v>304</v>
      </c>
      <c r="F980" s="11">
        <v>-1260</v>
      </c>
      <c r="G980" s="13">
        <v>-5.4524211346200002E-2</v>
      </c>
      <c r="H980" s="11">
        <v>-1399.1902537999995</v>
      </c>
      <c r="I980" s="13">
        <v>-6.0548437090735097E-2</v>
      </c>
      <c r="J980" s="11">
        <v>53.736785600001895</v>
      </c>
      <c r="K980" s="13">
        <v>2.4752750096042595E-3</v>
      </c>
      <c r="L980" s="11">
        <v>85.463345099997241</v>
      </c>
      <c r="M980" s="13">
        <v>3.9269736771724668E-3</v>
      </c>
      <c r="N980" s="11">
        <v>139.20013069999914</v>
      </c>
      <c r="O980" s="13">
        <v>6.4119690265832053E-3</v>
      </c>
      <c r="P980" s="7">
        <v>23108.610577399999</v>
      </c>
      <c r="Q980" s="7">
        <v>22835.959869099999</v>
      </c>
      <c r="R980" s="7">
        <v>22234.215008399999</v>
      </c>
      <c r="S980" s="7">
        <v>21893.1182076</v>
      </c>
      <c r="T980" s="7">
        <v>22457.226632800001</v>
      </c>
      <c r="U980" s="7">
        <v>22531.709601899998</v>
      </c>
      <c r="V980" s="7">
        <v>21709.420323599999</v>
      </c>
      <c r="W980" s="7">
        <v>21780.774326399998</v>
      </c>
      <c r="X980" s="7">
        <v>21756.130908300001</v>
      </c>
      <c r="Y980" s="7">
        <v>21763.157109200001</v>
      </c>
      <c r="Z980" s="7">
        <v>22398.623303799999</v>
      </c>
      <c r="AA980" s="7">
        <v>22814.8746393</v>
      </c>
      <c r="AB980" s="7">
        <v>21152.7430393</v>
      </c>
      <c r="AC980" s="7">
        <v>21210.436887899999</v>
      </c>
      <c r="AD980" s="7">
        <v>21545.333204400002</v>
      </c>
      <c r="AE980" s="7">
        <v>21827.944894600001</v>
      </c>
      <c r="AF980" s="7">
        <v>21848.620454299999</v>
      </c>
      <c r="AG980" s="9">
        <v>8671.7444475000011</v>
      </c>
      <c r="AH980" s="13">
        <v>0.37106697647591008</v>
      </c>
      <c r="AI980" s="9">
        <v>3726.5629197000017</v>
      </c>
      <c r="AJ980" s="13">
        <v>0.15946093010835571</v>
      </c>
      <c r="AK980" s="9">
        <v>59.790582999998151</v>
      </c>
      <c r="AL980" s="13">
        <v>2.206594359850619E-3</v>
      </c>
      <c r="AM980" s="9">
        <v>4885.3909448000013</v>
      </c>
      <c r="AN980" s="13">
        <v>0.17990025657697489</v>
      </c>
      <c r="AO980" s="9">
        <v>4945.1815277999995</v>
      </c>
      <c r="AP980" s="13">
        <v>0.18250381782832395</v>
      </c>
      <c r="AQ980" s="9">
        <v>23369.755319799999</v>
      </c>
      <c r="AR980" s="9">
        <v>24220.538024099998</v>
      </c>
      <c r="AS980" s="9">
        <v>24143.9901895</v>
      </c>
      <c r="AT980" s="9">
        <v>24867.888668299998</v>
      </c>
      <c r="AU980" s="9">
        <v>25076.1507408</v>
      </c>
      <c r="AV980" s="9">
        <v>25788.4419672</v>
      </c>
      <c r="AW980" s="9">
        <v>27096.3182395</v>
      </c>
      <c r="AX980" s="9">
        <v>28247.352729400001</v>
      </c>
      <c r="AY980" s="9">
        <v>27467.551289899999</v>
      </c>
      <c r="AZ980" s="9">
        <v>27156.108822499998</v>
      </c>
      <c r="BA980" s="9">
        <v>27100.379069800001</v>
      </c>
      <c r="BB980" s="9">
        <v>27484.356675899999</v>
      </c>
      <c r="BC980" s="9">
        <v>29353.1856525</v>
      </c>
      <c r="BD980" s="9">
        <v>30337.603366300002</v>
      </c>
      <c r="BE980" s="9">
        <v>31525.112606899998</v>
      </c>
      <c r="BF980" s="9">
        <v>32041.4997673</v>
      </c>
      <c r="BG980" s="11">
        <v>-368.75</v>
      </c>
      <c r="BH980" s="13">
        <v>-0.19116122343182995</v>
      </c>
      <c r="BI980" s="6">
        <v>108</v>
      </c>
      <c r="BJ980" s="13">
        <v>5.5987558320373249E-2</v>
      </c>
      <c r="BK980" s="6">
        <v>287</v>
      </c>
      <c r="BL980" s="13">
        <v>0.14089347079037801</v>
      </c>
      <c r="BM980" s="11">
        <v>-763.75</v>
      </c>
      <c r="BN980" s="13">
        <v>-0.32863597246127368</v>
      </c>
      <c r="BO980" s="11">
        <v>-476.75</v>
      </c>
      <c r="BP980" s="13">
        <v>-0.23404516445753559</v>
      </c>
      <c r="BQ980" s="6">
        <v>1929</v>
      </c>
      <c r="BR980" s="6">
        <v>1946</v>
      </c>
      <c r="BS980" s="6">
        <v>1972</v>
      </c>
      <c r="BT980" s="6">
        <v>2037</v>
      </c>
      <c r="BU980" s="6">
        <v>2084</v>
      </c>
      <c r="BV980" s="6">
        <v>2179</v>
      </c>
      <c r="BW980" s="6">
        <v>2324</v>
      </c>
      <c r="BX980" s="6">
        <v>2750</v>
      </c>
      <c r="BY980" s="6">
        <v>3111</v>
      </c>
      <c r="BZ980" s="6">
        <v>1488</v>
      </c>
      <c r="CA980" s="6">
        <v>1526</v>
      </c>
      <c r="CB980" s="6">
        <v>1555</v>
      </c>
      <c r="CC980" s="11">
        <v>1560.25</v>
      </c>
      <c r="CD980" s="11">
        <v>-3573.23</v>
      </c>
      <c r="CE980" s="11">
        <v>-212.80799999999999</v>
      </c>
      <c r="CF980" s="11">
        <v>2526.0500000000002</v>
      </c>
      <c r="CG980" s="11">
        <v>2313</v>
      </c>
      <c r="CH980" s="20">
        <v>1.14211</v>
      </c>
      <c r="CI980" s="20">
        <v>1.1313299999999999</v>
      </c>
      <c r="CJ980" s="20">
        <v>1.1141300000000001</v>
      </c>
      <c r="CK980" s="20">
        <v>1.1101300000000001</v>
      </c>
      <c r="CL980" s="20">
        <v>1.1449</v>
      </c>
      <c r="CM980" s="20">
        <v>1.14378</v>
      </c>
      <c r="CN980" s="20">
        <v>1.09073</v>
      </c>
      <c r="CO980" s="20">
        <v>1.08308</v>
      </c>
      <c r="CP980" s="20">
        <v>1.08586</v>
      </c>
      <c r="CQ980" s="20">
        <v>1.1308100000000001</v>
      </c>
      <c r="CR980" s="20">
        <v>1.1631</v>
      </c>
      <c r="CS980" s="20">
        <v>1.1476500000000001</v>
      </c>
      <c r="CT980" s="20">
        <v>1.1430800000000001</v>
      </c>
      <c r="CU980" s="20">
        <v>1.1399699999999999</v>
      </c>
      <c r="CV980" s="20">
        <v>1.1414200000000001</v>
      </c>
      <c r="CW980" s="20">
        <v>1.1455500000000001</v>
      </c>
      <c r="CX980" s="20">
        <v>1.14581</v>
      </c>
      <c r="CY980" s="6" t="s">
        <v>538</v>
      </c>
      <c r="CZ980" s="6" t="s">
        <v>539</v>
      </c>
      <c r="DA980" s="6" t="s">
        <v>165</v>
      </c>
      <c r="DB980" s="6"/>
      <c r="DC980" s="6">
        <v>28140</v>
      </c>
      <c r="DD980" s="6">
        <v>312</v>
      </c>
      <c r="DE980" s="6" t="s">
        <v>402</v>
      </c>
      <c r="DF980" s="6" t="s">
        <v>375</v>
      </c>
      <c r="DG980" s="6" t="s">
        <v>364</v>
      </c>
      <c r="DH980" s="6" t="s">
        <v>419</v>
      </c>
      <c r="DI980" s="6" t="s">
        <v>377</v>
      </c>
      <c r="DJ980" s="6">
        <v>29</v>
      </c>
      <c r="DK980" s="6">
        <v>95</v>
      </c>
      <c r="DL980" s="6">
        <v>1</v>
      </c>
      <c r="DM980" s="6" t="s">
        <v>404</v>
      </c>
      <c r="DN980" s="6">
        <v>1</v>
      </c>
      <c r="DO980" s="6" t="s">
        <v>405</v>
      </c>
      <c r="DP980" s="6"/>
      <c r="DQ980" s="6"/>
    </row>
    <row r="981" spans="1:121" x14ac:dyDescent="0.2">
      <c r="A981" s="6" t="s">
        <v>327</v>
      </c>
      <c r="B981" s="6" t="s">
        <v>327</v>
      </c>
      <c r="C981" s="6" t="s">
        <v>194</v>
      </c>
      <c r="D981" s="6" t="s">
        <v>165</v>
      </c>
      <c r="E981" s="6" t="s">
        <v>304</v>
      </c>
      <c r="F981" s="11">
        <v>-5087</v>
      </c>
      <c r="G981" s="13">
        <v>-7.8499452185900001E-2</v>
      </c>
      <c r="H981" s="11">
        <v>2237.8700880000033</v>
      </c>
      <c r="I981" s="13">
        <v>3.4533192169040314E-2</v>
      </c>
      <c r="J981" s="11">
        <v>-1077.7057219999988</v>
      </c>
      <c r="K981" s="13">
        <v>-1.6075245474408098E-2</v>
      </c>
      <c r="L981" s="11">
        <v>-6247.9200936000052</v>
      </c>
      <c r="M981" s="13">
        <v>-9.4717669589899245E-2</v>
      </c>
      <c r="N981" s="11">
        <v>-7325.625815600004</v>
      </c>
      <c r="O981" s="13">
        <v>-0.10927030527488583</v>
      </c>
      <c r="P981" s="7">
        <v>64803.452777999999</v>
      </c>
      <c r="Q981" s="7">
        <v>65496.747207</v>
      </c>
      <c r="R981" s="7">
        <v>65186.007858999998</v>
      </c>
      <c r="S981" s="7">
        <v>64832.606582</v>
      </c>
      <c r="T981" s="7">
        <v>64963.020622999997</v>
      </c>
      <c r="U981" s="7">
        <v>64715.900950000003</v>
      </c>
      <c r="V981" s="7">
        <v>67041.322866000002</v>
      </c>
      <c r="W981" s="7">
        <v>67317.410149999996</v>
      </c>
      <c r="X981" s="7">
        <v>67659.465305000005</v>
      </c>
      <c r="Y981" s="7">
        <v>65963.617144000003</v>
      </c>
      <c r="Z981" s="7">
        <v>64355.730328999998</v>
      </c>
      <c r="AA981" s="7">
        <v>63328.758495000002</v>
      </c>
      <c r="AB981" s="7">
        <v>62294.899376000001</v>
      </c>
      <c r="AC981" s="7">
        <v>61033.556567</v>
      </c>
      <c r="AD981" s="7">
        <v>60345.875347000001</v>
      </c>
      <c r="AE981" s="7">
        <v>60587.551977199997</v>
      </c>
      <c r="AF981" s="7">
        <v>59715.697050399998</v>
      </c>
      <c r="AG981" s="9">
        <v>23817.259843799999</v>
      </c>
      <c r="AH981" s="13">
        <v>0.49110414542474817</v>
      </c>
      <c r="AI981" s="9">
        <v>12875.288876699997</v>
      </c>
      <c r="AJ981" s="13">
        <v>0.26548426571138578</v>
      </c>
      <c r="AK981" s="9">
        <v>6856.1341091000068</v>
      </c>
      <c r="AL981" s="13">
        <v>0.11171316584332304</v>
      </c>
      <c r="AM981" s="9">
        <v>4085.8368579999951</v>
      </c>
      <c r="AN981" s="13">
        <v>5.9884348397212281E-2</v>
      </c>
      <c r="AO981" s="9">
        <v>10941.970967100002</v>
      </c>
      <c r="AP981" s="13">
        <v>0.17828738438445241</v>
      </c>
      <c r="AQ981" s="9">
        <v>48497.370803500002</v>
      </c>
      <c r="AR981" s="9">
        <v>50739.2784302</v>
      </c>
      <c r="AS981" s="9">
        <v>53225.586986399998</v>
      </c>
      <c r="AT981" s="9">
        <v>56180.616244800003</v>
      </c>
      <c r="AU981" s="9">
        <v>58005.111623500001</v>
      </c>
      <c r="AV981" s="9">
        <v>60011.654853400003</v>
      </c>
      <c r="AW981" s="9">
        <v>61372.659680199999</v>
      </c>
      <c r="AX981" s="9">
        <v>64744.001664299998</v>
      </c>
      <c r="AY981" s="9">
        <v>66471.238351099993</v>
      </c>
      <c r="AZ981" s="9">
        <v>68228.793789300005</v>
      </c>
      <c r="BA981" s="9">
        <v>68403.938298399997</v>
      </c>
      <c r="BB981" s="9">
        <v>68901.975690099993</v>
      </c>
      <c r="BC981" s="9">
        <v>69911.126813700001</v>
      </c>
      <c r="BD981" s="9">
        <v>70263.124080299996</v>
      </c>
      <c r="BE981" s="9">
        <v>72314.593368700007</v>
      </c>
      <c r="BF981" s="9">
        <v>72314.6306473</v>
      </c>
      <c r="BG981" s="11">
        <v>2.75</v>
      </c>
      <c r="BH981" s="13">
        <v>4.7909407665505223E-3</v>
      </c>
      <c r="BI981" s="6">
        <v>41</v>
      </c>
      <c r="BJ981" s="13">
        <v>7.1428571428571425E-2</v>
      </c>
      <c r="BK981" s="6">
        <v>-15</v>
      </c>
      <c r="BL981" s="13">
        <v>-2.4390243902439025E-2</v>
      </c>
      <c r="BM981" s="11">
        <v>-23.25</v>
      </c>
      <c r="BN981" s="13">
        <v>-3.875E-2</v>
      </c>
      <c r="BO981" s="11">
        <v>-38.25</v>
      </c>
      <c r="BP981" s="13">
        <v>-6.2195121951219512E-2</v>
      </c>
      <c r="BQ981" s="6">
        <v>574</v>
      </c>
      <c r="BR981" s="6">
        <v>587</v>
      </c>
      <c r="BS981" s="6">
        <v>581</v>
      </c>
      <c r="BT981" s="6">
        <v>615</v>
      </c>
      <c r="BU981" s="6">
        <v>630</v>
      </c>
      <c r="BV981" s="6">
        <v>624</v>
      </c>
      <c r="BW981" s="6">
        <v>600</v>
      </c>
      <c r="BX981" s="6">
        <v>592</v>
      </c>
      <c r="BY981" s="6">
        <v>583</v>
      </c>
      <c r="BZ981" s="6">
        <v>583</v>
      </c>
      <c r="CA981" s="6">
        <v>577</v>
      </c>
      <c r="CB981" s="6">
        <v>575</v>
      </c>
      <c r="CC981" s="11">
        <v>576.75</v>
      </c>
      <c r="CD981" s="11">
        <v>-8372.4699999999993</v>
      </c>
      <c r="CE981" s="11">
        <v>-3799.08</v>
      </c>
      <c r="CF981" s="11">
        <v>7083.8</v>
      </c>
      <c r="CG981" s="11">
        <v>3285</v>
      </c>
      <c r="CH981" s="20">
        <v>0.96418599999999999</v>
      </c>
      <c r="CI981" s="20">
        <v>0.97490299999999996</v>
      </c>
      <c r="CJ981" s="20">
        <v>0.988626</v>
      </c>
      <c r="CK981" s="20">
        <v>1.00221</v>
      </c>
      <c r="CL981" s="20">
        <v>1.0119800000000001</v>
      </c>
      <c r="CM981" s="20">
        <v>1.01044</v>
      </c>
      <c r="CN981" s="20">
        <v>1.04345</v>
      </c>
      <c r="CO981" s="20">
        <v>1.02661</v>
      </c>
      <c r="CP981" s="20">
        <v>1.02407</v>
      </c>
      <c r="CQ981" s="20">
        <v>1.0334399999999999</v>
      </c>
      <c r="CR981" s="20">
        <v>1.0312699999999999</v>
      </c>
      <c r="CS981" s="20">
        <v>1.0164</v>
      </c>
      <c r="CT981" s="20">
        <v>1.0201899999999999</v>
      </c>
      <c r="CU981" s="20">
        <v>1.0128999999999999</v>
      </c>
      <c r="CV981" s="20">
        <v>0.99566399999999999</v>
      </c>
      <c r="CW981" s="20">
        <v>0.99527900000000002</v>
      </c>
      <c r="CX981" s="20">
        <v>0.98710699999999996</v>
      </c>
      <c r="CY981" s="6" t="s">
        <v>538</v>
      </c>
      <c r="CZ981" s="6" t="s">
        <v>539</v>
      </c>
      <c r="DA981" s="6" t="s">
        <v>165</v>
      </c>
      <c r="DB981" s="6"/>
      <c r="DC981" s="6">
        <v>28140</v>
      </c>
      <c r="DD981" s="6">
        <v>312</v>
      </c>
      <c r="DE981" s="6" t="s">
        <v>402</v>
      </c>
      <c r="DF981" s="6" t="s">
        <v>375</v>
      </c>
      <c r="DG981" s="6" t="s">
        <v>364</v>
      </c>
      <c r="DH981" s="6" t="s">
        <v>419</v>
      </c>
      <c r="DI981" s="6" t="s">
        <v>377</v>
      </c>
      <c r="DJ981" s="6">
        <v>29</v>
      </c>
      <c r="DK981" s="6">
        <v>95</v>
      </c>
      <c r="DL981" s="6">
        <v>1</v>
      </c>
      <c r="DM981" s="6" t="s">
        <v>404</v>
      </c>
      <c r="DN981" s="6">
        <v>1</v>
      </c>
      <c r="DO981" s="6" t="s">
        <v>405</v>
      </c>
      <c r="DP981" s="6"/>
      <c r="DQ981" s="6"/>
    </row>
    <row r="982" spans="1:121" x14ac:dyDescent="0.2">
      <c r="A982" s="6" t="s">
        <v>1</v>
      </c>
      <c r="B982" s="6" t="s">
        <v>1</v>
      </c>
      <c r="C982" s="6" t="s">
        <v>2</v>
      </c>
      <c r="D982" s="6" t="s">
        <v>143</v>
      </c>
      <c r="E982" s="6" t="s">
        <v>284</v>
      </c>
      <c r="F982" s="11">
        <v>-60</v>
      </c>
      <c r="G982" s="13">
        <v>-6.8415051311300004E-2</v>
      </c>
      <c r="H982" s="11">
        <v>471.99077817999989</v>
      </c>
      <c r="I982" s="13">
        <v>0.5379096027002912</v>
      </c>
      <c r="J982" s="11">
        <v>-426.73443935699993</v>
      </c>
      <c r="K982" s="13">
        <v>-0.31622970943019307</v>
      </c>
      <c r="L982" s="11">
        <v>-105.407679218</v>
      </c>
      <c r="M982" s="13">
        <v>-0.11423705529477177</v>
      </c>
      <c r="N982" s="11">
        <v>-532.14211857499993</v>
      </c>
      <c r="O982" s="13">
        <v>-0.39434161392293826</v>
      </c>
      <c r="P982" s="7">
        <v>877.45371306000004</v>
      </c>
      <c r="Q982" s="7">
        <v>776.23642338000002</v>
      </c>
      <c r="R982" s="7">
        <v>680.94150296600003</v>
      </c>
      <c r="S982" s="7">
        <v>1013.40867113</v>
      </c>
      <c r="T982" s="7">
        <v>1260.4342805399999</v>
      </c>
      <c r="U982" s="7">
        <v>1292.1299735299999</v>
      </c>
      <c r="V982" s="7">
        <v>1349.4444912399999</v>
      </c>
      <c r="W982" s="7">
        <v>1070.5706093900001</v>
      </c>
      <c r="X982" s="7">
        <v>972.41459511200003</v>
      </c>
      <c r="Y982" s="7">
        <v>922.71005188300001</v>
      </c>
      <c r="Z982" s="7">
        <v>873.40880988699996</v>
      </c>
      <c r="AA982" s="7">
        <v>791.08605970600001</v>
      </c>
      <c r="AB982" s="7">
        <v>659.82529711300003</v>
      </c>
      <c r="AC982" s="7">
        <v>839.16399597700001</v>
      </c>
      <c r="AD982" s="7">
        <v>865.19859127300003</v>
      </c>
      <c r="AE982" s="7">
        <v>834.01160384299999</v>
      </c>
      <c r="AF982" s="7">
        <v>817.30237266500001</v>
      </c>
      <c r="AG982" s="9">
        <v>13407.272113400002</v>
      </c>
      <c r="AH982" s="13">
        <v>0.7173196344178614</v>
      </c>
      <c r="AI982" s="9">
        <v>2853.985343700002</v>
      </c>
      <c r="AJ982" s="13">
        <v>0.1526947246286372</v>
      </c>
      <c r="AK982" s="9">
        <v>4102.3116741999984</v>
      </c>
      <c r="AL982" s="13">
        <v>0.19040863598003549</v>
      </c>
      <c r="AM982" s="9">
        <v>6450.9750955000018</v>
      </c>
      <c r="AN982" s="13">
        <v>0.25152854894510202</v>
      </c>
      <c r="AO982" s="9">
        <v>10553.2867697</v>
      </c>
      <c r="AP982" s="13">
        <v>0.48983039283981195</v>
      </c>
      <c r="AQ982" s="9">
        <v>18690.7920404</v>
      </c>
      <c r="AR982" s="9">
        <v>19062.515501499998</v>
      </c>
      <c r="AS982" s="9">
        <v>18989.016488099998</v>
      </c>
      <c r="AT982" s="9">
        <v>20199.234920399998</v>
      </c>
      <c r="AU982" s="9">
        <v>20628.333830799998</v>
      </c>
      <c r="AV982" s="9">
        <v>21644.6021468</v>
      </c>
      <c r="AW982" s="9">
        <v>21544.777384100002</v>
      </c>
      <c r="AX982" s="9">
        <v>23591.690092500001</v>
      </c>
      <c r="AY982" s="9">
        <v>24290.7752851</v>
      </c>
      <c r="AZ982" s="9">
        <v>25647.0890583</v>
      </c>
      <c r="BA982" s="9">
        <v>27366.042502</v>
      </c>
      <c r="BB982" s="9">
        <v>28974.489579699999</v>
      </c>
      <c r="BC982" s="9">
        <v>30965.312608600001</v>
      </c>
      <c r="BD982" s="9">
        <v>30890.309813200001</v>
      </c>
      <c r="BE982" s="9">
        <v>32020.8114217</v>
      </c>
      <c r="BF982" s="9">
        <v>32098.064153800002</v>
      </c>
      <c r="BG982" s="11">
        <v>6.25</v>
      </c>
      <c r="BH982" s="13">
        <v>0.3125</v>
      </c>
      <c r="BI982" s="6">
        <v>2</v>
      </c>
      <c r="BJ982" s="13">
        <v>0.1</v>
      </c>
      <c r="BK982" s="6">
        <v>-1</v>
      </c>
      <c r="BL982" s="13">
        <v>-4.5454545454545456E-2</v>
      </c>
      <c r="BM982" s="11">
        <v>5.25</v>
      </c>
      <c r="BN982" s="13">
        <v>0.25</v>
      </c>
      <c r="BO982" s="11">
        <v>4.25</v>
      </c>
      <c r="BP982" s="13">
        <v>0.19318181818181818</v>
      </c>
      <c r="BQ982" s="6">
        <v>20</v>
      </c>
      <c r="BR982" s="6">
        <v>22</v>
      </c>
      <c r="BS982" s="6">
        <v>21</v>
      </c>
      <c r="BT982" s="6">
        <v>22</v>
      </c>
      <c r="BU982" s="6">
        <v>21</v>
      </c>
      <c r="BV982" s="6">
        <v>25</v>
      </c>
      <c r="BW982" s="6">
        <v>21</v>
      </c>
      <c r="BX982" s="6">
        <v>21</v>
      </c>
      <c r="BY982" s="6">
        <v>22</v>
      </c>
      <c r="BZ982" s="6">
        <v>22</v>
      </c>
      <c r="CA982" s="6">
        <v>25</v>
      </c>
      <c r="CB982" s="6">
        <v>25</v>
      </c>
      <c r="CC982" s="11">
        <v>26.25</v>
      </c>
      <c r="CD982" s="11">
        <v>-76.066900000000004</v>
      </c>
      <c r="CE982" s="11">
        <v>-80.000699999999995</v>
      </c>
      <c r="CF982" s="11">
        <v>95.916300000000007</v>
      </c>
      <c r="CG982" s="11">
        <v>16</v>
      </c>
      <c r="CH982" s="20">
        <v>1.0498400000000001</v>
      </c>
      <c r="CI982" s="20">
        <v>0.94984900000000005</v>
      </c>
      <c r="CJ982" s="20">
        <v>0.82794000000000001</v>
      </c>
      <c r="CK982" s="20">
        <v>1.2339100000000001</v>
      </c>
      <c r="CL982" s="20">
        <v>1.5273300000000001</v>
      </c>
      <c r="CM982" s="20">
        <v>1.54976</v>
      </c>
      <c r="CN982" s="20">
        <v>1.64578</v>
      </c>
      <c r="CO982" s="20">
        <v>1.3271500000000001</v>
      </c>
      <c r="CP982" s="20">
        <v>1.19113</v>
      </c>
      <c r="CQ982" s="20">
        <v>1.1752800000000001</v>
      </c>
      <c r="CR982" s="20">
        <v>1.11432</v>
      </c>
      <c r="CS982" s="20">
        <v>0.99803600000000003</v>
      </c>
      <c r="CT982" s="20">
        <v>0.80748799999999998</v>
      </c>
      <c r="CU982" s="20">
        <v>1.03484</v>
      </c>
      <c r="CV982" s="20">
        <v>1.05887</v>
      </c>
      <c r="CW982" s="20">
        <v>1.0263500000000001</v>
      </c>
      <c r="CX982" s="20">
        <v>1.0010699999999999</v>
      </c>
      <c r="CY982" s="6" t="s">
        <v>541</v>
      </c>
      <c r="CZ982" s="6" t="s">
        <v>542</v>
      </c>
      <c r="DA982" s="6" t="s">
        <v>143</v>
      </c>
      <c r="DB982" s="6" t="s">
        <v>345</v>
      </c>
      <c r="DC982" s="6">
        <v>27900</v>
      </c>
      <c r="DD982" s="6">
        <v>309</v>
      </c>
      <c r="DE982" s="6" t="s">
        <v>545</v>
      </c>
      <c r="DF982" s="6" t="s">
        <v>375</v>
      </c>
      <c r="DG982" s="6" t="s">
        <v>364</v>
      </c>
      <c r="DH982" s="6" t="s">
        <v>419</v>
      </c>
      <c r="DI982" s="6" t="s">
        <v>546</v>
      </c>
      <c r="DJ982" s="6">
        <v>29</v>
      </c>
      <c r="DK982" s="6">
        <v>97</v>
      </c>
      <c r="DL982" s="6">
        <v>2</v>
      </c>
      <c r="DM982" s="6" t="s">
        <v>379</v>
      </c>
      <c r="DN982" s="6">
        <v>3</v>
      </c>
      <c r="DO982" s="6" t="s">
        <v>380</v>
      </c>
      <c r="DP982" s="6"/>
      <c r="DQ982" s="6"/>
    </row>
    <row r="983" spans="1:121" x14ac:dyDescent="0.2">
      <c r="A983" s="6" t="s">
        <v>310</v>
      </c>
      <c r="B983" s="6" t="s">
        <v>310</v>
      </c>
      <c r="C983" s="6" t="s">
        <v>173</v>
      </c>
      <c r="D983" s="6" t="s">
        <v>143</v>
      </c>
      <c r="E983" s="6" t="s">
        <v>284</v>
      </c>
      <c r="F983" s="11">
        <v>-30</v>
      </c>
      <c r="G983" s="13">
        <v>-0.22388059701499999</v>
      </c>
      <c r="H983" s="11">
        <v>-26.50871936099999</v>
      </c>
      <c r="I983" s="13">
        <v>-0.19797721403790755</v>
      </c>
      <c r="J983" s="11">
        <v>-26.777476649899995</v>
      </c>
      <c r="K983" s="13">
        <v>-0.24935001766570497</v>
      </c>
      <c r="L983" s="11">
        <v>22.942012164899992</v>
      </c>
      <c r="M983" s="13">
        <v>0.28459926951643438</v>
      </c>
      <c r="N983" s="11">
        <v>-3.8354644850000028</v>
      </c>
      <c r="O983" s="13">
        <v>-3.5715581030840202E-2</v>
      </c>
      <c r="P983" s="7">
        <v>133.89783005999999</v>
      </c>
      <c r="Q983" s="7">
        <v>122.02977961000001</v>
      </c>
      <c r="R983" s="7">
        <v>119.173656189</v>
      </c>
      <c r="S983" s="7">
        <v>109.39988700000001</v>
      </c>
      <c r="T983" s="7">
        <v>106.84277</v>
      </c>
      <c r="U983" s="7">
        <v>108.708746</v>
      </c>
      <c r="V983" s="7">
        <v>107.389110699</v>
      </c>
      <c r="W983" s="7">
        <v>92.509934999999999</v>
      </c>
      <c r="X983" s="7">
        <v>82.438038000000006</v>
      </c>
      <c r="Y983" s="7">
        <v>80.611634049100005</v>
      </c>
      <c r="Z983" s="7">
        <v>79.118272704800006</v>
      </c>
      <c r="AA983" s="7">
        <v>73.711294989199999</v>
      </c>
      <c r="AB983" s="7">
        <v>77.119200591099997</v>
      </c>
      <c r="AC983" s="7">
        <v>98.641986000000003</v>
      </c>
      <c r="AD983" s="7">
        <v>101.489969</v>
      </c>
      <c r="AE983" s="7">
        <v>101.784153</v>
      </c>
      <c r="AF983" s="7">
        <v>103.553646214</v>
      </c>
      <c r="AG983" s="9">
        <v>22682.256771799999</v>
      </c>
      <c r="AH983" s="13">
        <v>0.6653022424261712</v>
      </c>
      <c r="AI983" s="9">
        <v>15785.4022874</v>
      </c>
      <c r="AJ983" s="13">
        <v>0.46300787637953439</v>
      </c>
      <c r="AK983" s="9">
        <v>8306.9767245999974</v>
      </c>
      <c r="AL983" s="13">
        <v>0.16654402413033678</v>
      </c>
      <c r="AM983" s="9">
        <v>-1410.1222401999985</v>
      </c>
      <c r="AN983" s="13">
        <v>-2.4234925528272791E-2</v>
      </c>
      <c r="AO983" s="9">
        <v>6896.8544843999989</v>
      </c>
      <c r="AP983" s="13">
        <v>0.13827291658008639</v>
      </c>
      <c r="AQ983" s="9">
        <v>34093.161461600001</v>
      </c>
      <c r="AR983" s="9">
        <v>35529.745071700003</v>
      </c>
      <c r="AS983" s="9">
        <v>38994.956002200001</v>
      </c>
      <c r="AT983" s="9">
        <v>41455.162006899998</v>
      </c>
      <c r="AU983" s="9">
        <v>42922.901689799997</v>
      </c>
      <c r="AV983" s="9">
        <v>46042.0597241</v>
      </c>
      <c r="AW983" s="9">
        <v>49878.563749000001</v>
      </c>
      <c r="AX983" s="9">
        <v>57915.2074756</v>
      </c>
      <c r="AY983" s="9">
        <v>59459.148727200001</v>
      </c>
      <c r="AZ983" s="9">
        <v>58185.540473599998</v>
      </c>
      <c r="BA983" s="9">
        <v>58090.2900611</v>
      </c>
      <c r="BB983" s="9">
        <v>58518.280251099997</v>
      </c>
      <c r="BC983" s="9">
        <v>61244.702956000001</v>
      </c>
      <c r="BD983" s="9">
        <v>56547.354870800002</v>
      </c>
      <c r="BE983" s="9">
        <v>56663.989597599997</v>
      </c>
      <c r="BF983" s="9">
        <v>56775.4182334</v>
      </c>
      <c r="BG983" s="11">
        <v>0</v>
      </c>
      <c r="BH983" s="13">
        <v>0</v>
      </c>
      <c r="BI983" s="6">
        <v>2</v>
      </c>
      <c r="BJ983" s="13">
        <v>0.4</v>
      </c>
      <c r="BK983" s="6">
        <v>-2</v>
      </c>
      <c r="BL983" s="13">
        <v>-0.2857142857142857</v>
      </c>
      <c r="BM983" s="11">
        <v>0</v>
      </c>
      <c r="BN983" s="13">
        <v>0</v>
      </c>
      <c r="BO983" s="11">
        <v>-2</v>
      </c>
      <c r="BP983" s="13">
        <v>-0.2857142857142857</v>
      </c>
      <c r="BQ983" s="6">
        <v>5</v>
      </c>
      <c r="BR983" s="6">
        <v>6</v>
      </c>
      <c r="BS983" s="6">
        <v>7</v>
      </c>
      <c r="BT983" s="6">
        <v>7</v>
      </c>
      <c r="BU983" s="6">
        <v>6</v>
      </c>
      <c r="BV983" s="6">
        <v>6</v>
      </c>
      <c r="BW983" s="6">
        <v>5</v>
      </c>
      <c r="BX983" s="6">
        <v>5</v>
      </c>
      <c r="BY983" s="6">
        <v>5</v>
      </c>
      <c r="BZ983" s="6">
        <v>5</v>
      </c>
      <c r="CA983" s="6">
        <v>5</v>
      </c>
      <c r="CB983" s="6">
        <v>5</v>
      </c>
      <c r="CC983" s="11">
        <v>5</v>
      </c>
      <c r="CD983" s="11">
        <v>-58.872399999999999</v>
      </c>
      <c r="CE983" s="11">
        <v>13.8916</v>
      </c>
      <c r="CF983" s="11">
        <v>14.6366</v>
      </c>
      <c r="CG983" s="11">
        <v>29</v>
      </c>
      <c r="CH983" s="20">
        <v>0.56465200000000004</v>
      </c>
      <c r="CI983" s="20">
        <v>0.549763</v>
      </c>
      <c r="CJ983" s="20">
        <v>0.54103900000000005</v>
      </c>
      <c r="CK983" s="20">
        <v>0.48125499999999999</v>
      </c>
      <c r="CL983" s="20">
        <v>0.43640800000000002</v>
      </c>
      <c r="CM983" s="20">
        <v>0.39896100000000001</v>
      </c>
      <c r="CN983" s="20">
        <v>0.371892</v>
      </c>
      <c r="CO983" s="20">
        <v>0.29380200000000001</v>
      </c>
      <c r="CP983" s="20">
        <v>0.28418599999999999</v>
      </c>
      <c r="CQ983" s="20">
        <v>0.28336499999999998</v>
      </c>
      <c r="CR983" s="20">
        <v>0.250774</v>
      </c>
      <c r="CS983" s="20">
        <v>0.214397</v>
      </c>
      <c r="CT983" s="20">
        <v>0.21594099999999999</v>
      </c>
      <c r="CU983" s="20">
        <v>0.27313700000000002</v>
      </c>
      <c r="CV983" s="20">
        <v>0.31524000000000002</v>
      </c>
      <c r="CW983" s="20">
        <v>0.37419999999999998</v>
      </c>
      <c r="CX983" s="20">
        <v>0.37521500000000002</v>
      </c>
      <c r="CY983" s="6" t="s">
        <v>541</v>
      </c>
      <c r="CZ983" s="6" t="s">
        <v>542</v>
      </c>
      <c r="DA983" s="6" t="s">
        <v>143</v>
      </c>
      <c r="DB983" s="6" t="s">
        <v>345</v>
      </c>
      <c r="DC983" s="6">
        <v>27900</v>
      </c>
      <c r="DD983" s="6">
        <v>309</v>
      </c>
      <c r="DE983" s="6" t="s">
        <v>545</v>
      </c>
      <c r="DF983" s="6" t="s">
        <v>375</v>
      </c>
      <c r="DG983" s="6" t="s">
        <v>364</v>
      </c>
      <c r="DH983" s="6" t="s">
        <v>419</v>
      </c>
      <c r="DI983" s="6" t="s">
        <v>546</v>
      </c>
      <c r="DJ983" s="6">
        <v>29</v>
      </c>
      <c r="DK983" s="6">
        <v>97</v>
      </c>
      <c r="DL983" s="6">
        <v>2</v>
      </c>
      <c r="DM983" s="6" t="s">
        <v>379</v>
      </c>
      <c r="DN983" s="6">
        <v>3</v>
      </c>
      <c r="DO983" s="6" t="s">
        <v>380</v>
      </c>
      <c r="DP983" s="6"/>
      <c r="DQ983" s="6"/>
    </row>
    <row r="984" spans="1:121" x14ac:dyDescent="0.2">
      <c r="A984" s="6" t="s">
        <v>311</v>
      </c>
      <c r="B984" s="6" t="s">
        <v>311</v>
      </c>
      <c r="C984" s="6" t="s">
        <v>174</v>
      </c>
      <c r="D984" s="6" t="s">
        <v>143</v>
      </c>
      <c r="E984" s="6" t="s">
        <v>284</v>
      </c>
      <c r="F984" s="11">
        <v>-66</v>
      </c>
      <c r="G984" s="13">
        <v>-0.375</v>
      </c>
      <c r="H984" s="11">
        <v>15.081133999999992</v>
      </c>
      <c r="I984" s="13">
        <v>8.581641403779719E-2</v>
      </c>
      <c r="J984" s="11">
        <v>108.745814</v>
      </c>
      <c r="K984" s="13">
        <v>0.56989193390128967</v>
      </c>
      <c r="L984" s="11">
        <v>-190.01417571100001</v>
      </c>
      <c r="M984" s="13">
        <v>-0.63430218237316882</v>
      </c>
      <c r="N984" s="11">
        <v>-81.268361711000011</v>
      </c>
      <c r="O984" s="13">
        <v>-0.42589394586233287</v>
      </c>
      <c r="P984" s="7">
        <v>175.73717300000001</v>
      </c>
      <c r="Q984" s="7">
        <v>205.91923</v>
      </c>
      <c r="R984" s="7">
        <v>183.035192</v>
      </c>
      <c r="S984" s="7">
        <v>178.97364300000001</v>
      </c>
      <c r="T984" s="7">
        <v>169.82920300000001</v>
      </c>
      <c r="U984" s="7">
        <v>179.485972</v>
      </c>
      <c r="V984" s="7">
        <v>190.818307</v>
      </c>
      <c r="W984" s="7">
        <v>186.862572</v>
      </c>
      <c r="X984" s="7">
        <v>186.83453299999999</v>
      </c>
      <c r="Y984" s="7">
        <v>299.564121</v>
      </c>
      <c r="Z984" s="7">
        <v>304.65306800000002</v>
      </c>
      <c r="AA984" s="7">
        <v>318.02999299999999</v>
      </c>
      <c r="AB984" s="7">
        <v>294.51744229600001</v>
      </c>
      <c r="AC984" s="7">
        <v>197.73275050199999</v>
      </c>
      <c r="AD984" s="7">
        <v>125.03821762</v>
      </c>
      <c r="AE984" s="7">
        <v>120.48288292700001</v>
      </c>
      <c r="AF984" s="7">
        <v>109.54994528899999</v>
      </c>
      <c r="AG984" s="9">
        <v>43052.482088099991</v>
      </c>
      <c r="AH984" s="13">
        <v>0.62297877024227588</v>
      </c>
      <c r="AI984" s="9">
        <v>10813.422899099998</v>
      </c>
      <c r="AJ984" s="13">
        <v>0.15647257888652619</v>
      </c>
      <c r="AK984" s="9">
        <v>22278.961611999999</v>
      </c>
      <c r="AL984" s="13">
        <v>0.2787626971671196</v>
      </c>
      <c r="AM984" s="9">
        <v>9960.0975769999932</v>
      </c>
      <c r="AN984" s="13">
        <v>9.7457069212406419E-2</v>
      </c>
      <c r="AO984" s="9">
        <v>32239.059188999992</v>
      </c>
      <c r="AP984" s="13">
        <v>0.40338716185117912</v>
      </c>
      <c r="AQ984" s="9">
        <v>69107.462636900003</v>
      </c>
      <c r="AR984" s="9">
        <v>66056.133935899998</v>
      </c>
      <c r="AS984" s="9">
        <v>75212.288190099993</v>
      </c>
      <c r="AT984" s="9">
        <v>76137.977965099999</v>
      </c>
      <c r="AU984" s="9">
        <v>74870.791333500005</v>
      </c>
      <c r="AV984" s="9">
        <v>80644.168321100005</v>
      </c>
      <c r="AW984" s="9">
        <v>79920.885536000002</v>
      </c>
      <c r="AX984" s="9">
        <v>84504.276371900007</v>
      </c>
      <c r="AY984" s="9">
        <v>87696.592260699996</v>
      </c>
      <c r="AZ984" s="9">
        <v>102199.847148</v>
      </c>
      <c r="BA984" s="9">
        <v>109766.22159299999</v>
      </c>
      <c r="BB984" s="9">
        <v>106632.494427</v>
      </c>
      <c r="BC984" s="9">
        <v>112243.372273</v>
      </c>
      <c r="BD984" s="9">
        <v>117516.853976</v>
      </c>
      <c r="BE984" s="9">
        <v>120073.74445899999</v>
      </c>
      <c r="BF984" s="9">
        <v>112159.94472499999</v>
      </c>
      <c r="BG984" s="11">
        <v>1</v>
      </c>
      <c r="BH984" s="13">
        <v>0.16666666666666666</v>
      </c>
      <c r="BI984" s="6">
        <v>1</v>
      </c>
      <c r="BJ984" s="13">
        <v>0.16666666666666666</v>
      </c>
      <c r="BK984" s="6">
        <v>6</v>
      </c>
      <c r="BL984" s="13">
        <v>0.8571428571428571</v>
      </c>
      <c r="BM984" s="11">
        <v>-6</v>
      </c>
      <c r="BN984" s="13">
        <v>-0.46153846153846156</v>
      </c>
      <c r="BO984" s="11">
        <v>0</v>
      </c>
      <c r="BP984" s="13">
        <v>0</v>
      </c>
      <c r="BQ984" s="6">
        <v>6</v>
      </c>
      <c r="BR984" s="6">
        <v>6</v>
      </c>
      <c r="BS984" s="6">
        <v>7</v>
      </c>
      <c r="BT984" s="6">
        <v>7</v>
      </c>
      <c r="BU984" s="6">
        <v>7</v>
      </c>
      <c r="BV984" s="6">
        <v>7</v>
      </c>
      <c r="BW984" s="6">
        <v>13</v>
      </c>
      <c r="BX984" s="6">
        <v>14</v>
      </c>
      <c r="BY984" s="6">
        <v>14</v>
      </c>
      <c r="BZ984" s="6">
        <v>13</v>
      </c>
      <c r="CA984" s="6">
        <v>12</v>
      </c>
      <c r="CB984" s="6">
        <v>8</v>
      </c>
      <c r="CC984" s="11">
        <v>7</v>
      </c>
      <c r="CD984" s="11">
        <v>-56.779699999999998</v>
      </c>
      <c r="CE984" s="11">
        <v>-28.617699999999999</v>
      </c>
      <c r="CF984" s="11">
        <v>19.2102</v>
      </c>
      <c r="CG984" s="11">
        <v>-10</v>
      </c>
      <c r="CH984" s="20">
        <v>0.676396</v>
      </c>
      <c r="CI984" s="20">
        <v>0.81328</v>
      </c>
      <c r="CJ984" s="20">
        <v>0.74170899999999995</v>
      </c>
      <c r="CK984" s="20">
        <v>0.74602800000000002</v>
      </c>
      <c r="CL984" s="20">
        <v>0.72612600000000005</v>
      </c>
      <c r="CM984" s="20">
        <v>0.763567</v>
      </c>
      <c r="CN984" s="20">
        <v>0.81432800000000005</v>
      </c>
      <c r="CO984" s="20">
        <v>0.77627199999999996</v>
      </c>
      <c r="CP984" s="20">
        <v>0.75638499999999997</v>
      </c>
      <c r="CQ984" s="20">
        <v>1.27433</v>
      </c>
      <c r="CR984" s="20">
        <v>1.30925</v>
      </c>
      <c r="CS984" s="20">
        <v>1.3692599999999999</v>
      </c>
      <c r="CT984" s="20">
        <v>1.24526</v>
      </c>
      <c r="CU984" s="20">
        <v>0.84875500000000004</v>
      </c>
      <c r="CV984" s="20">
        <v>0.53344199999999997</v>
      </c>
      <c r="CW984" s="20">
        <v>0.51619499999999996</v>
      </c>
      <c r="CX984" s="20">
        <v>0.46433600000000003</v>
      </c>
      <c r="CY984" s="6" t="s">
        <v>541</v>
      </c>
      <c r="CZ984" s="6" t="s">
        <v>542</v>
      </c>
      <c r="DA984" s="6" t="s">
        <v>143</v>
      </c>
      <c r="DB984" s="6" t="s">
        <v>345</v>
      </c>
      <c r="DC984" s="6">
        <v>27900</v>
      </c>
      <c r="DD984" s="6">
        <v>309</v>
      </c>
      <c r="DE984" s="6" t="s">
        <v>545</v>
      </c>
      <c r="DF984" s="6" t="s">
        <v>375</v>
      </c>
      <c r="DG984" s="6" t="s">
        <v>364</v>
      </c>
      <c r="DH984" s="6" t="s">
        <v>419</v>
      </c>
      <c r="DI984" s="6" t="s">
        <v>546</v>
      </c>
      <c r="DJ984" s="6">
        <v>29</v>
      </c>
      <c r="DK984" s="6">
        <v>97</v>
      </c>
      <c r="DL984" s="6">
        <v>2</v>
      </c>
      <c r="DM984" s="6" t="s">
        <v>379</v>
      </c>
      <c r="DN984" s="6">
        <v>3</v>
      </c>
      <c r="DO984" s="6" t="s">
        <v>380</v>
      </c>
      <c r="DP984" s="6"/>
      <c r="DQ984" s="6"/>
    </row>
    <row r="985" spans="1:121" x14ac:dyDescent="0.2">
      <c r="A985" s="6" t="s">
        <v>312</v>
      </c>
      <c r="B985" s="6" t="s">
        <v>312</v>
      </c>
      <c r="C985" s="6" t="s">
        <v>175</v>
      </c>
      <c r="D985" s="6" t="s">
        <v>143</v>
      </c>
      <c r="E985" s="6" t="s">
        <v>284</v>
      </c>
      <c r="F985" s="11">
        <v>-289</v>
      </c>
      <c r="G985" s="13">
        <v>-0.106997408367</v>
      </c>
      <c r="H985" s="11">
        <v>349.31879295999988</v>
      </c>
      <c r="I985" s="13">
        <v>0.12930653036908804</v>
      </c>
      <c r="J985" s="11">
        <v>-771.47287310000002</v>
      </c>
      <c r="K985" s="13">
        <v>-0.25287583397693097</v>
      </c>
      <c r="L985" s="11">
        <v>132.76229990000002</v>
      </c>
      <c r="M985" s="13">
        <v>5.8246341409521341E-2</v>
      </c>
      <c r="N985" s="11">
        <v>-638.7105732</v>
      </c>
      <c r="O985" s="13">
        <v>-0.20935858472744739</v>
      </c>
      <c r="P985" s="7">
        <v>2701.47835506</v>
      </c>
      <c r="Q985" s="7">
        <v>2666.7795110299999</v>
      </c>
      <c r="R985" s="7">
        <v>2728.8987701000001</v>
      </c>
      <c r="S985" s="7">
        <v>2813.5536756000001</v>
      </c>
      <c r="T985" s="7">
        <v>3009.6828586199999</v>
      </c>
      <c r="U985" s="7">
        <v>2993.7175699499999</v>
      </c>
      <c r="V985" s="7">
        <v>3050.7971480199999</v>
      </c>
      <c r="W985" s="7">
        <v>2892.4728636300001</v>
      </c>
      <c r="X985" s="7">
        <v>2636.7449718500002</v>
      </c>
      <c r="Y985" s="7">
        <v>2279.3242749199999</v>
      </c>
      <c r="Z985" s="7">
        <v>2475.0906590300001</v>
      </c>
      <c r="AA985" s="7">
        <v>2666.2502149799998</v>
      </c>
      <c r="AB985" s="7">
        <v>2655.8571633900001</v>
      </c>
      <c r="AC985" s="7">
        <v>2709.37517626</v>
      </c>
      <c r="AD985" s="7">
        <v>2459.64037375</v>
      </c>
      <c r="AE985" s="7">
        <v>2427.1754899399998</v>
      </c>
      <c r="AF985" s="7">
        <v>2412.0865748199999</v>
      </c>
      <c r="AG985" s="9">
        <v>14346.682814899996</v>
      </c>
      <c r="AH985" s="13">
        <v>0.46260799105775824</v>
      </c>
      <c r="AI985" s="9">
        <v>3973.7689887999986</v>
      </c>
      <c r="AJ985" s="13">
        <v>0.12813396048089887</v>
      </c>
      <c r="AK985" s="9">
        <v>1872.1505555999975</v>
      </c>
      <c r="AL985" s="13">
        <v>5.351083547417175E-2</v>
      </c>
      <c r="AM985" s="9">
        <v>8500.7632704999996</v>
      </c>
      <c r="AN985" s="13">
        <v>0.23063216507105072</v>
      </c>
      <c r="AO985" s="9">
        <v>10372.913826099997</v>
      </c>
      <c r="AP985" s="13">
        <v>0.29648432038539146</v>
      </c>
      <c r="AQ985" s="9">
        <v>31012.613470200002</v>
      </c>
      <c r="AR985" s="9">
        <v>30061.051448300001</v>
      </c>
      <c r="AS985" s="9">
        <v>30341.102485799998</v>
      </c>
      <c r="AT985" s="9">
        <v>31263.067775799998</v>
      </c>
      <c r="AU985" s="9">
        <v>31514.484263599999</v>
      </c>
      <c r="AV985" s="9">
        <v>33127.769580200002</v>
      </c>
      <c r="AW985" s="9">
        <v>34986.382459</v>
      </c>
      <c r="AX985" s="9">
        <v>35806.541770700002</v>
      </c>
      <c r="AY985" s="9">
        <v>35858.890108</v>
      </c>
      <c r="AZ985" s="9">
        <v>36858.533014599998</v>
      </c>
      <c r="BA985" s="9">
        <v>37855.920872499999</v>
      </c>
      <c r="BB985" s="9">
        <v>40295.117230199998</v>
      </c>
      <c r="BC985" s="9">
        <v>42896.271802700001</v>
      </c>
      <c r="BD985" s="9">
        <v>45765.8544826</v>
      </c>
      <c r="BE985" s="9">
        <v>43055.954486000002</v>
      </c>
      <c r="BF985" s="9">
        <v>45359.296285099997</v>
      </c>
      <c r="BG985" s="11">
        <v>-95.75</v>
      </c>
      <c r="BH985" s="13">
        <v>-0.31087662337662336</v>
      </c>
      <c r="BI985" s="6">
        <v>-17</v>
      </c>
      <c r="BJ985" s="13">
        <v>-5.5194805194805192E-2</v>
      </c>
      <c r="BK985" s="6">
        <v>-48</v>
      </c>
      <c r="BL985" s="13">
        <v>-0.16494845360824742</v>
      </c>
      <c r="BM985" s="11">
        <v>-30.75</v>
      </c>
      <c r="BN985" s="13">
        <v>-0.12654320987654322</v>
      </c>
      <c r="BO985" s="11">
        <v>-78.75</v>
      </c>
      <c r="BP985" s="13">
        <v>-0.27061855670103091</v>
      </c>
      <c r="BQ985" s="6">
        <v>308</v>
      </c>
      <c r="BR985" s="6">
        <v>298</v>
      </c>
      <c r="BS985" s="6">
        <v>289</v>
      </c>
      <c r="BT985" s="6">
        <v>291</v>
      </c>
      <c r="BU985" s="6">
        <v>287</v>
      </c>
      <c r="BV985" s="6">
        <v>277</v>
      </c>
      <c r="BW985" s="6">
        <v>243</v>
      </c>
      <c r="BX985" s="6">
        <v>235</v>
      </c>
      <c r="BY985" s="6">
        <v>239</v>
      </c>
      <c r="BZ985" s="6">
        <v>244</v>
      </c>
      <c r="CA985" s="6">
        <v>232</v>
      </c>
      <c r="CB985" s="6">
        <v>224</v>
      </c>
      <c r="CC985" s="11">
        <v>212.25</v>
      </c>
      <c r="CD985" s="11">
        <v>-257.47800000000001</v>
      </c>
      <c r="CE985" s="11">
        <v>-327.21800000000002</v>
      </c>
      <c r="CF985" s="11">
        <v>295.30399999999997</v>
      </c>
      <c r="CG985" s="11">
        <v>-32</v>
      </c>
      <c r="CH985" s="20">
        <v>0.71686899999999998</v>
      </c>
      <c r="CI985" s="20">
        <v>0.72113899999999997</v>
      </c>
      <c r="CJ985" s="20">
        <v>0.72353800000000001</v>
      </c>
      <c r="CK985" s="20">
        <v>0.71947399999999995</v>
      </c>
      <c r="CL985" s="20">
        <v>0.73599000000000003</v>
      </c>
      <c r="CM985" s="20">
        <v>0.69372199999999995</v>
      </c>
      <c r="CN985" s="20">
        <v>0.71872100000000005</v>
      </c>
      <c r="CO985" s="20">
        <v>0.711893</v>
      </c>
      <c r="CP985" s="20">
        <v>0.729491</v>
      </c>
      <c r="CQ985" s="20">
        <v>0.70889899999999995</v>
      </c>
      <c r="CR985" s="20">
        <v>0.78585000000000005</v>
      </c>
      <c r="CS985" s="20">
        <v>0.84012299999999995</v>
      </c>
      <c r="CT985" s="20">
        <v>0.80192200000000002</v>
      </c>
      <c r="CU985" s="20">
        <v>0.80531600000000003</v>
      </c>
      <c r="CV985" s="20">
        <v>0.70650100000000005</v>
      </c>
      <c r="CW985" s="20">
        <v>0.68569999999999998</v>
      </c>
      <c r="CX985" s="20">
        <v>0.675122</v>
      </c>
      <c r="CY985" s="6" t="s">
        <v>541</v>
      </c>
      <c r="CZ985" s="6" t="s">
        <v>542</v>
      </c>
      <c r="DA985" s="6" t="s">
        <v>143</v>
      </c>
      <c r="DB985" s="6" t="s">
        <v>345</v>
      </c>
      <c r="DC985" s="6">
        <v>27900</v>
      </c>
      <c r="DD985" s="6">
        <v>309</v>
      </c>
      <c r="DE985" s="6" t="s">
        <v>545</v>
      </c>
      <c r="DF985" s="6" t="s">
        <v>375</v>
      </c>
      <c r="DG985" s="6" t="s">
        <v>364</v>
      </c>
      <c r="DH985" s="6" t="s">
        <v>419</v>
      </c>
      <c r="DI985" s="6" t="s">
        <v>546</v>
      </c>
      <c r="DJ985" s="6">
        <v>29</v>
      </c>
      <c r="DK985" s="6">
        <v>97</v>
      </c>
      <c r="DL985" s="6">
        <v>2</v>
      </c>
      <c r="DM985" s="6" t="s">
        <v>379</v>
      </c>
      <c r="DN985" s="6">
        <v>3</v>
      </c>
      <c r="DO985" s="6" t="s">
        <v>380</v>
      </c>
      <c r="DP985" s="6"/>
      <c r="DQ985" s="6"/>
    </row>
    <row r="986" spans="1:121" x14ac:dyDescent="0.2">
      <c r="A986" s="6" t="s">
        <v>792</v>
      </c>
      <c r="B986" s="6" t="s">
        <v>176</v>
      </c>
      <c r="C986" s="6" t="s">
        <v>177</v>
      </c>
      <c r="D986" s="6" t="s">
        <v>143</v>
      </c>
      <c r="E986" s="6" t="s">
        <v>284</v>
      </c>
      <c r="F986" s="11">
        <v>-1980</v>
      </c>
      <c r="G986" s="13">
        <v>-0.16329896907200001</v>
      </c>
      <c r="H986" s="11">
        <v>-341.33088700000008</v>
      </c>
      <c r="I986" s="13">
        <v>-2.8151158991640252E-2</v>
      </c>
      <c r="J986" s="11">
        <v>-1788.7745592800002</v>
      </c>
      <c r="K986" s="13">
        <v>-0.15180202980286406</v>
      </c>
      <c r="L986" s="11">
        <v>150.60247238000011</v>
      </c>
      <c r="M986" s="13">
        <v>1.5068042688950921E-2</v>
      </c>
      <c r="N986" s="11">
        <v>-1638.1720869000001</v>
      </c>
      <c r="O986" s="13">
        <v>-0.13902134657925208</v>
      </c>
      <c r="P986" s="7">
        <v>12124.9319469</v>
      </c>
      <c r="Q986" s="7">
        <v>11588.777594900001</v>
      </c>
      <c r="R986" s="7">
        <v>11595.0268844</v>
      </c>
      <c r="S986" s="7">
        <v>11985.9179534</v>
      </c>
      <c r="T986" s="7">
        <v>11850.115400500001</v>
      </c>
      <c r="U986" s="7">
        <v>12095.1866771</v>
      </c>
      <c r="V986" s="7">
        <v>11783.6010599</v>
      </c>
      <c r="W986" s="7">
        <v>11334.379827799999</v>
      </c>
      <c r="X986" s="7">
        <v>10631.043176200001</v>
      </c>
      <c r="Y986" s="7">
        <v>9994.8265006199999</v>
      </c>
      <c r="Z986" s="7">
        <v>9485.9647041000007</v>
      </c>
      <c r="AA986" s="7">
        <v>9038.9679243999999</v>
      </c>
      <c r="AB986" s="7">
        <v>9259.1277126500008</v>
      </c>
      <c r="AC986" s="7">
        <v>9213.2057883899997</v>
      </c>
      <c r="AD986" s="7">
        <v>10132.8599393</v>
      </c>
      <c r="AE986" s="7">
        <v>9915.9229313399992</v>
      </c>
      <c r="AF986" s="7">
        <v>10145.428973</v>
      </c>
      <c r="AG986" s="9">
        <v>19812.428958800003</v>
      </c>
      <c r="AH986" s="13">
        <v>0.50529057459235505</v>
      </c>
      <c r="AI986" s="9">
        <v>8177.2152582000053</v>
      </c>
      <c r="AJ986" s="13">
        <v>0.20854938104628601</v>
      </c>
      <c r="AK986" s="9">
        <v>7732.5109274999995</v>
      </c>
      <c r="AL986" s="13">
        <v>0.16317725273757186</v>
      </c>
      <c r="AM986" s="9">
        <v>3902.702773099998</v>
      </c>
      <c r="AN986" s="13">
        <v>7.0804139841049815E-2</v>
      </c>
      <c r="AO986" s="9">
        <v>11635.213700599998</v>
      </c>
      <c r="AP986" s="13">
        <v>0.24553501760033103</v>
      </c>
      <c r="AQ986" s="9">
        <v>39209.971361099997</v>
      </c>
      <c r="AR986" s="9">
        <v>40470.896883000001</v>
      </c>
      <c r="AS986" s="9">
        <v>42228.7716525</v>
      </c>
      <c r="AT986" s="9">
        <v>42898.544982799998</v>
      </c>
      <c r="AU986" s="9">
        <v>44427.96658</v>
      </c>
      <c r="AV986" s="9">
        <v>45324.932979600002</v>
      </c>
      <c r="AW986" s="9">
        <v>47387.186619300002</v>
      </c>
      <c r="AX986" s="9">
        <v>50153.995056599997</v>
      </c>
      <c r="AY986" s="9">
        <v>51471.173415700003</v>
      </c>
      <c r="AZ986" s="9">
        <v>55119.697546800002</v>
      </c>
      <c r="BA986" s="9">
        <v>52448.173080799999</v>
      </c>
      <c r="BB986" s="9">
        <v>52468.009431600003</v>
      </c>
      <c r="BC986" s="9">
        <v>53160.7957092</v>
      </c>
      <c r="BD986" s="9">
        <v>54889.435708800003</v>
      </c>
      <c r="BE986" s="9">
        <v>56935.957206400002</v>
      </c>
      <c r="BF986" s="9">
        <v>59022.4003199</v>
      </c>
      <c r="BG986" s="11">
        <v>-32.25</v>
      </c>
      <c r="BH986" s="13">
        <v>-0.14793577981651376</v>
      </c>
      <c r="BI986" s="6">
        <v>-2</v>
      </c>
      <c r="BJ986" s="13">
        <v>-9.1743119266055051E-3</v>
      </c>
      <c r="BK986" s="6">
        <v>-24</v>
      </c>
      <c r="BL986" s="13">
        <v>-0.1111111111111111</v>
      </c>
      <c r="BM986" s="11">
        <v>-6.25</v>
      </c>
      <c r="BN986" s="13">
        <v>-3.2552083333333336E-2</v>
      </c>
      <c r="BO986" s="11">
        <v>-30.25</v>
      </c>
      <c r="BP986" s="13">
        <v>-0.14004629629629631</v>
      </c>
      <c r="BQ986" s="6">
        <v>218</v>
      </c>
      <c r="BR986" s="6">
        <v>216</v>
      </c>
      <c r="BS986" s="6">
        <v>217</v>
      </c>
      <c r="BT986" s="6">
        <v>216</v>
      </c>
      <c r="BU986" s="6">
        <v>218</v>
      </c>
      <c r="BV986" s="6">
        <v>214</v>
      </c>
      <c r="BW986" s="6">
        <v>192</v>
      </c>
      <c r="BX986" s="6">
        <v>189</v>
      </c>
      <c r="BY986" s="6">
        <v>186</v>
      </c>
      <c r="BZ986" s="6">
        <v>180</v>
      </c>
      <c r="CA986" s="6">
        <v>176</v>
      </c>
      <c r="CB986" s="6">
        <v>188</v>
      </c>
      <c r="CC986" s="11">
        <v>185.75</v>
      </c>
      <c r="CD986" s="11">
        <v>974.92700000000002</v>
      </c>
      <c r="CE986" s="11">
        <v>-4279.83</v>
      </c>
      <c r="CF986" s="11">
        <v>1325.4</v>
      </c>
      <c r="CG986" s="11">
        <v>-2955</v>
      </c>
      <c r="CH986" s="20">
        <v>1.6806300000000001</v>
      </c>
      <c r="CI986" s="20">
        <v>1.7492700000000001</v>
      </c>
      <c r="CJ986" s="20">
        <v>1.8344</v>
      </c>
      <c r="CK986" s="20">
        <v>1.9370700000000001</v>
      </c>
      <c r="CL986" s="20">
        <v>1.92852</v>
      </c>
      <c r="CM986" s="20">
        <v>1.9550700000000001</v>
      </c>
      <c r="CN986" s="20">
        <v>1.9604600000000001</v>
      </c>
      <c r="CO986" s="20">
        <v>1.9274800000000001</v>
      </c>
      <c r="CP986" s="20">
        <v>2.00224</v>
      </c>
      <c r="CQ986" s="20">
        <v>2.0018600000000002</v>
      </c>
      <c r="CR986" s="20">
        <v>1.8818299999999999</v>
      </c>
      <c r="CS986" s="20">
        <v>1.76678</v>
      </c>
      <c r="CT986" s="20">
        <v>1.76159</v>
      </c>
      <c r="CU986" s="20">
        <v>1.76779</v>
      </c>
      <c r="CV986" s="20">
        <v>1.9315100000000001</v>
      </c>
      <c r="CW986" s="20">
        <v>1.8995899999999999</v>
      </c>
      <c r="CX986" s="20">
        <v>1.93794</v>
      </c>
      <c r="CY986" s="6" t="s">
        <v>541</v>
      </c>
      <c r="CZ986" s="6" t="s">
        <v>542</v>
      </c>
      <c r="DA986" s="6" t="s">
        <v>143</v>
      </c>
      <c r="DB986" s="6" t="s">
        <v>345</v>
      </c>
      <c r="DC986" s="6">
        <v>27900</v>
      </c>
      <c r="DD986" s="6">
        <v>309</v>
      </c>
      <c r="DE986" s="6" t="s">
        <v>545</v>
      </c>
      <c r="DF986" s="6" t="s">
        <v>375</v>
      </c>
      <c r="DG986" s="6" t="s">
        <v>364</v>
      </c>
      <c r="DH986" s="6" t="s">
        <v>419</v>
      </c>
      <c r="DI986" s="6" t="s">
        <v>546</v>
      </c>
      <c r="DJ986" s="6">
        <v>29</v>
      </c>
      <c r="DK986" s="6">
        <v>97</v>
      </c>
      <c r="DL986" s="6">
        <v>2</v>
      </c>
      <c r="DM986" s="6" t="s">
        <v>379</v>
      </c>
      <c r="DN986" s="6">
        <v>3</v>
      </c>
      <c r="DO986" s="6" t="s">
        <v>380</v>
      </c>
      <c r="DP986" s="6"/>
      <c r="DQ986" s="6"/>
    </row>
    <row r="987" spans="1:121" x14ac:dyDescent="0.2">
      <c r="A987" s="6" t="s">
        <v>313</v>
      </c>
      <c r="B987" s="6" t="s">
        <v>313</v>
      </c>
      <c r="C987" s="6" t="s">
        <v>178</v>
      </c>
      <c r="D987" s="6" t="s">
        <v>143</v>
      </c>
      <c r="E987" s="6" t="s">
        <v>284</v>
      </c>
      <c r="F987" s="11">
        <v>194</v>
      </c>
      <c r="G987" s="13">
        <v>9.6903096903100006E-2</v>
      </c>
      <c r="H987" s="11">
        <v>120.62334237999994</v>
      </c>
      <c r="I987" s="13">
        <v>6.0237990455860702E-2</v>
      </c>
      <c r="J987" s="11">
        <v>-117.14246226</v>
      </c>
      <c r="K987" s="13">
        <v>-5.517598610819207E-2</v>
      </c>
      <c r="L987" s="11">
        <v>190.39510251000024</v>
      </c>
      <c r="M987" s="13">
        <v>9.4916257375793164E-2</v>
      </c>
      <c r="N987" s="11">
        <v>73.25264025000024</v>
      </c>
      <c r="O987" s="13">
        <v>3.4503173169192734E-2</v>
      </c>
      <c r="P987" s="7">
        <v>2002.44632112</v>
      </c>
      <c r="Q987" s="7">
        <v>1938.9651147699999</v>
      </c>
      <c r="R987" s="7">
        <v>2288.0298774900002</v>
      </c>
      <c r="S987" s="7">
        <v>2149.1432696400002</v>
      </c>
      <c r="T987" s="7">
        <v>2434.83326966</v>
      </c>
      <c r="U987" s="7">
        <v>2074.8677100499999</v>
      </c>
      <c r="V987" s="7">
        <v>2123.0696634999999</v>
      </c>
      <c r="W987" s="7">
        <v>2024.0976272299999</v>
      </c>
      <c r="X987" s="7">
        <v>2024.58377877</v>
      </c>
      <c r="Y987" s="7">
        <v>2005.9272012399999</v>
      </c>
      <c r="Z987" s="7">
        <v>2106.82699684</v>
      </c>
      <c r="AA987" s="7">
        <v>2144.2951592600002</v>
      </c>
      <c r="AB987" s="7">
        <v>2068.9799677199999</v>
      </c>
      <c r="AC987" s="7">
        <v>2137.0776655499999</v>
      </c>
      <c r="AD987" s="7">
        <v>2105.1564900499998</v>
      </c>
      <c r="AE987" s="7">
        <v>2159.377692</v>
      </c>
      <c r="AF987" s="7">
        <v>2196.3223037500002</v>
      </c>
      <c r="AG987" s="9">
        <v>17195.0350015</v>
      </c>
      <c r="AH987" s="13">
        <v>0.48896495907680326</v>
      </c>
      <c r="AI987" s="9">
        <v>5460.7131436000054</v>
      </c>
      <c r="AJ987" s="13">
        <v>0.15528304412044602</v>
      </c>
      <c r="AK987" s="9">
        <v>1716.3372331999999</v>
      </c>
      <c r="AL987" s="13">
        <v>4.224632128937051E-2</v>
      </c>
      <c r="AM987" s="9">
        <v>10017.984624699995</v>
      </c>
      <c r="AN987" s="13">
        <v>0.2365899342498764</v>
      </c>
      <c r="AO987" s="9">
        <v>11734.321857899995</v>
      </c>
      <c r="AP987" s="13">
        <v>0.28883130991539824</v>
      </c>
      <c r="AQ987" s="9">
        <v>35166.190710199997</v>
      </c>
      <c r="AR987" s="9">
        <v>36881.575496500001</v>
      </c>
      <c r="AS987" s="9">
        <v>38834.288102699997</v>
      </c>
      <c r="AT987" s="9">
        <v>40234.520823300001</v>
      </c>
      <c r="AU987" s="9">
        <v>40945.686520900003</v>
      </c>
      <c r="AV987" s="9">
        <v>40157.9930542</v>
      </c>
      <c r="AW987" s="9">
        <v>40626.903853800002</v>
      </c>
      <c r="AX987" s="9">
        <v>41977.105381200003</v>
      </c>
      <c r="AY987" s="9">
        <v>40995.330577200002</v>
      </c>
      <c r="AZ987" s="9">
        <v>42343.241087000002</v>
      </c>
      <c r="BA987" s="9">
        <v>45310.056619299998</v>
      </c>
      <c r="BB987" s="9">
        <v>46571.987071900003</v>
      </c>
      <c r="BC987" s="9">
        <v>45873.724783500002</v>
      </c>
      <c r="BD987" s="9">
        <v>49194.601282600001</v>
      </c>
      <c r="BE987" s="9">
        <v>51658.7355064</v>
      </c>
      <c r="BF987" s="9">
        <v>52361.225711699997</v>
      </c>
      <c r="BG987" s="11">
        <v>-5.25</v>
      </c>
      <c r="BH987" s="13">
        <v>-3.1065088757396449E-2</v>
      </c>
      <c r="BI987" s="6">
        <v>8</v>
      </c>
      <c r="BJ987" s="13">
        <v>4.7337278106508875E-2</v>
      </c>
      <c r="BK987" s="6">
        <v>-16</v>
      </c>
      <c r="BL987" s="13">
        <v>-9.03954802259887E-2</v>
      </c>
      <c r="BM987" s="11">
        <v>2.75</v>
      </c>
      <c r="BN987" s="13">
        <v>1.7080745341614908E-2</v>
      </c>
      <c r="BO987" s="11">
        <v>-13.25</v>
      </c>
      <c r="BP987" s="13">
        <v>-7.4858757062146897E-2</v>
      </c>
      <c r="BQ987" s="6">
        <v>169</v>
      </c>
      <c r="BR987" s="6">
        <v>172</v>
      </c>
      <c r="BS987" s="6">
        <v>172</v>
      </c>
      <c r="BT987" s="6">
        <v>177</v>
      </c>
      <c r="BU987" s="6">
        <v>175</v>
      </c>
      <c r="BV987" s="6">
        <v>171</v>
      </c>
      <c r="BW987" s="6">
        <v>161</v>
      </c>
      <c r="BX987" s="6">
        <v>159</v>
      </c>
      <c r="BY987" s="6">
        <v>170</v>
      </c>
      <c r="BZ987" s="6">
        <v>172</v>
      </c>
      <c r="CA987" s="6">
        <v>173</v>
      </c>
      <c r="CB987" s="6">
        <v>168</v>
      </c>
      <c r="CC987" s="11">
        <v>163.75</v>
      </c>
      <c r="CD987" s="11">
        <v>138.72</v>
      </c>
      <c r="CE987" s="11">
        <v>-163.73500000000001</v>
      </c>
      <c r="CF987" s="11">
        <v>218.89099999999999</v>
      </c>
      <c r="CG987" s="11">
        <v>55</v>
      </c>
      <c r="CH987" s="20">
        <v>0.77948600000000001</v>
      </c>
      <c r="CI987" s="20">
        <v>0.78064900000000004</v>
      </c>
      <c r="CJ987" s="20">
        <v>0.92293099999999995</v>
      </c>
      <c r="CK987" s="20">
        <v>0.86461399999999999</v>
      </c>
      <c r="CL987" s="20">
        <v>0.96300699999999995</v>
      </c>
      <c r="CM987" s="20">
        <v>0.79304399999999997</v>
      </c>
      <c r="CN987" s="20">
        <v>0.80564999999999998</v>
      </c>
      <c r="CO987" s="20">
        <v>0.76498600000000005</v>
      </c>
      <c r="CP987" s="20">
        <v>0.80106999999999995</v>
      </c>
      <c r="CQ987" s="20">
        <v>0.835642</v>
      </c>
      <c r="CR987" s="20">
        <v>0.87312299999999998</v>
      </c>
      <c r="CS987" s="20">
        <v>0.87455700000000003</v>
      </c>
      <c r="CT987" s="20">
        <v>0.81669800000000004</v>
      </c>
      <c r="CU987" s="20">
        <v>0.85183299999999995</v>
      </c>
      <c r="CV987" s="20">
        <v>0.83414999999999995</v>
      </c>
      <c r="CW987" s="20">
        <v>0.86212800000000001</v>
      </c>
      <c r="CX987" s="20">
        <v>0.86722600000000005</v>
      </c>
      <c r="CY987" s="6" t="s">
        <v>541</v>
      </c>
      <c r="CZ987" s="6" t="s">
        <v>542</v>
      </c>
      <c r="DA987" s="6" t="s">
        <v>143</v>
      </c>
      <c r="DB987" s="6" t="s">
        <v>345</v>
      </c>
      <c r="DC987" s="6">
        <v>27900</v>
      </c>
      <c r="DD987" s="6">
        <v>309</v>
      </c>
      <c r="DE987" s="6" t="s">
        <v>545</v>
      </c>
      <c r="DF987" s="6" t="s">
        <v>375</v>
      </c>
      <c r="DG987" s="6" t="s">
        <v>364</v>
      </c>
      <c r="DH987" s="6" t="s">
        <v>419</v>
      </c>
      <c r="DI987" s="6" t="s">
        <v>546</v>
      </c>
      <c r="DJ987" s="6">
        <v>29</v>
      </c>
      <c r="DK987" s="6">
        <v>97</v>
      </c>
      <c r="DL987" s="6">
        <v>2</v>
      </c>
      <c r="DM987" s="6" t="s">
        <v>379</v>
      </c>
      <c r="DN987" s="6">
        <v>3</v>
      </c>
      <c r="DO987" s="6" t="s">
        <v>380</v>
      </c>
      <c r="DP987" s="6"/>
      <c r="DQ987" s="6"/>
    </row>
    <row r="988" spans="1:121" x14ac:dyDescent="0.2">
      <c r="A988" s="6" t="s">
        <v>793</v>
      </c>
      <c r="B988" s="6" t="s">
        <v>179</v>
      </c>
      <c r="C988" s="6" t="s">
        <v>180</v>
      </c>
      <c r="D988" s="6" t="s">
        <v>143</v>
      </c>
      <c r="E988" s="6" t="s">
        <v>284</v>
      </c>
      <c r="F988" s="11">
        <v>-209</v>
      </c>
      <c r="G988" s="13">
        <v>-0.02</v>
      </c>
      <c r="H988" s="11">
        <v>-250</v>
      </c>
      <c r="I988" s="13">
        <v>-2.9039377395748633E-2</v>
      </c>
      <c r="J988" s="11">
        <v>-651</v>
      </c>
      <c r="K988" s="13">
        <v>-7.7880129202057669E-2</v>
      </c>
      <c r="L988" s="11">
        <v>692</v>
      </c>
      <c r="M988" s="13">
        <v>8.9776855215360662E-2</v>
      </c>
      <c r="N988" s="11">
        <v>41</v>
      </c>
      <c r="O988" s="13">
        <v>4.9048929297762891E-3</v>
      </c>
      <c r="P988" s="7">
        <v>8609</v>
      </c>
      <c r="Q988" s="7">
        <v>8413</v>
      </c>
      <c r="R988" s="7">
        <v>8284</v>
      </c>
      <c r="S988" s="7">
        <v>8435</v>
      </c>
      <c r="T988" s="7">
        <v>8516</v>
      </c>
      <c r="U988" s="7">
        <v>8464</v>
      </c>
      <c r="V988" s="7">
        <v>8359</v>
      </c>
      <c r="W988" s="7">
        <v>8315</v>
      </c>
      <c r="X988" s="7">
        <v>8058</v>
      </c>
      <c r="Y988" s="7">
        <v>7708</v>
      </c>
      <c r="Z988" s="7">
        <v>7798</v>
      </c>
      <c r="AA988" s="7">
        <v>8294</v>
      </c>
      <c r="AB988" s="7">
        <v>8006</v>
      </c>
      <c r="AC988" s="7">
        <v>8097</v>
      </c>
      <c r="AD988" s="7">
        <v>8061</v>
      </c>
      <c r="AE988" s="7">
        <v>8390</v>
      </c>
      <c r="AF988" s="7">
        <v>8400</v>
      </c>
      <c r="AG988" s="9">
        <v>9217</v>
      </c>
      <c r="AH988" s="13">
        <v>0.43773746200607905</v>
      </c>
      <c r="AI988" s="9">
        <v>4063</v>
      </c>
      <c r="AJ988" s="13">
        <v>0.19296162613981763</v>
      </c>
      <c r="AK988" s="9">
        <v>1738</v>
      </c>
      <c r="AL988" s="13">
        <v>6.9190652494127952E-2</v>
      </c>
      <c r="AM988" s="9">
        <v>3416</v>
      </c>
      <c r="AN988" s="13">
        <v>0.12719216591577617</v>
      </c>
      <c r="AO988" s="9">
        <v>5154</v>
      </c>
      <c r="AP988" s="13">
        <v>0.20518332736175804</v>
      </c>
      <c r="AQ988" s="9">
        <v>21056</v>
      </c>
      <c r="AR988" s="9">
        <v>21863</v>
      </c>
      <c r="AS988" s="9">
        <v>23182</v>
      </c>
      <c r="AT988" s="9">
        <v>23393</v>
      </c>
      <c r="AU988" s="9">
        <v>24057</v>
      </c>
      <c r="AV988" s="9">
        <v>24428</v>
      </c>
      <c r="AW988" s="9">
        <v>25119</v>
      </c>
      <c r="AX988" s="9">
        <v>26001</v>
      </c>
      <c r="AY988" s="9">
        <v>26834</v>
      </c>
      <c r="AZ988" s="9">
        <v>26857</v>
      </c>
      <c r="BA988" s="9">
        <v>27199</v>
      </c>
      <c r="BB988" s="9">
        <v>27075</v>
      </c>
      <c r="BC988" s="9">
        <v>27695</v>
      </c>
      <c r="BD988" s="9">
        <v>28380</v>
      </c>
      <c r="BE988" s="9">
        <v>29659</v>
      </c>
      <c r="BF988" s="9">
        <v>30273</v>
      </c>
      <c r="BG988" s="11">
        <v>-43</v>
      </c>
      <c r="BH988" s="13">
        <v>-7.6241134751773049E-2</v>
      </c>
      <c r="BI988" s="6">
        <v>5</v>
      </c>
      <c r="BJ988" s="13">
        <v>8.8652482269503553E-3</v>
      </c>
      <c r="BK988" s="6">
        <v>-43</v>
      </c>
      <c r="BL988" s="13">
        <v>-7.5571177504393669E-2</v>
      </c>
      <c r="BM988" s="11">
        <v>-5</v>
      </c>
      <c r="BN988" s="13">
        <v>-9.5057034220532317E-3</v>
      </c>
      <c r="BO988" s="11">
        <v>-48</v>
      </c>
      <c r="BP988" s="13">
        <v>-8.43585237258348E-2</v>
      </c>
      <c r="BQ988" s="6">
        <v>564</v>
      </c>
      <c r="BR988" s="6">
        <v>578</v>
      </c>
      <c r="BS988" s="6">
        <v>568</v>
      </c>
      <c r="BT988" s="6">
        <v>569</v>
      </c>
      <c r="BU988" s="6">
        <v>558</v>
      </c>
      <c r="BV988" s="6">
        <v>561</v>
      </c>
      <c r="BW988" s="6">
        <v>526</v>
      </c>
      <c r="BX988" s="6">
        <v>506</v>
      </c>
      <c r="BY988" s="6">
        <v>515</v>
      </c>
      <c r="BZ988" s="6">
        <v>499</v>
      </c>
      <c r="CA988" s="6">
        <v>511</v>
      </c>
      <c r="CB988" s="6">
        <v>518</v>
      </c>
      <c r="CC988" s="11">
        <v>521</v>
      </c>
      <c r="CD988" s="11">
        <v>-598</v>
      </c>
      <c r="CE988" s="11">
        <v>-552</v>
      </c>
      <c r="CF988" s="11">
        <v>941</v>
      </c>
      <c r="CG988" s="11">
        <v>389</v>
      </c>
      <c r="CH988" s="20">
        <v>1.25</v>
      </c>
      <c r="CI988" s="20">
        <v>1.24</v>
      </c>
      <c r="CJ988" s="20">
        <v>1.23</v>
      </c>
      <c r="CK988" s="20">
        <v>1.25</v>
      </c>
      <c r="CL988" s="20">
        <v>1.25</v>
      </c>
      <c r="CM988" s="20">
        <v>1.22</v>
      </c>
      <c r="CN988" s="20">
        <v>1.2</v>
      </c>
      <c r="CO988" s="20">
        <v>1.2</v>
      </c>
      <c r="CP988" s="20">
        <v>1.2</v>
      </c>
      <c r="CQ988" s="20">
        <v>1.19</v>
      </c>
      <c r="CR988" s="20">
        <v>1.2</v>
      </c>
      <c r="CS988" s="20">
        <v>1.27</v>
      </c>
      <c r="CT988" s="20">
        <v>1.18</v>
      </c>
      <c r="CU988" s="20">
        <v>1.2</v>
      </c>
      <c r="CV988" s="20">
        <v>1.18</v>
      </c>
      <c r="CW988" s="20">
        <v>1.23</v>
      </c>
      <c r="CX988" s="20">
        <v>1.22</v>
      </c>
      <c r="CY988" s="6" t="s">
        <v>541</v>
      </c>
      <c r="CZ988" s="6" t="s">
        <v>542</v>
      </c>
      <c r="DA988" s="6" t="s">
        <v>143</v>
      </c>
      <c r="DB988" s="6" t="s">
        <v>345</v>
      </c>
      <c r="DC988" s="6">
        <v>27900</v>
      </c>
      <c r="DD988" s="6">
        <v>309</v>
      </c>
      <c r="DE988" s="6" t="s">
        <v>545</v>
      </c>
      <c r="DF988" s="6" t="s">
        <v>375</v>
      </c>
      <c r="DG988" s="6" t="s">
        <v>364</v>
      </c>
      <c r="DH988" s="6" t="s">
        <v>419</v>
      </c>
      <c r="DI988" s="6" t="s">
        <v>546</v>
      </c>
      <c r="DJ988" s="6">
        <v>29</v>
      </c>
      <c r="DK988" s="6">
        <v>97</v>
      </c>
      <c r="DL988" s="6">
        <v>2</v>
      </c>
      <c r="DM988" s="6" t="s">
        <v>379</v>
      </c>
      <c r="DN988" s="6">
        <v>3</v>
      </c>
      <c r="DO988" s="6" t="s">
        <v>380</v>
      </c>
      <c r="DP988" s="6"/>
      <c r="DQ988" s="6"/>
    </row>
    <row r="989" spans="1:121" x14ac:dyDescent="0.2">
      <c r="A989" s="6" t="s">
        <v>794</v>
      </c>
      <c r="B989" s="6" t="s">
        <v>181</v>
      </c>
      <c r="C989" s="6" t="s">
        <v>182</v>
      </c>
      <c r="D989" s="6" t="s">
        <v>143</v>
      </c>
      <c r="E989" s="6" t="s">
        <v>284</v>
      </c>
      <c r="F989" s="11">
        <v>5</v>
      </c>
      <c r="G989" s="13">
        <v>8.5645769098999995E-4</v>
      </c>
      <c r="H989" s="11">
        <v>634.39424979999967</v>
      </c>
      <c r="I989" s="13">
        <v>0.10867139541319784</v>
      </c>
      <c r="J989" s="11">
        <v>116.40868374000001</v>
      </c>
      <c r="K989" s="13">
        <v>1.79861637055907E-2</v>
      </c>
      <c r="L989" s="11">
        <v>-745.62641960000019</v>
      </c>
      <c r="M989" s="13">
        <v>-0.11317032837235272</v>
      </c>
      <c r="N989" s="11">
        <v>-629.21773586000018</v>
      </c>
      <c r="O989" s="13">
        <v>-9.7219664719482624E-2</v>
      </c>
      <c r="P989" s="7">
        <v>5837.7298587900004</v>
      </c>
      <c r="Q989" s="7">
        <v>5235.2257576800002</v>
      </c>
      <c r="R989" s="7">
        <v>5053.8312888199998</v>
      </c>
      <c r="S989" s="7">
        <v>5141.1192110800002</v>
      </c>
      <c r="T989" s="7">
        <v>5304.3240400599998</v>
      </c>
      <c r="U989" s="7">
        <v>6108.8684738100001</v>
      </c>
      <c r="V989" s="7">
        <v>6472.1241085900001</v>
      </c>
      <c r="W989" s="7">
        <v>7007.6035225100004</v>
      </c>
      <c r="X989" s="7">
        <v>6977.17192239</v>
      </c>
      <c r="Y989" s="7">
        <v>6588.5327923300001</v>
      </c>
      <c r="Z989" s="7">
        <v>6364.55658606</v>
      </c>
      <c r="AA989" s="7">
        <v>6311.9228314800002</v>
      </c>
      <c r="AB989" s="7">
        <v>6255.9797532100001</v>
      </c>
      <c r="AC989" s="7">
        <v>5940.2203876900003</v>
      </c>
      <c r="AD989" s="7">
        <v>6010.2935005099998</v>
      </c>
      <c r="AE989" s="7">
        <v>5931.6378626699998</v>
      </c>
      <c r="AF989" s="7">
        <v>5842.9063727299999</v>
      </c>
      <c r="AG989" s="9">
        <v>18562.662690099998</v>
      </c>
      <c r="AH989" s="13">
        <v>0.44498356482646784</v>
      </c>
      <c r="AI989" s="9">
        <v>12237.7768994</v>
      </c>
      <c r="AJ989" s="13">
        <v>0.29336360204133377</v>
      </c>
      <c r="AK989" s="9">
        <v>1637.510242700002</v>
      </c>
      <c r="AL989" s="13">
        <v>3.0350586528169778E-2</v>
      </c>
      <c r="AM989" s="9">
        <v>4687.3755479999963</v>
      </c>
      <c r="AN989" s="13">
        <v>8.4319454956956516E-2</v>
      </c>
      <c r="AO989" s="9">
        <v>6324.8857906999983</v>
      </c>
      <c r="AP989" s="13">
        <v>0.11722918639880552</v>
      </c>
      <c r="AQ989" s="9">
        <v>41715.389415199999</v>
      </c>
      <c r="AR989" s="9">
        <v>44077.134954100002</v>
      </c>
      <c r="AS989" s="9">
        <v>44897.690822800003</v>
      </c>
      <c r="AT989" s="9">
        <v>47552.4861495</v>
      </c>
      <c r="AU989" s="9">
        <v>49648.7963829</v>
      </c>
      <c r="AV989" s="9">
        <v>51288.031364100003</v>
      </c>
      <c r="AW989" s="9">
        <v>53953.166314599999</v>
      </c>
      <c r="AX989" s="9">
        <v>54543.426871199998</v>
      </c>
      <c r="AY989" s="9">
        <v>55668.541343800003</v>
      </c>
      <c r="AZ989" s="9">
        <v>55590.676557300001</v>
      </c>
      <c r="BA989" s="9">
        <v>56426.069274000001</v>
      </c>
      <c r="BB989" s="9">
        <v>57590.529018699999</v>
      </c>
      <c r="BC989" s="9">
        <v>57516.3700809</v>
      </c>
      <c r="BD989" s="9">
        <v>57533.0087728</v>
      </c>
      <c r="BE989" s="9">
        <v>60308.973587699998</v>
      </c>
      <c r="BF989" s="9">
        <v>60278.052105299997</v>
      </c>
      <c r="BG989" s="11">
        <v>-15.75</v>
      </c>
      <c r="BH989" s="13">
        <v>-0.11091549295774648</v>
      </c>
      <c r="BI989" s="6">
        <v>12</v>
      </c>
      <c r="BJ989" s="13">
        <v>8.4507042253521125E-2</v>
      </c>
      <c r="BK989" s="6">
        <v>-18</v>
      </c>
      <c r="BL989" s="13">
        <v>-0.11688311688311688</v>
      </c>
      <c r="BM989" s="11">
        <v>-9.75</v>
      </c>
      <c r="BN989" s="13">
        <v>-7.169117647058823E-2</v>
      </c>
      <c r="BO989" s="11">
        <v>-27.75</v>
      </c>
      <c r="BP989" s="13">
        <v>-0.18019480519480519</v>
      </c>
      <c r="BQ989" s="6">
        <v>142</v>
      </c>
      <c r="BR989" s="6">
        <v>145</v>
      </c>
      <c r="BS989" s="6">
        <v>147</v>
      </c>
      <c r="BT989" s="6">
        <v>154</v>
      </c>
      <c r="BU989" s="6">
        <v>151</v>
      </c>
      <c r="BV989" s="6">
        <v>147</v>
      </c>
      <c r="BW989" s="6">
        <v>136</v>
      </c>
      <c r="BX989" s="6">
        <v>131</v>
      </c>
      <c r="BY989" s="6">
        <v>128</v>
      </c>
      <c r="BZ989" s="6">
        <v>128</v>
      </c>
      <c r="CA989" s="6">
        <v>127</v>
      </c>
      <c r="CB989" s="6">
        <v>131</v>
      </c>
      <c r="CC989" s="11">
        <v>126.25</v>
      </c>
      <c r="CD989" s="11">
        <v>-1000.91</v>
      </c>
      <c r="CE989" s="11">
        <v>367.95400000000001</v>
      </c>
      <c r="CF989" s="11">
        <v>638.13400000000001</v>
      </c>
      <c r="CG989" s="11">
        <v>1006</v>
      </c>
      <c r="CH989" s="20">
        <v>2.8706700000000001</v>
      </c>
      <c r="CI989" s="20">
        <v>2.6852399999999998</v>
      </c>
      <c r="CJ989" s="20">
        <v>2.6025700000000001</v>
      </c>
      <c r="CK989" s="20">
        <v>2.6150799999999998</v>
      </c>
      <c r="CL989" s="20">
        <v>2.6366499999999999</v>
      </c>
      <c r="CM989" s="20">
        <v>2.9260299999999999</v>
      </c>
      <c r="CN989" s="20">
        <v>3.07118</v>
      </c>
      <c r="CO989" s="20">
        <v>3.3121800000000001</v>
      </c>
      <c r="CP989" s="20">
        <v>3.44245</v>
      </c>
      <c r="CQ989" s="20">
        <v>3.4018799999999998</v>
      </c>
      <c r="CR989" s="20">
        <v>3.22682</v>
      </c>
      <c r="CS989" s="20">
        <v>3.1370900000000002</v>
      </c>
      <c r="CT989" s="20">
        <v>2.9912200000000002</v>
      </c>
      <c r="CU989" s="20">
        <v>2.8041200000000002</v>
      </c>
      <c r="CV989" s="20">
        <v>2.7238699999999998</v>
      </c>
      <c r="CW989" s="20">
        <v>2.6393800000000001</v>
      </c>
      <c r="CX989" s="20">
        <v>2.5544799999999999</v>
      </c>
      <c r="CY989" s="6" t="s">
        <v>541</v>
      </c>
      <c r="CZ989" s="6" t="s">
        <v>542</v>
      </c>
      <c r="DA989" s="6" t="s">
        <v>143</v>
      </c>
      <c r="DB989" s="6" t="s">
        <v>345</v>
      </c>
      <c r="DC989" s="6">
        <v>27900</v>
      </c>
      <c r="DD989" s="6">
        <v>309</v>
      </c>
      <c r="DE989" s="6" t="s">
        <v>545</v>
      </c>
      <c r="DF989" s="6" t="s">
        <v>375</v>
      </c>
      <c r="DG989" s="6" t="s">
        <v>364</v>
      </c>
      <c r="DH989" s="6" t="s">
        <v>419</v>
      </c>
      <c r="DI989" s="6" t="s">
        <v>546</v>
      </c>
      <c r="DJ989" s="6">
        <v>29</v>
      </c>
      <c r="DK989" s="6">
        <v>97</v>
      </c>
      <c r="DL989" s="6">
        <v>2</v>
      </c>
      <c r="DM989" s="6" t="s">
        <v>379</v>
      </c>
      <c r="DN989" s="6">
        <v>3</v>
      </c>
      <c r="DO989" s="6" t="s">
        <v>380</v>
      </c>
      <c r="DP989" s="6"/>
      <c r="DQ989" s="6"/>
    </row>
    <row r="990" spans="1:121" x14ac:dyDescent="0.2">
      <c r="A990" s="6" t="s">
        <v>314</v>
      </c>
      <c r="B990" s="6" t="s">
        <v>314</v>
      </c>
      <c r="C990" s="6" t="s">
        <v>183</v>
      </c>
      <c r="D990" s="6" t="s">
        <v>143</v>
      </c>
      <c r="E990" s="6" t="s">
        <v>284</v>
      </c>
      <c r="F990" s="11">
        <v>-376</v>
      </c>
      <c r="G990" s="13">
        <v>-0.428734321551</v>
      </c>
      <c r="H990" s="11">
        <v>-10.035178962000032</v>
      </c>
      <c r="I990" s="13">
        <v>-1.1441082175836626E-2</v>
      </c>
      <c r="J990" s="11">
        <v>-175.77836313099999</v>
      </c>
      <c r="K990" s="13">
        <v>-0.2027238478183824</v>
      </c>
      <c r="L990" s="11">
        <v>-190.39033841199995</v>
      </c>
      <c r="M990" s="13">
        <v>-0.27540736926998494</v>
      </c>
      <c r="N990" s="11">
        <v>-366.16870154299994</v>
      </c>
      <c r="O990" s="13">
        <v>-0.42229957547241787</v>
      </c>
      <c r="P990" s="7">
        <v>877.11798654799998</v>
      </c>
      <c r="Q990" s="7">
        <v>900.77661282700001</v>
      </c>
      <c r="R990" s="7">
        <v>910.75751882199995</v>
      </c>
      <c r="S990" s="7">
        <v>907.56125145700003</v>
      </c>
      <c r="T990" s="7">
        <v>913.52673194800002</v>
      </c>
      <c r="U990" s="7">
        <v>895.20812783700001</v>
      </c>
      <c r="V990" s="7">
        <v>867.08280758599994</v>
      </c>
      <c r="W990" s="7">
        <v>839.59305646200005</v>
      </c>
      <c r="X990" s="7">
        <v>1367.20206884</v>
      </c>
      <c r="Y990" s="7">
        <v>691.30444445499995</v>
      </c>
      <c r="Z990" s="7">
        <v>659.46169545800001</v>
      </c>
      <c r="AA990" s="7">
        <v>649.93887682900004</v>
      </c>
      <c r="AB990" s="7">
        <v>634.19238960400003</v>
      </c>
      <c r="AC990" s="7">
        <v>626.88145397599999</v>
      </c>
      <c r="AD990" s="7">
        <v>580.24459184199998</v>
      </c>
      <c r="AE990" s="7">
        <v>524.90110975599998</v>
      </c>
      <c r="AF990" s="7">
        <v>500.914106043</v>
      </c>
      <c r="AG990" s="9">
        <v>13362.515399199998</v>
      </c>
      <c r="AH990" s="13">
        <v>0.39627781571251042</v>
      </c>
      <c r="AI990" s="9">
        <v>6534.1719464999987</v>
      </c>
      <c r="AJ990" s="13">
        <v>0.19377694311985633</v>
      </c>
      <c r="AK990" s="9">
        <v>5469.8439983999997</v>
      </c>
      <c r="AL990" s="13">
        <v>0.13588242709335413</v>
      </c>
      <c r="AM990" s="9">
        <v>1358.4994542999993</v>
      </c>
      <c r="AN990" s="13">
        <v>2.9710806627939942E-2</v>
      </c>
      <c r="AO990" s="9">
        <v>6828.343452699999</v>
      </c>
      <c r="AP990" s="13">
        <v>0.16963041023679987</v>
      </c>
      <c r="AQ990" s="9">
        <v>33720.069278100003</v>
      </c>
      <c r="AR990" s="9">
        <v>35200.1677824</v>
      </c>
      <c r="AS990" s="9">
        <v>35634.5271048</v>
      </c>
      <c r="AT990" s="9">
        <v>36827.591847800002</v>
      </c>
      <c r="AU990" s="9">
        <v>36952.915893799996</v>
      </c>
      <c r="AV990" s="9">
        <v>37051.197797200002</v>
      </c>
      <c r="AW990" s="9">
        <v>40254.241224600002</v>
      </c>
      <c r="AX990" s="9">
        <v>39550.211281000004</v>
      </c>
      <c r="AY990" s="9">
        <v>39259.458898099998</v>
      </c>
      <c r="AZ990" s="9">
        <v>45724.085223000002</v>
      </c>
      <c r="BA990" s="9">
        <v>45480.964896500001</v>
      </c>
      <c r="BB990" s="9">
        <v>53490.326995199997</v>
      </c>
      <c r="BC990" s="9">
        <v>46937.204872000002</v>
      </c>
      <c r="BD990" s="9">
        <v>47384.757388799997</v>
      </c>
      <c r="BE990" s="9">
        <v>47921.621707400001</v>
      </c>
      <c r="BF990" s="9">
        <v>47082.584677300001</v>
      </c>
      <c r="BG990" s="11">
        <v>-23.75</v>
      </c>
      <c r="BH990" s="13">
        <v>-0.44811320754716982</v>
      </c>
      <c r="BI990" s="6">
        <v>-4</v>
      </c>
      <c r="BJ990" s="13">
        <v>-7.5471698113207544E-2</v>
      </c>
      <c r="BK990" s="6">
        <v>-9</v>
      </c>
      <c r="BL990" s="13">
        <v>-0.18367346938775511</v>
      </c>
      <c r="BM990" s="11">
        <v>-10.75</v>
      </c>
      <c r="BN990" s="13">
        <v>-0.26874999999999999</v>
      </c>
      <c r="BO990" s="11">
        <v>-19.75</v>
      </c>
      <c r="BP990" s="13">
        <v>-0.40306122448979592</v>
      </c>
      <c r="BQ990" s="6">
        <v>53</v>
      </c>
      <c r="BR990" s="6">
        <v>50</v>
      </c>
      <c r="BS990" s="6">
        <v>46</v>
      </c>
      <c r="BT990" s="6">
        <v>49</v>
      </c>
      <c r="BU990" s="6">
        <v>46</v>
      </c>
      <c r="BV990" s="6">
        <v>48</v>
      </c>
      <c r="BW990" s="6">
        <v>40</v>
      </c>
      <c r="BX990" s="6">
        <v>37</v>
      </c>
      <c r="BY990" s="6">
        <v>35</v>
      </c>
      <c r="BZ990" s="6">
        <v>32</v>
      </c>
      <c r="CA990" s="6">
        <v>33</v>
      </c>
      <c r="CB990" s="6">
        <v>29</v>
      </c>
      <c r="CC990" s="11">
        <v>29.25</v>
      </c>
      <c r="CD990" s="11">
        <v>-203.43100000000001</v>
      </c>
      <c r="CE990" s="11">
        <v>-268.65300000000002</v>
      </c>
      <c r="CF990" s="11">
        <v>95.879599999999996</v>
      </c>
      <c r="CG990" s="11">
        <v>-173</v>
      </c>
      <c r="CH990" s="20">
        <v>0.54771800000000004</v>
      </c>
      <c r="CI990" s="20">
        <v>0.60326299999999999</v>
      </c>
      <c r="CJ990" s="20">
        <v>0.63943399999999995</v>
      </c>
      <c r="CK990" s="20">
        <v>0.65600700000000001</v>
      </c>
      <c r="CL990" s="20">
        <v>0.66974500000000003</v>
      </c>
      <c r="CM990" s="20">
        <v>0.65127100000000004</v>
      </c>
      <c r="CN990" s="20">
        <v>0.63924899999999996</v>
      </c>
      <c r="CO990" s="20">
        <v>0.62190699999999999</v>
      </c>
      <c r="CP990" s="20">
        <v>1.0521400000000001</v>
      </c>
      <c r="CQ990" s="20">
        <v>0.57106199999999996</v>
      </c>
      <c r="CR990" s="20">
        <v>0.55481800000000003</v>
      </c>
      <c r="CS990" s="20">
        <v>0.54686199999999996</v>
      </c>
      <c r="CT990" s="20">
        <v>0.51867799999999997</v>
      </c>
      <c r="CU990" s="20">
        <v>0.51704399999999995</v>
      </c>
      <c r="CV990" s="20">
        <v>0.47624100000000003</v>
      </c>
      <c r="CW990" s="20">
        <v>0.42759999999999998</v>
      </c>
      <c r="CX990" s="20">
        <v>0.405999</v>
      </c>
      <c r="CY990" s="6" t="s">
        <v>541</v>
      </c>
      <c r="CZ990" s="6" t="s">
        <v>542</v>
      </c>
      <c r="DA990" s="6" t="s">
        <v>143</v>
      </c>
      <c r="DB990" s="6" t="s">
        <v>345</v>
      </c>
      <c r="DC990" s="6">
        <v>27900</v>
      </c>
      <c r="DD990" s="6">
        <v>309</v>
      </c>
      <c r="DE990" s="6" t="s">
        <v>545</v>
      </c>
      <c r="DF990" s="6" t="s">
        <v>375</v>
      </c>
      <c r="DG990" s="6" t="s">
        <v>364</v>
      </c>
      <c r="DH990" s="6" t="s">
        <v>419</v>
      </c>
      <c r="DI990" s="6" t="s">
        <v>546</v>
      </c>
      <c r="DJ990" s="6">
        <v>29</v>
      </c>
      <c r="DK990" s="6">
        <v>97</v>
      </c>
      <c r="DL990" s="6">
        <v>2</v>
      </c>
      <c r="DM990" s="6" t="s">
        <v>379</v>
      </c>
      <c r="DN990" s="6">
        <v>3</v>
      </c>
      <c r="DO990" s="6" t="s">
        <v>380</v>
      </c>
      <c r="DP990" s="6"/>
      <c r="DQ990" s="6"/>
    </row>
    <row r="991" spans="1:121" x14ac:dyDescent="0.2">
      <c r="A991" s="6" t="s">
        <v>315</v>
      </c>
      <c r="B991" s="6" t="s">
        <v>315</v>
      </c>
      <c r="C991" s="6" t="s">
        <v>184</v>
      </c>
      <c r="D991" s="6" t="s">
        <v>143</v>
      </c>
      <c r="E991" s="6" t="s">
        <v>284</v>
      </c>
      <c r="F991" s="11">
        <v>-247</v>
      </c>
      <c r="G991" s="13">
        <v>-0.16</v>
      </c>
      <c r="H991" s="11">
        <v>101</v>
      </c>
      <c r="I991" s="13">
        <v>6.4045656309448321E-2</v>
      </c>
      <c r="J991" s="11">
        <v>-256</v>
      </c>
      <c r="K991" s="13">
        <v>-0.15256257449344457</v>
      </c>
      <c r="L991" s="11">
        <v>-92</v>
      </c>
      <c r="M991" s="13">
        <v>-6.4697609001406475E-2</v>
      </c>
      <c r="N991" s="11">
        <v>-348</v>
      </c>
      <c r="O991" s="13">
        <v>-0.20738974970202623</v>
      </c>
      <c r="P991" s="7">
        <v>1577</v>
      </c>
      <c r="Q991" s="7">
        <v>1641</v>
      </c>
      <c r="R991" s="7">
        <v>1711</v>
      </c>
      <c r="S991" s="7">
        <v>1652</v>
      </c>
      <c r="T991" s="7">
        <v>1654</v>
      </c>
      <c r="U991" s="7">
        <v>1670</v>
      </c>
      <c r="V991" s="7">
        <v>1678</v>
      </c>
      <c r="W991" s="7">
        <v>1699</v>
      </c>
      <c r="X991" s="7">
        <v>1556</v>
      </c>
      <c r="Y991" s="7">
        <v>1422</v>
      </c>
      <c r="Z991" s="7">
        <v>1430</v>
      </c>
      <c r="AA991" s="7">
        <v>1485</v>
      </c>
      <c r="AB991" s="7">
        <v>1480</v>
      </c>
      <c r="AC991" s="7">
        <v>1398</v>
      </c>
      <c r="AD991" s="7">
        <v>1393</v>
      </c>
      <c r="AE991" s="7">
        <v>1358</v>
      </c>
      <c r="AF991" s="7">
        <v>1330</v>
      </c>
      <c r="AG991" s="9">
        <v>35891</v>
      </c>
      <c r="AH991" s="13">
        <v>0.98162076416049027</v>
      </c>
      <c r="AI991" s="9">
        <v>8404</v>
      </c>
      <c r="AJ991" s="13">
        <v>0.229849848207204</v>
      </c>
      <c r="AK991" s="9">
        <v>13884</v>
      </c>
      <c r="AL991" s="13">
        <v>0.30875975715524717</v>
      </c>
      <c r="AM991" s="9">
        <v>13603</v>
      </c>
      <c r="AN991" s="13">
        <v>0.23114305619275799</v>
      </c>
      <c r="AO991" s="9">
        <v>27487</v>
      </c>
      <c r="AP991" s="13">
        <v>0.61127048724620281</v>
      </c>
      <c r="AQ991" s="9">
        <v>36563</v>
      </c>
      <c r="AR991" s="9">
        <v>37269</v>
      </c>
      <c r="AS991" s="9">
        <v>37727</v>
      </c>
      <c r="AT991" s="9">
        <v>40496</v>
      </c>
      <c r="AU991" s="9">
        <v>42523</v>
      </c>
      <c r="AV991" s="9">
        <v>43593</v>
      </c>
      <c r="AW991" s="9">
        <v>44967</v>
      </c>
      <c r="AX991" s="9">
        <v>48636</v>
      </c>
      <c r="AY991" s="9">
        <v>53878</v>
      </c>
      <c r="AZ991" s="9">
        <v>58851</v>
      </c>
      <c r="BA991" s="9">
        <v>59351</v>
      </c>
      <c r="BB991" s="9">
        <v>61266</v>
      </c>
      <c r="BC991" s="9">
        <v>64619</v>
      </c>
      <c r="BD991" s="9">
        <v>68727</v>
      </c>
      <c r="BE991" s="9">
        <v>70757</v>
      </c>
      <c r="BF991" s="9">
        <v>72454</v>
      </c>
      <c r="BG991" s="11">
        <v>1</v>
      </c>
      <c r="BH991" s="13">
        <v>5.1282051282051282E-3</v>
      </c>
      <c r="BI991" s="6">
        <v>17</v>
      </c>
      <c r="BJ991" s="13">
        <v>8.7179487179487175E-2</v>
      </c>
      <c r="BK991" s="6">
        <v>-16</v>
      </c>
      <c r="BL991" s="13">
        <v>-7.5471698113207544E-2</v>
      </c>
      <c r="BM991" s="11">
        <v>0</v>
      </c>
      <c r="BN991" s="13">
        <v>0</v>
      </c>
      <c r="BO991" s="11">
        <v>-16</v>
      </c>
      <c r="BP991" s="13">
        <v>-7.5471698113207544E-2</v>
      </c>
      <c r="BQ991" s="6">
        <v>195</v>
      </c>
      <c r="BR991" s="6">
        <v>198</v>
      </c>
      <c r="BS991" s="6">
        <v>198</v>
      </c>
      <c r="BT991" s="6">
        <v>212</v>
      </c>
      <c r="BU991" s="6">
        <v>210</v>
      </c>
      <c r="BV991" s="6">
        <v>212</v>
      </c>
      <c r="BW991" s="6">
        <v>196</v>
      </c>
      <c r="BX991" s="6">
        <v>192</v>
      </c>
      <c r="BY991" s="6">
        <v>198</v>
      </c>
      <c r="BZ991" s="6">
        <v>202</v>
      </c>
      <c r="CA991" s="6">
        <v>202</v>
      </c>
      <c r="CB991" s="6">
        <v>201</v>
      </c>
      <c r="CC991" s="11">
        <v>196</v>
      </c>
      <c r="CD991" s="11">
        <v>-294</v>
      </c>
      <c r="CE991" s="11">
        <v>-125</v>
      </c>
      <c r="CF991" s="11">
        <v>172</v>
      </c>
      <c r="CG991" s="11">
        <v>47</v>
      </c>
      <c r="CH991" s="20">
        <v>0.6</v>
      </c>
      <c r="CI991" s="20">
        <v>0.64</v>
      </c>
      <c r="CJ991" s="20">
        <v>0.65</v>
      </c>
      <c r="CK991" s="20">
        <v>0.63</v>
      </c>
      <c r="CL991" s="20">
        <v>0.62</v>
      </c>
      <c r="CM991" s="20">
        <v>0.61</v>
      </c>
      <c r="CN991" s="20">
        <v>0.62</v>
      </c>
      <c r="CO991" s="20">
        <v>0.63</v>
      </c>
      <c r="CP991" s="20">
        <v>0.59</v>
      </c>
      <c r="CQ991" s="20">
        <v>0.56999999999999995</v>
      </c>
      <c r="CR991" s="20">
        <v>0.57999999999999996</v>
      </c>
      <c r="CS991" s="20">
        <v>0.6</v>
      </c>
      <c r="CT991" s="20">
        <v>0.57999999999999996</v>
      </c>
      <c r="CU991" s="20">
        <v>0.56000000000000005</v>
      </c>
      <c r="CV991" s="20">
        <v>0.55000000000000004</v>
      </c>
      <c r="CW991" s="20">
        <v>0.53</v>
      </c>
      <c r="CX991" s="20">
        <v>0.52</v>
      </c>
      <c r="CY991" s="6" t="s">
        <v>541</v>
      </c>
      <c r="CZ991" s="6" t="s">
        <v>542</v>
      </c>
      <c r="DA991" s="6" t="s">
        <v>143</v>
      </c>
      <c r="DB991" s="6" t="s">
        <v>345</v>
      </c>
      <c r="DC991" s="6">
        <v>27900</v>
      </c>
      <c r="DD991" s="6">
        <v>309</v>
      </c>
      <c r="DE991" s="6" t="s">
        <v>545</v>
      </c>
      <c r="DF991" s="6" t="s">
        <v>375</v>
      </c>
      <c r="DG991" s="6" t="s">
        <v>364</v>
      </c>
      <c r="DH991" s="6" t="s">
        <v>419</v>
      </c>
      <c r="DI991" s="6" t="s">
        <v>546</v>
      </c>
      <c r="DJ991" s="6">
        <v>29</v>
      </c>
      <c r="DK991" s="6">
        <v>97</v>
      </c>
      <c r="DL991" s="6">
        <v>2</v>
      </c>
      <c r="DM991" s="6" t="s">
        <v>379</v>
      </c>
      <c r="DN991" s="6">
        <v>3</v>
      </c>
      <c r="DO991" s="6" t="s">
        <v>380</v>
      </c>
      <c r="DP991" s="6"/>
      <c r="DQ991" s="6"/>
    </row>
    <row r="992" spans="1:121" x14ac:dyDescent="0.2">
      <c r="A992" s="6" t="s">
        <v>316</v>
      </c>
      <c r="B992" s="6" t="s">
        <v>316</v>
      </c>
      <c r="C992" s="6" t="s">
        <v>185</v>
      </c>
      <c r="D992" s="6" t="s">
        <v>143</v>
      </c>
      <c r="E992" s="6" t="s">
        <v>284</v>
      </c>
      <c r="F992" s="11">
        <v>-41</v>
      </c>
      <c r="G992" s="13">
        <v>-0.06</v>
      </c>
      <c r="H992" s="11">
        <v>98</v>
      </c>
      <c r="I992" s="13">
        <v>0.15100154083204931</v>
      </c>
      <c r="J992" s="11">
        <v>-102</v>
      </c>
      <c r="K992" s="13">
        <v>-0.13654618473895583</v>
      </c>
      <c r="L992" s="11">
        <v>-37</v>
      </c>
      <c r="M992" s="13">
        <v>-5.7364341085271317E-2</v>
      </c>
      <c r="N992" s="11">
        <v>-139</v>
      </c>
      <c r="O992" s="13">
        <v>-0.18607764390896919</v>
      </c>
      <c r="P992" s="7">
        <v>649</v>
      </c>
      <c r="Q992" s="7">
        <v>654</v>
      </c>
      <c r="R992" s="7">
        <v>719</v>
      </c>
      <c r="S992" s="7">
        <v>759</v>
      </c>
      <c r="T992" s="7">
        <v>729</v>
      </c>
      <c r="U992" s="7">
        <v>741</v>
      </c>
      <c r="V992" s="7">
        <v>747</v>
      </c>
      <c r="W992" s="7">
        <v>686</v>
      </c>
      <c r="X992" s="7">
        <v>682</v>
      </c>
      <c r="Y992" s="7">
        <v>645</v>
      </c>
      <c r="Z992" s="7">
        <v>620</v>
      </c>
      <c r="AA992" s="7">
        <v>645</v>
      </c>
      <c r="AB992" s="7">
        <v>619</v>
      </c>
      <c r="AC992" s="7">
        <v>615</v>
      </c>
      <c r="AD992" s="7">
        <v>611</v>
      </c>
      <c r="AE992" s="7">
        <v>607</v>
      </c>
      <c r="AF992" s="7">
        <v>608</v>
      </c>
      <c r="AG992" s="9">
        <v>9672</v>
      </c>
      <c r="AH992" s="13">
        <v>0.37631312738308303</v>
      </c>
      <c r="AI992" s="9">
        <v>1480</v>
      </c>
      <c r="AJ992" s="13">
        <v>5.7583067465566885E-2</v>
      </c>
      <c r="AK992" s="9">
        <v>214</v>
      </c>
      <c r="AL992" s="13">
        <v>7.8728570377455676E-3</v>
      </c>
      <c r="AM992" s="9">
        <v>7978</v>
      </c>
      <c r="AN992" s="13">
        <v>0.29121039567820117</v>
      </c>
      <c r="AO992" s="9">
        <v>8192</v>
      </c>
      <c r="AP992" s="13">
        <v>0.30137591052902657</v>
      </c>
      <c r="AQ992" s="9">
        <v>25702</v>
      </c>
      <c r="AR992" s="9">
        <v>27160</v>
      </c>
      <c r="AS992" s="9">
        <v>26640</v>
      </c>
      <c r="AT992" s="9">
        <v>27857</v>
      </c>
      <c r="AU992" s="9">
        <v>25929</v>
      </c>
      <c r="AV992" s="9">
        <v>26273</v>
      </c>
      <c r="AW992" s="9">
        <v>27182</v>
      </c>
      <c r="AX992" s="9">
        <v>27296</v>
      </c>
      <c r="AY992" s="9">
        <v>27530</v>
      </c>
      <c r="AZ992" s="9">
        <v>27396</v>
      </c>
      <c r="BA992" s="9">
        <v>28351</v>
      </c>
      <c r="BB992" s="9">
        <v>31995</v>
      </c>
      <c r="BC992" s="9">
        <v>33426</v>
      </c>
      <c r="BD992" s="9">
        <v>34349</v>
      </c>
      <c r="BE992" s="9">
        <v>35092</v>
      </c>
      <c r="BF992" s="9">
        <v>35374</v>
      </c>
      <c r="BG992" s="11">
        <v>-9</v>
      </c>
      <c r="BH992" s="13">
        <v>-6.8181818181818177E-2</v>
      </c>
      <c r="BI992" s="6">
        <v>-1</v>
      </c>
      <c r="BJ992" s="13">
        <v>-7.575757575757576E-3</v>
      </c>
      <c r="BK992" s="6">
        <v>-14</v>
      </c>
      <c r="BL992" s="13">
        <v>-0.10687022900763359</v>
      </c>
      <c r="BM992" s="11">
        <v>6</v>
      </c>
      <c r="BN992" s="13">
        <v>5.128205128205128E-2</v>
      </c>
      <c r="BO992" s="11">
        <v>-8</v>
      </c>
      <c r="BP992" s="13">
        <v>-6.1068702290076333E-2</v>
      </c>
      <c r="BQ992" s="6">
        <v>132</v>
      </c>
      <c r="BR992" s="6">
        <v>130</v>
      </c>
      <c r="BS992" s="6">
        <v>132</v>
      </c>
      <c r="BT992" s="6">
        <v>131</v>
      </c>
      <c r="BU992" s="6">
        <v>128</v>
      </c>
      <c r="BV992" s="6">
        <v>121</v>
      </c>
      <c r="BW992" s="6">
        <v>117</v>
      </c>
      <c r="BX992" s="6">
        <v>111</v>
      </c>
      <c r="BY992" s="6">
        <v>118</v>
      </c>
      <c r="BZ992" s="6">
        <v>121</v>
      </c>
      <c r="CA992" s="6">
        <v>122</v>
      </c>
      <c r="CB992" s="6">
        <v>123</v>
      </c>
      <c r="CC992" s="11">
        <v>123</v>
      </c>
      <c r="CD992" s="11">
        <v>-79</v>
      </c>
      <c r="CE992" s="11">
        <v>-33</v>
      </c>
      <c r="CF992" s="11">
        <v>71</v>
      </c>
      <c r="CG992" s="11">
        <v>38</v>
      </c>
      <c r="CH992" s="20">
        <v>0.6</v>
      </c>
      <c r="CI992" s="20">
        <v>0.61</v>
      </c>
      <c r="CJ992" s="20">
        <v>0.66</v>
      </c>
      <c r="CK992" s="20">
        <v>0.68</v>
      </c>
      <c r="CL992" s="20">
        <v>0.63</v>
      </c>
      <c r="CM992" s="20">
        <v>0.62</v>
      </c>
      <c r="CN992" s="20">
        <v>0.64</v>
      </c>
      <c r="CO992" s="20">
        <v>0.6</v>
      </c>
      <c r="CP992" s="20">
        <v>0.62</v>
      </c>
      <c r="CQ992" s="20">
        <v>0.63</v>
      </c>
      <c r="CR992" s="20">
        <v>0.61</v>
      </c>
      <c r="CS992" s="20">
        <v>0.63</v>
      </c>
      <c r="CT992" s="20">
        <v>0.59</v>
      </c>
      <c r="CU992" s="20">
        <v>0.57999999999999996</v>
      </c>
      <c r="CV992" s="20">
        <v>0.56999999999999995</v>
      </c>
      <c r="CW992" s="20">
        <v>0.56000000000000005</v>
      </c>
      <c r="CX992" s="20">
        <v>0.56000000000000005</v>
      </c>
      <c r="CY992" s="6" t="s">
        <v>541</v>
      </c>
      <c r="CZ992" s="6" t="s">
        <v>542</v>
      </c>
      <c r="DA992" s="6" t="s">
        <v>143</v>
      </c>
      <c r="DB992" s="6" t="s">
        <v>345</v>
      </c>
      <c r="DC992" s="6">
        <v>27900</v>
      </c>
      <c r="DD992" s="6">
        <v>309</v>
      </c>
      <c r="DE992" s="6" t="s">
        <v>545</v>
      </c>
      <c r="DF992" s="6" t="s">
        <v>375</v>
      </c>
      <c r="DG992" s="6" t="s">
        <v>364</v>
      </c>
      <c r="DH992" s="6" t="s">
        <v>419</v>
      </c>
      <c r="DI992" s="6" t="s">
        <v>546</v>
      </c>
      <c r="DJ992" s="6">
        <v>29</v>
      </c>
      <c r="DK992" s="6">
        <v>97</v>
      </c>
      <c r="DL992" s="6">
        <v>2</v>
      </c>
      <c r="DM992" s="6" t="s">
        <v>379</v>
      </c>
      <c r="DN992" s="6">
        <v>3</v>
      </c>
      <c r="DO992" s="6" t="s">
        <v>380</v>
      </c>
      <c r="DP992" s="6"/>
      <c r="DQ992" s="6"/>
    </row>
    <row r="993" spans="1:121" x14ac:dyDescent="0.2">
      <c r="A993" s="6" t="s">
        <v>317</v>
      </c>
      <c r="B993" s="6" t="s">
        <v>317</v>
      </c>
      <c r="C993" s="6" t="s">
        <v>186</v>
      </c>
      <c r="D993" s="6" t="s">
        <v>143</v>
      </c>
      <c r="E993" s="6" t="s">
        <v>284</v>
      </c>
      <c r="F993" s="11">
        <v>456</v>
      </c>
      <c r="G993" s="13">
        <v>0.42</v>
      </c>
      <c r="H993" s="11">
        <v>298</v>
      </c>
      <c r="I993" s="13">
        <v>0.27289377289377287</v>
      </c>
      <c r="J993" s="11">
        <v>-87</v>
      </c>
      <c r="K993" s="13">
        <v>-6.2589928057553951E-2</v>
      </c>
      <c r="L993" s="11">
        <v>245</v>
      </c>
      <c r="M993" s="13">
        <v>0.18802762854950111</v>
      </c>
      <c r="N993" s="11">
        <v>158</v>
      </c>
      <c r="O993" s="13">
        <v>0.11366906474820145</v>
      </c>
      <c r="P993" s="7">
        <v>1092</v>
      </c>
      <c r="Q993" s="7">
        <v>1206</v>
      </c>
      <c r="R993" s="7">
        <v>1240</v>
      </c>
      <c r="S993" s="7">
        <v>1291</v>
      </c>
      <c r="T993" s="7">
        <v>1217</v>
      </c>
      <c r="U993" s="7">
        <v>1309</v>
      </c>
      <c r="V993" s="7">
        <v>1390</v>
      </c>
      <c r="W993" s="7">
        <v>1337</v>
      </c>
      <c r="X993" s="7">
        <v>1320</v>
      </c>
      <c r="Y993" s="7">
        <v>1303</v>
      </c>
      <c r="Z993" s="7">
        <v>1338</v>
      </c>
      <c r="AA993" s="7">
        <v>1302</v>
      </c>
      <c r="AB993" s="7">
        <v>1341</v>
      </c>
      <c r="AC993" s="7">
        <v>1381</v>
      </c>
      <c r="AD993" s="7">
        <v>1447</v>
      </c>
      <c r="AE993" s="7">
        <v>1513</v>
      </c>
      <c r="AF993" s="7">
        <v>1548</v>
      </c>
      <c r="AG993" s="9">
        <v>14936</v>
      </c>
      <c r="AH993" s="13">
        <v>0.38306275807237566</v>
      </c>
      <c r="AI993" s="9">
        <v>9498</v>
      </c>
      <c r="AJ993" s="13">
        <v>0.243594675694391</v>
      </c>
      <c r="AK993" s="9">
        <v>1933</v>
      </c>
      <c r="AL993" s="13">
        <v>3.9864711584070615E-2</v>
      </c>
      <c r="AM993" s="9">
        <v>3505</v>
      </c>
      <c r="AN993" s="13">
        <v>6.9513307683154182E-2</v>
      </c>
      <c r="AO993" s="9">
        <v>5438</v>
      </c>
      <c r="AP993" s="13">
        <v>0.1121491472292685</v>
      </c>
      <c r="AQ993" s="9">
        <v>38991</v>
      </c>
      <c r="AR993" s="9">
        <v>39363</v>
      </c>
      <c r="AS993" s="9">
        <v>39788</v>
      </c>
      <c r="AT993" s="9">
        <v>41040</v>
      </c>
      <c r="AU993" s="9">
        <v>42614</v>
      </c>
      <c r="AV993" s="9">
        <v>44780</v>
      </c>
      <c r="AW993" s="9">
        <v>48489</v>
      </c>
      <c r="AX993" s="9">
        <v>49022</v>
      </c>
      <c r="AY993" s="9">
        <v>47428</v>
      </c>
      <c r="AZ993" s="9">
        <v>50422</v>
      </c>
      <c r="BA993" s="9">
        <v>49831</v>
      </c>
      <c r="BB993" s="9">
        <v>50866</v>
      </c>
      <c r="BC993" s="9">
        <v>52636</v>
      </c>
      <c r="BD993" s="9">
        <v>51879</v>
      </c>
      <c r="BE993" s="9">
        <v>53412</v>
      </c>
      <c r="BF993" s="9">
        <v>53927</v>
      </c>
      <c r="BG993" s="11">
        <v>12</v>
      </c>
      <c r="BH993" s="13">
        <v>6.25E-2</v>
      </c>
      <c r="BI993" s="6">
        <v>20</v>
      </c>
      <c r="BJ993" s="13">
        <v>0.10416666666666667</v>
      </c>
      <c r="BK993" s="6">
        <v>-12</v>
      </c>
      <c r="BL993" s="13">
        <v>-5.6603773584905662E-2</v>
      </c>
      <c r="BM993" s="11">
        <v>4</v>
      </c>
      <c r="BN993" s="13">
        <v>0.02</v>
      </c>
      <c r="BO993" s="11">
        <v>-8</v>
      </c>
      <c r="BP993" s="13">
        <v>-3.7735849056603772E-2</v>
      </c>
      <c r="BQ993" s="6">
        <v>192</v>
      </c>
      <c r="BR993" s="6">
        <v>199</v>
      </c>
      <c r="BS993" s="6">
        <v>203</v>
      </c>
      <c r="BT993" s="6">
        <v>212</v>
      </c>
      <c r="BU993" s="6">
        <v>201</v>
      </c>
      <c r="BV993" s="6">
        <v>208</v>
      </c>
      <c r="BW993" s="6">
        <v>200</v>
      </c>
      <c r="BX993" s="6">
        <v>188</v>
      </c>
      <c r="BY993" s="6">
        <v>191</v>
      </c>
      <c r="BZ993" s="6">
        <v>194</v>
      </c>
      <c r="CA993" s="6">
        <v>186</v>
      </c>
      <c r="CB993" s="6">
        <v>208</v>
      </c>
      <c r="CC993" s="11">
        <v>204</v>
      </c>
      <c r="CD993" s="11">
        <v>117</v>
      </c>
      <c r="CE993" s="11">
        <v>219</v>
      </c>
      <c r="CF993" s="11">
        <v>119</v>
      </c>
      <c r="CG993" s="11">
        <v>338</v>
      </c>
      <c r="CH993" s="20">
        <v>0.32</v>
      </c>
      <c r="CI993" s="20">
        <v>0.36</v>
      </c>
      <c r="CJ993" s="20">
        <v>0.37</v>
      </c>
      <c r="CK993" s="20">
        <v>0.38</v>
      </c>
      <c r="CL993" s="20">
        <v>0.35</v>
      </c>
      <c r="CM993" s="20">
        <v>0.35</v>
      </c>
      <c r="CN993" s="20">
        <v>0.37</v>
      </c>
      <c r="CO993" s="20">
        <v>0.34</v>
      </c>
      <c r="CP993" s="20">
        <v>0.34</v>
      </c>
      <c r="CQ993" s="20">
        <v>0.35</v>
      </c>
      <c r="CR993" s="20">
        <v>0.36</v>
      </c>
      <c r="CS993" s="20">
        <v>0.34</v>
      </c>
      <c r="CT993" s="20">
        <v>0.33</v>
      </c>
      <c r="CU993" s="20">
        <v>0.34</v>
      </c>
      <c r="CV993" s="20">
        <v>0.35</v>
      </c>
      <c r="CW993" s="20">
        <v>0.36</v>
      </c>
      <c r="CX993" s="20">
        <v>0.36</v>
      </c>
      <c r="CY993" s="6" t="s">
        <v>541</v>
      </c>
      <c r="CZ993" s="6" t="s">
        <v>542</v>
      </c>
      <c r="DA993" s="6" t="s">
        <v>143</v>
      </c>
      <c r="DB993" s="6" t="s">
        <v>345</v>
      </c>
      <c r="DC993" s="6">
        <v>27900</v>
      </c>
      <c r="DD993" s="6">
        <v>309</v>
      </c>
      <c r="DE993" s="6" t="s">
        <v>545</v>
      </c>
      <c r="DF993" s="6" t="s">
        <v>375</v>
      </c>
      <c r="DG993" s="6" t="s">
        <v>364</v>
      </c>
      <c r="DH993" s="6" t="s">
        <v>419</v>
      </c>
      <c r="DI993" s="6" t="s">
        <v>546</v>
      </c>
      <c r="DJ993" s="6">
        <v>29</v>
      </c>
      <c r="DK993" s="6">
        <v>97</v>
      </c>
      <c r="DL993" s="6">
        <v>2</v>
      </c>
      <c r="DM993" s="6" t="s">
        <v>379</v>
      </c>
      <c r="DN993" s="6">
        <v>3</v>
      </c>
      <c r="DO993" s="6" t="s">
        <v>380</v>
      </c>
      <c r="DP993" s="6"/>
      <c r="DQ993" s="6"/>
    </row>
    <row r="994" spans="1:121" x14ac:dyDescent="0.2">
      <c r="A994" s="6" t="s">
        <v>318</v>
      </c>
      <c r="B994" s="6" t="s">
        <v>318</v>
      </c>
      <c r="C994" s="6" t="s">
        <v>187</v>
      </c>
      <c r="D994" s="6" t="s">
        <v>143</v>
      </c>
      <c r="E994" s="6" t="s">
        <v>284</v>
      </c>
      <c r="F994" s="11">
        <v>301</v>
      </c>
      <c r="G994" s="13">
        <v>0.290821256039</v>
      </c>
      <c r="H994" s="11">
        <v>-88.250117000000046</v>
      </c>
      <c r="I994" s="13">
        <v>-8.5249956211043754E-2</v>
      </c>
      <c r="J994" s="11">
        <v>-242.96681599999999</v>
      </c>
      <c r="K994" s="13">
        <v>-0.25658035296577586</v>
      </c>
      <c r="L994" s="11">
        <v>631.76851597999996</v>
      </c>
      <c r="M994" s="13">
        <v>0.89742958086414437</v>
      </c>
      <c r="N994" s="11">
        <v>388.80169997999997</v>
      </c>
      <c r="O994" s="13">
        <v>0.4105864292783179</v>
      </c>
      <c r="P994" s="7">
        <v>1035.1925200000001</v>
      </c>
      <c r="Q994" s="7">
        <v>1007.077084</v>
      </c>
      <c r="R994" s="7">
        <v>992.64971800000001</v>
      </c>
      <c r="S994" s="7">
        <v>892.93251299999997</v>
      </c>
      <c r="T994" s="7">
        <v>979.08732699999996</v>
      </c>
      <c r="U994" s="7">
        <v>884.98056499999996</v>
      </c>
      <c r="V994" s="7">
        <v>946.94240300000001</v>
      </c>
      <c r="W994" s="7">
        <v>891.83843300000001</v>
      </c>
      <c r="X994" s="7">
        <v>900.02667299999996</v>
      </c>
      <c r="Y994" s="7">
        <v>703.97558700000002</v>
      </c>
      <c r="Z994" s="7">
        <v>1352.635372</v>
      </c>
      <c r="AA994" s="7">
        <v>1348.035196</v>
      </c>
      <c r="AB994" s="7">
        <v>1354.829025</v>
      </c>
      <c r="AC994" s="7">
        <v>1303.018714</v>
      </c>
      <c r="AD994" s="7">
        <v>1282.874446</v>
      </c>
      <c r="AE994" s="7">
        <v>1315.5057167499999</v>
      </c>
      <c r="AF994" s="7">
        <v>1335.74410298</v>
      </c>
      <c r="AG994" s="9">
        <v>98903.599105300003</v>
      </c>
      <c r="AH994" s="13">
        <v>1.9740332253827708</v>
      </c>
      <c r="AI994" s="9">
        <v>20951.638261099994</v>
      </c>
      <c r="AJ994" s="13">
        <v>0.41817719908835904</v>
      </c>
      <c r="AK994" s="9">
        <v>6806.1247359000117</v>
      </c>
      <c r="AL994" s="13">
        <v>9.5788146049330322E-2</v>
      </c>
      <c r="AM994" s="9">
        <v>71145.836108299991</v>
      </c>
      <c r="AN994" s="13">
        <v>0.91376549205459645</v>
      </c>
      <c r="AO994" s="9">
        <v>77951.960844200003</v>
      </c>
      <c r="AP994" s="13">
        <v>1.0970815405116907</v>
      </c>
      <c r="AQ994" s="9">
        <v>50102.297080700002</v>
      </c>
      <c r="AR994" s="9">
        <v>52297.463651999999</v>
      </c>
      <c r="AS994" s="9">
        <v>58575.326569899997</v>
      </c>
      <c r="AT994" s="9">
        <v>60934.669543399999</v>
      </c>
      <c r="AU994" s="9">
        <v>59778.077188900003</v>
      </c>
      <c r="AV994" s="9">
        <v>69721.850398199997</v>
      </c>
      <c r="AW994" s="9">
        <v>71053.935341799996</v>
      </c>
      <c r="AX994" s="9">
        <v>69253.672527500006</v>
      </c>
      <c r="AY994" s="9">
        <v>74338.033753299998</v>
      </c>
      <c r="AZ994" s="9">
        <v>77860.060077700007</v>
      </c>
      <c r="BA994" s="9">
        <v>102901.187032</v>
      </c>
      <c r="BB994" s="9">
        <v>100379.332635</v>
      </c>
      <c r="BC994" s="9">
        <v>105004.664151</v>
      </c>
      <c r="BD994" s="9">
        <v>118595.80044599999</v>
      </c>
      <c r="BE994" s="9">
        <v>136132.33117300001</v>
      </c>
      <c r="BF994" s="9">
        <v>149005.896186</v>
      </c>
      <c r="BG994" s="11">
        <v>2.75</v>
      </c>
      <c r="BH994" s="13">
        <v>0.125</v>
      </c>
      <c r="BI994" s="6">
        <v>3</v>
      </c>
      <c r="BJ994" s="13">
        <v>0.13636363636363635</v>
      </c>
      <c r="BK994" s="6">
        <v>-1</v>
      </c>
      <c r="BL994" s="13">
        <v>-0.04</v>
      </c>
      <c r="BM994" s="11">
        <v>0.75</v>
      </c>
      <c r="BN994" s="13">
        <v>3.125E-2</v>
      </c>
      <c r="BO994" s="11">
        <v>-0.25</v>
      </c>
      <c r="BP994" s="13">
        <v>-0.01</v>
      </c>
      <c r="BQ994" s="6">
        <v>22</v>
      </c>
      <c r="BR994" s="6">
        <v>23</v>
      </c>
      <c r="BS994" s="6">
        <v>24</v>
      </c>
      <c r="BT994" s="6">
        <v>25</v>
      </c>
      <c r="BU994" s="6">
        <v>25</v>
      </c>
      <c r="BV994" s="6">
        <v>26</v>
      </c>
      <c r="BW994" s="6">
        <v>24</v>
      </c>
      <c r="BX994" s="6">
        <v>27</v>
      </c>
      <c r="BY994" s="6">
        <v>25</v>
      </c>
      <c r="BZ994" s="6">
        <v>22</v>
      </c>
      <c r="CA994" s="6">
        <v>23</v>
      </c>
      <c r="CB994" s="6">
        <v>25</v>
      </c>
      <c r="CC994" s="11">
        <v>24.75</v>
      </c>
      <c r="CD994" s="11">
        <v>-34.250500000000002</v>
      </c>
      <c r="CE994" s="11">
        <v>221.643</v>
      </c>
      <c r="CF994" s="11">
        <v>113.15900000000001</v>
      </c>
      <c r="CG994" s="11">
        <v>335</v>
      </c>
      <c r="CH994" s="20">
        <v>1.39279</v>
      </c>
      <c r="CI994" s="20">
        <v>1.3890800000000001</v>
      </c>
      <c r="CJ994" s="20">
        <v>1.39534</v>
      </c>
      <c r="CK994" s="20">
        <v>1.23722</v>
      </c>
      <c r="CL994" s="20">
        <v>1.3222100000000001</v>
      </c>
      <c r="CM994" s="20">
        <v>1.1525399999999999</v>
      </c>
      <c r="CN994" s="20">
        <v>1.20719</v>
      </c>
      <c r="CO994" s="20">
        <v>1.09067</v>
      </c>
      <c r="CP994" s="20">
        <v>1.1012999999999999</v>
      </c>
      <c r="CQ994" s="20">
        <v>0.890405</v>
      </c>
      <c r="CR994" s="20">
        <v>1.67083</v>
      </c>
      <c r="CS994" s="20">
        <v>1.5949800000000001</v>
      </c>
      <c r="CT994" s="20">
        <v>1.5083899999999999</v>
      </c>
      <c r="CU994" s="20">
        <v>1.43686</v>
      </c>
      <c r="CV994" s="20">
        <v>1.3922300000000001</v>
      </c>
      <c r="CW994" s="20">
        <v>1.4204600000000001</v>
      </c>
      <c r="CX994" s="20">
        <v>1.4154</v>
      </c>
      <c r="CY994" s="6" t="s">
        <v>541</v>
      </c>
      <c r="CZ994" s="6" t="s">
        <v>542</v>
      </c>
      <c r="DA994" s="6" t="s">
        <v>143</v>
      </c>
      <c r="DB994" s="6" t="s">
        <v>345</v>
      </c>
      <c r="DC994" s="6">
        <v>27900</v>
      </c>
      <c r="DD994" s="6">
        <v>309</v>
      </c>
      <c r="DE994" s="6" t="s">
        <v>545</v>
      </c>
      <c r="DF994" s="6" t="s">
        <v>375</v>
      </c>
      <c r="DG994" s="6" t="s">
        <v>364</v>
      </c>
      <c r="DH994" s="6" t="s">
        <v>419</v>
      </c>
      <c r="DI994" s="6" t="s">
        <v>546</v>
      </c>
      <c r="DJ994" s="6">
        <v>29</v>
      </c>
      <c r="DK994" s="6">
        <v>97</v>
      </c>
      <c r="DL994" s="6">
        <v>2</v>
      </c>
      <c r="DM994" s="6" t="s">
        <v>379</v>
      </c>
      <c r="DN994" s="6">
        <v>3</v>
      </c>
      <c r="DO994" s="6" t="s">
        <v>380</v>
      </c>
      <c r="DP994" s="6"/>
      <c r="DQ994" s="6"/>
    </row>
    <row r="995" spans="1:121" x14ac:dyDescent="0.2">
      <c r="A995" s="6" t="s">
        <v>319</v>
      </c>
      <c r="B995" s="6" t="s">
        <v>319</v>
      </c>
      <c r="C995" s="6" t="s">
        <v>188</v>
      </c>
      <c r="D995" s="6" t="s">
        <v>143</v>
      </c>
      <c r="E995" s="6" t="s">
        <v>284</v>
      </c>
      <c r="F995" s="11">
        <v>1285</v>
      </c>
      <c r="G995" s="13">
        <v>0.39550630963400002</v>
      </c>
      <c r="H995" s="11">
        <v>-251.25612481000007</v>
      </c>
      <c r="I995" s="13">
        <v>-7.7340309365843365E-2</v>
      </c>
      <c r="J995" s="11">
        <v>940.06795189000013</v>
      </c>
      <c r="K995" s="13">
        <v>0.31362230870034902</v>
      </c>
      <c r="L995" s="11">
        <v>596.14908055000024</v>
      </c>
      <c r="M995" s="13">
        <v>0.15140215731068399</v>
      </c>
      <c r="N995" s="11">
        <v>1536.2170324400004</v>
      </c>
      <c r="O995" s="13">
        <v>0.5125075601290231</v>
      </c>
      <c r="P995" s="7">
        <v>3248.7085566400001</v>
      </c>
      <c r="Q995" s="7">
        <v>3004.2012560100002</v>
      </c>
      <c r="R995" s="7">
        <v>2778.3354497700002</v>
      </c>
      <c r="S995" s="7">
        <v>2217.0508408300002</v>
      </c>
      <c r="T995" s="7">
        <v>2198.5542440499999</v>
      </c>
      <c r="U995" s="7">
        <v>2841.6010665700001</v>
      </c>
      <c r="V995" s="7">
        <v>2997.45243183</v>
      </c>
      <c r="W995" s="7">
        <v>3834.4355564100001</v>
      </c>
      <c r="X995" s="7">
        <v>3438.5519179900002</v>
      </c>
      <c r="Y995" s="7">
        <v>3937.5203837200002</v>
      </c>
      <c r="Z995" s="7">
        <v>4067.1617324499998</v>
      </c>
      <c r="AA995" s="7">
        <v>4286.7664802400004</v>
      </c>
      <c r="AB995" s="7">
        <v>4072.6839906700002</v>
      </c>
      <c r="AC995" s="7">
        <v>4236.37252489</v>
      </c>
      <c r="AD995" s="7">
        <v>4321.6089556200004</v>
      </c>
      <c r="AE995" s="7">
        <v>4415.52461924</v>
      </c>
      <c r="AF995" s="7">
        <v>4533.6694642700004</v>
      </c>
      <c r="AG995" s="9">
        <v>10158.389492499999</v>
      </c>
      <c r="AH995" s="13">
        <v>0.58347685746868005</v>
      </c>
      <c r="AI995" s="9">
        <v>3462.8399931999993</v>
      </c>
      <c r="AJ995" s="13">
        <v>0.19889835870547579</v>
      </c>
      <c r="AK995" s="9">
        <v>4585.714342700001</v>
      </c>
      <c r="AL995" s="13">
        <v>0.2196966359090419</v>
      </c>
      <c r="AM995" s="9">
        <v>2109.8351565999983</v>
      </c>
      <c r="AN995" s="13">
        <v>8.287300902874753E-2</v>
      </c>
      <c r="AO995" s="9">
        <v>6695.5494992999993</v>
      </c>
      <c r="AP995" s="13">
        <v>0.32077656622906492</v>
      </c>
      <c r="AQ995" s="9">
        <v>17410.098382600001</v>
      </c>
      <c r="AR995" s="9">
        <v>17315.1342195</v>
      </c>
      <c r="AS995" s="9">
        <v>17712.415692800001</v>
      </c>
      <c r="AT995" s="9">
        <v>19047.4383256</v>
      </c>
      <c r="AU995" s="9">
        <v>20034.672856199999</v>
      </c>
      <c r="AV995" s="9">
        <v>19977.303913</v>
      </c>
      <c r="AW995" s="9">
        <v>20872.9383758</v>
      </c>
      <c r="AX995" s="9">
        <v>22994.437741599999</v>
      </c>
      <c r="AY995" s="9">
        <v>23629.867199200002</v>
      </c>
      <c r="AZ995" s="9">
        <v>25458.652718500001</v>
      </c>
      <c r="BA995" s="9">
        <v>25958.1508808</v>
      </c>
      <c r="BB995" s="9">
        <v>27013.852035</v>
      </c>
      <c r="BC995" s="9">
        <v>27335.919226900001</v>
      </c>
      <c r="BD995" s="9">
        <v>25871.939618</v>
      </c>
      <c r="BE995" s="9">
        <v>26065.0225006</v>
      </c>
      <c r="BF995" s="9">
        <v>27568.4878751</v>
      </c>
      <c r="BG995" s="11">
        <v>5.25</v>
      </c>
      <c r="BH995" s="13">
        <v>4.3749999999999997E-2</v>
      </c>
      <c r="BI995" s="6">
        <v>2</v>
      </c>
      <c r="BJ995" s="13">
        <v>1.6666666666666666E-2</v>
      </c>
      <c r="BK995" s="6">
        <v>2</v>
      </c>
      <c r="BL995" s="13">
        <v>1.6393442622950821E-2</v>
      </c>
      <c r="BM995" s="11">
        <v>1.25</v>
      </c>
      <c r="BN995" s="13">
        <v>1.0080645161290322E-2</v>
      </c>
      <c r="BO995" s="11">
        <v>3.25</v>
      </c>
      <c r="BP995" s="13">
        <v>2.663934426229508E-2</v>
      </c>
      <c r="BQ995" s="6">
        <v>120</v>
      </c>
      <c r="BR995" s="6">
        <v>118</v>
      </c>
      <c r="BS995" s="6">
        <v>118</v>
      </c>
      <c r="BT995" s="6">
        <v>122</v>
      </c>
      <c r="BU995" s="6">
        <v>128</v>
      </c>
      <c r="BV995" s="6">
        <v>125</v>
      </c>
      <c r="BW995" s="6">
        <v>124</v>
      </c>
      <c r="BX995" s="6">
        <v>128</v>
      </c>
      <c r="BY995" s="6">
        <v>130</v>
      </c>
      <c r="BZ995" s="6">
        <v>121</v>
      </c>
      <c r="CA995" s="6">
        <v>126</v>
      </c>
      <c r="CB995" s="6">
        <v>124</v>
      </c>
      <c r="CC995" s="11">
        <v>125.25</v>
      </c>
      <c r="CD995" s="11">
        <v>637.54300000000001</v>
      </c>
      <c r="CE995" s="11">
        <v>292.29500000000002</v>
      </c>
      <c r="CF995" s="11">
        <v>355.12299999999999</v>
      </c>
      <c r="CG995" s="11">
        <v>647</v>
      </c>
      <c r="CH995" s="20">
        <v>0.89107999999999998</v>
      </c>
      <c r="CI995" s="20">
        <v>0.83651900000000001</v>
      </c>
      <c r="CJ995" s="20">
        <v>0.77440200000000003</v>
      </c>
      <c r="CK995" s="20">
        <v>0.60199599999999998</v>
      </c>
      <c r="CL995" s="20">
        <v>0.57774000000000003</v>
      </c>
      <c r="CM995" s="20">
        <v>0.71683399999999997</v>
      </c>
      <c r="CN995" s="20">
        <v>0.75571699999999997</v>
      </c>
      <c r="CO995" s="20">
        <v>0.99931499999999995</v>
      </c>
      <c r="CP995" s="20">
        <v>0.96525499999999997</v>
      </c>
      <c r="CQ995" s="20">
        <v>1.1105700000000001</v>
      </c>
      <c r="CR995" s="20">
        <v>1.1141799999999999</v>
      </c>
      <c r="CS995" s="20">
        <v>1.13931</v>
      </c>
      <c r="CT995" s="20">
        <v>1.03013</v>
      </c>
      <c r="CU995" s="20">
        <v>1.05996</v>
      </c>
      <c r="CV995" s="20">
        <v>1.06125</v>
      </c>
      <c r="CW995" s="20">
        <v>1.0740000000000001</v>
      </c>
      <c r="CX995" s="20">
        <v>1.08074</v>
      </c>
      <c r="CY995" s="6" t="s">
        <v>541</v>
      </c>
      <c r="CZ995" s="6" t="s">
        <v>542</v>
      </c>
      <c r="DA995" s="6" t="s">
        <v>143</v>
      </c>
      <c r="DB995" s="6" t="s">
        <v>345</v>
      </c>
      <c r="DC995" s="6">
        <v>27900</v>
      </c>
      <c r="DD995" s="6">
        <v>309</v>
      </c>
      <c r="DE995" s="6" t="s">
        <v>545</v>
      </c>
      <c r="DF995" s="6" t="s">
        <v>375</v>
      </c>
      <c r="DG995" s="6" t="s">
        <v>364</v>
      </c>
      <c r="DH995" s="6" t="s">
        <v>419</v>
      </c>
      <c r="DI995" s="6" t="s">
        <v>546</v>
      </c>
      <c r="DJ995" s="6">
        <v>29</v>
      </c>
      <c r="DK995" s="6">
        <v>97</v>
      </c>
      <c r="DL995" s="6">
        <v>2</v>
      </c>
      <c r="DM995" s="6" t="s">
        <v>379</v>
      </c>
      <c r="DN995" s="6">
        <v>3</v>
      </c>
      <c r="DO995" s="6" t="s">
        <v>380</v>
      </c>
      <c r="DP995" s="6"/>
      <c r="DQ995" s="6"/>
    </row>
    <row r="996" spans="1:121" x14ac:dyDescent="0.2">
      <c r="A996" s="6" t="s">
        <v>320</v>
      </c>
      <c r="B996" s="6" t="s">
        <v>320</v>
      </c>
      <c r="C996" s="6" t="s">
        <v>189</v>
      </c>
      <c r="D996" s="6" t="s">
        <v>143</v>
      </c>
      <c r="E996" s="6" t="s">
        <v>284</v>
      </c>
      <c r="F996" s="11">
        <v>591</v>
      </c>
      <c r="G996" s="13">
        <v>2.0379310344800001</v>
      </c>
      <c r="H996" s="11">
        <v>85.048949587999971</v>
      </c>
      <c r="I996" s="13">
        <v>0.29291147314085259</v>
      </c>
      <c r="J996" s="11">
        <v>21.169606302000034</v>
      </c>
      <c r="K996" s="13">
        <v>5.6391210968562845E-2</v>
      </c>
      <c r="L996" s="11">
        <v>484.71508933299998</v>
      </c>
      <c r="M996" s="13">
        <v>1.2222509961988981</v>
      </c>
      <c r="N996" s="11">
        <v>505.88469563500001</v>
      </c>
      <c r="O996" s="13">
        <v>1.347566420950649</v>
      </c>
      <c r="P996" s="7">
        <v>290.35718087800001</v>
      </c>
      <c r="Q996" s="7">
        <v>334.48677925599998</v>
      </c>
      <c r="R996" s="7">
        <v>361.72719950300001</v>
      </c>
      <c r="S996" s="7">
        <v>374.70771289599998</v>
      </c>
      <c r="T996" s="7">
        <v>334.90596177499998</v>
      </c>
      <c r="U996" s="7">
        <v>368.33354344000003</v>
      </c>
      <c r="V996" s="7">
        <v>375.40613046599998</v>
      </c>
      <c r="W996" s="7">
        <v>380.503346867</v>
      </c>
      <c r="X996" s="7">
        <v>389.38767447499998</v>
      </c>
      <c r="Y996" s="7">
        <v>396.57573676800001</v>
      </c>
      <c r="Z996" s="7">
        <v>381.14177257900002</v>
      </c>
      <c r="AA996" s="7">
        <v>783.40272026399998</v>
      </c>
      <c r="AB996" s="7">
        <v>827.21966413500002</v>
      </c>
      <c r="AC996" s="7">
        <v>837.55427391499995</v>
      </c>
      <c r="AD996" s="7">
        <v>839.86662366799999</v>
      </c>
      <c r="AE996" s="7">
        <v>830.33300906900001</v>
      </c>
      <c r="AF996" s="7">
        <v>881.29082610099999</v>
      </c>
      <c r="AG996" s="9">
        <v>10419.491361199998</v>
      </c>
      <c r="AH996" s="13">
        <v>0.61880765314210773</v>
      </c>
      <c r="AI996" s="9">
        <v>6328.0719132999984</v>
      </c>
      <c r="AJ996" s="13">
        <v>0.3758205841184819</v>
      </c>
      <c r="AK996" s="9">
        <v>4545.5825880000011</v>
      </c>
      <c r="AL996" s="13">
        <v>0.19621712465341457</v>
      </c>
      <c r="AM996" s="9">
        <v>-454.16314010000133</v>
      </c>
      <c r="AN996" s="13">
        <v>-1.6388878030256751E-2</v>
      </c>
      <c r="AO996" s="9">
        <v>4091.4194478999998</v>
      </c>
      <c r="AP996" s="13">
        <v>0.17661246809976527</v>
      </c>
      <c r="AQ996" s="9">
        <v>16838.013085800001</v>
      </c>
      <c r="AR996" s="9">
        <v>16673.586073800001</v>
      </c>
      <c r="AS996" s="9">
        <v>19314.282236999999</v>
      </c>
      <c r="AT996" s="9">
        <v>19580.565265000001</v>
      </c>
      <c r="AU996" s="9">
        <v>23117.815057600001</v>
      </c>
      <c r="AV996" s="9">
        <v>21940.713697399999</v>
      </c>
      <c r="AW996" s="9">
        <v>23166.0849991</v>
      </c>
      <c r="AX996" s="9">
        <v>23493.396200499999</v>
      </c>
      <c r="AY996" s="9">
        <v>28492.7667846</v>
      </c>
      <c r="AZ996" s="9">
        <v>27711.667587100001</v>
      </c>
      <c r="BA996" s="9">
        <v>27054.736244299998</v>
      </c>
      <c r="BB996" s="9">
        <v>23909.531678300002</v>
      </c>
      <c r="BC996" s="9">
        <v>24898.953947000002</v>
      </c>
      <c r="BD996" s="9">
        <v>27712.173628799999</v>
      </c>
      <c r="BE996" s="9">
        <v>27038.486481200001</v>
      </c>
      <c r="BF996" s="9">
        <v>27257.504446999999</v>
      </c>
      <c r="BG996" s="11">
        <v>2.75</v>
      </c>
      <c r="BH996" s="13">
        <v>0.21153846153846154</v>
      </c>
      <c r="BI996" s="6">
        <v>-1</v>
      </c>
      <c r="BJ996" s="13">
        <v>-7.6923076923076927E-2</v>
      </c>
      <c r="BK996" s="6">
        <v>5</v>
      </c>
      <c r="BL996" s="13">
        <v>0.41666666666666669</v>
      </c>
      <c r="BM996" s="11">
        <v>-1.25</v>
      </c>
      <c r="BN996" s="13">
        <v>-7.3529411764705885E-2</v>
      </c>
      <c r="BO996" s="11">
        <v>3.75</v>
      </c>
      <c r="BP996" s="13">
        <v>0.3125</v>
      </c>
      <c r="BQ996" s="6">
        <v>13</v>
      </c>
      <c r="BR996" s="6">
        <v>12</v>
      </c>
      <c r="BS996" s="6">
        <v>12</v>
      </c>
      <c r="BT996" s="6">
        <v>12</v>
      </c>
      <c r="BU996" s="6">
        <v>13</v>
      </c>
      <c r="BV996" s="6">
        <v>14</v>
      </c>
      <c r="BW996" s="6">
        <v>17</v>
      </c>
      <c r="BX996" s="6">
        <v>16</v>
      </c>
      <c r="BY996" s="6">
        <v>18</v>
      </c>
      <c r="BZ996" s="6">
        <v>20</v>
      </c>
      <c r="CA996" s="6">
        <v>19</v>
      </c>
      <c r="CB996" s="6">
        <v>20</v>
      </c>
      <c r="CC996" s="11">
        <v>15.75</v>
      </c>
      <c r="CD996" s="11">
        <v>454.05399999999997</v>
      </c>
      <c r="CE996" s="11">
        <v>105.14</v>
      </c>
      <c r="CF996" s="11">
        <v>31.7395</v>
      </c>
      <c r="CG996" s="11">
        <v>137</v>
      </c>
      <c r="CH996" s="20">
        <v>0.23871300000000001</v>
      </c>
      <c r="CI996" s="20">
        <v>0.26677800000000002</v>
      </c>
      <c r="CJ996" s="20">
        <v>0.28045700000000001</v>
      </c>
      <c r="CK996" s="20">
        <v>0.28193800000000002</v>
      </c>
      <c r="CL996" s="20">
        <v>0.249333</v>
      </c>
      <c r="CM996" s="20">
        <v>0.26453399999999999</v>
      </c>
      <c r="CN996" s="20">
        <v>0.26525599999999999</v>
      </c>
      <c r="CO996" s="20">
        <v>0.258303</v>
      </c>
      <c r="CP996" s="20">
        <v>0.25206499999999998</v>
      </c>
      <c r="CQ996" s="20">
        <v>0.25987100000000002</v>
      </c>
      <c r="CR996" s="20">
        <v>0.24435899999999999</v>
      </c>
      <c r="CS996" s="20">
        <v>0.491977</v>
      </c>
      <c r="CT996" s="20">
        <v>0.50085999999999997</v>
      </c>
      <c r="CU996" s="20">
        <v>0.50765300000000002</v>
      </c>
      <c r="CV996" s="20">
        <v>0.505023</v>
      </c>
      <c r="CW996" s="20">
        <v>0.49518499999999999</v>
      </c>
      <c r="CX996" s="20">
        <v>0.513235</v>
      </c>
      <c r="CY996" s="6" t="s">
        <v>541</v>
      </c>
      <c r="CZ996" s="6" t="s">
        <v>542</v>
      </c>
      <c r="DA996" s="6" t="s">
        <v>143</v>
      </c>
      <c r="DB996" s="6" t="s">
        <v>345</v>
      </c>
      <c r="DC996" s="6">
        <v>27900</v>
      </c>
      <c r="DD996" s="6">
        <v>309</v>
      </c>
      <c r="DE996" s="6" t="s">
        <v>545</v>
      </c>
      <c r="DF996" s="6" t="s">
        <v>375</v>
      </c>
      <c r="DG996" s="6" t="s">
        <v>364</v>
      </c>
      <c r="DH996" s="6" t="s">
        <v>419</v>
      </c>
      <c r="DI996" s="6" t="s">
        <v>546</v>
      </c>
      <c r="DJ996" s="6">
        <v>29</v>
      </c>
      <c r="DK996" s="6">
        <v>97</v>
      </c>
      <c r="DL996" s="6">
        <v>2</v>
      </c>
      <c r="DM996" s="6" t="s">
        <v>379</v>
      </c>
      <c r="DN996" s="6">
        <v>3</v>
      </c>
      <c r="DO996" s="6" t="s">
        <v>380</v>
      </c>
      <c r="DP996" s="6"/>
      <c r="DQ996" s="6"/>
    </row>
    <row r="997" spans="1:121" x14ac:dyDescent="0.2">
      <c r="A997" s="6" t="s">
        <v>321</v>
      </c>
      <c r="B997" s="6" t="s">
        <v>321</v>
      </c>
      <c r="C997" s="6" t="s">
        <v>190</v>
      </c>
      <c r="D997" s="6" t="s">
        <v>143</v>
      </c>
      <c r="E997" s="6" t="s">
        <v>284</v>
      </c>
      <c r="F997" s="11">
        <v>4268</v>
      </c>
      <c r="G997" s="13">
        <v>0.65854034871199996</v>
      </c>
      <c r="H997" s="11">
        <v>665.64438454999981</v>
      </c>
      <c r="I997" s="13">
        <v>0.10269952396477834</v>
      </c>
      <c r="J997" s="11">
        <v>-48.08867913999984</v>
      </c>
      <c r="K997" s="13">
        <v>-6.7284002650762065E-3</v>
      </c>
      <c r="L997" s="11">
        <v>3650.1473597899994</v>
      </c>
      <c r="M997" s="13">
        <v>0.51417546620683507</v>
      </c>
      <c r="N997" s="11">
        <v>3602.0586806499996</v>
      </c>
      <c r="O997" s="13">
        <v>0.5039874875986371</v>
      </c>
      <c r="P997" s="7">
        <v>6481.4748779000001</v>
      </c>
      <c r="Q997" s="7">
        <v>6673.6646214499997</v>
      </c>
      <c r="R997" s="7">
        <v>6708.0953097399997</v>
      </c>
      <c r="S997" s="7">
        <v>6734.7787308099996</v>
      </c>
      <c r="T997" s="7">
        <v>6780.32809946</v>
      </c>
      <c r="U997" s="7">
        <v>7068.6894399800003</v>
      </c>
      <c r="V997" s="7">
        <v>7147.11926245</v>
      </c>
      <c r="W997" s="7">
        <v>7265.6282372400001</v>
      </c>
      <c r="X997" s="7">
        <v>7164.5809659799997</v>
      </c>
      <c r="Y997" s="7">
        <v>7099.0305833100001</v>
      </c>
      <c r="Z997" s="7">
        <v>6875.4321633400004</v>
      </c>
      <c r="AA997" s="7">
        <v>6742.8804673200002</v>
      </c>
      <c r="AB997" s="7">
        <v>9702.3555738100004</v>
      </c>
      <c r="AC997" s="7">
        <v>9569.6653740900001</v>
      </c>
      <c r="AD997" s="7">
        <v>10001.7351752</v>
      </c>
      <c r="AE997" s="7">
        <v>10169.7679094</v>
      </c>
      <c r="AF997" s="7">
        <v>10749.1779431</v>
      </c>
      <c r="AG997" s="9">
        <v>18748.532283400004</v>
      </c>
      <c r="AH997" s="13">
        <v>0.53816900475192042</v>
      </c>
      <c r="AI997" s="9">
        <v>4603.6299483000039</v>
      </c>
      <c r="AJ997" s="13">
        <v>0.13214532796875841</v>
      </c>
      <c r="AK997" s="9">
        <v>2627.364648499999</v>
      </c>
      <c r="AL997" s="13">
        <v>6.6614623852797927E-2</v>
      </c>
      <c r="AM997" s="9">
        <v>11517.537686600001</v>
      </c>
      <c r="AN997" s="13">
        <v>0.27377975845716912</v>
      </c>
      <c r="AO997" s="9">
        <v>14144.9023351</v>
      </c>
      <c r="AP997" s="13">
        <v>0.35863211793810124</v>
      </c>
      <c r="AQ997" s="9">
        <v>34837.629290899997</v>
      </c>
      <c r="AR997" s="9">
        <v>35396.260220199998</v>
      </c>
      <c r="AS997" s="9">
        <v>35845.785878900002</v>
      </c>
      <c r="AT997" s="9">
        <v>38493.326586700001</v>
      </c>
      <c r="AU997" s="9">
        <v>39077.464069399997</v>
      </c>
      <c r="AV997" s="9">
        <v>39482.020681200003</v>
      </c>
      <c r="AW997" s="9">
        <v>39441.259239200001</v>
      </c>
      <c r="AX997" s="9">
        <v>40300.9555425</v>
      </c>
      <c r="AY997" s="9">
        <v>40895.701629399999</v>
      </c>
      <c r="AZ997" s="9">
        <v>42068.6238877</v>
      </c>
      <c r="BA997" s="9">
        <v>40769.001012000001</v>
      </c>
      <c r="BB997" s="9">
        <v>40954.420812199998</v>
      </c>
      <c r="BC997" s="9">
        <v>51216.666374300003</v>
      </c>
      <c r="BD997" s="9">
        <v>51983.946058100002</v>
      </c>
      <c r="BE997" s="9">
        <v>54112.4613923</v>
      </c>
      <c r="BF997" s="9">
        <v>53586.1615743</v>
      </c>
      <c r="BG997" s="11">
        <v>328.75</v>
      </c>
      <c r="BH997" s="13">
        <v>1.0370662460567823</v>
      </c>
      <c r="BI997" s="6">
        <v>0</v>
      </c>
      <c r="BJ997" s="13">
        <v>0</v>
      </c>
      <c r="BK997" s="6">
        <v>9</v>
      </c>
      <c r="BL997" s="13">
        <v>2.8391167192429023E-2</v>
      </c>
      <c r="BM997" s="11">
        <v>319.75</v>
      </c>
      <c r="BN997" s="13">
        <v>0.98082822085889576</v>
      </c>
      <c r="BO997" s="11">
        <v>328.75</v>
      </c>
      <c r="BP997" s="13">
        <v>1.0370662460567823</v>
      </c>
      <c r="BQ997" s="6">
        <v>317</v>
      </c>
      <c r="BR997" s="6">
        <v>315</v>
      </c>
      <c r="BS997" s="6">
        <v>319</v>
      </c>
      <c r="BT997" s="6">
        <v>317</v>
      </c>
      <c r="BU997" s="6">
        <v>325</v>
      </c>
      <c r="BV997" s="6">
        <v>339</v>
      </c>
      <c r="BW997" s="6">
        <v>326</v>
      </c>
      <c r="BX997" s="6">
        <v>322</v>
      </c>
      <c r="BY997" s="6">
        <v>306</v>
      </c>
      <c r="BZ997" s="6">
        <v>551</v>
      </c>
      <c r="CA997" s="6">
        <v>583</v>
      </c>
      <c r="CB997" s="6">
        <v>621</v>
      </c>
      <c r="CC997" s="11">
        <v>645.75</v>
      </c>
      <c r="CD997" s="11">
        <v>1198.8599999999999</v>
      </c>
      <c r="CE997" s="11">
        <v>2360.34</v>
      </c>
      <c r="CF997" s="11">
        <v>708.50300000000004</v>
      </c>
      <c r="CG997" s="11">
        <v>3069</v>
      </c>
      <c r="CH997" s="20">
        <v>1.0789500000000001</v>
      </c>
      <c r="CI997" s="20">
        <v>1.0855900000000001</v>
      </c>
      <c r="CJ997" s="20">
        <v>1.0589200000000001</v>
      </c>
      <c r="CK997" s="20">
        <v>1.04847</v>
      </c>
      <c r="CL997" s="20">
        <v>1.0331300000000001</v>
      </c>
      <c r="CM997" s="20">
        <v>1.0357400000000001</v>
      </c>
      <c r="CN997" s="20">
        <v>1.02803</v>
      </c>
      <c r="CO997" s="20">
        <v>1.00743</v>
      </c>
      <c r="CP997" s="20">
        <v>0.95458600000000005</v>
      </c>
      <c r="CQ997" s="20">
        <v>0.96349300000000004</v>
      </c>
      <c r="CR997" s="20">
        <v>0.92927300000000002</v>
      </c>
      <c r="CS997" s="20">
        <v>0.87800400000000001</v>
      </c>
      <c r="CT997" s="20">
        <v>1.2116400000000001</v>
      </c>
      <c r="CU997" s="20">
        <v>1.19878</v>
      </c>
      <c r="CV997" s="20">
        <v>1.2305900000000001</v>
      </c>
      <c r="CW997" s="20">
        <v>1.2335199999999999</v>
      </c>
      <c r="CX997" s="20">
        <v>1.26576</v>
      </c>
      <c r="CY997" s="6" t="s">
        <v>541</v>
      </c>
      <c r="CZ997" s="6" t="s">
        <v>542</v>
      </c>
      <c r="DA997" s="6" t="s">
        <v>143</v>
      </c>
      <c r="DB997" s="6" t="s">
        <v>345</v>
      </c>
      <c r="DC997" s="6">
        <v>27900</v>
      </c>
      <c r="DD997" s="6">
        <v>309</v>
      </c>
      <c r="DE997" s="6" t="s">
        <v>545</v>
      </c>
      <c r="DF997" s="6" t="s">
        <v>375</v>
      </c>
      <c r="DG997" s="6" t="s">
        <v>364</v>
      </c>
      <c r="DH997" s="6" t="s">
        <v>419</v>
      </c>
      <c r="DI997" s="6" t="s">
        <v>546</v>
      </c>
      <c r="DJ997" s="6">
        <v>29</v>
      </c>
      <c r="DK997" s="6">
        <v>97</v>
      </c>
      <c r="DL997" s="6">
        <v>2</v>
      </c>
      <c r="DM997" s="6" t="s">
        <v>379</v>
      </c>
      <c r="DN997" s="6">
        <v>3</v>
      </c>
      <c r="DO997" s="6" t="s">
        <v>380</v>
      </c>
      <c r="DP997" s="6"/>
      <c r="DQ997" s="6"/>
    </row>
    <row r="998" spans="1:121" x14ac:dyDescent="0.2">
      <c r="A998" s="6" t="s">
        <v>322</v>
      </c>
      <c r="B998" s="6" t="s">
        <v>322</v>
      </c>
      <c r="C998" s="6" t="s">
        <v>191</v>
      </c>
      <c r="D998" s="6" t="s">
        <v>143</v>
      </c>
      <c r="E998" s="6" t="s">
        <v>284</v>
      </c>
      <c r="F998" s="11">
        <v>-27</v>
      </c>
      <c r="G998" s="13">
        <v>-0.06</v>
      </c>
      <c r="H998" s="11">
        <v>-25</v>
      </c>
      <c r="I998" s="13">
        <v>-5.7603686635944701E-2</v>
      </c>
      <c r="J998" s="11">
        <v>-1</v>
      </c>
      <c r="K998" s="13">
        <v>-2.4449877750611247E-3</v>
      </c>
      <c r="L998" s="11">
        <v>-1</v>
      </c>
      <c r="M998" s="13">
        <v>-2.4509803921568627E-3</v>
      </c>
      <c r="N998" s="11">
        <v>-2</v>
      </c>
      <c r="O998" s="13">
        <v>-4.8899755501222494E-3</v>
      </c>
      <c r="P998" s="7">
        <v>434</v>
      </c>
      <c r="Q998" s="7">
        <v>451</v>
      </c>
      <c r="R998" s="7">
        <v>470</v>
      </c>
      <c r="S998" s="7">
        <v>457</v>
      </c>
      <c r="T998" s="7">
        <v>427</v>
      </c>
      <c r="U998" s="7">
        <v>438</v>
      </c>
      <c r="V998" s="7">
        <v>409</v>
      </c>
      <c r="W998" s="7">
        <v>447</v>
      </c>
      <c r="X998" s="7">
        <v>457</v>
      </c>
      <c r="Y998" s="7">
        <v>408</v>
      </c>
      <c r="Z998" s="7">
        <v>401</v>
      </c>
      <c r="AA998" s="7">
        <v>417</v>
      </c>
      <c r="AB998" s="7">
        <v>396</v>
      </c>
      <c r="AC998" s="7">
        <v>399</v>
      </c>
      <c r="AD998" s="7">
        <v>399</v>
      </c>
      <c r="AE998" s="7">
        <v>397</v>
      </c>
      <c r="AF998" s="7">
        <v>407</v>
      </c>
      <c r="AG998" s="9">
        <v>5194</v>
      </c>
      <c r="AH998" s="13">
        <v>0.37385733822788458</v>
      </c>
      <c r="AI998" s="9">
        <v>1482</v>
      </c>
      <c r="AJ998" s="13">
        <v>0.1066724249622112</v>
      </c>
      <c r="AK998" s="9">
        <v>1661</v>
      </c>
      <c r="AL998" s="13">
        <v>0.10803252032520325</v>
      </c>
      <c r="AM998" s="9">
        <v>2051</v>
      </c>
      <c r="AN998" s="13">
        <v>0.12039211082413712</v>
      </c>
      <c r="AO998" s="9">
        <v>3712</v>
      </c>
      <c r="AP998" s="13">
        <v>0.2414308943089431</v>
      </c>
      <c r="AQ998" s="9">
        <v>13893</v>
      </c>
      <c r="AR998" s="9">
        <v>13468</v>
      </c>
      <c r="AS998" s="9">
        <v>13337</v>
      </c>
      <c r="AT998" s="9">
        <v>13803</v>
      </c>
      <c r="AU998" s="9">
        <v>14681</v>
      </c>
      <c r="AV998" s="9">
        <v>15170</v>
      </c>
      <c r="AW998" s="9">
        <v>15375</v>
      </c>
      <c r="AX998" s="9">
        <v>16709</v>
      </c>
      <c r="AY998" s="9">
        <v>16240</v>
      </c>
      <c r="AZ998" s="9">
        <v>17036</v>
      </c>
      <c r="BA998" s="9">
        <v>15784</v>
      </c>
      <c r="BB998" s="9">
        <v>15821</v>
      </c>
      <c r="BC998" s="9">
        <v>17317</v>
      </c>
      <c r="BD998" s="9">
        <v>18629</v>
      </c>
      <c r="BE998" s="9">
        <v>18580</v>
      </c>
      <c r="BF998" s="9">
        <v>19087</v>
      </c>
      <c r="BG998" s="11">
        <v>3</v>
      </c>
      <c r="BH998" s="13">
        <v>8.1081081081081086E-2</v>
      </c>
      <c r="BI998" s="6">
        <v>-5</v>
      </c>
      <c r="BJ998" s="13">
        <v>-0.13513513513513514</v>
      </c>
      <c r="BK998" s="6">
        <v>0</v>
      </c>
      <c r="BL998" s="13">
        <v>0</v>
      </c>
      <c r="BM998" s="11">
        <v>8</v>
      </c>
      <c r="BN998" s="13">
        <v>0.25</v>
      </c>
      <c r="BO998" s="11">
        <v>8</v>
      </c>
      <c r="BP998" s="13">
        <v>0.25</v>
      </c>
      <c r="BQ998" s="6">
        <v>37</v>
      </c>
      <c r="BR998" s="6">
        <v>39</v>
      </c>
      <c r="BS998" s="6">
        <v>36</v>
      </c>
      <c r="BT998" s="6">
        <v>32</v>
      </c>
      <c r="BU998" s="6">
        <v>34</v>
      </c>
      <c r="BV998" s="6">
        <v>34</v>
      </c>
      <c r="BW998" s="6">
        <v>32</v>
      </c>
      <c r="BX998" s="6">
        <v>31</v>
      </c>
      <c r="BY998" s="6">
        <v>31</v>
      </c>
      <c r="BZ998" s="6">
        <v>35</v>
      </c>
      <c r="CA998" s="6">
        <v>36</v>
      </c>
      <c r="CB998" s="6">
        <v>37</v>
      </c>
      <c r="CC998" s="11">
        <v>40</v>
      </c>
      <c r="CD998" s="11">
        <v>-153</v>
      </c>
      <c r="CE998" s="11">
        <v>79</v>
      </c>
      <c r="CF998" s="11">
        <v>47</v>
      </c>
      <c r="CG998" s="11">
        <v>126</v>
      </c>
      <c r="CH998" s="20">
        <v>0.47</v>
      </c>
      <c r="CI998" s="20">
        <v>0.49</v>
      </c>
      <c r="CJ998" s="20">
        <v>0.5</v>
      </c>
      <c r="CK998" s="20">
        <v>0.48</v>
      </c>
      <c r="CL998" s="20">
        <v>0.44</v>
      </c>
      <c r="CM998" s="20">
        <v>0.44</v>
      </c>
      <c r="CN998" s="20">
        <v>0.4</v>
      </c>
      <c r="CO998" s="20">
        <v>0.43</v>
      </c>
      <c r="CP998" s="20">
        <v>0.44</v>
      </c>
      <c r="CQ998" s="20">
        <v>0.41</v>
      </c>
      <c r="CR998" s="20">
        <v>0.4</v>
      </c>
      <c r="CS998" s="20">
        <v>0.41</v>
      </c>
      <c r="CT998" s="20">
        <v>0.37</v>
      </c>
      <c r="CU998" s="20">
        <v>0.37</v>
      </c>
      <c r="CV998" s="20">
        <v>0.36</v>
      </c>
      <c r="CW998" s="20">
        <v>0.36</v>
      </c>
      <c r="CX998" s="20">
        <v>0.36</v>
      </c>
      <c r="CY998" s="6" t="s">
        <v>541</v>
      </c>
      <c r="CZ998" s="6" t="s">
        <v>542</v>
      </c>
      <c r="DA998" s="6" t="s">
        <v>143</v>
      </c>
      <c r="DB998" s="6" t="s">
        <v>345</v>
      </c>
      <c r="DC998" s="6">
        <v>27900</v>
      </c>
      <c r="DD998" s="6">
        <v>309</v>
      </c>
      <c r="DE998" s="6" t="s">
        <v>545</v>
      </c>
      <c r="DF998" s="6" t="s">
        <v>375</v>
      </c>
      <c r="DG998" s="6" t="s">
        <v>364</v>
      </c>
      <c r="DH998" s="6" t="s">
        <v>419</v>
      </c>
      <c r="DI998" s="6" t="s">
        <v>546</v>
      </c>
      <c r="DJ998" s="6">
        <v>29</v>
      </c>
      <c r="DK998" s="6">
        <v>97</v>
      </c>
      <c r="DL998" s="6">
        <v>2</v>
      </c>
      <c r="DM998" s="6" t="s">
        <v>379</v>
      </c>
      <c r="DN998" s="6">
        <v>3</v>
      </c>
      <c r="DO998" s="6" t="s">
        <v>380</v>
      </c>
      <c r="DP998" s="6"/>
      <c r="DQ998" s="6"/>
    </row>
    <row r="999" spans="1:121" x14ac:dyDescent="0.2">
      <c r="A999" s="6" t="s">
        <v>323</v>
      </c>
      <c r="B999" s="6" t="s">
        <v>323</v>
      </c>
      <c r="C999" s="6" t="s">
        <v>192</v>
      </c>
      <c r="D999" s="6" t="s">
        <v>143</v>
      </c>
      <c r="E999" s="6" t="s">
        <v>284</v>
      </c>
      <c r="F999" s="11">
        <v>148</v>
      </c>
      <c r="G999" s="13">
        <v>3.2034632034599997E-2</v>
      </c>
      <c r="H999" s="11">
        <v>-94.244328580000001</v>
      </c>
      <c r="I999" s="13">
        <v>-2.0397765620971019E-2</v>
      </c>
      <c r="J999" s="11">
        <v>-174.26529397000013</v>
      </c>
      <c r="K999" s="13">
        <v>-3.8502462690169839E-2</v>
      </c>
      <c r="L999" s="11">
        <v>416.22281625999949</v>
      </c>
      <c r="M999" s="13">
        <v>9.564346746344464E-2</v>
      </c>
      <c r="N999" s="11">
        <v>241.95752228999936</v>
      </c>
      <c r="O999" s="13">
        <v>5.345849573570504E-2</v>
      </c>
      <c r="P999" s="7">
        <v>4620.3260852800004</v>
      </c>
      <c r="Q999" s="7">
        <v>4716.3254948599997</v>
      </c>
      <c r="R999" s="7">
        <v>4797.0986479800004</v>
      </c>
      <c r="S999" s="7">
        <v>4779.9806240500002</v>
      </c>
      <c r="T999" s="7">
        <v>4991.4409581899999</v>
      </c>
      <c r="U999" s="7">
        <v>5126.9477993</v>
      </c>
      <c r="V999" s="7">
        <v>4526.0817567000004</v>
      </c>
      <c r="W999" s="7">
        <v>4523.2083492600004</v>
      </c>
      <c r="X999" s="7">
        <v>4608.31392968</v>
      </c>
      <c r="Y999" s="7">
        <v>4351.8164627300002</v>
      </c>
      <c r="Z999" s="7">
        <v>4510.6716625600002</v>
      </c>
      <c r="AA999" s="7">
        <v>4788.6642892099999</v>
      </c>
      <c r="AB999" s="7">
        <v>4608.5056879699996</v>
      </c>
      <c r="AC999" s="7">
        <v>4493.5004748499996</v>
      </c>
      <c r="AD999" s="7">
        <v>4628.8277018400004</v>
      </c>
      <c r="AE999" s="7">
        <v>4791.9165831399996</v>
      </c>
      <c r="AF999" s="7">
        <v>4768.0392789899997</v>
      </c>
      <c r="AG999" s="9">
        <v>5062.0131342000004</v>
      </c>
      <c r="AH999" s="13">
        <v>0.44856248677258831</v>
      </c>
      <c r="AI999" s="9">
        <v>2307.7397547</v>
      </c>
      <c r="AJ999" s="13">
        <v>0.20449679914862415</v>
      </c>
      <c r="AK999" s="9">
        <v>703.90217069999926</v>
      </c>
      <c r="AL999" s="13">
        <v>5.1785281020496086E-2</v>
      </c>
      <c r="AM999" s="9">
        <v>2050.3712088000011</v>
      </c>
      <c r="AN999" s="13">
        <v>0.14341660543723578</v>
      </c>
      <c r="AO999" s="9">
        <v>2754.2733795000004</v>
      </c>
      <c r="AP999" s="13">
        <v>0.20262875567330471</v>
      </c>
      <c r="AQ999" s="9">
        <v>11284.9676098</v>
      </c>
      <c r="AR999" s="9">
        <v>11513.854589099999</v>
      </c>
      <c r="AS999" s="9">
        <v>11584.348178599999</v>
      </c>
      <c r="AT999" s="9">
        <v>12203.5148684</v>
      </c>
      <c r="AU999" s="9">
        <v>12476.55249</v>
      </c>
      <c r="AV999" s="9">
        <v>13129.5793715</v>
      </c>
      <c r="AW999" s="9">
        <v>13592.7073645</v>
      </c>
      <c r="AX999" s="9">
        <v>13689.812008499999</v>
      </c>
      <c r="AY999" s="9">
        <v>13950.7927122</v>
      </c>
      <c r="AZ999" s="9">
        <v>14296.609535199999</v>
      </c>
      <c r="BA999" s="9">
        <v>14306.815239400001</v>
      </c>
      <c r="BB999" s="9">
        <v>14680.1670708</v>
      </c>
      <c r="BC999" s="9">
        <v>14541.909412000001</v>
      </c>
      <c r="BD999" s="9">
        <v>15211.763308</v>
      </c>
      <c r="BE999" s="9">
        <v>15944.6301743</v>
      </c>
      <c r="BF999" s="9">
        <v>16346.980744</v>
      </c>
      <c r="BG999" s="11">
        <v>14.25</v>
      </c>
      <c r="BH999" s="13">
        <v>5.9873949579831935E-2</v>
      </c>
      <c r="BI999" s="6">
        <v>8</v>
      </c>
      <c r="BJ999" s="13">
        <v>3.3613445378151259E-2</v>
      </c>
      <c r="BK999" s="6">
        <v>-9</v>
      </c>
      <c r="BL999" s="13">
        <v>-3.6585365853658534E-2</v>
      </c>
      <c r="BM999" s="11">
        <v>15.25</v>
      </c>
      <c r="BN999" s="13">
        <v>6.434599156118144E-2</v>
      </c>
      <c r="BO999" s="11">
        <v>6.25</v>
      </c>
      <c r="BP999" s="13">
        <v>2.540650406504065E-2</v>
      </c>
      <c r="BQ999" s="6">
        <v>238</v>
      </c>
      <c r="BR999" s="6">
        <v>258</v>
      </c>
      <c r="BS999" s="6">
        <v>257</v>
      </c>
      <c r="BT999" s="6">
        <v>246</v>
      </c>
      <c r="BU999" s="6">
        <v>239</v>
      </c>
      <c r="BV999" s="6">
        <v>242</v>
      </c>
      <c r="BW999" s="6">
        <v>237</v>
      </c>
      <c r="BX999" s="6">
        <v>240</v>
      </c>
      <c r="BY999" s="6">
        <v>246</v>
      </c>
      <c r="BZ999" s="6">
        <v>245</v>
      </c>
      <c r="CA999" s="6">
        <v>240</v>
      </c>
      <c r="CB999" s="6">
        <v>250</v>
      </c>
      <c r="CC999" s="11">
        <v>252.25</v>
      </c>
      <c r="CD999" s="11">
        <v>-1408.03</v>
      </c>
      <c r="CE999" s="11">
        <v>1050.69</v>
      </c>
      <c r="CF999" s="11">
        <v>505.05700000000002</v>
      </c>
      <c r="CG999" s="11">
        <v>1556</v>
      </c>
      <c r="CH999" s="20">
        <v>1.0364</v>
      </c>
      <c r="CI999" s="20">
        <v>1.0600700000000001</v>
      </c>
      <c r="CJ999" s="20">
        <v>1.05915</v>
      </c>
      <c r="CK999" s="20">
        <v>1.03538</v>
      </c>
      <c r="CL999" s="20">
        <v>1.05741</v>
      </c>
      <c r="CM999" s="20">
        <v>1.04857</v>
      </c>
      <c r="CN999" s="20">
        <v>0.91380399999999995</v>
      </c>
      <c r="CO999" s="20">
        <v>0.90048700000000004</v>
      </c>
      <c r="CP999" s="20">
        <v>0.92526799999999998</v>
      </c>
      <c r="CQ999" s="20">
        <v>0.90171000000000001</v>
      </c>
      <c r="CR999" s="20">
        <v>0.92055600000000004</v>
      </c>
      <c r="CS999" s="20">
        <v>0.94736100000000001</v>
      </c>
      <c r="CT999" s="20">
        <v>0.86506099999999997</v>
      </c>
      <c r="CU999" s="20">
        <v>0.83718499999999996</v>
      </c>
      <c r="CV999" s="20">
        <v>0.83892500000000003</v>
      </c>
      <c r="CW999" s="20">
        <v>0.85414999999999996</v>
      </c>
      <c r="CX999" s="20">
        <v>0.83395600000000003</v>
      </c>
      <c r="CY999" s="6" t="s">
        <v>541</v>
      </c>
      <c r="CZ999" s="6" t="s">
        <v>542</v>
      </c>
      <c r="DA999" s="6" t="s">
        <v>143</v>
      </c>
      <c r="DB999" s="6" t="s">
        <v>345</v>
      </c>
      <c r="DC999" s="6">
        <v>27900</v>
      </c>
      <c r="DD999" s="6">
        <v>309</v>
      </c>
      <c r="DE999" s="6" t="s">
        <v>545</v>
      </c>
      <c r="DF999" s="6" t="s">
        <v>375</v>
      </c>
      <c r="DG999" s="6" t="s">
        <v>364</v>
      </c>
      <c r="DH999" s="6" t="s">
        <v>419</v>
      </c>
      <c r="DI999" s="6" t="s">
        <v>546</v>
      </c>
      <c r="DJ999" s="6">
        <v>29</v>
      </c>
      <c r="DK999" s="6">
        <v>97</v>
      </c>
      <c r="DL999" s="6">
        <v>2</v>
      </c>
      <c r="DM999" s="6" t="s">
        <v>379</v>
      </c>
      <c r="DN999" s="6">
        <v>3</v>
      </c>
      <c r="DO999" s="6" t="s">
        <v>380</v>
      </c>
      <c r="DP999" s="6"/>
      <c r="DQ999" s="6"/>
    </row>
    <row r="1000" spans="1:121" x14ac:dyDescent="0.2">
      <c r="A1000" s="6" t="s">
        <v>325</v>
      </c>
      <c r="B1000" s="6" t="s">
        <v>325</v>
      </c>
      <c r="C1000" s="6" t="s">
        <v>193</v>
      </c>
      <c r="D1000" s="6" t="s">
        <v>143</v>
      </c>
      <c r="E1000" s="6" t="s">
        <v>284</v>
      </c>
      <c r="F1000" s="11">
        <v>-5</v>
      </c>
      <c r="G1000" s="13">
        <v>-1.6479894528700001E-3</v>
      </c>
      <c r="H1000" s="11">
        <v>313.08514495999998</v>
      </c>
      <c r="I1000" s="13">
        <v>0.1032009002321196</v>
      </c>
      <c r="J1000" s="11">
        <v>-77.845974319999641</v>
      </c>
      <c r="K1000" s="13">
        <v>-2.3259617832656513E-2</v>
      </c>
      <c r="L1000" s="11">
        <v>-240.10492799000031</v>
      </c>
      <c r="M1000" s="13">
        <v>-7.3449415891336606E-2</v>
      </c>
      <c r="N1000" s="11">
        <v>-317.95090230999995</v>
      </c>
      <c r="O1000" s="13">
        <v>-9.5000628380328786E-2</v>
      </c>
      <c r="P1000" s="7">
        <v>3033.7443205999998</v>
      </c>
      <c r="Q1000" s="7">
        <v>3034.0634556300001</v>
      </c>
      <c r="R1000" s="7">
        <v>3178.5858336599999</v>
      </c>
      <c r="S1000" s="7">
        <v>3307.2760778900001</v>
      </c>
      <c r="T1000" s="7">
        <v>3284.3623882900001</v>
      </c>
      <c r="U1000" s="7">
        <v>3312.1843443600001</v>
      </c>
      <c r="V1000" s="7">
        <v>3346.8294655599998</v>
      </c>
      <c r="W1000" s="7">
        <v>3229.78129395</v>
      </c>
      <c r="X1000" s="7">
        <v>3140.55451232</v>
      </c>
      <c r="Y1000" s="7">
        <v>3268.9834912400001</v>
      </c>
      <c r="Z1000" s="7">
        <v>3162.0271063999999</v>
      </c>
      <c r="AA1000" s="7">
        <v>3195.5793604</v>
      </c>
      <c r="AB1000" s="7">
        <v>2994.4164741499999</v>
      </c>
      <c r="AC1000" s="7">
        <v>2984.1505107100002</v>
      </c>
      <c r="AD1000" s="7">
        <v>2982.6824374600001</v>
      </c>
      <c r="AE1000" s="7">
        <v>3018.8947065299999</v>
      </c>
      <c r="AF1000" s="7">
        <v>3028.8785632499998</v>
      </c>
      <c r="AG1000" s="9">
        <v>6940.3973413999993</v>
      </c>
      <c r="AH1000" s="13">
        <v>0.40980117899658131</v>
      </c>
      <c r="AI1000" s="9">
        <v>928.47523639999781</v>
      </c>
      <c r="AJ1000" s="13">
        <v>5.4822545141067824E-2</v>
      </c>
      <c r="AK1000" s="9">
        <v>1038.3319613000021</v>
      </c>
      <c r="AL1000" s="13">
        <v>5.8122687559250763E-2</v>
      </c>
      <c r="AM1000" s="9">
        <v>4973.5901436999993</v>
      </c>
      <c r="AN1000" s="13">
        <v>0.26311368226907689</v>
      </c>
      <c r="AO1000" s="9">
        <v>6011.9221050000015</v>
      </c>
      <c r="AP1000" s="13">
        <v>0.33652924417541719</v>
      </c>
      <c r="AQ1000" s="9">
        <v>16936.011161300001</v>
      </c>
      <c r="AR1000" s="9">
        <v>16592.700750100001</v>
      </c>
      <c r="AS1000" s="9">
        <v>16474.436216599999</v>
      </c>
      <c r="AT1000" s="9">
        <v>16746.338596400001</v>
      </c>
      <c r="AU1000" s="9">
        <v>17030.104696099999</v>
      </c>
      <c r="AV1000" s="9">
        <v>17513.2437617</v>
      </c>
      <c r="AW1000" s="9">
        <v>17864.486397699999</v>
      </c>
      <c r="AX1000" s="9">
        <v>18970.437732400002</v>
      </c>
      <c r="AY1000" s="9">
        <v>19157.350890099999</v>
      </c>
      <c r="AZ1000" s="9">
        <v>18902.818359000001</v>
      </c>
      <c r="BA1000" s="9">
        <v>19907.038217099998</v>
      </c>
      <c r="BB1000" s="9">
        <v>20776.234542900002</v>
      </c>
      <c r="BC1000" s="9">
        <v>21718.6242165</v>
      </c>
      <c r="BD1000" s="9">
        <v>21879.430785500001</v>
      </c>
      <c r="BE1000" s="9">
        <v>22825.916393899999</v>
      </c>
      <c r="BF1000" s="9">
        <v>23876.4085027</v>
      </c>
      <c r="BG1000" s="11">
        <v>-267.25</v>
      </c>
      <c r="BH1000" s="13">
        <v>-0.48502722323049002</v>
      </c>
      <c r="BI1000" s="6">
        <v>-55</v>
      </c>
      <c r="BJ1000" s="13">
        <v>-9.9818511796733206E-2</v>
      </c>
      <c r="BK1000" s="6">
        <v>12</v>
      </c>
      <c r="BL1000" s="13">
        <v>2.4193548387096774E-2</v>
      </c>
      <c r="BM1000" s="11">
        <v>-224.25</v>
      </c>
      <c r="BN1000" s="13">
        <v>-0.44143700787401574</v>
      </c>
      <c r="BO1000" s="11">
        <v>-212.25</v>
      </c>
      <c r="BP1000" s="13">
        <v>-0.42792338709677419</v>
      </c>
      <c r="BQ1000" s="6">
        <v>551</v>
      </c>
      <c r="BR1000" s="6">
        <v>539</v>
      </c>
      <c r="BS1000" s="6">
        <v>516</v>
      </c>
      <c r="BT1000" s="6">
        <v>496</v>
      </c>
      <c r="BU1000" s="6">
        <v>529</v>
      </c>
      <c r="BV1000" s="6">
        <v>516</v>
      </c>
      <c r="BW1000" s="6">
        <v>508</v>
      </c>
      <c r="BX1000" s="6">
        <v>529</v>
      </c>
      <c r="BY1000" s="6">
        <v>520</v>
      </c>
      <c r="BZ1000" s="6">
        <v>282</v>
      </c>
      <c r="CA1000" s="6">
        <v>288</v>
      </c>
      <c r="CB1000" s="6">
        <v>283</v>
      </c>
      <c r="CC1000" s="11">
        <v>283.75</v>
      </c>
      <c r="CD1000" s="11">
        <v>-308.553</v>
      </c>
      <c r="CE1000" s="11">
        <v>-27.937899999999999</v>
      </c>
      <c r="CF1000" s="11">
        <v>331.625</v>
      </c>
      <c r="CG1000" s="11">
        <v>304</v>
      </c>
      <c r="CH1000" s="20">
        <v>1.0018400000000001</v>
      </c>
      <c r="CI1000" s="20">
        <v>0.99981399999999998</v>
      </c>
      <c r="CJ1000" s="20">
        <v>1.03481</v>
      </c>
      <c r="CK1000" s="20">
        <v>1.07544</v>
      </c>
      <c r="CL1000" s="20">
        <v>1.06182</v>
      </c>
      <c r="CM1000" s="20">
        <v>1.0434699999999999</v>
      </c>
      <c r="CN1000" s="20">
        <v>1.0460100000000001</v>
      </c>
      <c r="CO1000" s="20">
        <v>0.99439599999999995</v>
      </c>
      <c r="CP1000" s="20">
        <v>0.95530899999999996</v>
      </c>
      <c r="CQ1000" s="20">
        <v>1.0337799999999999</v>
      </c>
      <c r="CR1000" s="20">
        <v>0.99927699999999997</v>
      </c>
      <c r="CS1000" s="20">
        <v>0.98652200000000001</v>
      </c>
      <c r="CT1000" s="20">
        <v>0.95679000000000003</v>
      </c>
      <c r="CU1000" s="20">
        <v>0.95647499999999996</v>
      </c>
      <c r="CV1000" s="20">
        <v>0.94838999999999996</v>
      </c>
      <c r="CW1000" s="20">
        <v>0.95409100000000002</v>
      </c>
      <c r="CX1000" s="20">
        <v>0.94767299999999999</v>
      </c>
      <c r="CY1000" s="6" t="s">
        <v>541</v>
      </c>
      <c r="CZ1000" s="6" t="s">
        <v>542</v>
      </c>
      <c r="DA1000" s="6" t="s">
        <v>143</v>
      </c>
      <c r="DB1000" s="6" t="s">
        <v>345</v>
      </c>
      <c r="DC1000" s="6">
        <v>27900</v>
      </c>
      <c r="DD1000" s="6">
        <v>309</v>
      </c>
      <c r="DE1000" s="6" t="s">
        <v>545</v>
      </c>
      <c r="DF1000" s="6" t="s">
        <v>375</v>
      </c>
      <c r="DG1000" s="6" t="s">
        <v>364</v>
      </c>
      <c r="DH1000" s="6" t="s">
        <v>419</v>
      </c>
      <c r="DI1000" s="6" t="s">
        <v>546</v>
      </c>
      <c r="DJ1000" s="6">
        <v>29</v>
      </c>
      <c r="DK1000" s="6">
        <v>97</v>
      </c>
      <c r="DL1000" s="6">
        <v>2</v>
      </c>
      <c r="DM1000" s="6" t="s">
        <v>379</v>
      </c>
      <c r="DN1000" s="6">
        <v>3</v>
      </c>
      <c r="DO1000" s="6" t="s">
        <v>380</v>
      </c>
      <c r="DP1000" s="6"/>
      <c r="DQ1000" s="6"/>
    </row>
    <row r="1001" spans="1:121" x14ac:dyDescent="0.2">
      <c r="A1001" s="6" t="s">
        <v>327</v>
      </c>
      <c r="B1001" s="6" t="s">
        <v>327</v>
      </c>
      <c r="C1001" s="6" t="s">
        <v>194</v>
      </c>
      <c r="D1001" s="6" t="s">
        <v>143</v>
      </c>
      <c r="E1001" s="6" t="s">
        <v>284</v>
      </c>
      <c r="F1001" s="11">
        <v>115</v>
      </c>
      <c r="G1001" s="13">
        <v>1.6647365373499999E-2</v>
      </c>
      <c r="H1001" s="11">
        <v>233.09695800000009</v>
      </c>
      <c r="I1001" s="13">
        <v>3.3743638615738925E-2</v>
      </c>
      <c r="J1001" s="11">
        <v>222.17393799999991</v>
      </c>
      <c r="K1001" s="13">
        <v>3.1112547185055271E-2</v>
      </c>
      <c r="L1001" s="11">
        <v>-340.22204027000043</v>
      </c>
      <c r="M1001" s="13">
        <v>-4.6206048367402858E-2</v>
      </c>
      <c r="N1001" s="11">
        <v>-118.04810227000053</v>
      </c>
      <c r="O1001" s="13">
        <v>-1.6531089042413353E-2</v>
      </c>
      <c r="P1001" s="7">
        <v>6907.8785680000001</v>
      </c>
      <c r="Q1001" s="7">
        <v>7013.5778300000002</v>
      </c>
      <c r="R1001" s="7">
        <v>6914.1392079999996</v>
      </c>
      <c r="S1001" s="7">
        <v>6873.0450179999998</v>
      </c>
      <c r="T1001" s="7">
        <v>6891.4078490000002</v>
      </c>
      <c r="U1001" s="7">
        <v>6971.8278689999997</v>
      </c>
      <c r="V1001" s="7">
        <v>7140.9755260000002</v>
      </c>
      <c r="W1001" s="7">
        <v>7317.7686700000004</v>
      </c>
      <c r="X1001" s="7">
        <v>7466.4983579999998</v>
      </c>
      <c r="Y1001" s="7">
        <v>7363.1494640000001</v>
      </c>
      <c r="Z1001" s="7">
        <v>7325.4941209999997</v>
      </c>
      <c r="AA1001" s="7">
        <v>7346.1788809999998</v>
      </c>
      <c r="AB1001" s="7">
        <v>7331.0509840000004</v>
      </c>
      <c r="AC1001" s="7">
        <v>7364.2090930000004</v>
      </c>
      <c r="AD1001" s="7">
        <v>7035.9297280000001</v>
      </c>
      <c r="AE1001" s="7">
        <v>6995.5687697499998</v>
      </c>
      <c r="AF1001" s="7">
        <v>7022.9274237299996</v>
      </c>
      <c r="AG1001" s="9">
        <v>14752.690624399998</v>
      </c>
      <c r="AH1001" s="13">
        <v>0.43495741385632358</v>
      </c>
      <c r="AI1001" s="9">
        <v>10629.364481600001</v>
      </c>
      <c r="AJ1001" s="13">
        <v>0.31338831698987324</v>
      </c>
      <c r="AK1001" s="9">
        <v>2634.3097568000012</v>
      </c>
      <c r="AL1001" s="13">
        <v>5.9135625436013591E-2</v>
      </c>
      <c r="AM1001" s="9">
        <v>1489.0163859999957</v>
      </c>
      <c r="AN1001" s="13">
        <v>3.1559510219708167E-2</v>
      </c>
      <c r="AO1001" s="9">
        <v>4123.3261427999969</v>
      </c>
      <c r="AP1001" s="13">
        <v>9.2561427031018467E-2</v>
      </c>
      <c r="AQ1001" s="9">
        <v>33917.551821000001</v>
      </c>
      <c r="AR1001" s="9">
        <v>34677.976577000001</v>
      </c>
      <c r="AS1001" s="9">
        <v>35931.992695100002</v>
      </c>
      <c r="AT1001" s="9">
        <v>38758.0950113</v>
      </c>
      <c r="AU1001" s="9">
        <v>40198.080789200001</v>
      </c>
      <c r="AV1001" s="9">
        <v>42465.524959199996</v>
      </c>
      <c r="AW1001" s="9">
        <v>44546.916302600002</v>
      </c>
      <c r="AX1001" s="9">
        <v>45289.528372699999</v>
      </c>
      <c r="AY1001" s="9">
        <v>46515.907479300004</v>
      </c>
      <c r="AZ1001" s="9">
        <v>47181.226059400004</v>
      </c>
      <c r="BA1001" s="9">
        <v>48615.292425300002</v>
      </c>
      <c r="BB1001" s="9">
        <v>47842.396140500001</v>
      </c>
      <c r="BC1001" s="9">
        <v>48166.404066800002</v>
      </c>
      <c r="BD1001" s="9">
        <v>47084.769556799998</v>
      </c>
      <c r="BE1001" s="9">
        <v>48312.263095000002</v>
      </c>
      <c r="BF1001" s="9">
        <v>48670.242445399999</v>
      </c>
      <c r="BG1001" s="11">
        <v>-11.75</v>
      </c>
      <c r="BH1001" s="13">
        <v>-6.6384180790960451E-2</v>
      </c>
      <c r="BI1001" s="6">
        <v>4</v>
      </c>
      <c r="BJ1001" s="13">
        <v>2.2598870056497175E-2</v>
      </c>
      <c r="BK1001" s="6">
        <v>-2</v>
      </c>
      <c r="BL1001" s="13">
        <v>-1.1049723756906077E-2</v>
      </c>
      <c r="BM1001" s="11">
        <v>-13.75</v>
      </c>
      <c r="BN1001" s="13">
        <v>-7.6815642458100561E-2</v>
      </c>
      <c r="BO1001" s="11">
        <v>-15.75</v>
      </c>
      <c r="BP1001" s="13">
        <v>-8.7016574585635359E-2</v>
      </c>
      <c r="BQ1001" s="6">
        <v>177</v>
      </c>
      <c r="BR1001" s="6">
        <v>174</v>
      </c>
      <c r="BS1001" s="6">
        <v>174</v>
      </c>
      <c r="BT1001" s="6">
        <v>181</v>
      </c>
      <c r="BU1001" s="6">
        <v>182</v>
      </c>
      <c r="BV1001" s="6">
        <v>183</v>
      </c>
      <c r="BW1001" s="6">
        <v>179</v>
      </c>
      <c r="BX1001" s="6">
        <v>175</v>
      </c>
      <c r="BY1001" s="6">
        <v>170</v>
      </c>
      <c r="BZ1001" s="6">
        <v>169</v>
      </c>
      <c r="CA1001" s="6">
        <v>168</v>
      </c>
      <c r="CB1001" s="6">
        <v>167</v>
      </c>
      <c r="CC1001" s="11">
        <v>165.25</v>
      </c>
      <c r="CD1001" s="11">
        <v>-235.09399999999999</v>
      </c>
      <c r="CE1001" s="11">
        <v>-404.97199999999998</v>
      </c>
      <c r="CF1001" s="11">
        <v>755.11400000000003</v>
      </c>
      <c r="CG1001" s="11">
        <v>350</v>
      </c>
      <c r="CH1001" s="20">
        <v>0.68674000000000002</v>
      </c>
      <c r="CI1001" s="20">
        <v>0.69439099999999998</v>
      </c>
      <c r="CJ1001" s="20">
        <v>0.68128299999999997</v>
      </c>
      <c r="CK1001" s="20">
        <v>0.681338</v>
      </c>
      <c r="CL1001" s="20">
        <v>0.68078000000000005</v>
      </c>
      <c r="CM1001" s="20">
        <v>0.67556300000000002</v>
      </c>
      <c r="CN1001" s="20">
        <v>0.69137899999999997</v>
      </c>
      <c r="CO1001" s="20">
        <v>0.69096500000000005</v>
      </c>
      <c r="CP1001" s="20">
        <v>0.68874899999999994</v>
      </c>
      <c r="CQ1001" s="20">
        <v>0.70208599999999999</v>
      </c>
      <c r="CR1001" s="20">
        <v>0.71440800000000004</v>
      </c>
      <c r="CS1001" s="20">
        <v>0.72359200000000001</v>
      </c>
      <c r="CT1001" s="20">
        <v>0.709893</v>
      </c>
      <c r="CU1001" s="20">
        <v>0.72884700000000002</v>
      </c>
      <c r="CV1001" s="20">
        <v>0.69674599999999998</v>
      </c>
      <c r="CW1001" s="20">
        <v>0.69203300000000001</v>
      </c>
      <c r="CX1001" s="20">
        <v>0.69259899999999996</v>
      </c>
      <c r="CY1001" s="6" t="s">
        <v>541</v>
      </c>
      <c r="CZ1001" s="6" t="s">
        <v>542</v>
      </c>
      <c r="DA1001" s="6" t="s">
        <v>143</v>
      </c>
      <c r="DB1001" s="6" t="s">
        <v>345</v>
      </c>
      <c r="DC1001" s="6">
        <v>27900</v>
      </c>
      <c r="DD1001" s="6">
        <v>309</v>
      </c>
      <c r="DE1001" s="6" t="s">
        <v>545</v>
      </c>
      <c r="DF1001" s="6" t="s">
        <v>375</v>
      </c>
      <c r="DG1001" s="6" t="s">
        <v>364</v>
      </c>
      <c r="DH1001" s="6" t="s">
        <v>419</v>
      </c>
      <c r="DI1001" s="6" t="s">
        <v>546</v>
      </c>
      <c r="DJ1001" s="6">
        <v>29</v>
      </c>
      <c r="DK1001" s="6">
        <v>97</v>
      </c>
      <c r="DL1001" s="6">
        <v>2</v>
      </c>
      <c r="DM1001" s="6" t="s">
        <v>379</v>
      </c>
      <c r="DN1001" s="6">
        <v>3</v>
      </c>
      <c r="DO1001" s="6" t="s">
        <v>380</v>
      </c>
      <c r="DP1001" s="6"/>
      <c r="DQ1001" s="6"/>
    </row>
    <row r="1002" spans="1:121" x14ac:dyDescent="0.2">
      <c r="A1002" s="6" t="s">
        <v>1</v>
      </c>
      <c r="B1002" s="6" t="s">
        <v>1</v>
      </c>
      <c r="C1002" s="6" t="s">
        <v>2</v>
      </c>
      <c r="D1002" s="6" t="s">
        <v>89</v>
      </c>
      <c r="E1002" s="6" t="s">
        <v>230</v>
      </c>
      <c r="F1002" s="11">
        <v>44</v>
      </c>
      <c r="G1002" s="13">
        <v>0.22797927461100001</v>
      </c>
      <c r="H1002" s="11">
        <v>99.347462571000023</v>
      </c>
      <c r="I1002" s="13">
        <v>0.51367714816414545</v>
      </c>
      <c r="J1002" s="11">
        <v>-65.365913909000028</v>
      </c>
      <c r="K1002" s="13">
        <v>-0.22328088745975247</v>
      </c>
      <c r="L1002" s="11">
        <v>9.9191627200000028</v>
      </c>
      <c r="M1002" s="13">
        <v>4.3622568663633322E-2</v>
      </c>
      <c r="N1002" s="11">
        <v>-55.446751189000025</v>
      </c>
      <c r="O1002" s="13">
        <v>-0.18939840464060917</v>
      </c>
      <c r="P1002" s="7">
        <v>193.40448164</v>
      </c>
      <c r="Q1002" s="7">
        <v>160.24168718799999</v>
      </c>
      <c r="R1002" s="7">
        <v>149.489761931</v>
      </c>
      <c r="S1002" s="7">
        <v>153.96733654400001</v>
      </c>
      <c r="T1002" s="7">
        <v>205.47250757899999</v>
      </c>
      <c r="U1002" s="7">
        <v>296.66250421199999</v>
      </c>
      <c r="V1002" s="7">
        <v>292.75194421100002</v>
      </c>
      <c r="W1002" s="7">
        <v>272.83995947300002</v>
      </c>
      <c r="X1002" s="7">
        <v>250.71676112099999</v>
      </c>
      <c r="Y1002" s="7">
        <v>227.38603030199999</v>
      </c>
      <c r="Z1002" s="7">
        <v>296.19829757700001</v>
      </c>
      <c r="AA1002" s="7">
        <v>241.78466262399999</v>
      </c>
      <c r="AB1002" s="7">
        <v>221.685358622</v>
      </c>
      <c r="AC1002" s="7">
        <v>241.79893288400001</v>
      </c>
      <c r="AD1002" s="7">
        <v>242.45800013799999</v>
      </c>
      <c r="AE1002" s="7">
        <v>238.23000587600001</v>
      </c>
      <c r="AF1002" s="7">
        <v>237.305193022</v>
      </c>
      <c r="AG1002" s="9">
        <v>10724.4034149</v>
      </c>
      <c r="AH1002" s="13">
        <v>0.58439007008431754</v>
      </c>
      <c r="AI1002" s="9">
        <v>1941.1508328999989</v>
      </c>
      <c r="AJ1002" s="13">
        <v>0.10577644530851878</v>
      </c>
      <c r="AK1002" s="9">
        <v>2146.4726207000022</v>
      </c>
      <c r="AL1002" s="13">
        <v>0.10577613745676552</v>
      </c>
      <c r="AM1002" s="9">
        <v>6636.7799612999988</v>
      </c>
      <c r="AN1002" s="13">
        <v>0.29576893422178829</v>
      </c>
      <c r="AO1002" s="9">
        <v>8783.252582000001</v>
      </c>
      <c r="AP1002" s="13">
        <v>0.4328303671202387</v>
      </c>
      <c r="AQ1002" s="9">
        <v>18351.447028099999</v>
      </c>
      <c r="AR1002" s="9">
        <v>18596.126755199999</v>
      </c>
      <c r="AS1002" s="9">
        <v>18416.586900099999</v>
      </c>
      <c r="AT1002" s="9">
        <v>18724.7478749</v>
      </c>
      <c r="AU1002" s="9">
        <v>18900.120785300001</v>
      </c>
      <c r="AV1002" s="9">
        <v>19596.3803219</v>
      </c>
      <c r="AW1002" s="9">
        <v>20292.597860999998</v>
      </c>
      <c r="AX1002" s="9">
        <v>21721.739065900001</v>
      </c>
      <c r="AY1002" s="9">
        <v>23111.344591699999</v>
      </c>
      <c r="AZ1002" s="9">
        <v>22439.070481700001</v>
      </c>
      <c r="BA1002" s="9">
        <v>24194.2760318</v>
      </c>
      <c r="BB1002" s="9">
        <v>26784.1383432</v>
      </c>
      <c r="BC1002" s="9">
        <v>27621.316735500001</v>
      </c>
      <c r="BD1002" s="9">
        <v>27966.372113199999</v>
      </c>
      <c r="BE1002" s="9">
        <v>29179.235621100001</v>
      </c>
      <c r="BF1002" s="9">
        <v>29075.850442999999</v>
      </c>
      <c r="BG1002" s="11">
        <v>0.5</v>
      </c>
      <c r="BH1002" s="13">
        <v>0.05</v>
      </c>
      <c r="BI1002" s="6">
        <v>5</v>
      </c>
      <c r="BJ1002" s="13">
        <v>0.5</v>
      </c>
      <c r="BK1002" s="6">
        <v>-2</v>
      </c>
      <c r="BL1002" s="13">
        <v>-0.13333333333333333</v>
      </c>
      <c r="BM1002" s="11">
        <v>-2.5</v>
      </c>
      <c r="BN1002" s="13">
        <v>-0.19230769230769232</v>
      </c>
      <c r="BO1002" s="11">
        <v>-4.5</v>
      </c>
      <c r="BP1002" s="13">
        <v>-0.3</v>
      </c>
      <c r="BQ1002" s="6">
        <v>10</v>
      </c>
      <c r="BR1002" s="6">
        <v>12</v>
      </c>
      <c r="BS1002" s="6">
        <v>14</v>
      </c>
      <c r="BT1002" s="6">
        <v>15</v>
      </c>
      <c r="BU1002" s="6">
        <v>14</v>
      </c>
      <c r="BV1002" s="6">
        <v>14</v>
      </c>
      <c r="BW1002" s="6">
        <v>13</v>
      </c>
      <c r="BX1002" s="6">
        <v>13</v>
      </c>
      <c r="BY1002" s="6">
        <v>12</v>
      </c>
      <c r="BZ1002" s="6">
        <v>11</v>
      </c>
      <c r="CA1002" s="6">
        <v>13</v>
      </c>
      <c r="CB1002" s="6">
        <v>12</v>
      </c>
      <c r="CC1002" s="11">
        <v>10.5</v>
      </c>
      <c r="CD1002" s="11">
        <v>40.392699999999998</v>
      </c>
      <c r="CE1002" s="11">
        <v>-17.633400000000002</v>
      </c>
      <c r="CF1002" s="11">
        <v>21.141400000000001</v>
      </c>
      <c r="CG1002" s="11">
        <v>3</v>
      </c>
      <c r="CH1002" s="20">
        <v>0.292931</v>
      </c>
      <c r="CI1002" s="20">
        <v>0.242284</v>
      </c>
      <c r="CJ1002" s="20">
        <v>0.22187299999999999</v>
      </c>
      <c r="CK1002" s="20">
        <v>0.224025</v>
      </c>
      <c r="CL1002" s="20">
        <v>0.292126</v>
      </c>
      <c r="CM1002" s="20">
        <v>0.42114699999999999</v>
      </c>
      <c r="CN1002" s="20">
        <v>0.40098899999999998</v>
      </c>
      <c r="CO1002" s="20">
        <v>0.38867600000000002</v>
      </c>
      <c r="CP1002" s="20">
        <v>0.35417599999999999</v>
      </c>
      <c r="CQ1002" s="20">
        <v>0.32344299999999998</v>
      </c>
      <c r="CR1002" s="20">
        <v>0.423369</v>
      </c>
      <c r="CS1002" s="20">
        <v>0.34583000000000003</v>
      </c>
      <c r="CT1002" s="20">
        <v>0.31864500000000001</v>
      </c>
      <c r="CU1002" s="20">
        <v>0.350354</v>
      </c>
      <c r="CV1002" s="20">
        <v>0.35191699999999998</v>
      </c>
      <c r="CW1002" s="20">
        <v>0.34418300000000002</v>
      </c>
      <c r="CX1002" s="20">
        <v>0.34235399999999999</v>
      </c>
      <c r="CY1002" s="6" t="s">
        <v>548</v>
      </c>
      <c r="CZ1002" s="6" t="s">
        <v>549</v>
      </c>
      <c r="DA1002" s="6" t="s">
        <v>89</v>
      </c>
      <c r="DB1002" s="6"/>
      <c r="DC1002" s="6">
        <v>41180</v>
      </c>
      <c r="DD1002" s="6">
        <v>476</v>
      </c>
      <c r="DE1002" s="6" t="s">
        <v>508</v>
      </c>
      <c r="DF1002" s="6" t="s">
        <v>375</v>
      </c>
      <c r="DG1002" s="6" t="s">
        <v>364</v>
      </c>
      <c r="DH1002" s="6" t="s">
        <v>419</v>
      </c>
      <c r="DI1002" s="6" t="s">
        <v>509</v>
      </c>
      <c r="DJ1002" s="6">
        <v>29</v>
      </c>
      <c r="DK1002" s="6">
        <v>99</v>
      </c>
      <c r="DL1002" s="6">
        <v>1</v>
      </c>
      <c r="DM1002" s="6" t="s">
        <v>404</v>
      </c>
      <c r="DN1002" s="6">
        <v>1</v>
      </c>
      <c r="DO1002" s="6" t="s">
        <v>405</v>
      </c>
      <c r="DP1002" s="6"/>
      <c r="DQ1002" s="6"/>
    </row>
    <row r="1003" spans="1:121" x14ac:dyDescent="0.2">
      <c r="A1003" s="6" t="s">
        <v>310</v>
      </c>
      <c r="B1003" s="6" t="s">
        <v>310</v>
      </c>
      <c r="C1003" s="6" t="s">
        <v>173</v>
      </c>
      <c r="D1003" s="6" t="s">
        <v>89</v>
      </c>
      <c r="E1003" s="6" t="s">
        <v>230</v>
      </c>
      <c r="F1003" s="11">
        <v>37</v>
      </c>
      <c r="G1003" s="13">
        <v>0.38144329896899998</v>
      </c>
      <c r="H1003" s="11">
        <v>16.698271276300005</v>
      </c>
      <c r="I1003" s="13">
        <v>0.17158707976000359</v>
      </c>
      <c r="J1003" s="11">
        <v>-30.154828684999998</v>
      </c>
      <c r="K1003" s="13">
        <v>-0.26448153858657741</v>
      </c>
      <c r="L1003" s="11">
        <v>50.040310042999991</v>
      </c>
      <c r="M1003" s="13">
        <v>0.59671219156183819</v>
      </c>
      <c r="N1003" s="11">
        <v>19.885481357999993</v>
      </c>
      <c r="O1003" s="13">
        <v>0.17441129445761733</v>
      </c>
      <c r="P1003" s="7">
        <v>97.316600408699998</v>
      </c>
      <c r="Q1003" s="7">
        <v>85.477446</v>
      </c>
      <c r="R1003" s="7">
        <v>89.437795936599997</v>
      </c>
      <c r="S1003" s="7">
        <v>87.000675999999999</v>
      </c>
      <c r="T1003" s="7">
        <v>84.988093000000006</v>
      </c>
      <c r="U1003" s="7">
        <v>90.787580750999993</v>
      </c>
      <c r="V1003" s="7">
        <v>114.014871685</v>
      </c>
      <c r="W1003" s="7">
        <v>95.368791000000002</v>
      </c>
      <c r="X1003" s="7">
        <v>93.944199999999995</v>
      </c>
      <c r="Y1003" s="7">
        <v>83.860043000000005</v>
      </c>
      <c r="Z1003" s="7">
        <v>93.900335562999999</v>
      </c>
      <c r="AA1003" s="7">
        <v>101.927899</v>
      </c>
      <c r="AB1003" s="7">
        <v>94.580853000000005</v>
      </c>
      <c r="AC1003" s="7">
        <v>121.505017831</v>
      </c>
      <c r="AD1003" s="7">
        <v>132.87548539299999</v>
      </c>
      <c r="AE1003" s="7">
        <v>128.10765067400001</v>
      </c>
      <c r="AF1003" s="7">
        <v>133.900353043</v>
      </c>
      <c r="AG1003" s="9">
        <v>35262.182046500006</v>
      </c>
      <c r="AH1003" s="13">
        <v>0.65174127196636189</v>
      </c>
      <c r="AI1003" s="9">
        <v>11912.714189199993</v>
      </c>
      <c r="AJ1003" s="13">
        <v>0.22017944005854731</v>
      </c>
      <c r="AK1003" s="9">
        <v>5077.350556800011</v>
      </c>
      <c r="AL1003" s="13">
        <v>7.6909411340433845E-2</v>
      </c>
      <c r="AM1003" s="9">
        <v>18272.117300500002</v>
      </c>
      <c r="AN1003" s="13">
        <v>0.25701119444474568</v>
      </c>
      <c r="AO1003" s="9">
        <v>23349.467857300013</v>
      </c>
      <c r="AP1003" s="13">
        <v>0.35368718545782674</v>
      </c>
      <c r="AQ1003" s="9">
        <v>54104.571189900002</v>
      </c>
      <c r="AR1003" s="9">
        <v>53518.943008299997</v>
      </c>
      <c r="AS1003" s="9">
        <v>56805.5539383</v>
      </c>
      <c r="AT1003" s="9">
        <v>55692.0940194</v>
      </c>
      <c r="AU1003" s="9">
        <v>60148.634365999998</v>
      </c>
      <c r="AV1003" s="9">
        <v>60422.908796600001</v>
      </c>
      <c r="AW1003" s="9">
        <v>66017.285379099994</v>
      </c>
      <c r="AX1003" s="9">
        <v>70296.8161999</v>
      </c>
      <c r="AY1003" s="9">
        <v>70926.640074299998</v>
      </c>
      <c r="AZ1003" s="9">
        <v>71094.635935900005</v>
      </c>
      <c r="BA1003" s="9">
        <v>71368.145083099997</v>
      </c>
      <c r="BB1003" s="9">
        <v>75563.836523699996</v>
      </c>
      <c r="BC1003" s="9">
        <v>85744.984669500001</v>
      </c>
      <c r="BD1003" s="9">
        <v>90991.559613899997</v>
      </c>
      <c r="BE1003" s="9">
        <v>92200.262377199993</v>
      </c>
      <c r="BF1003" s="9">
        <v>89366.753236400007</v>
      </c>
      <c r="BG1003" s="11">
        <v>4.5</v>
      </c>
      <c r="BH1003" s="13">
        <v>0.5625</v>
      </c>
      <c r="BI1003" s="6">
        <v>3</v>
      </c>
      <c r="BJ1003" s="13">
        <v>0.375</v>
      </c>
      <c r="BK1003" s="6">
        <v>-1</v>
      </c>
      <c r="BL1003" s="13">
        <v>-9.0909090909090912E-2</v>
      </c>
      <c r="BM1003" s="11">
        <v>2.5</v>
      </c>
      <c r="BN1003" s="13">
        <v>0.25</v>
      </c>
      <c r="BO1003" s="11">
        <v>1.5</v>
      </c>
      <c r="BP1003" s="13">
        <v>0.13636363636363635</v>
      </c>
      <c r="BQ1003" s="6">
        <v>8</v>
      </c>
      <c r="BR1003" s="6">
        <v>8</v>
      </c>
      <c r="BS1003" s="6">
        <v>9</v>
      </c>
      <c r="BT1003" s="6">
        <v>11</v>
      </c>
      <c r="BU1003" s="6">
        <v>10</v>
      </c>
      <c r="BV1003" s="6">
        <v>11</v>
      </c>
      <c r="BW1003" s="6">
        <v>10</v>
      </c>
      <c r="BX1003" s="6">
        <v>11</v>
      </c>
      <c r="BY1003" s="6">
        <v>11</v>
      </c>
      <c r="BZ1003" s="6">
        <v>11</v>
      </c>
      <c r="CA1003" s="6">
        <v>13</v>
      </c>
      <c r="CB1003" s="6">
        <v>13</v>
      </c>
      <c r="CC1003" s="11">
        <v>12.5</v>
      </c>
      <c r="CD1003" s="11">
        <v>15.849500000000001</v>
      </c>
      <c r="CE1003" s="11">
        <v>10.096399999999999</v>
      </c>
      <c r="CF1003" s="11">
        <v>10.6379</v>
      </c>
      <c r="CG1003" s="11">
        <v>21</v>
      </c>
      <c r="CH1003" s="20">
        <v>0.519509</v>
      </c>
      <c r="CI1003" s="20">
        <v>0.47582799999999997</v>
      </c>
      <c r="CJ1003" s="20">
        <v>0.495647</v>
      </c>
      <c r="CK1003" s="20">
        <v>0.45735199999999998</v>
      </c>
      <c r="CL1003" s="20">
        <v>0.40729599999999999</v>
      </c>
      <c r="CM1003" s="20">
        <v>0.39437100000000003</v>
      </c>
      <c r="CN1003" s="20">
        <v>0.44343900000000003</v>
      </c>
      <c r="CO1003" s="20">
        <v>0.34805399999999997</v>
      </c>
      <c r="CP1003" s="20">
        <v>0.37348500000000001</v>
      </c>
      <c r="CQ1003" s="20">
        <v>0.32919999999999999</v>
      </c>
      <c r="CR1003" s="20">
        <v>0.33344099999999999</v>
      </c>
      <c r="CS1003" s="20">
        <v>0.33611600000000003</v>
      </c>
      <c r="CT1003" s="20">
        <v>0.311056</v>
      </c>
      <c r="CU1003" s="20">
        <v>0.39531300000000003</v>
      </c>
      <c r="CV1003" s="20">
        <v>0.48948599999999998</v>
      </c>
      <c r="CW1003" s="20">
        <v>0.55292799999999998</v>
      </c>
      <c r="CX1003" s="20">
        <v>0.57145500000000005</v>
      </c>
      <c r="CY1003" s="6" t="s">
        <v>548</v>
      </c>
      <c r="CZ1003" s="6" t="s">
        <v>549</v>
      </c>
      <c r="DA1003" s="6" t="s">
        <v>89</v>
      </c>
      <c r="DB1003" s="6"/>
      <c r="DC1003" s="6">
        <v>41180</v>
      </c>
      <c r="DD1003" s="6">
        <v>476</v>
      </c>
      <c r="DE1003" s="6" t="s">
        <v>508</v>
      </c>
      <c r="DF1003" s="6" t="s">
        <v>375</v>
      </c>
      <c r="DG1003" s="6" t="s">
        <v>364</v>
      </c>
      <c r="DH1003" s="6" t="s">
        <v>419</v>
      </c>
      <c r="DI1003" s="6" t="s">
        <v>509</v>
      </c>
      <c r="DJ1003" s="6">
        <v>29</v>
      </c>
      <c r="DK1003" s="6">
        <v>99</v>
      </c>
      <c r="DL1003" s="6">
        <v>1</v>
      </c>
      <c r="DM1003" s="6" t="s">
        <v>404</v>
      </c>
      <c r="DN1003" s="6">
        <v>1</v>
      </c>
      <c r="DO1003" s="6" t="s">
        <v>405</v>
      </c>
      <c r="DP1003" s="6"/>
      <c r="DQ1003" s="6"/>
    </row>
    <row r="1004" spans="1:121" x14ac:dyDescent="0.2">
      <c r="A1004" s="6" t="s">
        <v>311</v>
      </c>
      <c r="B1004" s="6" t="s">
        <v>311</v>
      </c>
      <c r="C1004" s="6" t="s">
        <v>174</v>
      </c>
      <c r="D1004" s="6" t="s">
        <v>89</v>
      </c>
      <c r="E1004" s="6" t="s">
        <v>230</v>
      </c>
      <c r="F1004" s="11">
        <v>-30</v>
      </c>
      <c r="G1004" s="13">
        <v>-0.10714285714299999</v>
      </c>
      <c r="H1004" s="11">
        <v>-24.503480000000025</v>
      </c>
      <c r="I1004" s="13">
        <v>-8.7441741292351799E-2</v>
      </c>
      <c r="J1004" s="11">
        <v>23.155004000000019</v>
      </c>
      <c r="K1004" s="13">
        <v>9.0547255315881675E-2</v>
      </c>
      <c r="L1004" s="11">
        <v>-28.811781594000024</v>
      </c>
      <c r="M1004" s="13">
        <v>-0.103313257451181</v>
      </c>
      <c r="N1004" s="11">
        <v>-5.6567775940000047</v>
      </c>
      <c r="O1004" s="13">
        <v>-2.2120734035246847E-2</v>
      </c>
      <c r="P1004" s="7">
        <v>280.22635000000002</v>
      </c>
      <c r="Q1004" s="7">
        <v>291.90330899999998</v>
      </c>
      <c r="R1004" s="7">
        <v>255.39960500000001</v>
      </c>
      <c r="S1004" s="7">
        <v>258.66011400000002</v>
      </c>
      <c r="T1004" s="7">
        <v>265.40787599999999</v>
      </c>
      <c r="U1004" s="7">
        <v>256.93833699999999</v>
      </c>
      <c r="V1004" s="7">
        <v>255.72287</v>
      </c>
      <c r="W1004" s="7">
        <v>262.916944</v>
      </c>
      <c r="X1004" s="7">
        <v>281.81961699999999</v>
      </c>
      <c r="Y1004" s="7">
        <v>278.87787400000002</v>
      </c>
      <c r="Z1004" s="7">
        <v>278.359748276</v>
      </c>
      <c r="AA1004" s="7">
        <v>261.72215664599997</v>
      </c>
      <c r="AB1004" s="7">
        <v>246.11743204199999</v>
      </c>
      <c r="AC1004" s="7">
        <v>236.118078395</v>
      </c>
      <c r="AD1004" s="7">
        <v>233.25450021200001</v>
      </c>
      <c r="AE1004" s="7">
        <v>247.85492176700001</v>
      </c>
      <c r="AF1004" s="7">
        <v>250.066092406</v>
      </c>
      <c r="AG1004" s="9">
        <v>31802.720102599997</v>
      </c>
      <c r="AH1004" s="13">
        <v>0.36316263677804944</v>
      </c>
      <c r="AI1004" s="9">
        <v>11748.6231749</v>
      </c>
      <c r="AJ1004" s="13">
        <v>0.13416025286338845</v>
      </c>
      <c r="AK1004" s="9">
        <v>14472.447071699993</v>
      </c>
      <c r="AL1004" s="13">
        <v>0.145715060330733</v>
      </c>
      <c r="AM1004" s="9">
        <v>5581.6498560000036</v>
      </c>
      <c r="AN1004" s="13">
        <v>4.9051064606426997E-2</v>
      </c>
      <c r="AO1004" s="9">
        <v>20054.096927699997</v>
      </c>
      <c r="AP1004" s="13">
        <v>0.20191360377557219</v>
      </c>
      <c r="AQ1004" s="9">
        <v>87571.564037400007</v>
      </c>
      <c r="AR1004" s="9">
        <v>87735.125065400003</v>
      </c>
      <c r="AS1004" s="9">
        <v>83135.078561500006</v>
      </c>
      <c r="AT1004" s="9">
        <v>91975.398537600006</v>
      </c>
      <c r="AU1004" s="9">
        <v>89876.7129002</v>
      </c>
      <c r="AV1004" s="9">
        <v>102560.332567</v>
      </c>
      <c r="AW1004" s="9">
        <v>99320.187212300007</v>
      </c>
      <c r="AX1004" s="9">
        <v>98327.044698099999</v>
      </c>
      <c r="AY1004" s="9">
        <v>107449.670302</v>
      </c>
      <c r="AZ1004" s="9">
        <v>113792.634284</v>
      </c>
      <c r="BA1004" s="9">
        <v>108425.49198000001</v>
      </c>
      <c r="BB1004" s="9">
        <v>118023.94582199999</v>
      </c>
      <c r="BC1004" s="9">
        <v>110989.49067</v>
      </c>
      <c r="BD1004" s="9">
        <v>117674.338592</v>
      </c>
      <c r="BE1004" s="9">
        <v>117816.51966999999</v>
      </c>
      <c r="BF1004" s="9">
        <v>119374.28414</v>
      </c>
      <c r="BG1004" s="11">
        <v>3.5</v>
      </c>
      <c r="BH1004" s="13">
        <v>0.4375</v>
      </c>
      <c r="BI1004" s="6">
        <v>3</v>
      </c>
      <c r="BJ1004" s="13">
        <v>0.375</v>
      </c>
      <c r="BK1004" s="6">
        <v>0</v>
      </c>
      <c r="BL1004" s="13">
        <v>0</v>
      </c>
      <c r="BM1004" s="11">
        <v>0.5</v>
      </c>
      <c r="BN1004" s="13">
        <v>4.5454545454545456E-2</v>
      </c>
      <c r="BO1004" s="11">
        <v>0.5</v>
      </c>
      <c r="BP1004" s="13">
        <v>4.5454545454545456E-2</v>
      </c>
      <c r="BQ1004" s="6">
        <v>8</v>
      </c>
      <c r="BR1004" s="6">
        <v>9</v>
      </c>
      <c r="BS1004" s="6">
        <v>11</v>
      </c>
      <c r="BT1004" s="6">
        <v>11</v>
      </c>
      <c r="BU1004" s="6">
        <v>11</v>
      </c>
      <c r="BV1004" s="6">
        <v>12</v>
      </c>
      <c r="BW1004" s="6">
        <v>11</v>
      </c>
      <c r="BX1004" s="6">
        <v>11</v>
      </c>
      <c r="BY1004" s="6">
        <v>12</v>
      </c>
      <c r="BZ1004" s="6">
        <v>11</v>
      </c>
      <c r="CA1004" s="6">
        <v>10</v>
      </c>
      <c r="CB1004" s="6">
        <v>10</v>
      </c>
      <c r="CC1004" s="11">
        <v>11.5</v>
      </c>
      <c r="CD1004" s="11">
        <v>-15.1593</v>
      </c>
      <c r="CE1004" s="11">
        <v>-45.633099999999999</v>
      </c>
      <c r="CF1004" s="11">
        <v>30.632100000000001</v>
      </c>
      <c r="CG1004" s="11">
        <v>-15</v>
      </c>
      <c r="CH1004" s="20">
        <v>1.3653500000000001</v>
      </c>
      <c r="CI1004" s="20">
        <v>1.4245300000000001</v>
      </c>
      <c r="CJ1004" s="20">
        <v>1.26335</v>
      </c>
      <c r="CK1004" s="20">
        <v>1.28844</v>
      </c>
      <c r="CL1004" s="20">
        <v>1.3314299999999999</v>
      </c>
      <c r="CM1004" s="20">
        <v>1.2937700000000001</v>
      </c>
      <c r="CN1004" s="20">
        <v>1.2256499999999999</v>
      </c>
      <c r="CO1004" s="20">
        <v>1.25512</v>
      </c>
      <c r="CP1004" s="20">
        <v>1.31579</v>
      </c>
      <c r="CQ1004" s="20">
        <v>1.32484</v>
      </c>
      <c r="CR1004" s="20">
        <v>1.3402000000000001</v>
      </c>
      <c r="CS1004" s="20">
        <v>1.2775300000000001</v>
      </c>
      <c r="CT1004" s="20">
        <v>1.2222299999999999</v>
      </c>
      <c r="CU1004" s="20">
        <v>1.19086</v>
      </c>
      <c r="CV1004" s="20">
        <v>1.1801900000000001</v>
      </c>
      <c r="CW1004" s="20">
        <v>1.24668</v>
      </c>
      <c r="CX1004" s="20">
        <v>1.2484200000000001</v>
      </c>
      <c r="CY1004" s="6" t="s">
        <v>548</v>
      </c>
      <c r="CZ1004" s="6" t="s">
        <v>549</v>
      </c>
      <c r="DA1004" s="6" t="s">
        <v>89</v>
      </c>
      <c r="DB1004" s="6"/>
      <c r="DC1004" s="6">
        <v>41180</v>
      </c>
      <c r="DD1004" s="6">
        <v>476</v>
      </c>
      <c r="DE1004" s="6" t="s">
        <v>508</v>
      </c>
      <c r="DF1004" s="6" t="s">
        <v>375</v>
      </c>
      <c r="DG1004" s="6" t="s">
        <v>364</v>
      </c>
      <c r="DH1004" s="6" t="s">
        <v>419</v>
      </c>
      <c r="DI1004" s="6" t="s">
        <v>509</v>
      </c>
      <c r="DJ1004" s="6">
        <v>29</v>
      </c>
      <c r="DK1004" s="6">
        <v>99</v>
      </c>
      <c r="DL1004" s="6">
        <v>1</v>
      </c>
      <c r="DM1004" s="6" t="s">
        <v>404</v>
      </c>
      <c r="DN1004" s="6">
        <v>1</v>
      </c>
      <c r="DO1004" s="6" t="s">
        <v>405</v>
      </c>
      <c r="DP1004" s="6"/>
      <c r="DQ1004" s="6"/>
    </row>
    <row r="1005" spans="1:121" x14ac:dyDescent="0.2">
      <c r="A1005" s="6" t="s">
        <v>312</v>
      </c>
      <c r="B1005" s="6" t="s">
        <v>312</v>
      </c>
      <c r="C1005" s="6" t="s">
        <v>175</v>
      </c>
      <c r="D1005" s="6" t="s">
        <v>89</v>
      </c>
      <c r="E1005" s="6" t="s">
        <v>230</v>
      </c>
      <c r="F1005" s="11">
        <v>-279</v>
      </c>
      <c r="G1005" s="13">
        <v>-4.8648648648600003E-2</v>
      </c>
      <c r="H1005" s="11">
        <v>1149.4091732500001</v>
      </c>
      <c r="I1005" s="13">
        <v>0.20042713915239052</v>
      </c>
      <c r="J1005" s="11">
        <v>-1659.3224508499998</v>
      </c>
      <c r="K1005" s="13">
        <v>-0.24103319224078792</v>
      </c>
      <c r="L1005" s="11">
        <v>230.69860715999948</v>
      </c>
      <c r="M1005" s="13">
        <v>4.415381693256052E-2</v>
      </c>
      <c r="N1005" s="11">
        <v>-1428.6238436900003</v>
      </c>
      <c r="O1005" s="13">
        <v>-0.20752191075309781</v>
      </c>
      <c r="P1005" s="7">
        <v>5734.7980822899999</v>
      </c>
      <c r="Q1005" s="7">
        <v>5513.5864521599997</v>
      </c>
      <c r="R1005" s="7">
        <v>5917.6608119499997</v>
      </c>
      <c r="S1005" s="7">
        <v>6295.2364370300002</v>
      </c>
      <c r="T1005" s="7">
        <v>6539.6519691599997</v>
      </c>
      <c r="U1005" s="7">
        <v>6606.7458882800001</v>
      </c>
      <c r="V1005" s="7">
        <v>6884.20725554</v>
      </c>
      <c r="W1005" s="7">
        <v>6658.4074008699999</v>
      </c>
      <c r="X1005" s="7">
        <v>5591.6746745700002</v>
      </c>
      <c r="Y1005" s="7">
        <v>5224.8848046900002</v>
      </c>
      <c r="Z1005" s="7">
        <v>5327.2055734899996</v>
      </c>
      <c r="AA1005" s="7">
        <v>5177.81340516</v>
      </c>
      <c r="AB1005" s="7">
        <v>5189.7320015699997</v>
      </c>
      <c r="AC1005" s="7">
        <v>5140.5085056199996</v>
      </c>
      <c r="AD1005" s="7">
        <v>5360.5320022200003</v>
      </c>
      <c r="AE1005" s="7">
        <v>5487.8299846999998</v>
      </c>
      <c r="AF1005" s="7">
        <v>5455.5834118499997</v>
      </c>
      <c r="AG1005" s="9">
        <v>11207.719575499999</v>
      </c>
      <c r="AH1005" s="13">
        <v>0.2925395885346993</v>
      </c>
      <c r="AI1005" s="9">
        <v>3948.6264168999987</v>
      </c>
      <c r="AJ1005" s="13">
        <v>0.10306552903074728</v>
      </c>
      <c r="AK1005" s="9">
        <v>111.34458499999892</v>
      </c>
      <c r="AL1005" s="13">
        <v>2.6347243065075487E-3</v>
      </c>
      <c r="AM1005" s="9">
        <v>7147.7485736000017</v>
      </c>
      <c r="AN1005" s="13">
        <v>0.16869126817314661</v>
      </c>
      <c r="AO1005" s="9">
        <v>7259.0931586000006</v>
      </c>
      <c r="AP1005" s="13">
        <v>0.1717704474642055</v>
      </c>
      <c r="AQ1005" s="9">
        <v>38311.804674500003</v>
      </c>
      <c r="AR1005" s="9">
        <v>38120.553543900001</v>
      </c>
      <c r="AS1005" s="9">
        <v>38432.6145502</v>
      </c>
      <c r="AT1005" s="9">
        <v>38998.501889400002</v>
      </c>
      <c r="AU1005" s="9">
        <v>38878.514666700001</v>
      </c>
      <c r="AV1005" s="9">
        <v>40341.756210300002</v>
      </c>
      <c r="AW1005" s="9">
        <v>42260.431091400002</v>
      </c>
      <c r="AX1005" s="9">
        <v>43550.227436200003</v>
      </c>
      <c r="AY1005" s="9">
        <v>41846.9343935</v>
      </c>
      <c r="AZ1005" s="9">
        <v>42371.775676400001</v>
      </c>
      <c r="BA1005" s="9">
        <v>43870.528220499997</v>
      </c>
      <c r="BB1005" s="9">
        <v>43943.188794200003</v>
      </c>
      <c r="BC1005" s="9">
        <v>45109.963805500003</v>
      </c>
      <c r="BD1005" s="9">
        <v>46190.711592500003</v>
      </c>
      <c r="BE1005" s="9">
        <v>47631.682893500001</v>
      </c>
      <c r="BF1005" s="9">
        <v>49519.524250000002</v>
      </c>
      <c r="BG1005" s="11">
        <v>-110.75</v>
      </c>
      <c r="BH1005" s="13">
        <v>-0.14806149732620322</v>
      </c>
      <c r="BI1005" s="6">
        <v>122</v>
      </c>
      <c r="BJ1005" s="13">
        <v>0.16310160427807488</v>
      </c>
      <c r="BK1005" s="6">
        <v>-81</v>
      </c>
      <c r="BL1005" s="13">
        <v>-9.3103448275862075E-2</v>
      </c>
      <c r="BM1005" s="11">
        <v>-151.75</v>
      </c>
      <c r="BN1005" s="13">
        <v>-0.19233206590621038</v>
      </c>
      <c r="BO1005" s="11">
        <v>-232.75</v>
      </c>
      <c r="BP1005" s="13">
        <v>-0.26752873563218393</v>
      </c>
      <c r="BQ1005" s="6">
        <v>748</v>
      </c>
      <c r="BR1005" s="6">
        <v>780</v>
      </c>
      <c r="BS1005" s="6">
        <v>823</v>
      </c>
      <c r="BT1005" s="6">
        <v>870</v>
      </c>
      <c r="BU1005" s="6">
        <v>849</v>
      </c>
      <c r="BV1005" s="6">
        <v>807</v>
      </c>
      <c r="BW1005" s="6">
        <v>789</v>
      </c>
      <c r="BX1005" s="6">
        <v>759</v>
      </c>
      <c r="BY1005" s="6">
        <v>717</v>
      </c>
      <c r="BZ1005" s="6">
        <v>690</v>
      </c>
      <c r="CA1005" s="6">
        <v>663</v>
      </c>
      <c r="CB1005" s="6">
        <v>649</v>
      </c>
      <c r="CC1005" s="11">
        <v>637.25</v>
      </c>
      <c r="CD1005" s="11">
        <v>-211.46700000000001</v>
      </c>
      <c r="CE1005" s="11">
        <v>-694.63</v>
      </c>
      <c r="CF1005" s="11">
        <v>626.88199999999995</v>
      </c>
      <c r="CG1005" s="11">
        <v>-68</v>
      </c>
      <c r="CH1005" s="20">
        <v>1.9264399999999999</v>
      </c>
      <c r="CI1005" s="20">
        <v>1.8422799999999999</v>
      </c>
      <c r="CJ1005" s="20">
        <v>1.91526</v>
      </c>
      <c r="CK1005" s="20">
        <v>1.9237200000000001</v>
      </c>
      <c r="CL1005" s="20">
        <v>1.8763300000000001</v>
      </c>
      <c r="CM1005" s="20">
        <v>1.8120700000000001</v>
      </c>
      <c r="CN1005" s="20">
        <v>1.82145</v>
      </c>
      <c r="CO1005" s="20">
        <v>1.88317</v>
      </c>
      <c r="CP1005" s="20">
        <v>1.7841100000000001</v>
      </c>
      <c r="CQ1005" s="20">
        <v>1.81473</v>
      </c>
      <c r="CR1005" s="20">
        <v>1.89493</v>
      </c>
      <c r="CS1005" s="20">
        <v>1.8496999999999999</v>
      </c>
      <c r="CT1005" s="20">
        <v>1.8405</v>
      </c>
      <c r="CU1005" s="20">
        <v>1.79528</v>
      </c>
      <c r="CV1005" s="20">
        <v>1.8261099999999999</v>
      </c>
      <c r="CW1005" s="20">
        <v>1.82013</v>
      </c>
      <c r="CX1005" s="20">
        <v>1.7985199999999999</v>
      </c>
      <c r="CY1005" s="6" t="s">
        <v>548</v>
      </c>
      <c r="CZ1005" s="6" t="s">
        <v>549</v>
      </c>
      <c r="DA1005" s="6" t="s">
        <v>89</v>
      </c>
      <c r="DB1005" s="6"/>
      <c r="DC1005" s="6">
        <v>41180</v>
      </c>
      <c r="DD1005" s="6">
        <v>476</v>
      </c>
      <c r="DE1005" s="6" t="s">
        <v>508</v>
      </c>
      <c r="DF1005" s="6" t="s">
        <v>375</v>
      </c>
      <c r="DG1005" s="6" t="s">
        <v>364</v>
      </c>
      <c r="DH1005" s="6" t="s">
        <v>419</v>
      </c>
      <c r="DI1005" s="6" t="s">
        <v>509</v>
      </c>
      <c r="DJ1005" s="6">
        <v>29</v>
      </c>
      <c r="DK1005" s="6">
        <v>99</v>
      </c>
      <c r="DL1005" s="6">
        <v>1</v>
      </c>
      <c r="DM1005" s="6" t="s">
        <v>404</v>
      </c>
      <c r="DN1005" s="6">
        <v>1</v>
      </c>
      <c r="DO1005" s="6" t="s">
        <v>405</v>
      </c>
      <c r="DP1005" s="6"/>
      <c r="DQ1005" s="6"/>
    </row>
    <row r="1006" spans="1:121" x14ac:dyDescent="0.2">
      <c r="A1006" s="6" t="s">
        <v>792</v>
      </c>
      <c r="B1006" s="6" t="s">
        <v>176</v>
      </c>
      <c r="C1006" s="6" t="s">
        <v>177</v>
      </c>
      <c r="D1006" s="6" t="s">
        <v>89</v>
      </c>
      <c r="E1006" s="6" t="s">
        <v>230</v>
      </c>
      <c r="F1006" s="11">
        <v>-761</v>
      </c>
      <c r="G1006" s="13">
        <v>-0.151744765703</v>
      </c>
      <c r="H1006" s="11">
        <v>460.99396159000025</v>
      </c>
      <c r="I1006" s="13">
        <v>9.1920037755812423E-2</v>
      </c>
      <c r="J1006" s="11">
        <v>-1066.4983578399997</v>
      </c>
      <c r="K1006" s="13">
        <v>-0.19475307008846957</v>
      </c>
      <c r="L1006" s="11">
        <v>-155.68284184000004</v>
      </c>
      <c r="M1006" s="13">
        <v>-3.5304965746232056E-2</v>
      </c>
      <c r="N1006" s="11">
        <v>-1222.1811996799997</v>
      </c>
      <c r="O1006" s="13">
        <v>-0.22318228536625467</v>
      </c>
      <c r="P1006" s="7">
        <v>5015.1628833599998</v>
      </c>
      <c r="Q1006" s="7">
        <v>4667.2584365700004</v>
      </c>
      <c r="R1006" s="7">
        <v>4783.2778847400004</v>
      </c>
      <c r="S1006" s="7">
        <v>4921.3502727900004</v>
      </c>
      <c r="T1006" s="7">
        <v>4890.0607185999997</v>
      </c>
      <c r="U1006" s="7">
        <v>5078.5825408299997</v>
      </c>
      <c r="V1006" s="7">
        <v>5476.15684495</v>
      </c>
      <c r="W1006" s="7">
        <v>5360.3502632899999</v>
      </c>
      <c r="X1006" s="7">
        <v>4447.5136218899997</v>
      </c>
      <c r="Y1006" s="7">
        <v>4409.6584871100004</v>
      </c>
      <c r="Z1006" s="7">
        <v>4425.6971807700002</v>
      </c>
      <c r="AA1006" s="7">
        <v>4318.1258745100004</v>
      </c>
      <c r="AB1006" s="7">
        <v>4148.8122283900002</v>
      </c>
      <c r="AC1006" s="7">
        <v>3978.7429726099999</v>
      </c>
      <c r="AD1006" s="7">
        <v>4091.1526989899999</v>
      </c>
      <c r="AE1006" s="7">
        <v>4187.7985800699998</v>
      </c>
      <c r="AF1006" s="7">
        <v>4253.9756452700003</v>
      </c>
      <c r="AG1006" s="9">
        <v>22259.416609100008</v>
      </c>
      <c r="AH1006" s="13">
        <v>0.48964272010028242</v>
      </c>
      <c r="AI1006" s="9">
        <v>9805.398116700002</v>
      </c>
      <c r="AJ1006" s="13">
        <v>0.21569037005059652</v>
      </c>
      <c r="AK1006" s="9">
        <v>3467.7478248999978</v>
      </c>
      <c r="AL1006" s="13">
        <v>6.2746579416042905E-2</v>
      </c>
      <c r="AM1006" s="9">
        <v>8986.2706675000081</v>
      </c>
      <c r="AN1006" s="13">
        <v>0.15300031579099774</v>
      </c>
      <c r="AO1006" s="9">
        <v>12454.018492400006</v>
      </c>
      <c r="AP1006" s="13">
        <v>0.22534714167250011</v>
      </c>
      <c r="AQ1006" s="9">
        <v>45460.528044899998</v>
      </c>
      <c r="AR1006" s="9">
        <v>46380.016900499999</v>
      </c>
      <c r="AS1006" s="9">
        <v>46766.984910799998</v>
      </c>
      <c r="AT1006" s="9">
        <v>48538.506291899997</v>
      </c>
      <c r="AU1006" s="9">
        <v>51632.594274100004</v>
      </c>
      <c r="AV1006" s="9">
        <v>54368.883331600002</v>
      </c>
      <c r="AW1006" s="9">
        <v>55265.9261616</v>
      </c>
      <c r="AX1006" s="9">
        <v>56957.103908199999</v>
      </c>
      <c r="AY1006" s="9">
        <v>59697.307822700001</v>
      </c>
      <c r="AZ1006" s="9">
        <v>58733.673986499998</v>
      </c>
      <c r="BA1006" s="9">
        <v>59744.7830454</v>
      </c>
      <c r="BB1006" s="9">
        <v>64942.250777100002</v>
      </c>
      <c r="BC1006" s="9">
        <v>65534.505387500001</v>
      </c>
      <c r="BD1006" s="9">
        <v>67559.335816999999</v>
      </c>
      <c r="BE1006" s="9">
        <v>67266.2866507</v>
      </c>
      <c r="BF1006" s="9">
        <v>67719.944654000006</v>
      </c>
      <c r="BG1006" s="11">
        <v>-36.5</v>
      </c>
      <c r="BH1006" s="13">
        <v>-0.17216981132075471</v>
      </c>
      <c r="BI1006" s="6">
        <v>5</v>
      </c>
      <c r="BJ1006" s="13">
        <v>2.358490566037736E-2</v>
      </c>
      <c r="BK1006" s="6">
        <v>-21</v>
      </c>
      <c r="BL1006" s="13">
        <v>-9.6774193548387094E-2</v>
      </c>
      <c r="BM1006" s="11">
        <v>-20.5</v>
      </c>
      <c r="BN1006" s="13">
        <v>-0.10459183673469388</v>
      </c>
      <c r="BO1006" s="11">
        <v>-41.5</v>
      </c>
      <c r="BP1006" s="13">
        <v>-0.19124423963133641</v>
      </c>
      <c r="BQ1006" s="6">
        <v>212</v>
      </c>
      <c r="BR1006" s="6">
        <v>211</v>
      </c>
      <c r="BS1006" s="6">
        <v>217</v>
      </c>
      <c r="BT1006" s="6">
        <v>217</v>
      </c>
      <c r="BU1006" s="6">
        <v>211</v>
      </c>
      <c r="BV1006" s="6">
        <v>196</v>
      </c>
      <c r="BW1006" s="6">
        <v>196</v>
      </c>
      <c r="BX1006" s="6">
        <v>193</v>
      </c>
      <c r="BY1006" s="6">
        <v>188</v>
      </c>
      <c r="BZ1006" s="6">
        <v>184</v>
      </c>
      <c r="CA1006" s="6">
        <v>183</v>
      </c>
      <c r="CB1006" s="6">
        <v>180</v>
      </c>
      <c r="CC1006" s="11">
        <v>175.5</v>
      </c>
      <c r="CD1006" s="11">
        <v>460.83600000000001</v>
      </c>
      <c r="CE1006" s="11">
        <v>-1770.24</v>
      </c>
      <c r="CF1006" s="11">
        <v>548.21799999999996</v>
      </c>
      <c r="CG1006" s="11">
        <v>-1222</v>
      </c>
      <c r="CH1006" s="20">
        <v>0.87998900000000002</v>
      </c>
      <c r="CI1006" s="20">
        <v>0.87050499999999997</v>
      </c>
      <c r="CJ1006" s="20">
        <v>0.92374400000000001</v>
      </c>
      <c r="CK1006" s="20">
        <v>0.95044799999999996</v>
      </c>
      <c r="CL1006" s="20">
        <v>0.93372699999999997</v>
      </c>
      <c r="CM1006" s="20">
        <v>0.97164099999999998</v>
      </c>
      <c r="CN1006" s="20">
        <v>1.0232300000000001</v>
      </c>
      <c r="CO1006" s="20">
        <v>1.0475099999999999</v>
      </c>
      <c r="CP1006" s="20">
        <v>0.96601999999999999</v>
      </c>
      <c r="CQ1006" s="20">
        <v>0.98632699999999995</v>
      </c>
      <c r="CR1006" s="20">
        <v>0.98361699999999996</v>
      </c>
      <c r="CS1006" s="20">
        <v>0.95691099999999996</v>
      </c>
      <c r="CT1006" s="20">
        <v>0.92708900000000005</v>
      </c>
      <c r="CU1006" s="20">
        <v>0.89700500000000005</v>
      </c>
      <c r="CV1006" s="20">
        <v>0.92488499999999996</v>
      </c>
      <c r="CW1006" s="20">
        <v>0.94185300000000005</v>
      </c>
      <c r="CX1006" s="20">
        <v>0.95708400000000005</v>
      </c>
      <c r="CY1006" s="6" t="s">
        <v>548</v>
      </c>
      <c r="CZ1006" s="6" t="s">
        <v>549</v>
      </c>
      <c r="DA1006" s="6" t="s">
        <v>89</v>
      </c>
      <c r="DB1006" s="6"/>
      <c r="DC1006" s="6">
        <v>41180</v>
      </c>
      <c r="DD1006" s="6">
        <v>476</v>
      </c>
      <c r="DE1006" s="6" t="s">
        <v>508</v>
      </c>
      <c r="DF1006" s="6" t="s">
        <v>375</v>
      </c>
      <c r="DG1006" s="6" t="s">
        <v>364</v>
      </c>
      <c r="DH1006" s="6" t="s">
        <v>419</v>
      </c>
      <c r="DI1006" s="6" t="s">
        <v>509</v>
      </c>
      <c r="DJ1006" s="6">
        <v>29</v>
      </c>
      <c r="DK1006" s="6">
        <v>99</v>
      </c>
      <c r="DL1006" s="6">
        <v>1</v>
      </c>
      <c r="DM1006" s="6" t="s">
        <v>404</v>
      </c>
      <c r="DN1006" s="6">
        <v>1</v>
      </c>
      <c r="DO1006" s="6" t="s">
        <v>405</v>
      </c>
      <c r="DP1006" s="6"/>
      <c r="DQ1006" s="6"/>
    </row>
    <row r="1007" spans="1:121" x14ac:dyDescent="0.2">
      <c r="A1007" s="6" t="s">
        <v>313</v>
      </c>
      <c r="B1007" s="6" t="s">
        <v>313</v>
      </c>
      <c r="C1007" s="6" t="s">
        <v>178</v>
      </c>
      <c r="D1007" s="6" t="s">
        <v>89</v>
      </c>
      <c r="E1007" s="6" t="s">
        <v>230</v>
      </c>
      <c r="F1007" s="11">
        <v>311</v>
      </c>
      <c r="G1007" s="13">
        <v>0.21113374066500001</v>
      </c>
      <c r="H1007" s="11">
        <v>385.97514692000004</v>
      </c>
      <c r="I1007" s="13">
        <v>0.26201046015044482</v>
      </c>
      <c r="J1007" s="11">
        <v>-205.27086918999998</v>
      </c>
      <c r="K1007" s="13">
        <v>-0.11041387590470202</v>
      </c>
      <c r="L1007" s="11">
        <v>130.49003267000012</v>
      </c>
      <c r="M1007" s="13">
        <v>7.8901575246448558E-2</v>
      </c>
      <c r="N1007" s="11">
        <v>-74.780836519999866</v>
      </c>
      <c r="O1007" s="13">
        <v>-4.0224129396200341E-2</v>
      </c>
      <c r="P1007" s="7">
        <v>1473.1287701199999</v>
      </c>
      <c r="Q1007" s="7">
        <v>1433.80478935</v>
      </c>
      <c r="R1007" s="7">
        <v>1590.55994646</v>
      </c>
      <c r="S1007" s="7">
        <v>1671.3126015800001</v>
      </c>
      <c r="T1007" s="7">
        <v>1810.8534581900001</v>
      </c>
      <c r="U1007" s="7">
        <v>1754.69712766</v>
      </c>
      <c r="V1007" s="7">
        <v>1859.1039170399999</v>
      </c>
      <c r="W1007" s="7">
        <v>1734.66134779</v>
      </c>
      <c r="X1007" s="7">
        <v>1675.1937671999999</v>
      </c>
      <c r="Y1007" s="7">
        <v>1653.83304785</v>
      </c>
      <c r="Z1007" s="7">
        <v>1636.18184589</v>
      </c>
      <c r="AA1007" s="7">
        <v>1721.32013166</v>
      </c>
      <c r="AB1007" s="7">
        <v>1722.33261737</v>
      </c>
      <c r="AC1007" s="7">
        <v>1705.89568214</v>
      </c>
      <c r="AD1007" s="7">
        <v>1716.84109317</v>
      </c>
      <c r="AE1007" s="7">
        <v>1754.6888357099999</v>
      </c>
      <c r="AF1007" s="7">
        <v>1784.3230805200001</v>
      </c>
      <c r="AG1007" s="9">
        <v>16943.6438432</v>
      </c>
      <c r="AH1007" s="13">
        <v>0.41646611295844638</v>
      </c>
      <c r="AI1007" s="9">
        <v>9841.8997199000005</v>
      </c>
      <c r="AJ1007" s="13">
        <v>0.24190886909597997</v>
      </c>
      <c r="AK1007" s="9">
        <v>1517.5312468999982</v>
      </c>
      <c r="AL1007" s="13">
        <v>3.0034525085243527E-2</v>
      </c>
      <c r="AM1007" s="9">
        <v>5584.2128764000008</v>
      </c>
      <c r="AN1007" s="13">
        <v>0.10729841603154028</v>
      </c>
      <c r="AO1007" s="9">
        <v>7101.744123299999</v>
      </c>
      <c r="AP1007" s="13">
        <v>0.14055559808469001</v>
      </c>
      <c r="AQ1007" s="9">
        <v>40684.327766399998</v>
      </c>
      <c r="AR1007" s="9">
        <v>40368.1363489</v>
      </c>
      <c r="AS1007" s="9">
        <v>44168.540278</v>
      </c>
      <c r="AT1007" s="9">
        <v>44347.114988000001</v>
      </c>
      <c r="AU1007" s="9">
        <v>45631.571038900001</v>
      </c>
      <c r="AV1007" s="9">
        <v>48128.964245299998</v>
      </c>
      <c r="AW1007" s="9">
        <v>50526.227486299998</v>
      </c>
      <c r="AX1007" s="9">
        <v>51108.5643079</v>
      </c>
      <c r="AY1007" s="9">
        <v>51720.996126999999</v>
      </c>
      <c r="AZ1007" s="9">
        <v>52043.758733199997</v>
      </c>
      <c r="BA1007" s="9">
        <v>53867.300194099997</v>
      </c>
      <c r="BB1007" s="9">
        <v>54147.297004799999</v>
      </c>
      <c r="BC1007" s="9">
        <v>55573.152150599999</v>
      </c>
      <c r="BD1007" s="9">
        <v>56459.952039600001</v>
      </c>
      <c r="BE1007" s="9">
        <v>56961.929109800003</v>
      </c>
      <c r="BF1007" s="9">
        <v>57627.971609599997</v>
      </c>
      <c r="BG1007" s="11">
        <v>11.25</v>
      </c>
      <c r="BH1007" s="13">
        <v>6.25E-2</v>
      </c>
      <c r="BI1007" s="6">
        <v>23</v>
      </c>
      <c r="BJ1007" s="13">
        <v>0.12777777777777777</v>
      </c>
      <c r="BK1007" s="6">
        <v>-25</v>
      </c>
      <c r="BL1007" s="13">
        <v>-0.12315270935960591</v>
      </c>
      <c r="BM1007" s="11">
        <v>13.25</v>
      </c>
      <c r="BN1007" s="13">
        <v>7.4438202247191013E-2</v>
      </c>
      <c r="BO1007" s="11">
        <v>-11.75</v>
      </c>
      <c r="BP1007" s="13">
        <v>-5.7881773399014777E-2</v>
      </c>
      <c r="BQ1007" s="6">
        <v>180</v>
      </c>
      <c r="BR1007" s="6">
        <v>188</v>
      </c>
      <c r="BS1007" s="6">
        <v>195</v>
      </c>
      <c r="BT1007" s="6">
        <v>203</v>
      </c>
      <c r="BU1007" s="6">
        <v>193</v>
      </c>
      <c r="BV1007" s="6">
        <v>188</v>
      </c>
      <c r="BW1007" s="6">
        <v>178</v>
      </c>
      <c r="BX1007" s="6">
        <v>178</v>
      </c>
      <c r="BY1007" s="6">
        <v>180</v>
      </c>
      <c r="BZ1007" s="6">
        <v>185</v>
      </c>
      <c r="CA1007" s="6">
        <v>189</v>
      </c>
      <c r="CB1007" s="6">
        <v>197</v>
      </c>
      <c r="CC1007" s="11">
        <v>191.25</v>
      </c>
      <c r="CD1007" s="11">
        <v>270.61799999999999</v>
      </c>
      <c r="CE1007" s="11">
        <v>-120.45399999999999</v>
      </c>
      <c r="CF1007" s="11">
        <v>161.03100000000001</v>
      </c>
      <c r="CG1007" s="11">
        <v>41</v>
      </c>
      <c r="CH1007" s="20">
        <v>0.72591600000000001</v>
      </c>
      <c r="CI1007" s="20">
        <v>0.71328800000000003</v>
      </c>
      <c r="CJ1007" s="20">
        <v>0.78317899999999996</v>
      </c>
      <c r="CK1007" s="20">
        <v>0.80349800000000005</v>
      </c>
      <c r="CL1007" s="20">
        <v>0.84032600000000002</v>
      </c>
      <c r="CM1007" s="20">
        <v>0.79381900000000005</v>
      </c>
      <c r="CN1007" s="20">
        <v>0.79232199999999997</v>
      </c>
      <c r="CO1007" s="20">
        <v>0.75337500000000002</v>
      </c>
      <c r="CP1007" s="20">
        <v>0.76441300000000001</v>
      </c>
      <c r="CQ1007" s="20">
        <v>0.76940299999999995</v>
      </c>
      <c r="CR1007" s="20">
        <v>0.75966800000000001</v>
      </c>
      <c r="CS1007" s="20">
        <v>0.79593499999999995</v>
      </c>
      <c r="CT1007" s="20">
        <v>0.79851700000000003</v>
      </c>
      <c r="CU1007" s="20">
        <v>0.79894100000000001</v>
      </c>
      <c r="CV1007" s="20">
        <v>0.80680300000000005</v>
      </c>
      <c r="CW1007" s="20">
        <v>0.82245599999999996</v>
      </c>
      <c r="CX1007" s="20">
        <v>0.82984199999999997</v>
      </c>
      <c r="CY1007" s="6" t="s">
        <v>548</v>
      </c>
      <c r="CZ1007" s="6" t="s">
        <v>549</v>
      </c>
      <c r="DA1007" s="6" t="s">
        <v>89</v>
      </c>
      <c r="DB1007" s="6"/>
      <c r="DC1007" s="6">
        <v>41180</v>
      </c>
      <c r="DD1007" s="6">
        <v>476</v>
      </c>
      <c r="DE1007" s="6" t="s">
        <v>508</v>
      </c>
      <c r="DF1007" s="6" t="s">
        <v>375</v>
      </c>
      <c r="DG1007" s="6" t="s">
        <v>364</v>
      </c>
      <c r="DH1007" s="6" t="s">
        <v>419</v>
      </c>
      <c r="DI1007" s="6" t="s">
        <v>509</v>
      </c>
      <c r="DJ1007" s="6">
        <v>29</v>
      </c>
      <c r="DK1007" s="6">
        <v>99</v>
      </c>
      <c r="DL1007" s="6">
        <v>1</v>
      </c>
      <c r="DM1007" s="6" t="s">
        <v>404</v>
      </c>
      <c r="DN1007" s="6">
        <v>1</v>
      </c>
      <c r="DO1007" s="6" t="s">
        <v>405</v>
      </c>
      <c r="DP1007" s="6"/>
      <c r="DQ1007" s="6"/>
    </row>
    <row r="1008" spans="1:121" x14ac:dyDescent="0.2">
      <c r="A1008" s="6" t="s">
        <v>793</v>
      </c>
      <c r="B1008" s="6" t="s">
        <v>179</v>
      </c>
      <c r="C1008" s="6" t="s">
        <v>180</v>
      </c>
      <c r="D1008" s="6" t="s">
        <v>89</v>
      </c>
      <c r="E1008" s="6" t="s">
        <v>230</v>
      </c>
      <c r="F1008" s="11">
        <v>1200</v>
      </c>
      <c r="G1008" s="13">
        <v>0.18</v>
      </c>
      <c r="H1008" s="11">
        <v>343</v>
      </c>
      <c r="I1008" s="13">
        <v>5.2230851225826103E-2</v>
      </c>
      <c r="J1008" s="11">
        <v>-355</v>
      </c>
      <c r="K1008" s="13">
        <v>-5.1374819102749637E-2</v>
      </c>
      <c r="L1008" s="11">
        <v>1212</v>
      </c>
      <c r="M1008" s="13">
        <v>0.18489702517162471</v>
      </c>
      <c r="N1008" s="11">
        <v>857</v>
      </c>
      <c r="O1008" s="13">
        <v>0.12402315484804632</v>
      </c>
      <c r="P1008" s="7">
        <v>6567</v>
      </c>
      <c r="Q1008" s="7">
        <v>6556</v>
      </c>
      <c r="R1008" s="7">
        <v>6344</v>
      </c>
      <c r="S1008" s="7">
        <v>6686</v>
      </c>
      <c r="T1008" s="7">
        <v>6968</v>
      </c>
      <c r="U1008" s="7">
        <v>6912</v>
      </c>
      <c r="V1008" s="7">
        <v>6910</v>
      </c>
      <c r="W1008" s="7">
        <v>6847</v>
      </c>
      <c r="X1008" s="7">
        <v>6756</v>
      </c>
      <c r="Y1008" s="7">
        <v>6555</v>
      </c>
      <c r="Z1008" s="7">
        <v>6671</v>
      </c>
      <c r="AA1008" s="7">
        <v>6857</v>
      </c>
      <c r="AB1008" s="7">
        <v>6839</v>
      </c>
      <c r="AC1008" s="7">
        <v>7114</v>
      </c>
      <c r="AD1008" s="7">
        <v>7380</v>
      </c>
      <c r="AE1008" s="7">
        <v>7561</v>
      </c>
      <c r="AF1008" s="7">
        <v>7767</v>
      </c>
      <c r="AG1008" s="9">
        <v>7004</v>
      </c>
      <c r="AH1008" s="13">
        <v>0.30264010715983236</v>
      </c>
      <c r="AI1008" s="9">
        <v>3982</v>
      </c>
      <c r="AJ1008" s="13">
        <v>0.17206066629218339</v>
      </c>
      <c r="AK1008" s="9">
        <v>1183</v>
      </c>
      <c r="AL1008" s="13">
        <v>4.3612903225806451E-2</v>
      </c>
      <c r="AM1008" s="9">
        <v>1839</v>
      </c>
      <c r="AN1008" s="13">
        <v>6.4963967782958876E-2</v>
      </c>
      <c r="AO1008" s="9">
        <v>3022</v>
      </c>
      <c r="AP1008" s="13">
        <v>0.11141013824884792</v>
      </c>
      <c r="AQ1008" s="9">
        <v>23143</v>
      </c>
      <c r="AR1008" s="9">
        <v>24425</v>
      </c>
      <c r="AS1008" s="9">
        <v>25391</v>
      </c>
      <c r="AT1008" s="9">
        <v>26156</v>
      </c>
      <c r="AU1008" s="9">
        <v>26601</v>
      </c>
      <c r="AV1008" s="9">
        <v>26702</v>
      </c>
      <c r="AW1008" s="9">
        <v>27125</v>
      </c>
      <c r="AX1008" s="9">
        <v>27820</v>
      </c>
      <c r="AY1008" s="9">
        <v>28174</v>
      </c>
      <c r="AZ1008" s="9">
        <v>28308</v>
      </c>
      <c r="BA1008" s="9">
        <v>28066</v>
      </c>
      <c r="BB1008" s="9">
        <v>28122</v>
      </c>
      <c r="BC1008" s="9">
        <v>28670</v>
      </c>
      <c r="BD1008" s="9">
        <v>28742</v>
      </c>
      <c r="BE1008" s="9">
        <v>29429</v>
      </c>
      <c r="BF1008" s="9">
        <v>30147</v>
      </c>
      <c r="BG1008" s="11">
        <v>-7</v>
      </c>
      <c r="BH1008" s="13">
        <v>-1.5555555555555555E-2</v>
      </c>
      <c r="BI1008" s="6">
        <v>1</v>
      </c>
      <c r="BJ1008" s="13">
        <v>2.2222222222222222E-3</v>
      </c>
      <c r="BK1008" s="6">
        <v>-8</v>
      </c>
      <c r="BL1008" s="13">
        <v>-1.7738359201773836E-2</v>
      </c>
      <c r="BM1008" s="11">
        <v>0</v>
      </c>
      <c r="BN1008" s="13">
        <v>0</v>
      </c>
      <c r="BO1008" s="11">
        <v>-8</v>
      </c>
      <c r="BP1008" s="13">
        <v>-1.7738359201773836E-2</v>
      </c>
      <c r="BQ1008" s="6">
        <v>450</v>
      </c>
      <c r="BR1008" s="6">
        <v>455</v>
      </c>
      <c r="BS1008" s="6">
        <v>452</v>
      </c>
      <c r="BT1008" s="6">
        <v>451</v>
      </c>
      <c r="BU1008" s="6">
        <v>462</v>
      </c>
      <c r="BV1008" s="6">
        <v>443</v>
      </c>
      <c r="BW1008" s="6">
        <v>443</v>
      </c>
      <c r="BX1008" s="6">
        <v>451</v>
      </c>
      <c r="BY1008" s="6">
        <v>438</v>
      </c>
      <c r="BZ1008" s="6">
        <v>429</v>
      </c>
      <c r="CA1008" s="6">
        <v>437</v>
      </c>
      <c r="CB1008" s="6">
        <v>448</v>
      </c>
      <c r="CC1008" s="11">
        <v>443</v>
      </c>
      <c r="CD1008" s="11">
        <v>903</v>
      </c>
      <c r="CE1008" s="11">
        <v>-421</v>
      </c>
      <c r="CF1008" s="11">
        <v>718</v>
      </c>
      <c r="CG1008" s="11">
        <v>297</v>
      </c>
      <c r="CH1008" s="20">
        <v>1.21</v>
      </c>
      <c r="CI1008" s="20">
        <v>1.19</v>
      </c>
      <c r="CJ1008" s="20">
        <v>1.1499999999999999</v>
      </c>
      <c r="CK1008" s="20">
        <v>1.18</v>
      </c>
      <c r="CL1008" s="20">
        <v>1.2</v>
      </c>
      <c r="CM1008" s="20">
        <v>1.18</v>
      </c>
      <c r="CN1008" s="20">
        <v>1.1200000000000001</v>
      </c>
      <c r="CO1008" s="20">
        <v>1.1399999999999999</v>
      </c>
      <c r="CP1008" s="20">
        <v>1.1599999999999999</v>
      </c>
      <c r="CQ1008" s="20">
        <v>1.1299999999999999</v>
      </c>
      <c r="CR1008" s="20">
        <v>1.1499999999999999</v>
      </c>
      <c r="CS1008" s="20">
        <v>1.19</v>
      </c>
      <c r="CT1008" s="20">
        <v>1.19</v>
      </c>
      <c r="CU1008" s="20">
        <v>1.24</v>
      </c>
      <c r="CV1008" s="20">
        <v>1.28</v>
      </c>
      <c r="CW1008" s="20">
        <v>1.3</v>
      </c>
      <c r="CX1008" s="20">
        <v>1.32</v>
      </c>
      <c r="CY1008" s="6" t="s">
        <v>548</v>
      </c>
      <c r="CZ1008" s="6" t="s">
        <v>549</v>
      </c>
      <c r="DA1008" s="6" t="s">
        <v>89</v>
      </c>
      <c r="DB1008" s="6"/>
      <c r="DC1008" s="6">
        <v>41180</v>
      </c>
      <c r="DD1008" s="6">
        <v>476</v>
      </c>
      <c r="DE1008" s="6" t="s">
        <v>508</v>
      </c>
      <c r="DF1008" s="6" t="s">
        <v>375</v>
      </c>
      <c r="DG1008" s="6" t="s">
        <v>364</v>
      </c>
      <c r="DH1008" s="6" t="s">
        <v>419</v>
      </c>
      <c r="DI1008" s="6" t="s">
        <v>509</v>
      </c>
      <c r="DJ1008" s="6">
        <v>29</v>
      </c>
      <c r="DK1008" s="6">
        <v>99</v>
      </c>
      <c r="DL1008" s="6">
        <v>1</v>
      </c>
      <c r="DM1008" s="6" t="s">
        <v>404</v>
      </c>
      <c r="DN1008" s="6">
        <v>1</v>
      </c>
      <c r="DO1008" s="6" t="s">
        <v>405</v>
      </c>
      <c r="DP1008" s="6"/>
      <c r="DQ1008" s="6"/>
    </row>
    <row r="1009" spans="1:121" x14ac:dyDescent="0.2">
      <c r="A1009" s="6" t="s">
        <v>794</v>
      </c>
      <c r="B1009" s="6" t="s">
        <v>181</v>
      </c>
      <c r="C1009" s="6" t="s">
        <v>182</v>
      </c>
      <c r="D1009" s="6" t="s">
        <v>89</v>
      </c>
      <c r="E1009" s="6" t="s">
        <v>230</v>
      </c>
      <c r="F1009" s="11">
        <v>127</v>
      </c>
      <c r="G1009" s="13">
        <v>8.8687150837999995E-2</v>
      </c>
      <c r="H1009" s="11">
        <v>-69.558010720000084</v>
      </c>
      <c r="I1009" s="13">
        <v>-4.858855503823236E-2</v>
      </c>
      <c r="J1009" s="11">
        <v>-14.581802100000004</v>
      </c>
      <c r="K1009" s="13">
        <v>-1.0706059657758229E-2</v>
      </c>
      <c r="L1009" s="11">
        <v>211.35178547999999</v>
      </c>
      <c r="M1009" s="13">
        <v>0.15685523993525713</v>
      </c>
      <c r="N1009" s="11">
        <v>196.76998337999999</v>
      </c>
      <c r="O1009" s="13">
        <v>0.14446987872112005</v>
      </c>
      <c r="P1009" s="7">
        <v>1431.5719137000001</v>
      </c>
      <c r="Q1009" s="7">
        <v>1372.24155479</v>
      </c>
      <c r="R1009" s="7">
        <v>1305.9752481999999</v>
      </c>
      <c r="S1009" s="7">
        <v>1324.6467165900001</v>
      </c>
      <c r="T1009" s="7">
        <v>1355.90304952</v>
      </c>
      <c r="U1009" s="7">
        <v>1415.8614624300001</v>
      </c>
      <c r="V1009" s="7">
        <v>1362.01390298</v>
      </c>
      <c r="W1009" s="7">
        <v>1277.6653864899999</v>
      </c>
      <c r="X1009" s="7">
        <v>1418.71653077</v>
      </c>
      <c r="Y1009" s="7">
        <v>1347.43210088</v>
      </c>
      <c r="Z1009" s="7">
        <v>1392.3311599799999</v>
      </c>
      <c r="AA1009" s="7">
        <v>1402.96126043</v>
      </c>
      <c r="AB1009" s="7">
        <v>1424.8340237100001</v>
      </c>
      <c r="AC1009" s="7">
        <v>1424.31325569</v>
      </c>
      <c r="AD1009" s="7">
        <v>1500.0931874800001</v>
      </c>
      <c r="AE1009" s="7">
        <v>1526.2157791899999</v>
      </c>
      <c r="AF1009" s="7">
        <v>1558.78388636</v>
      </c>
      <c r="AG1009" s="9">
        <v>14279.103636200001</v>
      </c>
      <c r="AH1009" s="13">
        <v>0.38900605642567271</v>
      </c>
      <c r="AI1009" s="9">
        <v>7546.6690011000028</v>
      </c>
      <c r="AJ1009" s="13">
        <v>0.20559413406211821</v>
      </c>
      <c r="AK1009" s="9">
        <v>609.93913469999825</v>
      </c>
      <c r="AL1009" s="13">
        <v>1.3782905875103653E-2</v>
      </c>
      <c r="AM1009" s="9">
        <v>6122.4955004000003</v>
      </c>
      <c r="AN1009" s="13">
        <v>0.13647019171231153</v>
      </c>
      <c r="AO1009" s="9">
        <v>6732.4346350999986</v>
      </c>
      <c r="AP1009" s="13">
        <v>0.15213405339454333</v>
      </c>
      <c r="AQ1009" s="9">
        <v>36706.635797399998</v>
      </c>
      <c r="AR1009" s="9">
        <v>39729.566719299997</v>
      </c>
      <c r="AS1009" s="9">
        <v>41474.356154699999</v>
      </c>
      <c r="AT1009" s="9">
        <v>41514.914046700003</v>
      </c>
      <c r="AU1009" s="9">
        <v>40776.533521500001</v>
      </c>
      <c r="AV1009" s="9">
        <v>41578.578290099998</v>
      </c>
      <c r="AW1009" s="9">
        <v>44253.304798500001</v>
      </c>
      <c r="AX1009" s="9">
        <v>46494.4351398</v>
      </c>
      <c r="AY1009" s="9">
        <v>42743.163812899998</v>
      </c>
      <c r="AZ1009" s="9">
        <v>44863.243933199999</v>
      </c>
      <c r="BA1009" s="9">
        <v>46076.780805599999</v>
      </c>
      <c r="BB1009" s="9">
        <v>49687.340670199999</v>
      </c>
      <c r="BC1009" s="9">
        <v>50284.460354399998</v>
      </c>
      <c r="BD1009" s="9">
        <v>51043.731097700002</v>
      </c>
      <c r="BE1009" s="9">
        <v>50947.4350424</v>
      </c>
      <c r="BF1009" s="9">
        <v>50985.7394336</v>
      </c>
      <c r="BG1009" s="11">
        <v>7.25</v>
      </c>
      <c r="BH1009" s="13">
        <v>5.6201550387596902E-2</v>
      </c>
      <c r="BI1009" s="6">
        <v>36</v>
      </c>
      <c r="BJ1009" s="13">
        <v>0.27906976744186046</v>
      </c>
      <c r="BK1009" s="6">
        <v>-26</v>
      </c>
      <c r="BL1009" s="13">
        <v>-0.15757575757575756</v>
      </c>
      <c r="BM1009" s="11">
        <v>-2.75</v>
      </c>
      <c r="BN1009" s="13">
        <v>-1.9784172661870502E-2</v>
      </c>
      <c r="BO1009" s="11">
        <v>-28.75</v>
      </c>
      <c r="BP1009" s="13">
        <v>-0.17424242424242425</v>
      </c>
      <c r="BQ1009" s="6">
        <v>129</v>
      </c>
      <c r="BR1009" s="6">
        <v>141</v>
      </c>
      <c r="BS1009" s="6">
        <v>157</v>
      </c>
      <c r="BT1009" s="6">
        <v>165</v>
      </c>
      <c r="BU1009" s="6">
        <v>152</v>
      </c>
      <c r="BV1009" s="6">
        <v>143</v>
      </c>
      <c r="BW1009" s="6">
        <v>139</v>
      </c>
      <c r="BX1009" s="6">
        <v>136</v>
      </c>
      <c r="BY1009" s="6">
        <v>140</v>
      </c>
      <c r="BZ1009" s="6">
        <v>133</v>
      </c>
      <c r="CA1009" s="6">
        <v>133</v>
      </c>
      <c r="CB1009" s="6">
        <v>134</v>
      </c>
      <c r="CC1009" s="11">
        <v>136.25</v>
      </c>
      <c r="CD1009" s="11">
        <v>-119.509</v>
      </c>
      <c r="CE1009" s="11">
        <v>90.232500000000002</v>
      </c>
      <c r="CF1009" s="11">
        <v>156.488</v>
      </c>
      <c r="CG1009" s="11">
        <v>246</v>
      </c>
      <c r="CH1009" s="20">
        <v>0.89114899999999997</v>
      </c>
      <c r="CI1009" s="20">
        <v>0.869695</v>
      </c>
      <c r="CJ1009" s="20">
        <v>0.82095600000000002</v>
      </c>
      <c r="CK1009" s="20">
        <v>0.80518900000000004</v>
      </c>
      <c r="CL1009" s="20">
        <v>0.79077900000000001</v>
      </c>
      <c r="CM1009" s="20">
        <v>0.80269599999999997</v>
      </c>
      <c r="CN1009" s="20">
        <v>0.72586399999999995</v>
      </c>
      <c r="CO1009" s="20">
        <v>0.69396199999999997</v>
      </c>
      <c r="CP1009" s="20">
        <v>0.80725899999999995</v>
      </c>
      <c r="CQ1009" s="20">
        <v>0.77695199999999998</v>
      </c>
      <c r="CR1009" s="20">
        <v>0.79085099999999997</v>
      </c>
      <c r="CS1009" s="20">
        <v>0.79053899999999999</v>
      </c>
      <c r="CT1009" s="20">
        <v>0.80016600000000004</v>
      </c>
      <c r="CU1009" s="20">
        <v>0.79000300000000001</v>
      </c>
      <c r="CV1009" s="20">
        <v>0.80628100000000003</v>
      </c>
      <c r="CW1009" s="20">
        <v>0.79728299999999996</v>
      </c>
      <c r="CX1009" s="20">
        <v>0.80268600000000001</v>
      </c>
      <c r="CY1009" s="6" t="s">
        <v>548</v>
      </c>
      <c r="CZ1009" s="6" t="s">
        <v>549</v>
      </c>
      <c r="DA1009" s="6" t="s">
        <v>89</v>
      </c>
      <c r="DB1009" s="6"/>
      <c r="DC1009" s="6">
        <v>41180</v>
      </c>
      <c r="DD1009" s="6">
        <v>476</v>
      </c>
      <c r="DE1009" s="6" t="s">
        <v>508</v>
      </c>
      <c r="DF1009" s="6" t="s">
        <v>375</v>
      </c>
      <c r="DG1009" s="6" t="s">
        <v>364</v>
      </c>
      <c r="DH1009" s="6" t="s">
        <v>419</v>
      </c>
      <c r="DI1009" s="6" t="s">
        <v>509</v>
      </c>
      <c r="DJ1009" s="6">
        <v>29</v>
      </c>
      <c r="DK1009" s="6">
        <v>99</v>
      </c>
      <c r="DL1009" s="6">
        <v>1</v>
      </c>
      <c r="DM1009" s="6" t="s">
        <v>404</v>
      </c>
      <c r="DN1009" s="6">
        <v>1</v>
      </c>
      <c r="DO1009" s="6" t="s">
        <v>405</v>
      </c>
      <c r="DP1009" s="6"/>
      <c r="DQ1009" s="6"/>
    </row>
    <row r="1010" spans="1:121" x14ac:dyDescent="0.2">
      <c r="A1010" s="6" t="s">
        <v>314</v>
      </c>
      <c r="B1010" s="6" t="s">
        <v>314</v>
      </c>
      <c r="C1010" s="6" t="s">
        <v>183</v>
      </c>
      <c r="D1010" s="6" t="s">
        <v>89</v>
      </c>
      <c r="E1010" s="6" t="s">
        <v>230</v>
      </c>
      <c r="F1010" s="11">
        <v>140</v>
      </c>
      <c r="G1010" s="13">
        <v>0.38251366120199998</v>
      </c>
      <c r="H1010" s="11">
        <v>-68.464394812999956</v>
      </c>
      <c r="I1010" s="13">
        <v>-0.18685760771147192</v>
      </c>
      <c r="J1010" s="11">
        <v>31.264329043999965</v>
      </c>
      <c r="K1010" s="13">
        <v>0.10493697011874284</v>
      </c>
      <c r="L1010" s="11">
        <v>176.60008849100001</v>
      </c>
      <c r="M1010" s="13">
        <v>0.53645440978490333</v>
      </c>
      <c r="N1010" s="11">
        <v>207.86441753499997</v>
      </c>
      <c r="O1010" s="13">
        <v>0.69768528027331234</v>
      </c>
      <c r="P1010" s="7">
        <v>366.39875492099998</v>
      </c>
      <c r="Q1010" s="7">
        <v>358.377315942</v>
      </c>
      <c r="R1010" s="7">
        <v>317.97720947599998</v>
      </c>
      <c r="S1010" s="7">
        <v>304.93160725600001</v>
      </c>
      <c r="T1010" s="7">
        <v>282.381070862</v>
      </c>
      <c r="U1010" s="7">
        <v>292.63215578099999</v>
      </c>
      <c r="V1010" s="7">
        <v>297.93436010800002</v>
      </c>
      <c r="W1010" s="7">
        <v>297.70949725000003</v>
      </c>
      <c r="X1010" s="7">
        <v>757.80752908600005</v>
      </c>
      <c r="Y1010" s="7">
        <v>329.19868915199999</v>
      </c>
      <c r="Z1010" s="7">
        <v>320.60782430799998</v>
      </c>
      <c r="AA1010" s="7">
        <v>320.017869222</v>
      </c>
      <c r="AB1010" s="7">
        <v>321.474890136</v>
      </c>
      <c r="AC1010" s="7">
        <v>402.12473372699998</v>
      </c>
      <c r="AD1010" s="7">
        <v>413.88878337900002</v>
      </c>
      <c r="AE1010" s="7">
        <v>460.66234090099999</v>
      </c>
      <c r="AF1010" s="7">
        <v>505.79877764299999</v>
      </c>
      <c r="AG1010" s="9">
        <v>-24042.596521699998</v>
      </c>
      <c r="AH1010" s="13">
        <v>-0.30621777213204471</v>
      </c>
      <c r="AI1010" s="9">
        <v>-29316.772539799997</v>
      </c>
      <c r="AJ1010" s="13">
        <v>-0.37339214860328634</v>
      </c>
      <c r="AK1010" s="9">
        <v>3457.6415191000051</v>
      </c>
      <c r="AL1010" s="13">
        <v>7.0280227150661179E-2</v>
      </c>
      <c r="AM1010" s="9">
        <v>1816.534498999994</v>
      </c>
      <c r="AN1010" s="13">
        <v>3.4498430713061953E-2</v>
      </c>
      <c r="AO1010" s="9">
        <v>5274.1760180999991</v>
      </c>
      <c r="AP1010" s="13">
        <v>0.10720321541057848</v>
      </c>
      <c r="AQ1010" s="9">
        <v>78514.700026399994</v>
      </c>
      <c r="AR1010" s="9">
        <v>83172.590018899995</v>
      </c>
      <c r="AS1010" s="9">
        <v>82465.850939900003</v>
      </c>
      <c r="AT1010" s="9">
        <v>50913.429894100002</v>
      </c>
      <c r="AU1010" s="9">
        <v>49836.939981800002</v>
      </c>
      <c r="AV1010" s="9">
        <v>52051.6593115</v>
      </c>
      <c r="AW1010" s="9">
        <v>49197.927486599998</v>
      </c>
      <c r="AX1010" s="9">
        <v>52982.085584499997</v>
      </c>
      <c r="AY1010" s="9">
        <v>93764.865663000004</v>
      </c>
      <c r="AZ1010" s="9">
        <v>52655.569005700003</v>
      </c>
      <c r="BA1010" s="9">
        <v>54683.531302399999</v>
      </c>
      <c r="BB1010" s="9">
        <v>53118.374957499997</v>
      </c>
      <c r="BC1010" s="9">
        <v>52370.435601999998</v>
      </c>
      <c r="BD1010" s="9">
        <v>55315.496011700001</v>
      </c>
      <c r="BE1010" s="9">
        <v>53006.808390400001</v>
      </c>
      <c r="BF1010" s="9">
        <v>54472.103504699997</v>
      </c>
      <c r="BG1010" s="11">
        <v>3.5</v>
      </c>
      <c r="BH1010" s="13">
        <v>0.1</v>
      </c>
      <c r="BI1010" s="6">
        <v>2</v>
      </c>
      <c r="BJ1010" s="13">
        <v>5.7142857142857141E-2</v>
      </c>
      <c r="BK1010" s="6">
        <v>-6</v>
      </c>
      <c r="BL1010" s="13">
        <v>-0.16216216216216217</v>
      </c>
      <c r="BM1010" s="11">
        <v>7.5</v>
      </c>
      <c r="BN1010" s="13">
        <v>0.24193548387096775</v>
      </c>
      <c r="BO1010" s="11">
        <v>1.5</v>
      </c>
      <c r="BP1010" s="13">
        <v>4.0540540540540543E-2</v>
      </c>
      <c r="BQ1010" s="6">
        <v>35</v>
      </c>
      <c r="BR1010" s="6">
        <v>28</v>
      </c>
      <c r="BS1010" s="6">
        <v>32</v>
      </c>
      <c r="BT1010" s="6">
        <v>37</v>
      </c>
      <c r="BU1010" s="6">
        <v>35</v>
      </c>
      <c r="BV1010" s="6">
        <v>29</v>
      </c>
      <c r="BW1010" s="6">
        <v>31</v>
      </c>
      <c r="BX1010" s="6">
        <v>27</v>
      </c>
      <c r="BY1010" s="6">
        <v>29</v>
      </c>
      <c r="BZ1010" s="6">
        <v>31</v>
      </c>
      <c r="CA1010" s="6">
        <v>41</v>
      </c>
      <c r="CB1010" s="6">
        <v>37</v>
      </c>
      <c r="CC1010" s="11">
        <v>38.5</v>
      </c>
      <c r="CD1010" s="11">
        <v>211.57300000000001</v>
      </c>
      <c r="CE1010" s="11">
        <v>-112.224</v>
      </c>
      <c r="CF1010" s="11">
        <v>40.0518</v>
      </c>
      <c r="CG1010" s="11">
        <v>-72</v>
      </c>
      <c r="CH1010" s="20">
        <v>0.28963499999999998</v>
      </c>
      <c r="CI1010" s="20">
        <v>0.29656500000000002</v>
      </c>
      <c r="CJ1010" s="20">
        <v>0.27251700000000001</v>
      </c>
      <c r="CK1010" s="20">
        <v>0.26339299999999999</v>
      </c>
      <c r="CL1010" s="20">
        <v>0.2429</v>
      </c>
      <c r="CM1010" s="20">
        <v>0.25198399999999999</v>
      </c>
      <c r="CN1010" s="20">
        <v>0.24668699999999999</v>
      </c>
      <c r="CO1010" s="20">
        <v>0.25341000000000002</v>
      </c>
      <c r="CP1010" s="20">
        <v>0.67255299999999996</v>
      </c>
      <c r="CQ1010" s="20">
        <v>0.30368899999999999</v>
      </c>
      <c r="CR1010" s="20">
        <v>0.30219000000000001</v>
      </c>
      <c r="CS1010" s="20">
        <v>0.30527500000000002</v>
      </c>
      <c r="CT1010" s="20">
        <v>0.30880600000000002</v>
      </c>
      <c r="CU1010" s="20">
        <v>0.38970100000000002</v>
      </c>
      <c r="CV1010" s="20">
        <v>0.40288099999999999</v>
      </c>
      <c r="CW1010" s="20">
        <v>0.44056699999999999</v>
      </c>
      <c r="CX1010" s="20">
        <v>0.48286400000000002</v>
      </c>
      <c r="CY1010" s="6" t="s">
        <v>548</v>
      </c>
      <c r="CZ1010" s="6" t="s">
        <v>549</v>
      </c>
      <c r="DA1010" s="6" t="s">
        <v>89</v>
      </c>
      <c r="DB1010" s="6"/>
      <c r="DC1010" s="6">
        <v>41180</v>
      </c>
      <c r="DD1010" s="6">
        <v>476</v>
      </c>
      <c r="DE1010" s="6" t="s">
        <v>508</v>
      </c>
      <c r="DF1010" s="6" t="s">
        <v>375</v>
      </c>
      <c r="DG1010" s="6" t="s">
        <v>364</v>
      </c>
      <c r="DH1010" s="6" t="s">
        <v>419</v>
      </c>
      <c r="DI1010" s="6" t="s">
        <v>509</v>
      </c>
      <c r="DJ1010" s="6">
        <v>29</v>
      </c>
      <c r="DK1010" s="6">
        <v>99</v>
      </c>
      <c r="DL1010" s="6">
        <v>1</v>
      </c>
      <c r="DM1010" s="6" t="s">
        <v>404</v>
      </c>
      <c r="DN1010" s="6">
        <v>1</v>
      </c>
      <c r="DO1010" s="6" t="s">
        <v>405</v>
      </c>
      <c r="DP1010" s="6"/>
      <c r="DQ1010" s="6"/>
    </row>
    <row r="1011" spans="1:121" x14ac:dyDescent="0.2">
      <c r="A1011" s="6" t="s">
        <v>315</v>
      </c>
      <c r="B1011" s="6" t="s">
        <v>315</v>
      </c>
      <c r="C1011" s="6" t="s">
        <v>184</v>
      </c>
      <c r="D1011" s="6" t="s">
        <v>89</v>
      </c>
      <c r="E1011" s="6" t="s">
        <v>230</v>
      </c>
      <c r="F1011" s="11">
        <v>292</v>
      </c>
      <c r="G1011" s="13">
        <v>0.25</v>
      </c>
      <c r="H1011" s="11">
        <v>241</v>
      </c>
      <c r="I1011" s="13">
        <v>0.20704467353951891</v>
      </c>
      <c r="J1011" s="11">
        <v>-9</v>
      </c>
      <c r="K1011" s="13">
        <v>-6.405693950177936E-3</v>
      </c>
      <c r="L1011" s="11">
        <v>60</v>
      </c>
      <c r="M1011" s="13">
        <v>4.2979942693409733E-2</v>
      </c>
      <c r="N1011" s="11">
        <v>51</v>
      </c>
      <c r="O1011" s="13">
        <v>3.6298932384341634E-2</v>
      </c>
      <c r="P1011" s="7">
        <v>1164</v>
      </c>
      <c r="Q1011" s="7">
        <v>1234</v>
      </c>
      <c r="R1011" s="7">
        <v>1255</v>
      </c>
      <c r="S1011" s="7">
        <v>1204</v>
      </c>
      <c r="T1011" s="7">
        <v>1197</v>
      </c>
      <c r="U1011" s="7">
        <v>1356</v>
      </c>
      <c r="V1011" s="7">
        <v>1405</v>
      </c>
      <c r="W1011" s="7">
        <v>1280</v>
      </c>
      <c r="X1011" s="7">
        <v>1298</v>
      </c>
      <c r="Y1011" s="7">
        <v>1396</v>
      </c>
      <c r="Z1011" s="7">
        <v>1397</v>
      </c>
      <c r="AA1011" s="7">
        <v>1445</v>
      </c>
      <c r="AB1011" s="7">
        <v>1462</v>
      </c>
      <c r="AC1011" s="7">
        <v>1407</v>
      </c>
      <c r="AD1011" s="7">
        <v>1442</v>
      </c>
      <c r="AE1011" s="7">
        <v>1435</v>
      </c>
      <c r="AF1011" s="7">
        <v>1456</v>
      </c>
      <c r="AG1011" s="9">
        <v>19790</v>
      </c>
      <c r="AH1011" s="13">
        <v>0.53352384546949561</v>
      </c>
      <c r="AI1011" s="9">
        <v>8072</v>
      </c>
      <c r="AJ1011" s="13">
        <v>0.21761518345779529</v>
      </c>
      <c r="AK1011" s="9">
        <v>2022</v>
      </c>
      <c r="AL1011" s="13">
        <v>4.4769179674526739E-2</v>
      </c>
      <c r="AM1011" s="9">
        <v>9696</v>
      </c>
      <c r="AN1011" s="13">
        <v>0.20548032297030963</v>
      </c>
      <c r="AO1011" s="9">
        <v>11718</v>
      </c>
      <c r="AP1011" s="13">
        <v>0.25944868814347394</v>
      </c>
      <c r="AQ1011" s="9">
        <v>37093</v>
      </c>
      <c r="AR1011" s="9">
        <v>38636</v>
      </c>
      <c r="AS1011" s="9">
        <v>40600</v>
      </c>
      <c r="AT1011" s="9">
        <v>41588</v>
      </c>
      <c r="AU1011" s="9">
        <v>44527</v>
      </c>
      <c r="AV1011" s="9">
        <v>46357</v>
      </c>
      <c r="AW1011" s="9">
        <v>45165</v>
      </c>
      <c r="AX1011" s="9">
        <v>44622</v>
      </c>
      <c r="AY1011" s="9">
        <v>46498</v>
      </c>
      <c r="AZ1011" s="9">
        <v>47187</v>
      </c>
      <c r="BA1011" s="9">
        <v>48442</v>
      </c>
      <c r="BB1011" s="9">
        <v>50522</v>
      </c>
      <c r="BC1011" s="9">
        <v>52577</v>
      </c>
      <c r="BD1011" s="9">
        <v>54319</v>
      </c>
      <c r="BE1011" s="9">
        <v>57717</v>
      </c>
      <c r="BF1011" s="9">
        <v>56883</v>
      </c>
      <c r="BG1011" s="11">
        <v>39</v>
      </c>
      <c r="BH1011" s="13">
        <v>0.18840579710144928</v>
      </c>
      <c r="BI1011" s="6">
        <v>20</v>
      </c>
      <c r="BJ1011" s="13">
        <v>9.6618357487922704E-2</v>
      </c>
      <c r="BK1011" s="6">
        <v>2</v>
      </c>
      <c r="BL1011" s="13">
        <v>8.8105726872246704E-3</v>
      </c>
      <c r="BM1011" s="11">
        <v>17</v>
      </c>
      <c r="BN1011" s="13">
        <v>7.4235807860262015E-2</v>
      </c>
      <c r="BO1011" s="11">
        <v>19</v>
      </c>
      <c r="BP1011" s="13">
        <v>8.3700440528634359E-2</v>
      </c>
      <c r="BQ1011" s="6">
        <v>207</v>
      </c>
      <c r="BR1011" s="6">
        <v>209</v>
      </c>
      <c r="BS1011" s="6">
        <v>212</v>
      </c>
      <c r="BT1011" s="6">
        <v>227</v>
      </c>
      <c r="BU1011" s="6">
        <v>218</v>
      </c>
      <c r="BV1011" s="6">
        <v>221</v>
      </c>
      <c r="BW1011" s="6">
        <v>229</v>
      </c>
      <c r="BX1011" s="6">
        <v>230</v>
      </c>
      <c r="BY1011" s="6">
        <v>235</v>
      </c>
      <c r="BZ1011" s="6">
        <v>246</v>
      </c>
      <c r="CA1011" s="6">
        <v>253</v>
      </c>
      <c r="CB1011" s="6">
        <v>253</v>
      </c>
      <c r="CC1011" s="11">
        <v>246</v>
      </c>
      <c r="CD1011" s="11">
        <v>258</v>
      </c>
      <c r="CE1011" s="11">
        <v>-93</v>
      </c>
      <c r="CF1011" s="11">
        <v>127</v>
      </c>
      <c r="CG1011" s="11">
        <v>34</v>
      </c>
      <c r="CH1011" s="20">
        <v>0.56000000000000005</v>
      </c>
      <c r="CI1011" s="20">
        <v>0.59</v>
      </c>
      <c r="CJ1011" s="20">
        <v>0.57999999999999996</v>
      </c>
      <c r="CK1011" s="20">
        <v>0.55000000000000004</v>
      </c>
      <c r="CL1011" s="20">
        <v>0.53</v>
      </c>
      <c r="CM1011" s="20">
        <v>0.57999999999999996</v>
      </c>
      <c r="CN1011" s="20">
        <v>0.57999999999999996</v>
      </c>
      <c r="CO1011" s="20">
        <v>0.55000000000000004</v>
      </c>
      <c r="CP1011" s="20">
        <v>0.56999999999999995</v>
      </c>
      <c r="CQ1011" s="20">
        <v>0.63</v>
      </c>
      <c r="CR1011" s="20">
        <v>0.63</v>
      </c>
      <c r="CS1011" s="20">
        <v>0.66</v>
      </c>
      <c r="CT1011" s="20">
        <v>0.67</v>
      </c>
      <c r="CU1011" s="20">
        <v>0.66</v>
      </c>
      <c r="CV1011" s="20">
        <v>0.67</v>
      </c>
      <c r="CW1011" s="20">
        <v>0.66</v>
      </c>
      <c r="CX1011" s="20">
        <v>0.66</v>
      </c>
      <c r="CY1011" s="6" t="s">
        <v>548</v>
      </c>
      <c r="CZ1011" s="6" t="s">
        <v>549</v>
      </c>
      <c r="DA1011" s="6" t="s">
        <v>89</v>
      </c>
      <c r="DB1011" s="6"/>
      <c r="DC1011" s="6">
        <v>41180</v>
      </c>
      <c r="DD1011" s="6">
        <v>476</v>
      </c>
      <c r="DE1011" s="6" t="s">
        <v>508</v>
      </c>
      <c r="DF1011" s="6" t="s">
        <v>375</v>
      </c>
      <c r="DG1011" s="6" t="s">
        <v>364</v>
      </c>
      <c r="DH1011" s="6" t="s">
        <v>419</v>
      </c>
      <c r="DI1011" s="6" t="s">
        <v>509</v>
      </c>
      <c r="DJ1011" s="6">
        <v>29</v>
      </c>
      <c r="DK1011" s="6">
        <v>99</v>
      </c>
      <c r="DL1011" s="6">
        <v>1</v>
      </c>
      <c r="DM1011" s="6" t="s">
        <v>404</v>
      </c>
      <c r="DN1011" s="6">
        <v>1</v>
      </c>
      <c r="DO1011" s="6" t="s">
        <v>405</v>
      </c>
      <c r="DP1011" s="6"/>
      <c r="DQ1011" s="6"/>
    </row>
    <row r="1012" spans="1:121" x14ac:dyDescent="0.2">
      <c r="A1012" s="6" t="s">
        <v>316</v>
      </c>
      <c r="B1012" s="6" t="s">
        <v>316</v>
      </c>
      <c r="C1012" s="6" t="s">
        <v>185</v>
      </c>
      <c r="D1012" s="6" t="s">
        <v>89</v>
      </c>
      <c r="E1012" s="6" t="s">
        <v>230</v>
      </c>
      <c r="F1012" s="11">
        <v>-120</v>
      </c>
      <c r="G1012" s="13">
        <v>-0.15</v>
      </c>
      <c r="H1012" s="11">
        <v>144</v>
      </c>
      <c r="I1012" s="13">
        <v>0.18158890290037832</v>
      </c>
      <c r="J1012" s="11">
        <v>-132</v>
      </c>
      <c r="K1012" s="13">
        <v>-0.14087513340448238</v>
      </c>
      <c r="L1012" s="11">
        <v>-132</v>
      </c>
      <c r="M1012" s="13">
        <v>-0.1639751552795031</v>
      </c>
      <c r="N1012" s="11">
        <v>-264</v>
      </c>
      <c r="O1012" s="13">
        <v>-0.28175026680896476</v>
      </c>
      <c r="P1012" s="7">
        <v>793</v>
      </c>
      <c r="Q1012" s="7">
        <v>825</v>
      </c>
      <c r="R1012" s="7">
        <v>845</v>
      </c>
      <c r="S1012" s="7">
        <v>953</v>
      </c>
      <c r="T1012" s="7">
        <v>929</v>
      </c>
      <c r="U1012" s="7">
        <v>909</v>
      </c>
      <c r="V1012" s="7">
        <v>937</v>
      </c>
      <c r="W1012" s="7">
        <v>927</v>
      </c>
      <c r="X1012" s="7">
        <v>866</v>
      </c>
      <c r="Y1012" s="7">
        <v>805</v>
      </c>
      <c r="Z1012" s="7">
        <v>764</v>
      </c>
      <c r="AA1012" s="7">
        <v>778</v>
      </c>
      <c r="AB1012" s="7">
        <v>736</v>
      </c>
      <c r="AC1012" s="7">
        <v>728</v>
      </c>
      <c r="AD1012" s="7">
        <v>703</v>
      </c>
      <c r="AE1012" s="7">
        <v>688</v>
      </c>
      <c r="AF1012" s="7">
        <v>673</v>
      </c>
      <c r="AG1012" s="9">
        <v>8546</v>
      </c>
      <c r="AH1012" s="13">
        <v>0.32661952990636345</v>
      </c>
      <c r="AI1012" s="9">
        <v>3052</v>
      </c>
      <c r="AJ1012" s="13">
        <v>0.11664437225300976</v>
      </c>
      <c r="AK1012" s="9">
        <v>1322</v>
      </c>
      <c r="AL1012" s="13">
        <v>4.5247629804565835E-2</v>
      </c>
      <c r="AM1012" s="9">
        <v>4172</v>
      </c>
      <c r="AN1012" s="13">
        <v>0.13661220079242936</v>
      </c>
      <c r="AO1012" s="9">
        <v>5494</v>
      </c>
      <c r="AP1012" s="13">
        <v>0.18804120888523804</v>
      </c>
      <c r="AQ1012" s="9">
        <v>26165</v>
      </c>
      <c r="AR1012" s="9">
        <v>29495</v>
      </c>
      <c r="AS1012" s="9">
        <v>29062</v>
      </c>
      <c r="AT1012" s="9">
        <v>29554</v>
      </c>
      <c r="AU1012" s="9">
        <v>28928</v>
      </c>
      <c r="AV1012" s="9">
        <v>27751</v>
      </c>
      <c r="AW1012" s="9">
        <v>29217</v>
      </c>
      <c r="AX1012" s="9">
        <v>29059</v>
      </c>
      <c r="AY1012" s="9">
        <v>30720</v>
      </c>
      <c r="AZ1012" s="9">
        <v>30539</v>
      </c>
      <c r="BA1012" s="9">
        <v>29738</v>
      </c>
      <c r="BB1012" s="9">
        <v>31669</v>
      </c>
      <c r="BC1012" s="9">
        <v>33313</v>
      </c>
      <c r="BD1012" s="9">
        <v>33846</v>
      </c>
      <c r="BE1012" s="9">
        <v>35395</v>
      </c>
      <c r="BF1012" s="9">
        <v>34711</v>
      </c>
      <c r="BG1012" s="11">
        <v>-21</v>
      </c>
      <c r="BH1012" s="13">
        <v>-0.12727272727272726</v>
      </c>
      <c r="BI1012" s="6">
        <v>4</v>
      </c>
      <c r="BJ1012" s="13">
        <v>2.4242424242424242E-2</v>
      </c>
      <c r="BK1012" s="6">
        <v>-14</v>
      </c>
      <c r="BL1012" s="13">
        <v>-8.2840236686390539E-2</v>
      </c>
      <c r="BM1012" s="11">
        <v>-11</v>
      </c>
      <c r="BN1012" s="13">
        <v>-7.0967741935483872E-2</v>
      </c>
      <c r="BO1012" s="11">
        <v>-25</v>
      </c>
      <c r="BP1012" s="13">
        <v>-0.14792899408284024</v>
      </c>
      <c r="BQ1012" s="6">
        <v>165</v>
      </c>
      <c r="BR1012" s="6">
        <v>169</v>
      </c>
      <c r="BS1012" s="6">
        <v>158</v>
      </c>
      <c r="BT1012" s="6">
        <v>169</v>
      </c>
      <c r="BU1012" s="6">
        <v>156</v>
      </c>
      <c r="BV1012" s="6">
        <v>160</v>
      </c>
      <c r="BW1012" s="6">
        <v>155</v>
      </c>
      <c r="BX1012" s="6">
        <v>156</v>
      </c>
      <c r="BY1012" s="6">
        <v>156</v>
      </c>
      <c r="BZ1012" s="6">
        <v>155</v>
      </c>
      <c r="CA1012" s="6">
        <v>156</v>
      </c>
      <c r="CB1012" s="6">
        <v>146</v>
      </c>
      <c r="CC1012" s="11">
        <v>144</v>
      </c>
      <c r="CD1012" s="11">
        <v>-166</v>
      </c>
      <c r="CE1012" s="11">
        <v>-40</v>
      </c>
      <c r="CF1012" s="11">
        <v>87</v>
      </c>
      <c r="CG1012" s="11">
        <v>47</v>
      </c>
      <c r="CH1012" s="20">
        <v>0.93</v>
      </c>
      <c r="CI1012" s="20">
        <v>0.96</v>
      </c>
      <c r="CJ1012" s="20">
        <v>0.94</v>
      </c>
      <c r="CK1012" s="20">
        <v>1.02</v>
      </c>
      <c r="CL1012" s="20">
        <v>0.94</v>
      </c>
      <c r="CM1012" s="20">
        <v>0.91</v>
      </c>
      <c r="CN1012" s="20">
        <v>0.9</v>
      </c>
      <c r="CO1012" s="20">
        <v>0.93</v>
      </c>
      <c r="CP1012" s="20">
        <v>0.9</v>
      </c>
      <c r="CQ1012" s="20">
        <v>0.88</v>
      </c>
      <c r="CR1012" s="20">
        <v>0.85</v>
      </c>
      <c r="CS1012" s="20">
        <v>0.87</v>
      </c>
      <c r="CT1012" s="20">
        <v>0.82</v>
      </c>
      <c r="CU1012" s="20">
        <v>0.81</v>
      </c>
      <c r="CV1012" s="20">
        <v>0.77</v>
      </c>
      <c r="CW1012" s="20">
        <v>0.75</v>
      </c>
      <c r="CX1012" s="20">
        <v>0.73</v>
      </c>
      <c r="CY1012" s="6" t="s">
        <v>548</v>
      </c>
      <c r="CZ1012" s="6" t="s">
        <v>549</v>
      </c>
      <c r="DA1012" s="6" t="s">
        <v>89</v>
      </c>
      <c r="DB1012" s="6"/>
      <c r="DC1012" s="6">
        <v>41180</v>
      </c>
      <c r="DD1012" s="6">
        <v>476</v>
      </c>
      <c r="DE1012" s="6" t="s">
        <v>508</v>
      </c>
      <c r="DF1012" s="6" t="s">
        <v>375</v>
      </c>
      <c r="DG1012" s="6" t="s">
        <v>364</v>
      </c>
      <c r="DH1012" s="6" t="s">
        <v>419</v>
      </c>
      <c r="DI1012" s="6" t="s">
        <v>509</v>
      </c>
      <c r="DJ1012" s="6">
        <v>29</v>
      </c>
      <c r="DK1012" s="6">
        <v>99</v>
      </c>
      <c r="DL1012" s="6">
        <v>1</v>
      </c>
      <c r="DM1012" s="6" t="s">
        <v>404</v>
      </c>
      <c r="DN1012" s="6">
        <v>1</v>
      </c>
      <c r="DO1012" s="6" t="s">
        <v>405</v>
      </c>
      <c r="DP1012" s="6"/>
      <c r="DQ1012" s="6"/>
    </row>
    <row r="1013" spans="1:121" x14ac:dyDescent="0.2">
      <c r="A1013" s="6" t="s">
        <v>317</v>
      </c>
      <c r="B1013" s="6" t="s">
        <v>317</v>
      </c>
      <c r="C1013" s="6" t="s">
        <v>186</v>
      </c>
      <c r="D1013" s="6" t="s">
        <v>89</v>
      </c>
      <c r="E1013" s="6" t="s">
        <v>230</v>
      </c>
      <c r="F1013" s="11">
        <v>486</v>
      </c>
      <c r="G1013" s="13">
        <v>0.46</v>
      </c>
      <c r="H1013" s="11">
        <v>304</v>
      </c>
      <c r="I1013" s="13">
        <v>0.28869895536562201</v>
      </c>
      <c r="J1013" s="11">
        <v>-74</v>
      </c>
      <c r="K1013" s="13">
        <v>-5.4532056005895363E-2</v>
      </c>
      <c r="L1013" s="11">
        <v>256</v>
      </c>
      <c r="M1013" s="13">
        <v>0.19953234606391271</v>
      </c>
      <c r="N1013" s="11">
        <v>182</v>
      </c>
      <c r="O1013" s="13">
        <v>0.13411938098747236</v>
      </c>
      <c r="P1013" s="7">
        <v>1053</v>
      </c>
      <c r="Q1013" s="7">
        <v>1110</v>
      </c>
      <c r="R1013" s="7">
        <v>1141</v>
      </c>
      <c r="S1013" s="7">
        <v>1184</v>
      </c>
      <c r="T1013" s="7">
        <v>1302</v>
      </c>
      <c r="U1013" s="7">
        <v>1287</v>
      </c>
      <c r="V1013" s="7">
        <v>1357</v>
      </c>
      <c r="W1013" s="7">
        <v>1369</v>
      </c>
      <c r="X1013" s="7">
        <v>1329</v>
      </c>
      <c r="Y1013" s="7">
        <v>1283</v>
      </c>
      <c r="Z1013" s="7">
        <v>1274</v>
      </c>
      <c r="AA1013" s="7">
        <v>1312</v>
      </c>
      <c r="AB1013" s="7">
        <v>1379</v>
      </c>
      <c r="AC1013" s="7">
        <v>1401</v>
      </c>
      <c r="AD1013" s="7">
        <v>1467</v>
      </c>
      <c r="AE1013" s="7">
        <v>1505</v>
      </c>
      <c r="AF1013" s="7">
        <v>1539</v>
      </c>
      <c r="AG1013" s="9">
        <v>11850</v>
      </c>
      <c r="AH1013" s="13">
        <v>0.33794381862255812</v>
      </c>
      <c r="AI1013" s="9">
        <v>3260</v>
      </c>
      <c r="AJ1013" s="13">
        <v>9.2970198203336657E-2</v>
      </c>
      <c r="AK1013" s="9">
        <v>2380</v>
      </c>
      <c r="AL1013" s="13">
        <v>6.2100456621004566E-2</v>
      </c>
      <c r="AM1013" s="9">
        <v>6210</v>
      </c>
      <c r="AN1013" s="13">
        <v>0.15256111042869427</v>
      </c>
      <c r="AO1013" s="9">
        <v>8590</v>
      </c>
      <c r="AP1013" s="13">
        <v>0.22413568166992823</v>
      </c>
      <c r="AQ1013" s="9">
        <v>35065</v>
      </c>
      <c r="AR1013" s="9">
        <v>35122</v>
      </c>
      <c r="AS1013" s="9">
        <v>33788</v>
      </c>
      <c r="AT1013" s="9">
        <v>34382</v>
      </c>
      <c r="AU1013" s="9">
        <v>36781</v>
      </c>
      <c r="AV1013" s="9">
        <v>37070</v>
      </c>
      <c r="AW1013" s="9">
        <v>38325</v>
      </c>
      <c r="AX1013" s="9">
        <v>38454</v>
      </c>
      <c r="AY1013" s="9">
        <v>39154</v>
      </c>
      <c r="AZ1013" s="9">
        <v>40705</v>
      </c>
      <c r="BA1013" s="9">
        <v>40733</v>
      </c>
      <c r="BB1013" s="9">
        <v>42124</v>
      </c>
      <c r="BC1013" s="9">
        <v>44079</v>
      </c>
      <c r="BD1013" s="9">
        <v>43302</v>
      </c>
      <c r="BE1013" s="9">
        <v>45777</v>
      </c>
      <c r="BF1013" s="9">
        <v>46915</v>
      </c>
      <c r="BG1013" s="11">
        <v>39</v>
      </c>
      <c r="BH1013" s="13">
        <v>0.18139534883720931</v>
      </c>
      <c r="BI1013" s="6">
        <v>24</v>
      </c>
      <c r="BJ1013" s="13">
        <v>0.11162790697674418</v>
      </c>
      <c r="BK1013" s="6">
        <v>10</v>
      </c>
      <c r="BL1013" s="13">
        <v>4.1841004184100417E-2</v>
      </c>
      <c r="BM1013" s="11">
        <v>5</v>
      </c>
      <c r="BN1013" s="13">
        <v>2.0080321285140562E-2</v>
      </c>
      <c r="BO1013" s="11">
        <v>15</v>
      </c>
      <c r="BP1013" s="13">
        <v>6.2761506276150625E-2</v>
      </c>
      <c r="BQ1013" s="6">
        <v>215</v>
      </c>
      <c r="BR1013" s="6">
        <v>228</v>
      </c>
      <c r="BS1013" s="6">
        <v>235</v>
      </c>
      <c r="BT1013" s="6">
        <v>239</v>
      </c>
      <c r="BU1013" s="6">
        <v>256</v>
      </c>
      <c r="BV1013" s="6">
        <v>259</v>
      </c>
      <c r="BW1013" s="6">
        <v>249</v>
      </c>
      <c r="BX1013" s="6">
        <v>251</v>
      </c>
      <c r="BY1013" s="6">
        <v>250</v>
      </c>
      <c r="BZ1013" s="6">
        <v>255</v>
      </c>
      <c r="CA1013" s="6">
        <v>250</v>
      </c>
      <c r="CB1013" s="6">
        <v>264</v>
      </c>
      <c r="CC1013" s="11">
        <v>254</v>
      </c>
      <c r="CD1013" s="11">
        <v>161</v>
      </c>
      <c r="CE1013" s="11">
        <v>211</v>
      </c>
      <c r="CF1013" s="11">
        <v>115</v>
      </c>
      <c r="CG1013" s="11">
        <v>326</v>
      </c>
      <c r="CH1013" s="20">
        <v>0.39</v>
      </c>
      <c r="CI1013" s="20">
        <v>0.41</v>
      </c>
      <c r="CJ1013" s="20">
        <v>0.42</v>
      </c>
      <c r="CK1013" s="20">
        <v>0.42</v>
      </c>
      <c r="CL1013" s="20">
        <v>0.44</v>
      </c>
      <c r="CM1013" s="20">
        <v>0.41</v>
      </c>
      <c r="CN1013" s="20">
        <v>0.4</v>
      </c>
      <c r="CO1013" s="20">
        <v>0.4</v>
      </c>
      <c r="CP1013" s="20">
        <v>0.4</v>
      </c>
      <c r="CQ1013" s="20">
        <v>0.39</v>
      </c>
      <c r="CR1013" s="20">
        <v>0.38</v>
      </c>
      <c r="CS1013" s="20">
        <v>0.39</v>
      </c>
      <c r="CT1013" s="20">
        <v>0.4</v>
      </c>
      <c r="CU1013" s="20">
        <v>0.41</v>
      </c>
      <c r="CV1013" s="20">
        <v>0.42</v>
      </c>
      <c r="CW1013" s="20">
        <v>0.42</v>
      </c>
      <c r="CX1013" s="20">
        <v>0.42</v>
      </c>
      <c r="CY1013" s="6" t="s">
        <v>548</v>
      </c>
      <c r="CZ1013" s="6" t="s">
        <v>549</v>
      </c>
      <c r="DA1013" s="6" t="s">
        <v>89</v>
      </c>
      <c r="DB1013" s="6"/>
      <c r="DC1013" s="6">
        <v>41180</v>
      </c>
      <c r="DD1013" s="6">
        <v>476</v>
      </c>
      <c r="DE1013" s="6" t="s">
        <v>508</v>
      </c>
      <c r="DF1013" s="6" t="s">
        <v>375</v>
      </c>
      <c r="DG1013" s="6" t="s">
        <v>364</v>
      </c>
      <c r="DH1013" s="6" t="s">
        <v>419</v>
      </c>
      <c r="DI1013" s="6" t="s">
        <v>509</v>
      </c>
      <c r="DJ1013" s="6">
        <v>29</v>
      </c>
      <c r="DK1013" s="6">
        <v>99</v>
      </c>
      <c r="DL1013" s="6">
        <v>1</v>
      </c>
      <c r="DM1013" s="6" t="s">
        <v>404</v>
      </c>
      <c r="DN1013" s="6">
        <v>1</v>
      </c>
      <c r="DO1013" s="6" t="s">
        <v>405</v>
      </c>
      <c r="DP1013" s="6"/>
      <c r="DQ1013" s="6"/>
    </row>
    <row r="1014" spans="1:121" x14ac:dyDescent="0.2">
      <c r="A1014" s="6" t="s">
        <v>318</v>
      </c>
      <c r="B1014" s="6" t="s">
        <v>318</v>
      </c>
      <c r="C1014" s="6" t="s">
        <v>187</v>
      </c>
      <c r="D1014" s="6" t="s">
        <v>89</v>
      </c>
      <c r="E1014" s="6" t="s">
        <v>230</v>
      </c>
      <c r="F1014" s="11">
        <v>-221</v>
      </c>
      <c r="G1014" s="13">
        <v>-0.62962962963000002</v>
      </c>
      <c r="H1014" s="11">
        <v>-120.30235399999998</v>
      </c>
      <c r="I1014" s="13">
        <v>-0.34257616982966443</v>
      </c>
      <c r="J1014" s="11">
        <v>387.974063</v>
      </c>
      <c r="K1014" s="13">
        <v>1.6805068021392393</v>
      </c>
      <c r="L1014" s="11">
        <v>-488.37903576400004</v>
      </c>
      <c r="M1014" s="13">
        <v>-0.78918292688775682</v>
      </c>
      <c r="N1014" s="11">
        <v>-100.40497276400001</v>
      </c>
      <c r="O1014" s="13">
        <v>-0.43490340151554691</v>
      </c>
      <c r="P1014" s="7">
        <v>351.16965099999999</v>
      </c>
      <c r="Q1014" s="7">
        <v>335.94575300000002</v>
      </c>
      <c r="R1014" s="7">
        <v>336.790479</v>
      </c>
      <c r="S1014" s="7">
        <v>354.97024499999998</v>
      </c>
      <c r="T1014" s="7">
        <v>348.78055999999998</v>
      </c>
      <c r="U1014" s="7">
        <v>307.87288100000001</v>
      </c>
      <c r="V1014" s="7">
        <v>230.86729700000001</v>
      </c>
      <c r="W1014" s="7">
        <v>204.87345500000001</v>
      </c>
      <c r="X1014" s="7">
        <v>187.036744</v>
      </c>
      <c r="Y1014" s="7">
        <v>618.84136000000001</v>
      </c>
      <c r="Z1014" s="7">
        <v>387.34688799999998</v>
      </c>
      <c r="AA1014" s="7">
        <v>186.00475900000001</v>
      </c>
      <c r="AB1014" s="7">
        <v>183.98975300000001</v>
      </c>
      <c r="AC1014" s="7">
        <v>187.96243799999999</v>
      </c>
      <c r="AD1014" s="7">
        <v>165.960115</v>
      </c>
      <c r="AE1014" s="7">
        <v>146.19924700000001</v>
      </c>
      <c r="AF1014" s="7">
        <v>130.462324236</v>
      </c>
      <c r="AG1014" s="9">
        <v>18473.2821071</v>
      </c>
      <c r="AH1014" s="13">
        <v>0.49465296772285838</v>
      </c>
      <c r="AI1014" s="9">
        <v>11357.242589199996</v>
      </c>
      <c r="AJ1014" s="13">
        <v>0.30410913011159202</v>
      </c>
      <c r="AK1014" s="9">
        <v>57884.569048999998</v>
      </c>
      <c r="AL1014" s="13">
        <v>1.1885170750083751</v>
      </c>
      <c r="AM1014" s="9">
        <v>-50768.529531099994</v>
      </c>
      <c r="AN1014" s="13">
        <v>-0.47630733150179583</v>
      </c>
      <c r="AO1014" s="9">
        <v>7116.0395179000043</v>
      </c>
      <c r="AP1014" s="13">
        <v>0.1461103470650203</v>
      </c>
      <c r="AQ1014" s="9">
        <v>37345.944151800002</v>
      </c>
      <c r="AR1014" s="9">
        <v>40147.956024200001</v>
      </c>
      <c r="AS1014" s="9">
        <v>44250.859473700002</v>
      </c>
      <c r="AT1014" s="9">
        <v>44634.142377199998</v>
      </c>
      <c r="AU1014" s="9">
        <v>45004.087056099997</v>
      </c>
      <c r="AV1014" s="9">
        <v>48230.153213400001</v>
      </c>
      <c r="AW1014" s="9">
        <v>48703.186740999998</v>
      </c>
      <c r="AX1014" s="9">
        <v>49892.284983099998</v>
      </c>
      <c r="AY1014" s="9">
        <v>51867.549167899997</v>
      </c>
      <c r="AZ1014" s="9">
        <v>106587.75579</v>
      </c>
      <c r="BA1014" s="9">
        <v>93002.879931500007</v>
      </c>
      <c r="BB1014" s="9">
        <v>58093.411980999997</v>
      </c>
      <c r="BC1014" s="9">
        <v>57980.971011900001</v>
      </c>
      <c r="BD1014" s="9">
        <v>60610.232206100001</v>
      </c>
      <c r="BE1014" s="9">
        <v>57993.419944000001</v>
      </c>
      <c r="BF1014" s="9">
        <v>55819.226258900002</v>
      </c>
      <c r="BG1014" s="11">
        <v>-14</v>
      </c>
      <c r="BH1014" s="13">
        <v>-0.60869565217391308</v>
      </c>
      <c r="BI1014" s="6">
        <v>-2</v>
      </c>
      <c r="BJ1014" s="13">
        <v>-8.6956521739130432E-2</v>
      </c>
      <c r="BK1014" s="6">
        <v>-3</v>
      </c>
      <c r="BL1014" s="13">
        <v>-0.14285714285714285</v>
      </c>
      <c r="BM1014" s="11">
        <v>-9</v>
      </c>
      <c r="BN1014" s="13">
        <v>-0.5</v>
      </c>
      <c r="BO1014" s="11">
        <v>-12</v>
      </c>
      <c r="BP1014" s="13">
        <v>-0.5714285714285714</v>
      </c>
      <c r="BQ1014" s="6">
        <v>23</v>
      </c>
      <c r="BR1014" s="6">
        <v>21</v>
      </c>
      <c r="BS1014" s="6">
        <v>20</v>
      </c>
      <c r="BT1014" s="6">
        <v>21</v>
      </c>
      <c r="BU1014" s="6">
        <v>18</v>
      </c>
      <c r="BV1014" s="6">
        <v>14</v>
      </c>
      <c r="BW1014" s="6">
        <v>18</v>
      </c>
      <c r="BX1014" s="6">
        <v>16</v>
      </c>
      <c r="BY1014" s="6">
        <v>15</v>
      </c>
      <c r="BZ1014" s="6">
        <v>14</v>
      </c>
      <c r="CA1014" s="6">
        <v>17</v>
      </c>
      <c r="CB1014" s="6">
        <v>13</v>
      </c>
      <c r="CC1014" s="11">
        <v>9</v>
      </c>
      <c r="CD1014" s="11">
        <v>-334.28300000000002</v>
      </c>
      <c r="CE1014" s="11">
        <v>75.188199999999995</v>
      </c>
      <c r="CF1014" s="11">
        <v>38.387099999999997</v>
      </c>
      <c r="CG1014" s="11">
        <v>113</v>
      </c>
      <c r="CH1014" s="20">
        <v>0.59811000000000003</v>
      </c>
      <c r="CI1014" s="20">
        <v>0.57256200000000002</v>
      </c>
      <c r="CJ1014" s="20">
        <v>0.57789400000000002</v>
      </c>
      <c r="CK1014" s="20">
        <v>0.58774599999999999</v>
      </c>
      <c r="CL1014" s="20">
        <v>0.55263200000000001</v>
      </c>
      <c r="CM1014" s="20">
        <v>0.474578</v>
      </c>
      <c r="CN1014" s="20">
        <v>0.330544</v>
      </c>
      <c r="CO1014" s="20">
        <v>0.28791699999999998</v>
      </c>
      <c r="CP1014" s="20">
        <v>0.26394000000000001</v>
      </c>
      <c r="CQ1014" s="20">
        <v>0.87411000000000005</v>
      </c>
      <c r="CR1014" s="20">
        <v>0.53604099999999999</v>
      </c>
      <c r="CS1014" s="20">
        <v>0.24951100000000001</v>
      </c>
      <c r="CT1014" s="20">
        <v>0.240594</v>
      </c>
      <c r="CU1014" s="20">
        <v>0.243537</v>
      </c>
      <c r="CV1014" s="20">
        <v>0.21360299999999999</v>
      </c>
      <c r="CW1014" s="20">
        <v>0.185332</v>
      </c>
      <c r="CX1014" s="20">
        <v>0.162828</v>
      </c>
      <c r="CY1014" s="6" t="s">
        <v>548</v>
      </c>
      <c r="CZ1014" s="6" t="s">
        <v>549</v>
      </c>
      <c r="DA1014" s="6" t="s">
        <v>89</v>
      </c>
      <c r="DB1014" s="6"/>
      <c r="DC1014" s="6">
        <v>41180</v>
      </c>
      <c r="DD1014" s="6">
        <v>476</v>
      </c>
      <c r="DE1014" s="6" t="s">
        <v>508</v>
      </c>
      <c r="DF1014" s="6" t="s">
        <v>375</v>
      </c>
      <c r="DG1014" s="6" t="s">
        <v>364</v>
      </c>
      <c r="DH1014" s="6" t="s">
        <v>419</v>
      </c>
      <c r="DI1014" s="6" t="s">
        <v>509</v>
      </c>
      <c r="DJ1014" s="6">
        <v>29</v>
      </c>
      <c r="DK1014" s="6">
        <v>99</v>
      </c>
      <c r="DL1014" s="6">
        <v>1</v>
      </c>
      <c r="DM1014" s="6" t="s">
        <v>404</v>
      </c>
      <c r="DN1014" s="6">
        <v>1</v>
      </c>
      <c r="DO1014" s="6" t="s">
        <v>405</v>
      </c>
      <c r="DP1014" s="6"/>
      <c r="DQ1014" s="6"/>
    </row>
    <row r="1015" spans="1:121" x14ac:dyDescent="0.2">
      <c r="A1015" s="6" t="s">
        <v>319</v>
      </c>
      <c r="B1015" s="6" t="s">
        <v>319</v>
      </c>
      <c r="C1015" s="6" t="s">
        <v>188</v>
      </c>
      <c r="D1015" s="6" t="s">
        <v>89</v>
      </c>
      <c r="E1015" s="6" t="s">
        <v>230</v>
      </c>
      <c r="F1015" s="11">
        <v>726</v>
      </c>
      <c r="G1015" s="13">
        <v>0.28901273885399997</v>
      </c>
      <c r="H1015" s="11">
        <v>1175.7992238900001</v>
      </c>
      <c r="I1015" s="13">
        <v>0.46813329215229177</v>
      </c>
      <c r="J1015" s="11">
        <v>364.17059835000009</v>
      </c>
      <c r="K1015" s="13">
        <v>9.8758787962588537E-2</v>
      </c>
      <c r="L1015" s="11">
        <v>-813.39044280000007</v>
      </c>
      <c r="M1015" s="13">
        <v>-0.20075555683162755</v>
      </c>
      <c r="N1015" s="11">
        <v>-449.21984444999998</v>
      </c>
      <c r="O1015" s="13">
        <v>-0.12182314433848514</v>
      </c>
      <c r="P1015" s="7">
        <v>2511.6761477999999</v>
      </c>
      <c r="Q1015" s="7">
        <v>2685.2325594899999</v>
      </c>
      <c r="R1015" s="7">
        <v>2614.0264671300001</v>
      </c>
      <c r="S1015" s="7">
        <v>2333.22497019</v>
      </c>
      <c r="T1015" s="7">
        <v>2642.4547409100001</v>
      </c>
      <c r="U1015" s="7">
        <v>2747.0051132100002</v>
      </c>
      <c r="V1015" s="7">
        <v>3687.47537169</v>
      </c>
      <c r="W1015" s="7">
        <v>3670.77132575</v>
      </c>
      <c r="X1015" s="7">
        <v>3504.1675177000002</v>
      </c>
      <c r="Y1015" s="7">
        <v>4051.6459700400001</v>
      </c>
      <c r="Z1015" s="7">
        <v>3988.9977755700002</v>
      </c>
      <c r="AA1015" s="7">
        <v>3706.8793247200001</v>
      </c>
      <c r="AB1015" s="7">
        <v>3968.5093322900002</v>
      </c>
      <c r="AC1015" s="7">
        <v>3857.3343651199998</v>
      </c>
      <c r="AD1015" s="7">
        <v>3275.4337481299999</v>
      </c>
      <c r="AE1015" s="7">
        <v>3276.0146718599999</v>
      </c>
      <c r="AF1015" s="7">
        <v>3238.25552724</v>
      </c>
      <c r="AG1015" s="9">
        <v>11235.489406000001</v>
      </c>
      <c r="AH1015" s="13">
        <v>0.59424756857663275</v>
      </c>
      <c r="AI1015" s="9">
        <v>2684.3287721999986</v>
      </c>
      <c r="AJ1015" s="13">
        <v>0.14197475414718461</v>
      </c>
      <c r="AK1015" s="9">
        <v>2532.8911395000032</v>
      </c>
      <c r="AL1015" s="13">
        <v>0.11731010962727012</v>
      </c>
      <c r="AM1015" s="9">
        <v>6018.2694942999988</v>
      </c>
      <c r="AN1015" s="13">
        <v>0.24946913362609377</v>
      </c>
      <c r="AO1015" s="9">
        <v>8551.160633800002</v>
      </c>
      <c r="AP1015" s="13">
        <v>0.39604449466766106</v>
      </c>
      <c r="AQ1015" s="9">
        <v>18907.085195</v>
      </c>
      <c r="AR1015" s="9">
        <v>19354.2737241</v>
      </c>
      <c r="AS1015" s="9">
        <v>19134.823992400001</v>
      </c>
      <c r="AT1015" s="9">
        <v>20737.854254000002</v>
      </c>
      <c r="AU1015" s="9">
        <v>21067.457992299998</v>
      </c>
      <c r="AV1015" s="9">
        <v>19954.809114299998</v>
      </c>
      <c r="AW1015" s="9">
        <v>21591.413967199998</v>
      </c>
      <c r="AX1015" s="9">
        <v>23094.584709800001</v>
      </c>
      <c r="AY1015" s="9">
        <v>23942.8556656</v>
      </c>
      <c r="AZ1015" s="9">
        <v>24124.305106700001</v>
      </c>
      <c r="BA1015" s="9">
        <v>24901.5194381</v>
      </c>
      <c r="BB1015" s="9">
        <v>24858.581531399999</v>
      </c>
      <c r="BC1015" s="9">
        <v>24140.270355600001</v>
      </c>
      <c r="BD1015" s="9">
        <v>25221.550971100001</v>
      </c>
      <c r="BE1015" s="9">
        <v>28855.816497899999</v>
      </c>
      <c r="BF1015" s="9">
        <v>30142.574601</v>
      </c>
      <c r="BG1015" s="11">
        <v>69.75</v>
      </c>
      <c r="BH1015" s="13">
        <v>0.29680851063829788</v>
      </c>
      <c r="BI1015" s="6">
        <v>41</v>
      </c>
      <c r="BJ1015" s="13">
        <v>0.17446808510638298</v>
      </c>
      <c r="BK1015" s="6">
        <v>6</v>
      </c>
      <c r="BL1015" s="13">
        <v>2.1739130434782608E-2</v>
      </c>
      <c r="BM1015" s="11">
        <v>22.75</v>
      </c>
      <c r="BN1015" s="13">
        <v>8.0673758865248232E-2</v>
      </c>
      <c r="BO1015" s="11">
        <v>28.75</v>
      </c>
      <c r="BP1015" s="13">
        <v>0.10416666666666667</v>
      </c>
      <c r="BQ1015" s="6">
        <v>235</v>
      </c>
      <c r="BR1015" s="6">
        <v>242</v>
      </c>
      <c r="BS1015" s="6">
        <v>255</v>
      </c>
      <c r="BT1015" s="6">
        <v>276</v>
      </c>
      <c r="BU1015" s="6">
        <v>286</v>
      </c>
      <c r="BV1015" s="6">
        <v>273</v>
      </c>
      <c r="BW1015" s="6">
        <v>282</v>
      </c>
      <c r="BX1015" s="6">
        <v>282</v>
      </c>
      <c r="BY1015" s="6">
        <v>283</v>
      </c>
      <c r="BZ1015" s="6">
        <v>295</v>
      </c>
      <c r="CA1015" s="6">
        <v>300</v>
      </c>
      <c r="CB1015" s="6">
        <v>309</v>
      </c>
      <c r="CC1015" s="11">
        <v>304.75</v>
      </c>
      <c r="CD1015" s="11">
        <v>226.041</v>
      </c>
      <c r="CE1015" s="11">
        <v>225.982</v>
      </c>
      <c r="CF1015" s="11">
        <v>274.55599999999998</v>
      </c>
      <c r="CG1015" s="11">
        <v>501</v>
      </c>
      <c r="CH1015" s="20">
        <v>0.87210299999999996</v>
      </c>
      <c r="CI1015" s="20">
        <v>0.92388499999999996</v>
      </c>
      <c r="CJ1015" s="20">
        <v>0.88939599999999996</v>
      </c>
      <c r="CK1015" s="20">
        <v>0.75708500000000001</v>
      </c>
      <c r="CL1015" s="20">
        <v>0.81471800000000005</v>
      </c>
      <c r="CM1015" s="20">
        <v>0.82021500000000003</v>
      </c>
      <c r="CN1015" s="20">
        <v>1.0441199999999999</v>
      </c>
      <c r="CO1015" s="20">
        <v>1.09934</v>
      </c>
      <c r="CP1015" s="20">
        <v>1.1344399999999999</v>
      </c>
      <c r="CQ1015" s="20">
        <v>1.2761800000000001</v>
      </c>
      <c r="CR1015" s="20">
        <v>1.2242599999999999</v>
      </c>
      <c r="CS1015" s="20">
        <v>1.1169500000000001</v>
      </c>
      <c r="CT1015" s="20">
        <v>1.17896</v>
      </c>
      <c r="CU1015" s="20">
        <v>1.1339900000000001</v>
      </c>
      <c r="CV1015" s="20">
        <v>0.95393300000000003</v>
      </c>
      <c r="CW1015" s="20">
        <v>0.93548299999999995</v>
      </c>
      <c r="CX1015" s="20">
        <v>0.90922199999999997</v>
      </c>
      <c r="CY1015" s="6" t="s">
        <v>548</v>
      </c>
      <c r="CZ1015" s="6" t="s">
        <v>549</v>
      </c>
      <c r="DA1015" s="6" t="s">
        <v>89</v>
      </c>
      <c r="DB1015" s="6"/>
      <c r="DC1015" s="6">
        <v>41180</v>
      </c>
      <c r="DD1015" s="6">
        <v>476</v>
      </c>
      <c r="DE1015" s="6" t="s">
        <v>508</v>
      </c>
      <c r="DF1015" s="6" t="s">
        <v>375</v>
      </c>
      <c r="DG1015" s="6" t="s">
        <v>364</v>
      </c>
      <c r="DH1015" s="6" t="s">
        <v>419</v>
      </c>
      <c r="DI1015" s="6" t="s">
        <v>509</v>
      </c>
      <c r="DJ1015" s="6">
        <v>29</v>
      </c>
      <c r="DK1015" s="6">
        <v>99</v>
      </c>
      <c r="DL1015" s="6">
        <v>1</v>
      </c>
      <c r="DM1015" s="6" t="s">
        <v>404</v>
      </c>
      <c r="DN1015" s="6">
        <v>1</v>
      </c>
      <c r="DO1015" s="6" t="s">
        <v>405</v>
      </c>
      <c r="DP1015" s="6"/>
      <c r="DQ1015" s="6"/>
    </row>
    <row r="1016" spans="1:121" x14ac:dyDescent="0.2">
      <c r="A1016" s="6" t="s">
        <v>320</v>
      </c>
      <c r="B1016" s="6" t="s">
        <v>320</v>
      </c>
      <c r="C1016" s="6" t="s">
        <v>189</v>
      </c>
      <c r="D1016" s="6" t="s">
        <v>89</v>
      </c>
      <c r="E1016" s="6" t="s">
        <v>230</v>
      </c>
      <c r="F1016" s="11">
        <v>147</v>
      </c>
      <c r="G1016" s="13">
        <v>0.41761363636400001</v>
      </c>
      <c r="H1016" s="11">
        <v>199.84502154299997</v>
      </c>
      <c r="I1016" s="13">
        <v>0.56843570417242928</v>
      </c>
      <c r="J1016" s="11">
        <v>-19.228718674999982</v>
      </c>
      <c r="K1016" s="13">
        <v>-3.4871581210207982E-2</v>
      </c>
      <c r="L1016" s="11">
        <v>-33.677504701000032</v>
      </c>
      <c r="M1016" s="13">
        <v>-6.3281402582375232E-2</v>
      </c>
      <c r="N1016" s="11">
        <v>-52.906223376000014</v>
      </c>
      <c r="O1016" s="13">
        <v>-9.5946261223336049E-2</v>
      </c>
      <c r="P1016" s="7">
        <v>351.57014254400002</v>
      </c>
      <c r="Q1016" s="7">
        <v>457.68107538499999</v>
      </c>
      <c r="R1016" s="7">
        <v>504.124729452</v>
      </c>
      <c r="S1016" s="7">
        <v>508.935875194</v>
      </c>
      <c r="T1016" s="7">
        <v>552.97691558999998</v>
      </c>
      <c r="U1016" s="7">
        <v>561.76802171199995</v>
      </c>
      <c r="V1016" s="7">
        <v>551.41516408699999</v>
      </c>
      <c r="W1016" s="7">
        <v>523.15323650599998</v>
      </c>
      <c r="X1016" s="7">
        <v>549.94830326399995</v>
      </c>
      <c r="Y1016" s="7">
        <v>532.18644541200001</v>
      </c>
      <c r="Z1016" s="7">
        <v>566.41072630400004</v>
      </c>
      <c r="AA1016" s="7">
        <v>565.61201735300006</v>
      </c>
      <c r="AB1016" s="7">
        <v>533.63907256000005</v>
      </c>
      <c r="AC1016" s="7">
        <v>546.98695599799998</v>
      </c>
      <c r="AD1016" s="7">
        <v>519.78490139799999</v>
      </c>
      <c r="AE1016" s="7">
        <v>497.44425976700001</v>
      </c>
      <c r="AF1016" s="7">
        <v>498.50894071099998</v>
      </c>
      <c r="AG1016" s="9">
        <v>10316.8235769</v>
      </c>
      <c r="AH1016" s="13">
        <v>0.86029692118315892</v>
      </c>
      <c r="AI1016" s="9">
        <v>9309.1416542999996</v>
      </c>
      <c r="AJ1016" s="13">
        <v>0.77626857184841203</v>
      </c>
      <c r="AK1016" s="9">
        <v>2725.5780497000014</v>
      </c>
      <c r="AL1016" s="13">
        <v>0.12795355481122281</v>
      </c>
      <c r="AM1016" s="9">
        <v>-1717.8961271000007</v>
      </c>
      <c r="AN1016" s="13">
        <v>-7.1498909217157416E-2</v>
      </c>
      <c r="AO1016" s="9">
        <v>1007.6819226000007</v>
      </c>
      <c r="AP1016" s="13">
        <v>4.7306105994605191E-2</v>
      </c>
      <c r="AQ1016" s="9">
        <v>11992.166103199999</v>
      </c>
      <c r="AR1016" s="9">
        <v>17673.3631604</v>
      </c>
      <c r="AS1016" s="9">
        <v>17845.934618499999</v>
      </c>
      <c r="AT1016" s="9">
        <v>19621.2769467</v>
      </c>
      <c r="AU1016" s="9">
        <v>21705.6872994</v>
      </c>
      <c r="AV1016" s="9">
        <v>24067.631089400002</v>
      </c>
      <c r="AW1016" s="9">
        <v>21301.307757499999</v>
      </c>
      <c r="AX1016" s="9">
        <v>22500.7907194</v>
      </c>
      <c r="AY1016" s="9">
        <v>23373.3378257</v>
      </c>
      <c r="AZ1016" s="9">
        <v>24026.8858072</v>
      </c>
      <c r="BA1016" s="9">
        <v>23326.546544000001</v>
      </c>
      <c r="BB1016" s="9">
        <v>22955.436540399998</v>
      </c>
      <c r="BC1016" s="9">
        <v>22684.482651499999</v>
      </c>
      <c r="BD1016" s="9">
        <v>22305.090120000001</v>
      </c>
      <c r="BE1016" s="9">
        <v>22368.684795100002</v>
      </c>
      <c r="BF1016" s="9">
        <v>22308.9896801</v>
      </c>
      <c r="BG1016" s="11">
        <v>7.5</v>
      </c>
      <c r="BH1016" s="13">
        <v>0.5</v>
      </c>
      <c r="BI1016" s="6">
        <v>5</v>
      </c>
      <c r="BJ1016" s="13">
        <v>0.33333333333333331</v>
      </c>
      <c r="BK1016" s="6">
        <v>0</v>
      </c>
      <c r="BL1016" s="13">
        <v>0</v>
      </c>
      <c r="BM1016" s="11">
        <v>2.5</v>
      </c>
      <c r="BN1016" s="13">
        <v>0.125</v>
      </c>
      <c r="BO1016" s="11">
        <v>2.5</v>
      </c>
      <c r="BP1016" s="13">
        <v>0.125</v>
      </c>
      <c r="BQ1016" s="6">
        <v>15</v>
      </c>
      <c r="BR1016" s="6">
        <v>18</v>
      </c>
      <c r="BS1016" s="6">
        <v>20</v>
      </c>
      <c r="BT1016" s="6">
        <v>20</v>
      </c>
      <c r="BU1016" s="6">
        <v>19</v>
      </c>
      <c r="BV1016" s="6">
        <v>18</v>
      </c>
      <c r="BW1016" s="6">
        <v>20</v>
      </c>
      <c r="BX1016" s="6">
        <v>21</v>
      </c>
      <c r="BY1016" s="6">
        <v>18</v>
      </c>
      <c r="BZ1016" s="6">
        <v>21</v>
      </c>
      <c r="CA1016" s="6">
        <v>24</v>
      </c>
      <c r="CB1016" s="6">
        <v>23</v>
      </c>
      <c r="CC1016" s="11">
        <v>22.5</v>
      </c>
      <c r="CD1016" s="11">
        <v>-18.7974</v>
      </c>
      <c r="CE1016" s="11">
        <v>127.30500000000001</v>
      </c>
      <c r="CF1016" s="11">
        <v>38.430900000000001</v>
      </c>
      <c r="CG1016" s="11">
        <v>165</v>
      </c>
      <c r="CH1016" s="20">
        <v>0.365892</v>
      </c>
      <c r="CI1016" s="20">
        <v>0.451048</v>
      </c>
      <c r="CJ1016" s="20">
        <v>0.47711999999999999</v>
      </c>
      <c r="CK1016" s="20">
        <v>0.45760800000000001</v>
      </c>
      <c r="CL1016" s="20">
        <v>0.48302200000000001</v>
      </c>
      <c r="CM1016" s="20">
        <v>0.47754099999999999</v>
      </c>
      <c r="CN1016" s="20">
        <v>0.437581</v>
      </c>
      <c r="CO1016" s="20">
        <v>0.408107</v>
      </c>
      <c r="CP1016" s="20">
        <v>0.41056399999999998</v>
      </c>
      <c r="CQ1016" s="20">
        <v>0.38945099999999999</v>
      </c>
      <c r="CR1016" s="20">
        <v>0.40683599999999998</v>
      </c>
      <c r="CS1016" s="20">
        <v>0.40270800000000001</v>
      </c>
      <c r="CT1016" s="20">
        <v>0.379494</v>
      </c>
      <c r="CU1016" s="20">
        <v>0.389546</v>
      </c>
      <c r="CV1016" s="20">
        <v>0.37068299999999998</v>
      </c>
      <c r="CW1016" s="20">
        <v>0.34827999999999998</v>
      </c>
      <c r="CX1016" s="20">
        <v>0.34194400000000003</v>
      </c>
      <c r="CY1016" s="6" t="s">
        <v>548</v>
      </c>
      <c r="CZ1016" s="6" t="s">
        <v>549</v>
      </c>
      <c r="DA1016" s="6" t="s">
        <v>89</v>
      </c>
      <c r="DB1016" s="6"/>
      <c r="DC1016" s="6">
        <v>41180</v>
      </c>
      <c r="DD1016" s="6">
        <v>476</v>
      </c>
      <c r="DE1016" s="6" t="s">
        <v>508</v>
      </c>
      <c r="DF1016" s="6" t="s">
        <v>375</v>
      </c>
      <c r="DG1016" s="6" t="s">
        <v>364</v>
      </c>
      <c r="DH1016" s="6" t="s">
        <v>419</v>
      </c>
      <c r="DI1016" s="6" t="s">
        <v>509</v>
      </c>
      <c r="DJ1016" s="6">
        <v>29</v>
      </c>
      <c r="DK1016" s="6">
        <v>99</v>
      </c>
      <c r="DL1016" s="6">
        <v>1</v>
      </c>
      <c r="DM1016" s="6" t="s">
        <v>404</v>
      </c>
      <c r="DN1016" s="6">
        <v>1</v>
      </c>
      <c r="DO1016" s="6" t="s">
        <v>405</v>
      </c>
      <c r="DP1016" s="6"/>
      <c r="DQ1016" s="6"/>
    </row>
    <row r="1017" spans="1:121" x14ac:dyDescent="0.2">
      <c r="A1017" s="6" t="s">
        <v>321</v>
      </c>
      <c r="B1017" s="6" t="s">
        <v>321</v>
      </c>
      <c r="C1017" s="6" t="s">
        <v>190</v>
      </c>
      <c r="D1017" s="6" t="s">
        <v>89</v>
      </c>
      <c r="E1017" s="6" t="s">
        <v>230</v>
      </c>
      <c r="F1017" s="11">
        <v>1658</v>
      </c>
      <c r="G1017" s="13">
        <v>0.30517209644799997</v>
      </c>
      <c r="H1017" s="11">
        <v>780.97603181999966</v>
      </c>
      <c r="I1017" s="13">
        <v>0.14373490704142741</v>
      </c>
      <c r="J1017" s="11">
        <v>305.74109495999983</v>
      </c>
      <c r="K1017" s="13">
        <v>4.9198627502170439E-2</v>
      </c>
      <c r="L1017" s="11">
        <v>571.22238895999999</v>
      </c>
      <c r="M1017" s="13">
        <v>8.7608587472460198E-2</v>
      </c>
      <c r="N1017" s="11">
        <v>876.96348391999982</v>
      </c>
      <c r="O1017" s="13">
        <v>0.14111743723567952</v>
      </c>
      <c r="P1017" s="7">
        <v>5433.4472251400002</v>
      </c>
      <c r="Q1017" s="7">
        <v>5653.1073802399997</v>
      </c>
      <c r="R1017" s="7">
        <v>5690.1900819599996</v>
      </c>
      <c r="S1017" s="7">
        <v>5837.7011899299996</v>
      </c>
      <c r="T1017" s="7">
        <v>5811.0510493700003</v>
      </c>
      <c r="U1017" s="7">
        <v>6115.4422152300003</v>
      </c>
      <c r="V1017" s="7">
        <v>6214.4232569599999</v>
      </c>
      <c r="W1017" s="7">
        <v>6104.1881477899997</v>
      </c>
      <c r="X1017" s="7">
        <v>6533.0254134999996</v>
      </c>
      <c r="Y1017" s="7">
        <v>6520.1643519199997</v>
      </c>
      <c r="Z1017" s="7">
        <v>6594.9260768200002</v>
      </c>
      <c r="AA1017" s="7">
        <v>6965.73776481</v>
      </c>
      <c r="AB1017" s="7">
        <v>6814.6763607599996</v>
      </c>
      <c r="AC1017" s="7">
        <v>6750.0262927599997</v>
      </c>
      <c r="AD1017" s="7">
        <v>6726.46995126</v>
      </c>
      <c r="AE1017" s="7">
        <v>6982.88515525</v>
      </c>
      <c r="AF1017" s="7">
        <v>7091.3867408799997</v>
      </c>
      <c r="AG1017" s="9">
        <v>17099.705241500003</v>
      </c>
      <c r="AH1017" s="13">
        <v>0.65021958000297875</v>
      </c>
      <c r="AI1017" s="9">
        <v>7035.8552388999997</v>
      </c>
      <c r="AJ1017" s="13">
        <v>0.26753974842188599</v>
      </c>
      <c r="AK1017" s="9">
        <v>4289.2862313000005</v>
      </c>
      <c r="AL1017" s="13">
        <v>0.12867520246077405</v>
      </c>
      <c r="AM1017" s="9">
        <v>5774.5637713000033</v>
      </c>
      <c r="AN1017" s="13">
        <v>0.15348291192983035</v>
      </c>
      <c r="AO1017" s="9">
        <v>10063.850002600004</v>
      </c>
      <c r="AP1017" s="13">
        <v>0.30190755915744449</v>
      </c>
      <c r="AQ1017" s="9">
        <v>26298.354844099998</v>
      </c>
      <c r="AR1017" s="9">
        <v>26739.3722905</v>
      </c>
      <c r="AS1017" s="9">
        <v>27925.607694499999</v>
      </c>
      <c r="AT1017" s="9">
        <v>29237.409564699999</v>
      </c>
      <c r="AU1017" s="9">
        <v>30430.616092</v>
      </c>
      <c r="AV1017" s="9">
        <v>31770.680229500002</v>
      </c>
      <c r="AW1017" s="9">
        <v>33334.210082999998</v>
      </c>
      <c r="AX1017" s="9">
        <v>35677.604994200003</v>
      </c>
      <c r="AY1017" s="9">
        <v>36734.057932099997</v>
      </c>
      <c r="AZ1017" s="9">
        <v>37623.496314299999</v>
      </c>
      <c r="BA1017" s="9">
        <v>37667.073956599997</v>
      </c>
      <c r="BB1017" s="9">
        <v>37492.718244900003</v>
      </c>
      <c r="BC1017" s="9">
        <v>39084.134304400002</v>
      </c>
      <c r="BD1017" s="9">
        <v>39289.4391645</v>
      </c>
      <c r="BE1017" s="9">
        <v>42210.437650799999</v>
      </c>
      <c r="BF1017" s="9">
        <v>43398.060085600002</v>
      </c>
      <c r="BG1017" s="11">
        <v>374.75</v>
      </c>
      <c r="BH1017" s="13">
        <v>1.2878006872852235</v>
      </c>
      <c r="BI1017" s="6">
        <v>3</v>
      </c>
      <c r="BJ1017" s="13">
        <v>1.0309278350515464E-2</v>
      </c>
      <c r="BK1017" s="6">
        <v>30</v>
      </c>
      <c r="BL1017" s="13">
        <v>0.10204081632653061</v>
      </c>
      <c r="BM1017" s="11">
        <v>341.75</v>
      </c>
      <c r="BN1017" s="13">
        <v>1.054783950617284</v>
      </c>
      <c r="BO1017" s="11">
        <v>371.75</v>
      </c>
      <c r="BP1017" s="13">
        <v>1.2644557823129252</v>
      </c>
      <c r="BQ1017" s="6">
        <v>291</v>
      </c>
      <c r="BR1017" s="6">
        <v>296</v>
      </c>
      <c r="BS1017" s="6">
        <v>295</v>
      </c>
      <c r="BT1017" s="6">
        <v>294</v>
      </c>
      <c r="BU1017" s="6">
        <v>300</v>
      </c>
      <c r="BV1017" s="6">
        <v>306</v>
      </c>
      <c r="BW1017" s="6">
        <v>324</v>
      </c>
      <c r="BX1017" s="6">
        <v>324</v>
      </c>
      <c r="BY1017" s="6">
        <v>334</v>
      </c>
      <c r="BZ1017" s="6">
        <v>622</v>
      </c>
      <c r="CA1017" s="6">
        <v>647</v>
      </c>
      <c r="CB1017" s="6">
        <v>656</v>
      </c>
      <c r="CC1017" s="11">
        <v>665.75</v>
      </c>
      <c r="CD1017" s="11">
        <v>-914.68100000000004</v>
      </c>
      <c r="CE1017" s="11">
        <v>1978.68</v>
      </c>
      <c r="CF1017" s="11">
        <v>593.94100000000003</v>
      </c>
      <c r="CG1017" s="11">
        <v>2573</v>
      </c>
      <c r="CH1017" s="20">
        <v>1.14499</v>
      </c>
      <c r="CI1017" s="20">
        <v>1.13626</v>
      </c>
      <c r="CJ1017" s="20">
        <v>1.0964700000000001</v>
      </c>
      <c r="CK1017" s="20">
        <v>1.0860399999999999</v>
      </c>
      <c r="CL1017" s="20">
        <v>1.03888</v>
      </c>
      <c r="CM1017" s="20">
        <v>1.0606</v>
      </c>
      <c r="CN1017" s="20">
        <v>1.0039</v>
      </c>
      <c r="CO1017" s="20">
        <v>0.97262099999999996</v>
      </c>
      <c r="CP1017" s="20">
        <v>1.0038499999999999</v>
      </c>
      <c r="CQ1017" s="20">
        <v>0.98824599999999996</v>
      </c>
      <c r="CR1017" s="20">
        <v>0.99861699999999998</v>
      </c>
      <c r="CS1017" s="20">
        <v>1.0283199999999999</v>
      </c>
      <c r="CT1017" s="20">
        <v>0.99954600000000005</v>
      </c>
      <c r="CU1017" s="20">
        <v>0.99352099999999999</v>
      </c>
      <c r="CV1017" s="20">
        <v>0.98153000000000001</v>
      </c>
      <c r="CW1017" s="20">
        <v>0.99434800000000001</v>
      </c>
      <c r="CX1017" s="20">
        <v>0.98353900000000005</v>
      </c>
      <c r="CY1017" s="6" t="s">
        <v>548</v>
      </c>
      <c r="CZ1017" s="6" t="s">
        <v>549</v>
      </c>
      <c r="DA1017" s="6" t="s">
        <v>89</v>
      </c>
      <c r="DB1017" s="6"/>
      <c r="DC1017" s="6">
        <v>41180</v>
      </c>
      <c r="DD1017" s="6">
        <v>476</v>
      </c>
      <c r="DE1017" s="6" t="s">
        <v>508</v>
      </c>
      <c r="DF1017" s="6" t="s">
        <v>375</v>
      </c>
      <c r="DG1017" s="6" t="s">
        <v>364</v>
      </c>
      <c r="DH1017" s="6" t="s">
        <v>419</v>
      </c>
      <c r="DI1017" s="6" t="s">
        <v>509</v>
      </c>
      <c r="DJ1017" s="6">
        <v>29</v>
      </c>
      <c r="DK1017" s="6">
        <v>99</v>
      </c>
      <c r="DL1017" s="6">
        <v>1</v>
      </c>
      <c r="DM1017" s="6" t="s">
        <v>404</v>
      </c>
      <c r="DN1017" s="6">
        <v>1</v>
      </c>
      <c r="DO1017" s="6" t="s">
        <v>405</v>
      </c>
      <c r="DP1017" s="6"/>
      <c r="DQ1017" s="6"/>
    </row>
    <row r="1018" spans="1:121" x14ac:dyDescent="0.2">
      <c r="A1018" s="6" t="s">
        <v>322</v>
      </c>
      <c r="B1018" s="6" t="s">
        <v>322</v>
      </c>
      <c r="C1018" s="6" t="s">
        <v>191</v>
      </c>
      <c r="D1018" s="6" t="s">
        <v>89</v>
      </c>
      <c r="E1018" s="6" t="s">
        <v>230</v>
      </c>
      <c r="F1018" s="11">
        <v>-119</v>
      </c>
      <c r="G1018" s="13">
        <v>-0.18</v>
      </c>
      <c r="H1018" s="11">
        <v>17</v>
      </c>
      <c r="I1018" s="13">
        <v>2.5914634146341466E-2</v>
      </c>
      <c r="J1018" s="11">
        <v>-32</v>
      </c>
      <c r="K1018" s="13">
        <v>-4.7548291233283801E-2</v>
      </c>
      <c r="L1018" s="11">
        <v>-104</v>
      </c>
      <c r="M1018" s="13">
        <v>-0.16224648985959439</v>
      </c>
      <c r="N1018" s="11">
        <v>-136</v>
      </c>
      <c r="O1018" s="13">
        <v>-0.20208023774145617</v>
      </c>
      <c r="P1018" s="7">
        <v>656</v>
      </c>
      <c r="Q1018" s="7">
        <v>652</v>
      </c>
      <c r="R1018" s="7">
        <v>662</v>
      </c>
      <c r="S1018" s="7">
        <v>653</v>
      </c>
      <c r="T1018" s="7">
        <v>648</v>
      </c>
      <c r="U1018" s="7">
        <v>683</v>
      </c>
      <c r="V1018" s="7">
        <v>673</v>
      </c>
      <c r="W1018" s="7">
        <v>657</v>
      </c>
      <c r="X1018" s="7">
        <v>624</v>
      </c>
      <c r="Y1018" s="7">
        <v>641</v>
      </c>
      <c r="Z1018" s="7">
        <v>591</v>
      </c>
      <c r="AA1018" s="7">
        <v>608</v>
      </c>
      <c r="AB1018" s="7">
        <v>613</v>
      </c>
      <c r="AC1018" s="7">
        <v>601</v>
      </c>
      <c r="AD1018" s="7">
        <v>568</v>
      </c>
      <c r="AE1018" s="7">
        <v>538</v>
      </c>
      <c r="AF1018" s="7">
        <v>537</v>
      </c>
      <c r="AG1018" s="9">
        <v>2271</v>
      </c>
      <c r="AH1018" s="13">
        <v>0.14796716184519157</v>
      </c>
      <c r="AI1018" s="9">
        <v>1795</v>
      </c>
      <c r="AJ1018" s="13">
        <v>0.1169533489705499</v>
      </c>
      <c r="AK1018" s="9">
        <v>-1691</v>
      </c>
      <c r="AL1018" s="13">
        <v>-9.8640844659627844E-2</v>
      </c>
      <c r="AM1018" s="9">
        <v>2167</v>
      </c>
      <c r="AN1018" s="13">
        <v>0.14024074553455862</v>
      </c>
      <c r="AO1018" s="9">
        <v>476</v>
      </c>
      <c r="AP1018" s="13">
        <v>2.7766435279706004E-2</v>
      </c>
      <c r="AQ1018" s="9">
        <v>15348</v>
      </c>
      <c r="AR1018" s="9">
        <v>15173</v>
      </c>
      <c r="AS1018" s="9">
        <v>14791</v>
      </c>
      <c r="AT1018" s="9">
        <v>14839</v>
      </c>
      <c r="AU1018" s="9">
        <v>15329</v>
      </c>
      <c r="AV1018" s="9">
        <v>15890</v>
      </c>
      <c r="AW1018" s="9">
        <v>17143</v>
      </c>
      <c r="AX1018" s="9">
        <v>16006</v>
      </c>
      <c r="AY1018" s="9">
        <v>16149</v>
      </c>
      <c r="AZ1018" s="9">
        <v>15452</v>
      </c>
      <c r="BA1018" s="9">
        <v>15684</v>
      </c>
      <c r="BB1018" s="9">
        <v>15590</v>
      </c>
      <c r="BC1018" s="9">
        <v>15555</v>
      </c>
      <c r="BD1018" s="9">
        <v>17470</v>
      </c>
      <c r="BE1018" s="9">
        <v>17414</v>
      </c>
      <c r="BF1018" s="9">
        <v>17619</v>
      </c>
      <c r="BG1018" s="11">
        <v>-3</v>
      </c>
      <c r="BH1018" s="13">
        <v>-6.3829787234042548E-2</v>
      </c>
      <c r="BI1018" s="6">
        <v>4</v>
      </c>
      <c r="BJ1018" s="13">
        <v>8.5106382978723402E-2</v>
      </c>
      <c r="BK1018" s="6">
        <v>-4</v>
      </c>
      <c r="BL1018" s="13">
        <v>-7.8431372549019607E-2</v>
      </c>
      <c r="BM1018" s="11">
        <v>-3</v>
      </c>
      <c r="BN1018" s="13">
        <v>-6.3829787234042548E-2</v>
      </c>
      <c r="BO1018" s="11">
        <v>-7</v>
      </c>
      <c r="BP1018" s="13">
        <v>-0.13725490196078433</v>
      </c>
      <c r="BQ1018" s="6">
        <v>47</v>
      </c>
      <c r="BR1018" s="6">
        <v>47</v>
      </c>
      <c r="BS1018" s="6">
        <v>46</v>
      </c>
      <c r="BT1018" s="6">
        <v>51</v>
      </c>
      <c r="BU1018" s="6">
        <v>48</v>
      </c>
      <c r="BV1018" s="6">
        <v>47</v>
      </c>
      <c r="BW1018" s="6">
        <v>47</v>
      </c>
      <c r="BX1018" s="6">
        <v>47</v>
      </c>
      <c r="BY1018" s="6">
        <v>47</v>
      </c>
      <c r="BZ1018" s="6">
        <v>45</v>
      </c>
      <c r="CA1018" s="6">
        <v>42</v>
      </c>
      <c r="CB1018" s="6">
        <v>45</v>
      </c>
      <c r="CC1018" s="11">
        <v>44</v>
      </c>
      <c r="CD1018" s="11">
        <v>-311</v>
      </c>
      <c r="CE1018" s="11">
        <v>119</v>
      </c>
      <c r="CF1018" s="11">
        <v>72</v>
      </c>
      <c r="CG1018" s="11">
        <v>191</v>
      </c>
      <c r="CH1018" s="20">
        <v>0.9</v>
      </c>
      <c r="CI1018" s="20">
        <v>0.87</v>
      </c>
      <c r="CJ1018" s="20">
        <v>0.86</v>
      </c>
      <c r="CK1018" s="20">
        <v>0.82</v>
      </c>
      <c r="CL1018" s="20">
        <v>0.79</v>
      </c>
      <c r="CM1018" s="20">
        <v>0.81</v>
      </c>
      <c r="CN1018" s="20">
        <v>0.75</v>
      </c>
      <c r="CO1018" s="20">
        <v>0.73</v>
      </c>
      <c r="CP1018" s="20">
        <v>0.7</v>
      </c>
      <c r="CQ1018" s="20">
        <v>0.72</v>
      </c>
      <c r="CR1018" s="20">
        <v>0.67</v>
      </c>
      <c r="CS1018" s="20">
        <v>0.68</v>
      </c>
      <c r="CT1018" s="20">
        <v>0.68</v>
      </c>
      <c r="CU1018" s="20">
        <v>0.66</v>
      </c>
      <c r="CV1018" s="20">
        <v>0.61</v>
      </c>
      <c r="CW1018" s="20">
        <v>0.56999999999999995</v>
      </c>
      <c r="CX1018" s="20">
        <v>0.55000000000000004</v>
      </c>
      <c r="CY1018" s="6" t="s">
        <v>548</v>
      </c>
      <c r="CZ1018" s="6" t="s">
        <v>549</v>
      </c>
      <c r="DA1018" s="6" t="s">
        <v>89</v>
      </c>
      <c r="DB1018" s="6"/>
      <c r="DC1018" s="6">
        <v>41180</v>
      </c>
      <c r="DD1018" s="6">
        <v>476</v>
      </c>
      <c r="DE1018" s="6" t="s">
        <v>508</v>
      </c>
      <c r="DF1018" s="6" t="s">
        <v>375</v>
      </c>
      <c r="DG1018" s="6" t="s">
        <v>364</v>
      </c>
      <c r="DH1018" s="6" t="s">
        <v>419</v>
      </c>
      <c r="DI1018" s="6" t="s">
        <v>509</v>
      </c>
      <c r="DJ1018" s="6">
        <v>29</v>
      </c>
      <c r="DK1018" s="6">
        <v>99</v>
      </c>
      <c r="DL1018" s="6">
        <v>1</v>
      </c>
      <c r="DM1018" s="6" t="s">
        <v>404</v>
      </c>
      <c r="DN1018" s="6">
        <v>1</v>
      </c>
      <c r="DO1018" s="6" t="s">
        <v>405</v>
      </c>
      <c r="DP1018" s="6"/>
      <c r="DQ1018" s="6"/>
    </row>
    <row r="1019" spans="1:121" x14ac:dyDescent="0.2">
      <c r="A1019" s="6" t="s">
        <v>323</v>
      </c>
      <c r="B1019" s="6" t="s">
        <v>323</v>
      </c>
      <c r="C1019" s="6" t="s">
        <v>192</v>
      </c>
      <c r="D1019" s="6" t="s">
        <v>89</v>
      </c>
      <c r="E1019" s="6" t="s">
        <v>230</v>
      </c>
      <c r="F1019" s="11">
        <v>2052</v>
      </c>
      <c r="G1019" s="13">
        <v>0.49315068493199998</v>
      </c>
      <c r="H1019" s="11">
        <v>1264.5936928000001</v>
      </c>
      <c r="I1019" s="13">
        <v>0.30394603693107125</v>
      </c>
      <c r="J1019" s="11">
        <v>-143.31017210000027</v>
      </c>
      <c r="K1019" s="13">
        <v>-2.6415745543985888E-2</v>
      </c>
      <c r="L1019" s="11">
        <v>931.06867710999995</v>
      </c>
      <c r="M1019" s="13">
        <v>0.17627634206526993</v>
      </c>
      <c r="N1019" s="11">
        <v>787.75850500999968</v>
      </c>
      <c r="O1019" s="13">
        <v>0.14520412552386325</v>
      </c>
      <c r="P1019" s="7">
        <v>4160.5862197400002</v>
      </c>
      <c r="Q1019" s="7">
        <v>4312.0755301700001</v>
      </c>
      <c r="R1019" s="7">
        <v>4293.4108515999997</v>
      </c>
      <c r="S1019" s="7">
        <v>4589.5852718699998</v>
      </c>
      <c r="T1019" s="7">
        <v>4860.0368532299999</v>
      </c>
      <c r="U1019" s="7">
        <v>5082.06667672</v>
      </c>
      <c r="V1019" s="7">
        <v>5425.1799125400003</v>
      </c>
      <c r="W1019" s="7">
        <v>5484.04632967</v>
      </c>
      <c r="X1019" s="7">
        <v>5415.2051583499997</v>
      </c>
      <c r="Y1019" s="7">
        <v>5281.86974044</v>
      </c>
      <c r="Z1019" s="7">
        <v>5257.5117566700001</v>
      </c>
      <c r="AA1019" s="7">
        <v>5342.6290019199996</v>
      </c>
      <c r="AB1019" s="7">
        <v>5511.6727921299998</v>
      </c>
      <c r="AC1019" s="7">
        <v>5703.2808199800002</v>
      </c>
      <c r="AD1019" s="7">
        <v>5923.1654830099997</v>
      </c>
      <c r="AE1019" s="7">
        <v>6084.3310057799999</v>
      </c>
      <c r="AF1019" s="7">
        <v>6212.9384175499999</v>
      </c>
      <c r="AG1019" s="9">
        <v>5060.2201325000005</v>
      </c>
      <c r="AH1019" s="13">
        <v>0.4449668312226821</v>
      </c>
      <c r="AI1019" s="9">
        <v>2096.8425504999996</v>
      </c>
      <c r="AJ1019" s="13">
        <v>0.18438434709122239</v>
      </c>
      <c r="AK1019" s="9">
        <v>634.35363100000177</v>
      </c>
      <c r="AL1019" s="13">
        <v>4.7097407276876189E-2</v>
      </c>
      <c r="AM1019" s="9">
        <v>2329.0239509999992</v>
      </c>
      <c r="AN1019" s="13">
        <v>0.16514006080672608</v>
      </c>
      <c r="AO1019" s="9">
        <v>2963.377582000001</v>
      </c>
      <c r="AP1019" s="13">
        <v>0.22001513678514475</v>
      </c>
      <c r="AQ1019" s="9">
        <v>11372.1288362</v>
      </c>
      <c r="AR1019" s="9">
        <v>11771.691933100001</v>
      </c>
      <c r="AS1019" s="9">
        <v>12168.500788200001</v>
      </c>
      <c r="AT1019" s="9">
        <v>12666.7361363</v>
      </c>
      <c r="AU1019" s="9">
        <v>12804.694012600001</v>
      </c>
      <c r="AV1019" s="9">
        <v>12951.6842373</v>
      </c>
      <c r="AW1019" s="9">
        <v>13468.971386699999</v>
      </c>
      <c r="AX1019" s="9">
        <v>13331.960245300001</v>
      </c>
      <c r="AY1019" s="9">
        <v>13517.9769841</v>
      </c>
      <c r="AZ1019" s="9">
        <v>14103.325017700001</v>
      </c>
      <c r="BA1019" s="9">
        <v>14477.082168999999</v>
      </c>
      <c r="BB1019" s="9">
        <v>14731.1903406</v>
      </c>
      <c r="BC1019" s="9">
        <v>14687.781276600001</v>
      </c>
      <c r="BD1019" s="9">
        <v>15112.1593913</v>
      </c>
      <c r="BE1019" s="9">
        <v>15982.564970400001</v>
      </c>
      <c r="BF1019" s="9">
        <v>16432.3489687</v>
      </c>
      <c r="BG1019" s="11">
        <v>53</v>
      </c>
      <c r="BH1019" s="13">
        <v>0.25728155339805825</v>
      </c>
      <c r="BI1019" s="6">
        <v>48</v>
      </c>
      <c r="BJ1019" s="13">
        <v>0.23300970873786409</v>
      </c>
      <c r="BK1019" s="6">
        <v>2</v>
      </c>
      <c r="BL1019" s="13">
        <v>7.874015748031496E-3</v>
      </c>
      <c r="BM1019" s="11">
        <v>3</v>
      </c>
      <c r="BN1019" s="13">
        <v>1.171875E-2</v>
      </c>
      <c r="BO1019" s="11">
        <v>5</v>
      </c>
      <c r="BP1019" s="13">
        <v>1.968503937007874E-2</v>
      </c>
      <c r="BQ1019" s="6">
        <v>206</v>
      </c>
      <c r="BR1019" s="6">
        <v>219</v>
      </c>
      <c r="BS1019" s="6">
        <v>227</v>
      </c>
      <c r="BT1019" s="6">
        <v>254</v>
      </c>
      <c r="BU1019" s="6">
        <v>258</v>
      </c>
      <c r="BV1019" s="6">
        <v>261</v>
      </c>
      <c r="BW1019" s="6">
        <v>256</v>
      </c>
      <c r="BX1019" s="6">
        <v>253</v>
      </c>
      <c r="BY1019" s="6">
        <v>259</v>
      </c>
      <c r="BZ1019" s="6">
        <v>254</v>
      </c>
      <c r="CA1019" s="6">
        <v>251</v>
      </c>
      <c r="CB1019" s="6">
        <v>258</v>
      </c>
      <c r="CC1019" s="11">
        <v>259</v>
      </c>
      <c r="CD1019" s="11">
        <v>651.40899999999999</v>
      </c>
      <c r="CE1019" s="11">
        <v>946.14099999999996</v>
      </c>
      <c r="CF1019" s="11">
        <v>454.80200000000002</v>
      </c>
      <c r="CG1019" s="11">
        <v>1401</v>
      </c>
      <c r="CH1019" s="20">
        <v>1.1814199999999999</v>
      </c>
      <c r="CI1019" s="20">
        <v>1.1975899999999999</v>
      </c>
      <c r="CJ1019" s="20">
        <v>1.1571400000000001</v>
      </c>
      <c r="CK1019" s="20">
        <v>1.18801</v>
      </c>
      <c r="CL1019" s="20">
        <v>1.2079899999999999</v>
      </c>
      <c r="CM1019" s="20">
        <v>1.2302500000000001</v>
      </c>
      <c r="CN1019" s="20">
        <v>1.2301599999999999</v>
      </c>
      <c r="CO1019" s="20">
        <v>1.2545999999999999</v>
      </c>
      <c r="CP1019" s="20">
        <v>1.2539199999999999</v>
      </c>
      <c r="CQ1019" s="20">
        <v>1.2222</v>
      </c>
      <c r="CR1019" s="20">
        <v>1.2020900000000001</v>
      </c>
      <c r="CS1019" s="20">
        <v>1.19831</v>
      </c>
      <c r="CT1019" s="20">
        <v>1.21516</v>
      </c>
      <c r="CU1019" s="20">
        <v>1.2484999999999999</v>
      </c>
      <c r="CV1019" s="20">
        <v>1.2731600000000001</v>
      </c>
      <c r="CW1019" s="20">
        <v>1.2732300000000001</v>
      </c>
      <c r="CX1019" s="20">
        <v>1.27993</v>
      </c>
      <c r="CY1019" s="6" t="s">
        <v>548</v>
      </c>
      <c r="CZ1019" s="6" t="s">
        <v>549</v>
      </c>
      <c r="DA1019" s="6" t="s">
        <v>89</v>
      </c>
      <c r="DB1019" s="6"/>
      <c r="DC1019" s="6">
        <v>41180</v>
      </c>
      <c r="DD1019" s="6">
        <v>476</v>
      </c>
      <c r="DE1019" s="6" t="s">
        <v>508</v>
      </c>
      <c r="DF1019" s="6" t="s">
        <v>375</v>
      </c>
      <c r="DG1019" s="6" t="s">
        <v>364</v>
      </c>
      <c r="DH1019" s="6" t="s">
        <v>419</v>
      </c>
      <c r="DI1019" s="6" t="s">
        <v>509</v>
      </c>
      <c r="DJ1019" s="6">
        <v>29</v>
      </c>
      <c r="DK1019" s="6">
        <v>99</v>
      </c>
      <c r="DL1019" s="6">
        <v>1</v>
      </c>
      <c r="DM1019" s="6" t="s">
        <v>404</v>
      </c>
      <c r="DN1019" s="6">
        <v>1</v>
      </c>
      <c r="DO1019" s="6" t="s">
        <v>405</v>
      </c>
      <c r="DP1019" s="6"/>
      <c r="DQ1019" s="6"/>
    </row>
    <row r="1020" spans="1:121" x14ac:dyDescent="0.2">
      <c r="A1020" s="6" t="s">
        <v>325</v>
      </c>
      <c r="B1020" s="6" t="s">
        <v>325</v>
      </c>
      <c r="C1020" s="6" t="s">
        <v>193</v>
      </c>
      <c r="D1020" s="6" t="s">
        <v>89</v>
      </c>
      <c r="E1020" s="6" t="s">
        <v>230</v>
      </c>
      <c r="F1020" s="11">
        <v>664</v>
      </c>
      <c r="G1020" s="13">
        <v>0.209927284224</v>
      </c>
      <c r="H1020" s="11">
        <v>1122.2047210599999</v>
      </c>
      <c r="I1020" s="13">
        <v>0.35483345694261992</v>
      </c>
      <c r="J1020" s="11">
        <v>-160.82853179999984</v>
      </c>
      <c r="K1020" s="13">
        <v>-3.753441534147061E-2</v>
      </c>
      <c r="L1020" s="11">
        <v>-296.67603101000032</v>
      </c>
      <c r="M1020" s="13">
        <v>-7.1938902716793901E-2</v>
      </c>
      <c r="N1020" s="11">
        <v>-457.50456281000015</v>
      </c>
      <c r="O1020" s="13">
        <v>-0.10677313340448272</v>
      </c>
      <c r="P1020" s="7">
        <v>3162.6237580000002</v>
      </c>
      <c r="Q1020" s="7">
        <v>3358.9052519900001</v>
      </c>
      <c r="R1020" s="7">
        <v>3517.7533896800001</v>
      </c>
      <c r="S1020" s="7">
        <v>3647.0516308400001</v>
      </c>
      <c r="T1020" s="7">
        <v>3838.32783539</v>
      </c>
      <c r="U1020" s="7">
        <v>3658.1096324199998</v>
      </c>
      <c r="V1020" s="7">
        <v>4284.8284790600001</v>
      </c>
      <c r="W1020" s="7">
        <v>4135.2081358599999</v>
      </c>
      <c r="X1020" s="7">
        <v>4086.6043335600002</v>
      </c>
      <c r="Y1020" s="7">
        <v>4123.9999472600002</v>
      </c>
      <c r="Z1020" s="7">
        <v>4145.0371287500002</v>
      </c>
      <c r="AA1020" s="7">
        <v>4347.9672103800003</v>
      </c>
      <c r="AB1020" s="7">
        <v>4065.0861205400001</v>
      </c>
      <c r="AC1020" s="7">
        <v>3850.3438773100002</v>
      </c>
      <c r="AD1020" s="7">
        <v>3839.64849529</v>
      </c>
      <c r="AE1020" s="7">
        <v>3822.1826286</v>
      </c>
      <c r="AF1020" s="7">
        <v>3827.3239162499999</v>
      </c>
      <c r="AG1020" s="9">
        <v>11004.9898058</v>
      </c>
      <c r="AH1020" s="13">
        <v>0.57058145198898991</v>
      </c>
      <c r="AI1020" s="9">
        <v>4597.8904177000004</v>
      </c>
      <c r="AJ1020" s="13">
        <v>0.2383892249709193</v>
      </c>
      <c r="AK1020" s="9">
        <v>1180.1949907000017</v>
      </c>
      <c r="AL1020" s="13">
        <v>4.9411109697784304E-2</v>
      </c>
      <c r="AM1020" s="9">
        <v>5226.9043973999978</v>
      </c>
      <c r="AN1020" s="13">
        <v>0.20853057452228171</v>
      </c>
      <c r="AO1020" s="9">
        <v>6407.0993880999995</v>
      </c>
      <c r="AP1020" s="13">
        <v>0.26824541131312846</v>
      </c>
      <c r="AQ1020" s="9">
        <v>19287.3248288</v>
      </c>
      <c r="AR1020" s="9">
        <v>19162.119069799999</v>
      </c>
      <c r="AS1020" s="9">
        <v>20055.422956499999</v>
      </c>
      <c r="AT1020" s="9">
        <v>20581.5608355</v>
      </c>
      <c r="AU1020" s="9">
        <v>20856.680159700001</v>
      </c>
      <c r="AV1020" s="9">
        <v>21494.2972156</v>
      </c>
      <c r="AW1020" s="9">
        <v>23885.2152465</v>
      </c>
      <c r="AX1020" s="9">
        <v>24602.580383100001</v>
      </c>
      <c r="AY1020" s="9">
        <v>25159.805375200001</v>
      </c>
      <c r="AZ1020" s="9">
        <v>25065.410237200002</v>
      </c>
      <c r="BA1020" s="9">
        <v>25907.052538799999</v>
      </c>
      <c r="BB1020" s="9">
        <v>25865.821139700001</v>
      </c>
      <c r="BC1020" s="9">
        <v>27210.402471699999</v>
      </c>
      <c r="BD1020" s="9">
        <v>29240.098257400001</v>
      </c>
      <c r="BE1020" s="9">
        <v>30284.6907173</v>
      </c>
      <c r="BF1020" s="9">
        <v>30292.314634599999</v>
      </c>
      <c r="BG1020" s="11">
        <v>-115.75</v>
      </c>
      <c r="BH1020" s="13">
        <v>-0.24215481171548117</v>
      </c>
      <c r="BI1020" s="6">
        <v>92</v>
      </c>
      <c r="BJ1020" s="13">
        <v>0.19246861924686193</v>
      </c>
      <c r="BK1020" s="6">
        <v>19</v>
      </c>
      <c r="BL1020" s="13">
        <v>3.3333333333333333E-2</v>
      </c>
      <c r="BM1020" s="11">
        <v>-226.75</v>
      </c>
      <c r="BN1020" s="13">
        <v>-0.38497453310696095</v>
      </c>
      <c r="BO1020" s="11">
        <v>-207.75</v>
      </c>
      <c r="BP1020" s="13">
        <v>-0.36447368421052634</v>
      </c>
      <c r="BQ1020" s="6">
        <v>478</v>
      </c>
      <c r="BR1020" s="6">
        <v>507</v>
      </c>
      <c r="BS1020" s="6">
        <v>526</v>
      </c>
      <c r="BT1020" s="6">
        <v>570</v>
      </c>
      <c r="BU1020" s="6">
        <v>576</v>
      </c>
      <c r="BV1020" s="6">
        <v>570</v>
      </c>
      <c r="BW1020" s="6">
        <v>589</v>
      </c>
      <c r="BX1020" s="6">
        <v>596</v>
      </c>
      <c r="BY1020" s="6">
        <v>596</v>
      </c>
      <c r="BZ1020" s="6">
        <v>345</v>
      </c>
      <c r="CA1020" s="6">
        <v>353</v>
      </c>
      <c r="CB1020" s="6">
        <v>358</v>
      </c>
      <c r="CC1020" s="11">
        <v>362.25</v>
      </c>
      <c r="CD1020" s="11">
        <v>348.11200000000002</v>
      </c>
      <c r="CE1020" s="11">
        <v>-29.1248</v>
      </c>
      <c r="CF1020" s="11">
        <v>345.71300000000002</v>
      </c>
      <c r="CG1020" s="11">
        <v>317</v>
      </c>
      <c r="CH1020" s="20">
        <v>1.3221099999999999</v>
      </c>
      <c r="CI1020" s="20">
        <v>1.3676699999999999</v>
      </c>
      <c r="CJ1020" s="20">
        <v>1.3979699999999999</v>
      </c>
      <c r="CK1020" s="20">
        <v>1.4171899999999999</v>
      </c>
      <c r="CL1020" s="20">
        <v>1.4559500000000001</v>
      </c>
      <c r="CM1020" s="20">
        <v>1.3640699999999999</v>
      </c>
      <c r="CN1020" s="20">
        <v>1.5040100000000001</v>
      </c>
      <c r="CO1020" s="20">
        <v>1.46305</v>
      </c>
      <c r="CP1020" s="20">
        <v>1.4336</v>
      </c>
      <c r="CQ1020" s="20">
        <v>1.4564299999999999</v>
      </c>
      <c r="CR1020" s="20">
        <v>1.46756</v>
      </c>
      <c r="CS1020" s="20">
        <v>1.52179</v>
      </c>
      <c r="CT1020" s="20">
        <v>1.52559</v>
      </c>
      <c r="CU1020" s="20">
        <v>1.45004</v>
      </c>
      <c r="CV1020" s="20">
        <v>1.4479299999999999</v>
      </c>
      <c r="CW1020" s="20">
        <v>1.41815</v>
      </c>
      <c r="CX1020" s="20">
        <v>1.41045</v>
      </c>
      <c r="CY1020" s="6" t="s">
        <v>548</v>
      </c>
      <c r="CZ1020" s="6" t="s">
        <v>549</v>
      </c>
      <c r="DA1020" s="6" t="s">
        <v>89</v>
      </c>
      <c r="DB1020" s="6"/>
      <c r="DC1020" s="6">
        <v>41180</v>
      </c>
      <c r="DD1020" s="6">
        <v>476</v>
      </c>
      <c r="DE1020" s="6" t="s">
        <v>508</v>
      </c>
      <c r="DF1020" s="6" t="s">
        <v>375</v>
      </c>
      <c r="DG1020" s="6" t="s">
        <v>364</v>
      </c>
      <c r="DH1020" s="6" t="s">
        <v>419</v>
      </c>
      <c r="DI1020" s="6" t="s">
        <v>509</v>
      </c>
      <c r="DJ1020" s="6">
        <v>29</v>
      </c>
      <c r="DK1020" s="6">
        <v>99</v>
      </c>
      <c r="DL1020" s="6">
        <v>1</v>
      </c>
      <c r="DM1020" s="6" t="s">
        <v>404</v>
      </c>
      <c r="DN1020" s="6">
        <v>1</v>
      </c>
      <c r="DO1020" s="6" t="s">
        <v>405</v>
      </c>
      <c r="DP1020" s="6"/>
      <c r="DQ1020" s="6"/>
    </row>
    <row r="1021" spans="1:121" x14ac:dyDescent="0.2">
      <c r="A1021" s="6" t="s">
        <v>327</v>
      </c>
      <c r="B1021" s="6" t="s">
        <v>327</v>
      </c>
      <c r="C1021" s="6" t="s">
        <v>194</v>
      </c>
      <c r="D1021" s="6" t="s">
        <v>89</v>
      </c>
      <c r="E1021" s="6" t="s">
        <v>230</v>
      </c>
      <c r="F1021" s="11">
        <v>772</v>
      </c>
      <c r="G1021" s="13">
        <v>8.8319414254699996E-2</v>
      </c>
      <c r="H1021" s="11">
        <v>924.51204499999949</v>
      </c>
      <c r="I1021" s="13">
        <v>0.10577064390241814</v>
      </c>
      <c r="J1021" s="11">
        <v>13.895904999999402</v>
      </c>
      <c r="K1021" s="13">
        <v>1.4377201343526538E-3</v>
      </c>
      <c r="L1021" s="11">
        <v>-165.69862101999934</v>
      </c>
      <c r="M1021" s="13">
        <v>-1.7119160634200423E-2</v>
      </c>
      <c r="N1021" s="11">
        <v>-151.80271601999993</v>
      </c>
      <c r="O1021" s="13">
        <v>-1.5706053061774777E-2</v>
      </c>
      <c r="P1021" s="7">
        <v>8740.7243720000006</v>
      </c>
      <c r="Q1021" s="7">
        <v>8777.6276120000002</v>
      </c>
      <c r="R1021" s="7">
        <v>8944.1635210000004</v>
      </c>
      <c r="S1021" s="7">
        <v>8974.7667799999999</v>
      </c>
      <c r="T1021" s="7">
        <v>9207.7420619999994</v>
      </c>
      <c r="U1021" s="7">
        <v>9457.9061980000006</v>
      </c>
      <c r="V1021" s="7">
        <v>9665.2364170000001</v>
      </c>
      <c r="W1021" s="7">
        <v>9728.4744769999998</v>
      </c>
      <c r="X1021" s="7">
        <v>9880.1975089999996</v>
      </c>
      <c r="Y1021" s="7">
        <v>9679.1323219999995</v>
      </c>
      <c r="Z1021" s="7">
        <v>9584.4474659999996</v>
      </c>
      <c r="AA1021" s="7">
        <v>9581.1748270000007</v>
      </c>
      <c r="AB1021" s="7">
        <v>9556.8849879999998</v>
      </c>
      <c r="AC1021" s="7">
        <v>9448.3680590000004</v>
      </c>
      <c r="AD1021" s="7">
        <v>9430.0897690000002</v>
      </c>
      <c r="AE1021" s="7">
        <v>9495.0843929999992</v>
      </c>
      <c r="AF1021" s="7">
        <v>9513.4337009800001</v>
      </c>
      <c r="AG1021" s="9">
        <v>16940.871756799999</v>
      </c>
      <c r="AH1021" s="13">
        <v>0.47681080037196927</v>
      </c>
      <c r="AI1021" s="9">
        <v>10176.877525999997</v>
      </c>
      <c r="AJ1021" s="13">
        <v>0.28643420410238407</v>
      </c>
      <c r="AK1021" s="9">
        <v>3920.9171216000032</v>
      </c>
      <c r="AL1021" s="13">
        <v>8.5784813832749301E-2</v>
      </c>
      <c r="AM1021" s="9">
        <v>2843.0771091999995</v>
      </c>
      <c r="AN1021" s="13">
        <v>5.7288523080705651E-2</v>
      </c>
      <c r="AO1021" s="9">
        <v>6763.9942308000027</v>
      </c>
      <c r="AP1021" s="13">
        <v>0.14798782220068646</v>
      </c>
      <c r="AQ1021" s="9">
        <v>35529.547031200003</v>
      </c>
      <c r="AR1021" s="9">
        <v>37191.121751999999</v>
      </c>
      <c r="AS1021" s="9">
        <v>39108.682529099999</v>
      </c>
      <c r="AT1021" s="9">
        <v>40367.2104875</v>
      </c>
      <c r="AU1021" s="9">
        <v>41736.401257999998</v>
      </c>
      <c r="AV1021" s="9">
        <v>43916.946118300002</v>
      </c>
      <c r="AW1021" s="9">
        <v>45706.4245572</v>
      </c>
      <c r="AX1021" s="9">
        <v>47278.841964200001</v>
      </c>
      <c r="AY1021" s="9">
        <v>48108.352282200001</v>
      </c>
      <c r="AZ1021" s="9">
        <v>49627.341678800003</v>
      </c>
      <c r="BA1021" s="9">
        <v>49690.567100200002</v>
      </c>
      <c r="BB1021" s="9">
        <v>49749.835196799999</v>
      </c>
      <c r="BC1021" s="9">
        <v>50869.851677300001</v>
      </c>
      <c r="BD1021" s="9">
        <v>52056.128134999999</v>
      </c>
      <c r="BE1021" s="9">
        <v>52774.299647899999</v>
      </c>
      <c r="BF1021" s="9">
        <v>52470.418788000003</v>
      </c>
      <c r="BG1021" s="11">
        <v>0.75</v>
      </c>
      <c r="BH1021" s="13">
        <v>3.605769230769231E-3</v>
      </c>
      <c r="BI1021" s="6">
        <v>-1</v>
      </c>
      <c r="BJ1021" s="13">
        <v>-4.807692307692308E-3</v>
      </c>
      <c r="BK1021" s="6">
        <v>2</v>
      </c>
      <c r="BL1021" s="13">
        <v>9.6618357487922701E-3</v>
      </c>
      <c r="BM1021" s="11">
        <v>-0.25</v>
      </c>
      <c r="BN1021" s="13">
        <v>-1.1961722488038277E-3</v>
      </c>
      <c r="BO1021" s="11">
        <v>1.75</v>
      </c>
      <c r="BP1021" s="13">
        <v>8.4541062801932361E-3</v>
      </c>
      <c r="BQ1021" s="6">
        <v>208</v>
      </c>
      <c r="BR1021" s="6">
        <v>205</v>
      </c>
      <c r="BS1021" s="6">
        <v>204</v>
      </c>
      <c r="BT1021" s="6">
        <v>207</v>
      </c>
      <c r="BU1021" s="6">
        <v>206</v>
      </c>
      <c r="BV1021" s="6">
        <v>209</v>
      </c>
      <c r="BW1021" s="6">
        <v>209</v>
      </c>
      <c r="BX1021" s="6">
        <v>208</v>
      </c>
      <c r="BY1021" s="6">
        <v>206</v>
      </c>
      <c r="BZ1021" s="6">
        <v>206</v>
      </c>
      <c r="CA1021" s="6">
        <v>208</v>
      </c>
      <c r="CB1021" s="6">
        <v>208</v>
      </c>
      <c r="CC1021" s="11">
        <v>208.75</v>
      </c>
      <c r="CD1021" s="11">
        <v>329.66500000000002</v>
      </c>
      <c r="CE1021" s="11">
        <v>-512.42200000000003</v>
      </c>
      <c r="CF1021" s="11">
        <v>955.46600000000001</v>
      </c>
      <c r="CG1021" s="11">
        <v>443</v>
      </c>
      <c r="CH1021" s="20">
        <v>1.1000000000000001</v>
      </c>
      <c r="CI1021" s="20">
        <v>1.07382</v>
      </c>
      <c r="CJ1021" s="20">
        <v>1.0758000000000001</v>
      </c>
      <c r="CK1021" s="20">
        <v>1.06318</v>
      </c>
      <c r="CL1021" s="20">
        <v>1.0672200000000001</v>
      </c>
      <c r="CM1021" s="20">
        <v>1.08474</v>
      </c>
      <c r="CN1021" s="20">
        <v>1.0509599999999999</v>
      </c>
      <c r="CO1021" s="20">
        <v>1.05559</v>
      </c>
      <c r="CP1021" s="20">
        <v>1.0510900000000001</v>
      </c>
      <c r="CQ1021" s="20">
        <v>1.03067</v>
      </c>
      <c r="CR1021" s="20">
        <v>1.04718</v>
      </c>
      <c r="CS1021" s="20">
        <v>1.06995</v>
      </c>
      <c r="CT1021" s="20">
        <v>1.08694</v>
      </c>
      <c r="CU1021" s="20">
        <v>1.09874</v>
      </c>
      <c r="CV1021" s="20">
        <v>1.10751</v>
      </c>
      <c r="CW1021" s="20">
        <v>1.1027400000000001</v>
      </c>
      <c r="CX1021" s="20">
        <v>1.1050599999999999</v>
      </c>
      <c r="CY1021" s="6" t="s">
        <v>548</v>
      </c>
      <c r="CZ1021" s="6" t="s">
        <v>549</v>
      </c>
      <c r="DA1021" s="6" t="s">
        <v>89</v>
      </c>
      <c r="DB1021" s="6"/>
      <c r="DC1021" s="6">
        <v>41180</v>
      </c>
      <c r="DD1021" s="6">
        <v>476</v>
      </c>
      <c r="DE1021" s="6" t="s">
        <v>508</v>
      </c>
      <c r="DF1021" s="6" t="s">
        <v>375</v>
      </c>
      <c r="DG1021" s="6" t="s">
        <v>364</v>
      </c>
      <c r="DH1021" s="6" t="s">
        <v>419</v>
      </c>
      <c r="DI1021" s="6" t="s">
        <v>509</v>
      </c>
      <c r="DJ1021" s="6">
        <v>29</v>
      </c>
      <c r="DK1021" s="6">
        <v>99</v>
      </c>
      <c r="DL1021" s="6">
        <v>1</v>
      </c>
      <c r="DM1021" s="6" t="s">
        <v>404</v>
      </c>
      <c r="DN1021" s="6">
        <v>1</v>
      </c>
      <c r="DO1021" s="6" t="s">
        <v>405</v>
      </c>
      <c r="DP1021" s="6"/>
      <c r="DQ1021" s="6"/>
    </row>
    <row r="1022" spans="1:121" x14ac:dyDescent="0.2">
      <c r="A1022" s="6" t="s">
        <v>1</v>
      </c>
      <c r="B1022" s="6" t="s">
        <v>1</v>
      </c>
      <c r="C1022" s="6" t="s">
        <v>2</v>
      </c>
      <c r="D1022" s="6" t="s">
        <v>146</v>
      </c>
      <c r="E1022" s="6" t="s">
        <v>287</v>
      </c>
      <c r="F1022" s="11">
        <v>-70</v>
      </c>
      <c r="G1022" s="13">
        <v>-0.16548463357000001</v>
      </c>
      <c r="H1022" s="11">
        <v>-91.394563991999973</v>
      </c>
      <c r="I1022" s="13">
        <v>-0.21584933159715569</v>
      </c>
      <c r="J1022" s="11">
        <v>58.822966418000021</v>
      </c>
      <c r="K1022" s="13">
        <v>0.17716492627906752</v>
      </c>
      <c r="L1022" s="11">
        <v>-37.436915788000022</v>
      </c>
      <c r="M1022" s="13">
        <v>-9.5784133449486109E-2</v>
      </c>
      <c r="N1022" s="11">
        <v>21.38605063</v>
      </c>
      <c r="O1022" s="13">
        <v>6.4411203888298851E-2</v>
      </c>
      <c r="P1022" s="7">
        <v>423.41833220299998</v>
      </c>
      <c r="Q1022" s="7">
        <v>425.466434343</v>
      </c>
      <c r="R1022" s="7">
        <v>399.40630761099999</v>
      </c>
      <c r="S1022" s="7">
        <v>392.38225087400002</v>
      </c>
      <c r="T1022" s="7">
        <v>409.76237801600001</v>
      </c>
      <c r="U1022" s="7">
        <v>371.58809315000002</v>
      </c>
      <c r="V1022" s="7">
        <v>332.023768211</v>
      </c>
      <c r="W1022" s="7">
        <v>329.68292112900002</v>
      </c>
      <c r="X1022" s="7">
        <v>426.07989802499998</v>
      </c>
      <c r="Y1022" s="7">
        <v>390.84673462900003</v>
      </c>
      <c r="Z1022" s="7">
        <v>383.90496817500002</v>
      </c>
      <c r="AA1022" s="7">
        <v>380.39593348900002</v>
      </c>
      <c r="AB1022" s="7">
        <v>358.48985774400001</v>
      </c>
      <c r="AC1022" s="7">
        <v>361.410295776</v>
      </c>
      <c r="AD1022" s="7">
        <v>356.49718605599998</v>
      </c>
      <c r="AE1022" s="7">
        <v>357.95859051500003</v>
      </c>
      <c r="AF1022" s="7">
        <v>353.409818841</v>
      </c>
      <c r="AG1022" s="9">
        <v>14165.508516000002</v>
      </c>
      <c r="AH1022" s="13">
        <v>0.72177353957736223</v>
      </c>
      <c r="AI1022" s="9">
        <v>3786.6256410999995</v>
      </c>
      <c r="AJ1022" s="13">
        <v>0.19293950435624055</v>
      </c>
      <c r="AK1022" s="9">
        <v>3105.7844946000005</v>
      </c>
      <c r="AL1022" s="13">
        <v>0.13265440745593859</v>
      </c>
      <c r="AM1022" s="9">
        <v>7273.0983803000017</v>
      </c>
      <c r="AN1022" s="13">
        <v>0.27426627584925722</v>
      </c>
      <c r="AO1022" s="9">
        <v>10378.882874900002</v>
      </c>
      <c r="AP1022" s="13">
        <v>0.44330331361312608</v>
      </c>
      <c r="AQ1022" s="9">
        <v>19625.973715100001</v>
      </c>
      <c r="AR1022" s="9">
        <v>21023.0531882</v>
      </c>
      <c r="AS1022" s="9">
        <v>21607.774727</v>
      </c>
      <c r="AT1022" s="9">
        <v>22352.268465500001</v>
      </c>
      <c r="AU1022" s="9">
        <v>22679.040610600001</v>
      </c>
      <c r="AV1022" s="9">
        <v>23587.163545300002</v>
      </c>
      <c r="AW1022" s="9">
        <v>23412.5993562</v>
      </c>
      <c r="AX1022" s="9">
        <v>24949.582953100002</v>
      </c>
      <c r="AY1022" s="9">
        <v>25499.591632799998</v>
      </c>
      <c r="AZ1022" s="9">
        <v>26518.383850800001</v>
      </c>
      <c r="BA1022" s="9">
        <v>28086.529062400001</v>
      </c>
      <c r="BB1022" s="9">
        <v>28404.2380902</v>
      </c>
      <c r="BC1022" s="9">
        <v>30698.9555181</v>
      </c>
      <c r="BD1022" s="9">
        <v>30982.0615736</v>
      </c>
      <c r="BE1022" s="9">
        <v>32550.643393499999</v>
      </c>
      <c r="BF1022" s="9">
        <v>33791.482231100003</v>
      </c>
      <c r="BG1022" s="11">
        <v>0</v>
      </c>
      <c r="BH1022" s="13">
        <v>0</v>
      </c>
      <c r="BI1022" s="6">
        <v>-1</v>
      </c>
      <c r="BJ1022" s="13">
        <v>-0.125</v>
      </c>
      <c r="BK1022" s="6">
        <v>-2</v>
      </c>
      <c r="BL1022" s="13">
        <v>-0.2857142857142857</v>
      </c>
      <c r="BM1022" s="11">
        <v>3</v>
      </c>
      <c r="BN1022" s="13">
        <v>0.6</v>
      </c>
      <c r="BO1022" s="11">
        <v>1</v>
      </c>
      <c r="BP1022" s="13">
        <v>0.14285714285714285</v>
      </c>
      <c r="BQ1022" s="6">
        <v>8</v>
      </c>
      <c r="BR1022" s="6">
        <v>8</v>
      </c>
      <c r="BS1022" s="6">
        <v>8</v>
      </c>
      <c r="BT1022" s="6">
        <v>7</v>
      </c>
      <c r="BU1022" s="6">
        <v>6</v>
      </c>
      <c r="BV1022" s="6">
        <v>6</v>
      </c>
      <c r="BW1022" s="6">
        <v>5</v>
      </c>
      <c r="BX1022" s="6">
        <v>5</v>
      </c>
      <c r="BY1022" s="6">
        <v>5</v>
      </c>
      <c r="BZ1022" s="6">
        <v>5</v>
      </c>
      <c r="CA1022" s="6">
        <v>6</v>
      </c>
      <c r="CB1022" s="6">
        <v>7</v>
      </c>
      <c r="CC1022" s="11">
        <v>8</v>
      </c>
      <c r="CD1022" s="11">
        <v>-77.688599999999994</v>
      </c>
      <c r="CE1022" s="11">
        <v>-38.604599999999998</v>
      </c>
      <c r="CF1022" s="11">
        <v>46.284700000000001</v>
      </c>
      <c r="CG1022" s="11">
        <v>7</v>
      </c>
      <c r="CH1022" s="20">
        <v>1.59673</v>
      </c>
      <c r="CI1022" s="20">
        <v>1.5617300000000001</v>
      </c>
      <c r="CJ1022" s="20">
        <v>1.4449099999999999</v>
      </c>
      <c r="CK1022" s="20">
        <v>1.4090100000000001</v>
      </c>
      <c r="CL1022" s="20">
        <v>1.44119</v>
      </c>
      <c r="CM1022" s="20">
        <v>1.29647</v>
      </c>
      <c r="CN1022" s="20">
        <v>1.20486</v>
      </c>
      <c r="CO1022" s="20">
        <v>1.24708</v>
      </c>
      <c r="CP1022" s="20">
        <v>1.6010200000000001</v>
      </c>
      <c r="CQ1022" s="20">
        <v>1.4777199999999999</v>
      </c>
      <c r="CR1022" s="20">
        <v>1.44495</v>
      </c>
      <c r="CS1022" s="20">
        <v>1.4359</v>
      </c>
      <c r="CT1022" s="20">
        <v>1.33761</v>
      </c>
      <c r="CU1022" s="20">
        <v>1.3620000000000001</v>
      </c>
      <c r="CV1022" s="20">
        <v>1.32751</v>
      </c>
      <c r="CW1022" s="20">
        <v>1.33127</v>
      </c>
      <c r="CX1022" s="20">
        <v>1.3088200000000001</v>
      </c>
      <c r="CY1022" s="6" t="s">
        <v>551</v>
      </c>
      <c r="CZ1022" s="6" t="s">
        <v>552</v>
      </c>
      <c r="DA1022" s="6" t="s">
        <v>146</v>
      </c>
      <c r="DB1022" s="6"/>
      <c r="DC1022" s="6">
        <v>47660</v>
      </c>
      <c r="DD1022" s="6">
        <v>312</v>
      </c>
      <c r="DE1022" s="6" t="s">
        <v>554</v>
      </c>
      <c r="DF1022" s="6" t="s">
        <v>363</v>
      </c>
      <c r="DG1022" s="6" t="s">
        <v>364</v>
      </c>
      <c r="DH1022" s="6" t="s">
        <v>365</v>
      </c>
      <c r="DI1022" s="6" t="s">
        <v>377</v>
      </c>
      <c r="DJ1022" s="6">
        <v>29</v>
      </c>
      <c r="DK1022" s="6">
        <v>101</v>
      </c>
      <c r="DL1022" s="6">
        <v>3</v>
      </c>
      <c r="DM1022" s="6" t="s">
        <v>556</v>
      </c>
      <c r="DN1022" s="6">
        <v>4</v>
      </c>
      <c r="DO1022" s="6" t="s">
        <v>557</v>
      </c>
      <c r="DP1022" s="6"/>
      <c r="DQ1022" s="6"/>
    </row>
    <row r="1023" spans="1:121" x14ac:dyDescent="0.2">
      <c r="A1023" s="6" t="s">
        <v>310</v>
      </c>
      <c r="B1023" s="6" t="s">
        <v>310</v>
      </c>
      <c r="C1023" s="6" t="s">
        <v>173</v>
      </c>
      <c r="D1023" s="6" t="s">
        <v>146</v>
      </c>
      <c r="E1023" s="6" t="s">
        <v>287</v>
      </c>
      <c r="F1023" s="11">
        <v>1</v>
      </c>
      <c r="G1023" s="13">
        <v>1</v>
      </c>
      <c r="H1023" s="11">
        <v>11.131306957900001</v>
      </c>
      <c r="I1023" s="13">
        <v>2.2262613915800005</v>
      </c>
      <c r="J1023" s="11">
        <v>-11.131306957900001</v>
      </c>
      <c r="K1023" s="13">
        <v>-0.69004371356585303</v>
      </c>
      <c r="L1023" s="11">
        <v>12.770374641</v>
      </c>
      <c r="M1023" s="13">
        <v>2.5540749281999999</v>
      </c>
      <c r="N1023" s="11">
        <v>1.6390676830999986</v>
      </c>
      <c r="O1023" s="13">
        <v>0.10160786645357936</v>
      </c>
      <c r="P1023" s="7">
        <v>5</v>
      </c>
      <c r="Q1023" s="7">
        <v>5</v>
      </c>
      <c r="R1023" s="7">
        <v>5</v>
      </c>
      <c r="S1023" s="7">
        <v>5</v>
      </c>
      <c r="T1023" s="7">
        <v>5</v>
      </c>
      <c r="U1023" s="7">
        <v>10.341338802699999</v>
      </c>
      <c r="V1023" s="7">
        <v>16.131306957900001</v>
      </c>
      <c r="W1023" s="7">
        <v>15.460319719899999</v>
      </c>
      <c r="X1023" s="7">
        <v>5</v>
      </c>
      <c r="Y1023" s="7">
        <v>5</v>
      </c>
      <c r="Z1023" s="7">
        <v>5</v>
      </c>
      <c r="AA1023" s="7">
        <v>5</v>
      </c>
      <c r="AB1023" s="7">
        <v>5</v>
      </c>
      <c r="AC1023" s="7">
        <v>5</v>
      </c>
      <c r="AD1023" s="7">
        <v>14.1867524312</v>
      </c>
      <c r="AE1023" s="7">
        <v>15.5323821228</v>
      </c>
      <c r="AF1023" s="7">
        <v>17.770374641</v>
      </c>
      <c r="AG1023" s="9">
        <v>58510.949421999998</v>
      </c>
      <c r="AH1023" s="13">
        <v>58510.949421999998</v>
      </c>
      <c r="AI1023" s="9">
        <v>70469.576660299994</v>
      </c>
      <c r="AJ1023" s="13">
        <v>70469.576660299994</v>
      </c>
      <c r="AK1023" s="9">
        <v>-70469.576660299994</v>
      </c>
      <c r="AL1023" s="13">
        <v>-0.99998580968047401</v>
      </c>
      <c r="AM1023" s="9">
        <v>58510.949421999998</v>
      </c>
      <c r="AN1023" s="13">
        <v>58510.949421999998</v>
      </c>
      <c r="AO1023" s="9">
        <v>-11958.627238299996</v>
      </c>
      <c r="AP1023" s="13">
        <v>-0.16969674160530826</v>
      </c>
      <c r="AQ1023" s="9">
        <v>1</v>
      </c>
      <c r="AR1023" s="9">
        <v>1</v>
      </c>
      <c r="AS1023" s="9">
        <v>1</v>
      </c>
      <c r="AT1023" s="9">
        <v>1</v>
      </c>
      <c r="AU1023" s="9">
        <v>1</v>
      </c>
      <c r="AV1023" s="9">
        <v>61555.039726700001</v>
      </c>
      <c r="AW1023" s="9">
        <v>70470.576660299994</v>
      </c>
      <c r="AX1023" s="9">
        <v>56255.239737399999</v>
      </c>
      <c r="AY1023" s="9">
        <v>1</v>
      </c>
      <c r="AZ1023" s="9">
        <v>1</v>
      </c>
      <c r="BA1023" s="9">
        <v>1</v>
      </c>
      <c r="BB1023" s="9">
        <v>1</v>
      </c>
      <c r="BC1023" s="9">
        <v>1</v>
      </c>
      <c r="BD1023" s="9">
        <v>1</v>
      </c>
      <c r="BE1023" s="9">
        <v>65567.887678600004</v>
      </c>
      <c r="BF1023" s="9">
        <v>58511.949421999998</v>
      </c>
      <c r="BG1023" s="11">
        <v>-1</v>
      </c>
      <c r="BH1023" s="13">
        <v>-0.5</v>
      </c>
      <c r="BI1023" s="6">
        <v>0</v>
      </c>
      <c r="BJ1023" s="13">
        <v>0</v>
      </c>
      <c r="BK1023" s="6">
        <v>-1</v>
      </c>
      <c r="BL1023" s="13">
        <v>-0.5</v>
      </c>
      <c r="BM1023" s="11">
        <v>0</v>
      </c>
      <c r="BN1023" s="13">
        <v>0</v>
      </c>
      <c r="BO1023" s="11">
        <v>-1</v>
      </c>
      <c r="BP1023" s="13">
        <v>-0.5</v>
      </c>
      <c r="BQ1023" s="6">
        <v>2</v>
      </c>
      <c r="BR1023" s="6">
        <v>2</v>
      </c>
      <c r="BS1023" s="6">
        <v>2</v>
      </c>
      <c r="BT1023" s="6">
        <v>2</v>
      </c>
      <c r="BU1023" s="6">
        <v>3</v>
      </c>
      <c r="BV1023" s="6">
        <v>2</v>
      </c>
      <c r="BW1023" s="6">
        <v>1</v>
      </c>
      <c r="BX1023" s="6">
        <v>0</v>
      </c>
      <c r="BY1023" s="6">
        <v>1</v>
      </c>
      <c r="BZ1023" s="6">
        <v>1</v>
      </c>
      <c r="CA1023" s="6">
        <v>1</v>
      </c>
      <c r="CB1023" s="6">
        <v>1</v>
      </c>
      <c r="CC1023" s="11">
        <v>1</v>
      </c>
      <c r="CD1023" s="11">
        <v>10.786199999999999</v>
      </c>
      <c r="CE1023" s="11">
        <v>0.59732399999999997</v>
      </c>
      <c r="CF1023" s="11">
        <v>0.629359</v>
      </c>
      <c r="CG1023" s="11">
        <v>2</v>
      </c>
      <c r="CH1023" s="20">
        <v>7.6524300000000003E-2</v>
      </c>
      <c r="CI1023" s="20">
        <v>6.17073E-2</v>
      </c>
      <c r="CJ1023" s="20">
        <v>6.7017599999999997E-2</v>
      </c>
      <c r="CK1023" s="20">
        <v>9.0857099999999996E-2</v>
      </c>
      <c r="CL1023" s="20">
        <v>0.103355</v>
      </c>
      <c r="CM1023" s="20">
        <v>0.110404</v>
      </c>
      <c r="CN1023" s="20">
        <v>0.166218</v>
      </c>
      <c r="CO1023" s="20">
        <v>0.14982300000000001</v>
      </c>
      <c r="CP1023" s="20">
        <v>1.5872000000000001E-2</v>
      </c>
      <c r="CQ1023" s="20">
        <v>6.3063599999999997E-2</v>
      </c>
      <c r="CR1023" s="20">
        <v>2.8805399999999998E-2</v>
      </c>
      <c r="CS1023" s="20">
        <v>1.5831899999999999E-2</v>
      </c>
      <c r="CT1023" s="20">
        <v>5.3791600000000002E-2</v>
      </c>
      <c r="CU1023" s="20">
        <v>7.7841099999999996E-2</v>
      </c>
      <c r="CV1023" s="20">
        <v>0.134078</v>
      </c>
      <c r="CW1023" s="20">
        <v>0.172573</v>
      </c>
      <c r="CX1023" s="20">
        <v>0.194684</v>
      </c>
      <c r="CY1023" s="6" t="s">
        <v>551</v>
      </c>
      <c r="CZ1023" s="6" t="s">
        <v>552</v>
      </c>
      <c r="DA1023" s="6" t="s">
        <v>146</v>
      </c>
      <c r="DB1023" s="6"/>
      <c r="DC1023" s="6">
        <v>47660</v>
      </c>
      <c r="DD1023" s="6">
        <v>312</v>
      </c>
      <c r="DE1023" s="6" t="s">
        <v>554</v>
      </c>
      <c r="DF1023" s="6" t="s">
        <v>363</v>
      </c>
      <c r="DG1023" s="6" t="s">
        <v>364</v>
      </c>
      <c r="DH1023" s="6" t="s">
        <v>365</v>
      </c>
      <c r="DI1023" s="6" t="s">
        <v>377</v>
      </c>
      <c r="DJ1023" s="6">
        <v>29</v>
      </c>
      <c r="DK1023" s="6">
        <v>101</v>
      </c>
      <c r="DL1023" s="6">
        <v>3</v>
      </c>
      <c r="DM1023" s="6" t="s">
        <v>556</v>
      </c>
      <c r="DN1023" s="6">
        <v>4</v>
      </c>
      <c r="DO1023" s="6" t="s">
        <v>557</v>
      </c>
      <c r="DP1023" s="6"/>
      <c r="DQ1023" s="6"/>
    </row>
    <row r="1024" spans="1:121" x14ac:dyDescent="0.2">
      <c r="A1024" s="6" t="s">
        <v>311</v>
      </c>
      <c r="B1024" s="6" t="s">
        <v>311</v>
      </c>
      <c r="C1024" s="6" t="s">
        <v>174</v>
      </c>
      <c r="D1024" s="6" t="s">
        <v>146</v>
      </c>
      <c r="E1024" s="6" t="s">
        <v>287</v>
      </c>
      <c r="F1024" s="11">
        <v>1</v>
      </c>
      <c r="G1024" s="13">
        <v>1.1627906976700001E-2</v>
      </c>
      <c r="H1024" s="11">
        <v>-10.105050000000006</v>
      </c>
      <c r="I1024" s="13">
        <v>-0.11747092954722552</v>
      </c>
      <c r="J1024" s="11">
        <v>2.1583679999999958</v>
      </c>
      <c r="K1024" s="13">
        <v>2.8430756264323384E-2</v>
      </c>
      <c r="L1024" s="11">
        <v>9.0447709562000114</v>
      </c>
      <c r="M1024" s="13">
        <v>0.11584717187542162</v>
      </c>
      <c r="N1024" s="11">
        <v>11.203138956200007</v>
      </c>
      <c r="O1024" s="13">
        <v>0.1475715508472463</v>
      </c>
      <c r="P1024" s="7">
        <v>86.021708000000004</v>
      </c>
      <c r="Q1024" s="7">
        <v>88.990497000000005</v>
      </c>
      <c r="R1024" s="7">
        <v>81.902384999999995</v>
      </c>
      <c r="S1024" s="7">
        <v>79.010668999999993</v>
      </c>
      <c r="T1024" s="7">
        <v>76.953933000000006</v>
      </c>
      <c r="U1024" s="7">
        <v>69.496073999999993</v>
      </c>
      <c r="V1024" s="7">
        <v>75.916657999999998</v>
      </c>
      <c r="W1024" s="7">
        <v>70.841725999999994</v>
      </c>
      <c r="X1024" s="7">
        <v>69.969825999999998</v>
      </c>
      <c r="Y1024" s="7">
        <v>78.075025999999994</v>
      </c>
      <c r="Z1024" s="7">
        <v>80.659719437600003</v>
      </c>
      <c r="AA1024" s="7">
        <v>83.859699783099998</v>
      </c>
      <c r="AB1024" s="7">
        <v>82.585265075300001</v>
      </c>
      <c r="AC1024" s="7">
        <v>69.829409211400005</v>
      </c>
      <c r="AD1024" s="7">
        <v>76.890941800899995</v>
      </c>
      <c r="AE1024" s="7">
        <v>81.728006547700005</v>
      </c>
      <c r="AF1024" s="7">
        <v>87.119796956200005</v>
      </c>
      <c r="AG1024" s="9">
        <v>27900.896152300003</v>
      </c>
      <c r="AH1024" s="13">
        <v>0.38590603276380409</v>
      </c>
      <c r="AI1024" s="9">
        <v>-7784.8727631999936</v>
      </c>
      <c r="AJ1024" s="13">
        <v>-0.10767501327622588</v>
      </c>
      <c r="AK1024" s="9">
        <v>28591.041830200003</v>
      </c>
      <c r="AL1024" s="13">
        <v>0.4431699881323885</v>
      </c>
      <c r="AM1024" s="9">
        <v>7094.7270852999936</v>
      </c>
      <c r="AN1024" s="13">
        <v>7.6200630743924469E-2</v>
      </c>
      <c r="AO1024" s="9">
        <v>35685.768915499997</v>
      </c>
      <c r="AP1024" s="13">
        <v>0.55314045149877855</v>
      </c>
      <c r="AQ1024" s="9">
        <v>72299.714913699994</v>
      </c>
      <c r="AR1024" s="9">
        <v>75349.357325499994</v>
      </c>
      <c r="AS1024" s="9">
        <v>58595.927498700003</v>
      </c>
      <c r="AT1024" s="9">
        <v>57560.717234600001</v>
      </c>
      <c r="AU1024" s="9">
        <v>58867.229074900002</v>
      </c>
      <c r="AV1024" s="9">
        <v>63369.797747600001</v>
      </c>
      <c r="AW1024" s="9">
        <v>64514.842150500001</v>
      </c>
      <c r="AX1024" s="9">
        <v>74077.429961300004</v>
      </c>
      <c r="AY1024" s="9">
        <v>54936.142188799997</v>
      </c>
      <c r="AZ1024" s="9">
        <v>93105.883980700004</v>
      </c>
      <c r="BA1024" s="9">
        <v>108602.686036</v>
      </c>
      <c r="BB1024" s="9">
        <v>93535.428843700007</v>
      </c>
      <c r="BC1024" s="9">
        <v>99196.282183300005</v>
      </c>
      <c r="BD1024" s="9">
        <v>101093.54966400001</v>
      </c>
      <c r="BE1024" s="9">
        <v>97720.716399600002</v>
      </c>
      <c r="BF1024" s="9">
        <v>100200.611066</v>
      </c>
      <c r="BG1024" s="11">
        <v>-3</v>
      </c>
      <c r="BH1024" s="13">
        <v>-0.42857142857142855</v>
      </c>
      <c r="BI1024" s="6">
        <v>-2</v>
      </c>
      <c r="BJ1024" s="13">
        <v>-0.2857142857142857</v>
      </c>
      <c r="BK1024" s="6">
        <v>0</v>
      </c>
      <c r="BL1024" s="13">
        <v>0</v>
      </c>
      <c r="BM1024" s="11">
        <v>-1</v>
      </c>
      <c r="BN1024" s="13">
        <v>-0.2</v>
      </c>
      <c r="BO1024" s="11">
        <v>-1</v>
      </c>
      <c r="BP1024" s="13">
        <v>-0.2</v>
      </c>
      <c r="BQ1024" s="6">
        <v>7</v>
      </c>
      <c r="BR1024" s="6">
        <v>7</v>
      </c>
      <c r="BS1024" s="6">
        <v>5</v>
      </c>
      <c r="BT1024" s="6">
        <v>5</v>
      </c>
      <c r="BU1024" s="6">
        <v>5</v>
      </c>
      <c r="BV1024" s="6">
        <v>5</v>
      </c>
      <c r="BW1024" s="6">
        <v>5</v>
      </c>
      <c r="BX1024" s="6">
        <v>5</v>
      </c>
      <c r="BY1024" s="6">
        <v>5</v>
      </c>
      <c r="BZ1024" s="6">
        <v>5</v>
      </c>
      <c r="CA1024" s="6">
        <v>4</v>
      </c>
      <c r="CB1024" s="6">
        <v>4</v>
      </c>
      <c r="CC1024" s="11">
        <v>4</v>
      </c>
      <c r="CD1024" s="11">
        <v>5.7029800000000002</v>
      </c>
      <c r="CE1024" s="11">
        <v>-14.008100000000001</v>
      </c>
      <c r="CF1024" s="11">
        <v>9.4032099999999996</v>
      </c>
      <c r="CG1024" s="11">
        <v>-5</v>
      </c>
      <c r="CH1024" s="20">
        <v>1.0435300000000001</v>
      </c>
      <c r="CI1024" s="20">
        <v>1.0543100000000001</v>
      </c>
      <c r="CJ1024" s="20">
        <v>0.98748999999999998</v>
      </c>
      <c r="CK1024" s="20">
        <v>0.97130899999999998</v>
      </c>
      <c r="CL1024" s="20">
        <v>0.955013</v>
      </c>
      <c r="CM1024" s="20">
        <v>0.860039</v>
      </c>
      <c r="CN1024" s="20">
        <v>0.96397900000000003</v>
      </c>
      <c r="CO1024" s="20">
        <v>0.89799600000000002</v>
      </c>
      <c r="CP1024" s="20">
        <v>0.86895199999999995</v>
      </c>
      <c r="CQ1024" s="20">
        <v>0.98585599999999995</v>
      </c>
      <c r="CR1024" s="20">
        <v>1.0226200000000001</v>
      </c>
      <c r="CS1024" s="20">
        <v>1.0802799999999999</v>
      </c>
      <c r="CT1024" s="20">
        <v>1.0646199999999999</v>
      </c>
      <c r="CU1024" s="20">
        <v>0.915995</v>
      </c>
      <c r="CV1024" s="20">
        <v>0.99810500000000002</v>
      </c>
      <c r="CW1024" s="20">
        <v>1.0582100000000001</v>
      </c>
      <c r="CX1024" s="20">
        <v>1.1165</v>
      </c>
      <c r="CY1024" s="6" t="s">
        <v>551</v>
      </c>
      <c r="CZ1024" s="6" t="s">
        <v>552</v>
      </c>
      <c r="DA1024" s="6" t="s">
        <v>146</v>
      </c>
      <c r="DB1024" s="6"/>
      <c r="DC1024" s="6">
        <v>47660</v>
      </c>
      <c r="DD1024" s="6">
        <v>312</v>
      </c>
      <c r="DE1024" s="6" t="s">
        <v>554</v>
      </c>
      <c r="DF1024" s="6" t="s">
        <v>363</v>
      </c>
      <c r="DG1024" s="6" t="s">
        <v>364</v>
      </c>
      <c r="DH1024" s="6" t="s">
        <v>365</v>
      </c>
      <c r="DI1024" s="6" t="s">
        <v>377</v>
      </c>
      <c r="DJ1024" s="6">
        <v>29</v>
      </c>
      <c r="DK1024" s="6">
        <v>101</v>
      </c>
      <c r="DL1024" s="6">
        <v>3</v>
      </c>
      <c r="DM1024" s="6" t="s">
        <v>556</v>
      </c>
      <c r="DN1024" s="6">
        <v>4</v>
      </c>
      <c r="DO1024" s="6" t="s">
        <v>557</v>
      </c>
      <c r="DP1024" s="6"/>
      <c r="DQ1024" s="6"/>
    </row>
    <row r="1025" spans="1:121" x14ac:dyDescent="0.2">
      <c r="A1025" s="6" t="s">
        <v>312</v>
      </c>
      <c r="B1025" s="6" t="s">
        <v>312</v>
      </c>
      <c r="C1025" s="6" t="s">
        <v>175</v>
      </c>
      <c r="D1025" s="6" t="s">
        <v>146</v>
      </c>
      <c r="E1025" s="6" t="s">
        <v>287</v>
      </c>
      <c r="F1025" s="11">
        <v>-121</v>
      </c>
      <c r="G1025" s="13">
        <v>-0.123721881391</v>
      </c>
      <c r="H1025" s="11">
        <v>320.47493678500007</v>
      </c>
      <c r="I1025" s="13">
        <v>0.3277294213808567</v>
      </c>
      <c r="J1025" s="11">
        <v>-460.87796895600013</v>
      </c>
      <c r="K1025" s="13">
        <v>-0.35497496908761333</v>
      </c>
      <c r="L1025" s="11">
        <v>19.571349742000052</v>
      </c>
      <c r="M1025" s="13">
        <v>2.336985357809292E-2</v>
      </c>
      <c r="N1025" s="11">
        <v>-441.30661921400008</v>
      </c>
      <c r="O1025" s="13">
        <v>-0.33990082856098597</v>
      </c>
      <c r="P1025" s="7">
        <v>977.86440849500002</v>
      </c>
      <c r="Q1025" s="7">
        <v>935.25556551099999</v>
      </c>
      <c r="R1025" s="7">
        <v>983.88880403500002</v>
      </c>
      <c r="S1025" s="7">
        <v>1046.6181472599999</v>
      </c>
      <c r="T1025" s="7">
        <v>1258.83001685</v>
      </c>
      <c r="U1025" s="7">
        <v>1462.06971221</v>
      </c>
      <c r="V1025" s="7">
        <v>1298.3393452800001</v>
      </c>
      <c r="W1025" s="7">
        <v>1115.2011690500001</v>
      </c>
      <c r="X1025" s="7">
        <v>940.92579042199998</v>
      </c>
      <c r="Y1025" s="7">
        <v>837.46137632399996</v>
      </c>
      <c r="Z1025" s="7">
        <v>797.52474734500004</v>
      </c>
      <c r="AA1025" s="7">
        <v>782.71561852599996</v>
      </c>
      <c r="AB1025" s="7">
        <v>995.55815375999998</v>
      </c>
      <c r="AC1025" s="7">
        <v>858.80878346999998</v>
      </c>
      <c r="AD1025" s="7">
        <v>861.56958608900004</v>
      </c>
      <c r="AE1025" s="7">
        <v>851.69044247399995</v>
      </c>
      <c r="AF1025" s="7">
        <v>857.03272606600001</v>
      </c>
      <c r="AG1025" s="9">
        <v>11904.501431099998</v>
      </c>
      <c r="AH1025" s="13">
        <v>0.42183519746503551</v>
      </c>
      <c r="AI1025" s="9">
        <v>7009.8390098999953</v>
      </c>
      <c r="AJ1025" s="13">
        <v>0.24839316791665436</v>
      </c>
      <c r="AK1025" s="9">
        <v>-3476.6269486999954</v>
      </c>
      <c r="AL1025" s="13">
        <v>-9.8682083754141198E-2</v>
      </c>
      <c r="AM1025" s="9">
        <v>8371.2893698999978</v>
      </c>
      <c r="AN1025" s="13">
        <v>0.26362984214993995</v>
      </c>
      <c r="AO1025" s="9">
        <v>4894.6624212000024</v>
      </c>
      <c r="AP1025" s="13">
        <v>0.13893221623266733</v>
      </c>
      <c r="AQ1025" s="9">
        <v>28220.740001400001</v>
      </c>
      <c r="AR1025" s="9">
        <v>28414.4892593</v>
      </c>
      <c r="AS1025" s="9">
        <v>27139.435772600002</v>
      </c>
      <c r="AT1025" s="9">
        <v>27267.649753199999</v>
      </c>
      <c r="AU1025" s="9">
        <v>32560.1395448</v>
      </c>
      <c r="AV1025" s="9">
        <v>39042.619011900002</v>
      </c>
      <c r="AW1025" s="9">
        <v>35230.579011299997</v>
      </c>
      <c r="AX1025" s="9">
        <v>37777.072007100003</v>
      </c>
      <c r="AY1025" s="9">
        <v>32623.392342499999</v>
      </c>
      <c r="AZ1025" s="9">
        <v>31753.952062600001</v>
      </c>
      <c r="BA1025" s="9">
        <v>34919.211378300002</v>
      </c>
      <c r="BB1025" s="9">
        <v>35516.644268099997</v>
      </c>
      <c r="BC1025" s="9">
        <v>57690.077847400004</v>
      </c>
      <c r="BD1025" s="9">
        <v>53361.606263200003</v>
      </c>
      <c r="BE1025" s="9">
        <v>37552.846389099999</v>
      </c>
      <c r="BF1025" s="9">
        <v>40125.241432499999</v>
      </c>
      <c r="BG1025" s="11">
        <v>-17.25</v>
      </c>
      <c r="BH1025" s="13">
        <v>-0.13690476190476192</v>
      </c>
      <c r="BI1025" s="6">
        <v>27</v>
      </c>
      <c r="BJ1025" s="13">
        <v>0.21428571428571427</v>
      </c>
      <c r="BK1025" s="6">
        <v>-20</v>
      </c>
      <c r="BL1025" s="13">
        <v>-0.13071895424836602</v>
      </c>
      <c r="BM1025" s="11">
        <v>-24.25</v>
      </c>
      <c r="BN1025" s="13">
        <v>-0.18233082706766918</v>
      </c>
      <c r="BO1025" s="11">
        <v>-44.25</v>
      </c>
      <c r="BP1025" s="13">
        <v>-0.28921568627450983</v>
      </c>
      <c r="BQ1025" s="6">
        <v>126</v>
      </c>
      <c r="BR1025" s="6">
        <v>143</v>
      </c>
      <c r="BS1025" s="6">
        <v>154</v>
      </c>
      <c r="BT1025" s="6">
        <v>153</v>
      </c>
      <c r="BU1025" s="6">
        <v>142</v>
      </c>
      <c r="BV1025" s="6">
        <v>132</v>
      </c>
      <c r="BW1025" s="6">
        <v>133</v>
      </c>
      <c r="BX1025" s="6">
        <v>121</v>
      </c>
      <c r="BY1025" s="6">
        <v>107</v>
      </c>
      <c r="BZ1025" s="6">
        <v>113</v>
      </c>
      <c r="CA1025" s="6">
        <v>112</v>
      </c>
      <c r="CB1025" s="6">
        <v>112</v>
      </c>
      <c r="CC1025" s="11">
        <v>108.75</v>
      </c>
      <c r="CD1025" s="11">
        <v>-109.28</v>
      </c>
      <c r="CE1025" s="11">
        <v>-118.444</v>
      </c>
      <c r="CF1025" s="11">
        <v>106.892</v>
      </c>
      <c r="CG1025" s="11">
        <v>-11</v>
      </c>
      <c r="CH1025" s="20">
        <v>0.81785799999999997</v>
      </c>
      <c r="CI1025" s="20">
        <v>0.75865300000000002</v>
      </c>
      <c r="CJ1025" s="20">
        <v>0.77617000000000003</v>
      </c>
      <c r="CK1025" s="20">
        <v>0.78932100000000005</v>
      </c>
      <c r="CL1025" s="20">
        <v>0.89350499999999999</v>
      </c>
      <c r="CM1025" s="20">
        <v>0.98556299999999997</v>
      </c>
      <c r="CN1025" s="20">
        <v>0.91009399999999996</v>
      </c>
      <c r="CO1025" s="20">
        <v>0.83751399999999998</v>
      </c>
      <c r="CP1025" s="20">
        <v>0.79855699999999996</v>
      </c>
      <c r="CQ1025" s="20">
        <v>0.77312999999999998</v>
      </c>
      <c r="CR1025" s="20">
        <v>0.74701899999999999</v>
      </c>
      <c r="CS1025" s="20">
        <v>0.737923</v>
      </c>
      <c r="CT1025" s="20">
        <v>0.91651300000000002</v>
      </c>
      <c r="CU1025" s="20">
        <v>0.78008900000000003</v>
      </c>
      <c r="CV1025" s="20">
        <v>0.75298900000000002</v>
      </c>
      <c r="CW1025" s="20">
        <v>0.72715300000000005</v>
      </c>
      <c r="CX1025" s="20">
        <v>0.72528099999999995</v>
      </c>
      <c r="CY1025" s="6" t="s">
        <v>551</v>
      </c>
      <c r="CZ1025" s="6" t="s">
        <v>552</v>
      </c>
      <c r="DA1025" s="6" t="s">
        <v>146</v>
      </c>
      <c r="DB1025" s="6"/>
      <c r="DC1025" s="6">
        <v>47660</v>
      </c>
      <c r="DD1025" s="6">
        <v>312</v>
      </c>
      <c r="DE1025" s="6" t="s">
        <v>554</v>
      </c>
      <c r="DF1025" s="6" t="s">
        <v>363</v>
      </c>
      <c r="DG1025" s="6" t="s">
        <v>364</v>
      </c>
      <c r="DH1025" s="6" t="s">
        <v>365</v>
      </c>
      <c r="DI1025" s="6" t="s">
        <v>377</v>
      </c>
      <c r="DJ1025" s="6">
        <v>29</v>
      </c>
      <c r="DK1025" s="6">
        <v>101</v>
      </c>
      <c r="DL1025" s="6">
        <v>3</v>
      </c>
      <c r="DM1025" s="6" t="s">
        <v>556</v>
      </c>
      <c r="DN1025" s="6">
        <v>4</v>
      </c>
      <c r="DO1025" s="6" t="s">
        <v>557</v>
      </c>
      <c r="DP1025" s="6"/>
      <c r="DQ1025" s="6"/>
    </row>
    <row r="1026" spans="1:121" x14ac:dyDescent="0.2">
      <c r="A1026" s="6" t="s">
        <v>792</v>
      </c>
      <c r="B1026" s="6" t="s">
        <v>176</v>
      </c>
      <c r="C1026" s="6" t="s">
        <v>177</v>
      </c>
      <c r="D1026" s="6" t="s">
        <v>146</v>
      </c>
      <c r="E1026" s="6" t="s">
        <v>287</v>
      </c>
      <c r="F1026" s="11">
        <v>-442</v>
      </c>
      <c r="G1026" s="13">
        <v>-0.23214285714300001</v>
      </c>
      <c r="H1026" s="11">
        <v>-185.78937780000001</v>
      </c>
      <c r="I1026" s="13">
        <v>-9.7557933231177313E-2</v>
      </c>
      <c r="J1026" s="11">
        <v>-389.83686093999995</v>
      </c>
      <c r="K1026" s="13">
        <v>-0.2268325007536571</v>
      </c>
      <c r="L1026" s="11">
        <v>132.93532533000007</v>
      </c>
      <c r="M1026" s="13">
        <v>0.10004357264078056</v>
      </c>
      <c r="N1026" s="11">
        <v>-256.90153560999988</v>
      </c>
      <c r="O1026" s="13">
        <v>-0.14948206187931493</v>
      </c>
      <c r="P1026" s="7">
        <v>1904.4005099999999</v>
      </c>
      <c r="Q1026" s="7">
        <v>1952.29382951</v>
      </c>
      <c r="R1026" s="7">
        <v>1923.46632591</v>
      </c>
      <c r="S1026" s="7">
        <v>2040.0535376299999</v>
      </c>
      <c r="T1026" s="7">
        <v>2151.3317775599999</v>
      </c>
      <c r="U1026" s="7">
        <v>1990.04617547</v>
      </c>
      <c r="V1026" s="7">
        <v>1718.6111321999999</v>
      </c>
      <c r="W1026" s="7">
        <v>1763.94314665</v>
      </c>
      <c r="X1026" s="7">
        <v>1289.1940563600001</v>
      </c>
      <c r="Y1026" s="7">
        <v>1328.77427126</v>
      </c>
      <c r="Z1026" s="7">
        <v>1292.09130495</v>
      </c>
      <c r="AA1026" s="7">
        <v>1214.1929493099999</v>
      </c>
      <c r="AB1026" s="7">
        <v>1060.59309054</v>
      </c>
      <c r="AC1026" s="7">
        <v>1153.3325619699999</v>
      </c>
      <c r="AD1026" s="7">
        <v>1312.8819641299999</v>
      </c>
      <c r="AE1026" s="7">
        <v>1431.9800176199999</v>
      </c>
      <c r="AF1026" s="7">
        <v>1461.70959659</v>
      </c>
      <c r="AG1026" s="9">
        <v>11092.021362200001</v>
      </c>
      <c r="AH1026" s="13">
        <v>0.28745212322108782</v>
      </c>
      <c r="AI1026" s="9">
        <v>1579.4005825999993</v>
      </c>
      <c r="AJ1026" s="13">
        <v>4.0930506357674895E-2</v>
      </c>
      <c r="AK1026" s="9">
        <v>5223.6253173000005</v>
      </c>
      <c r="AL1026" s="13">
        <v>0.13004842746703862</v>
      </c>
      <c r="AM1026" s="9">
        <v>4288.9954623000012</v>
      </c>
      <c r="AN1026" s="13">
        <v>9.4491255287218259E-2</v>
      </c>
      <c r="AO1026" s="9">
        <v>9512.6207796000017</v>
      </c>
      <c r="AP1026" s="13">
        <v>0.23682812191374616</v>
      </c>
      <c r="AQ1026" s="9">
        <v>38587.369743199997</v>
      </c>
      <c r="AR1026" s="9">
        <v>44524.402077400002</v>
      </c>
      <c r="AS1026" s="9">
        <v>44253.363151600002</v>
      </c>
      <c r="AT1026" s="9">
        <v>45086.936868299999</v>
      </c>
      <c r="AU1026" s="9">
        <v>43097.318707400002</v>
      </c>
      <c r="AV1026" s="9">
        <v>42986.179170299998</v>
      </c>
      <c r="AW1026" s="9">
        <v>40166.770325799996</v>
      </c>
      <c r="AX1026" s="9">
        <v>42304.8202963</v>
      </c>
      <c r="AY1026" s="9">
        <v>41069.3254772</v>
      </c>
      <c r="AZ1026" s="9">
        <v>45390.395643099997</v>
      </c>
      <c r="BA1026" s="9">
        <v>46225.220452499998</v>
      </c>
      <c r="BB1026" s="9">
        <v>46138.330866199998</v>
      </c>
      <c r="BC1026" s="9">
        <v>43698.862531500003</v>
      </c>
      <c r="BD1026" s="9">
        <v>47867.545452099999</v>
      </c>
      <c r="BE1026" s="9">
        <v>48508.861678599998</v>
      </c>
      <c r="BF1026" s="9">
        <v>49679.391105399998</v>
      </c>
      <c r="BG1026" s="11">
        <v>-0.5</v>
      </c>
      <c r="BH1026" s="13">
        <v>-1.6129032258064516E-2</v>
      </c>
      <c r="BI1026" s="6">
        <v>3</v>
      </c>
      <c r="BJ1026" s="13">
        <v>9.6774193548387094E-2</v>
      </c>
      <c r="BK1026" s="6">
        <v>-4</v>
      </c>
      <c r="BL1026" s="13">
        <v>-0.11764705882352941</v>
      </c>
      <c r="BM1026" s="11">
        <v>0.5</v>
      </c>
      <c r="BN1026" s="13">
        <v>1.6666666666666666E-2</v>
      </c>
      <c r="BO1026" s="11">
        <v>-3.5</v>
      </c>
      <c r="BP1026" s="13">
        <v>-0.10294117647058823</v>
      </c>
      <c r="BQ1026" s="6">
        <v>31</v>
      </c>
      <c r="BR1026" s="6">
        <v>29</v>
      </c>
      <c r="BS1026" s="6">
        <v>33</v>
      </c>
      <c r="BT1026" s="6">
        <v>34</v>
      </c>
      <c r="BU1026" s="6">
        <v>30</v>
      </c>
      <c r="BV1026" s="6">
        <v>32</v>
      </c>
      <c r="BW1026" s="6">
        <v>30</v>
      </c>
      <c r="BX1026" s="6">
        <v>29</v>
      </c>
      <c r="BY1026" s="6">
        <v>32</v>
      </c>
      <c r="BZ1026" s="6">
        <v>27</v>
      </c>
      <c r="CA1026" s="6">
        <v>31</v>
      </c>
      <c r="CB1026" s="6">
        <v>30</v>
      </c>
      <c r="CC1026" s="11">
        <v>30.5</v>
      </c>
      <c r="CD1026" s="11">
        <v>21.3461</v>
      </c>
      <c r="CE1026" s="11">
        <v>-672.21100000000001</v>
      </c>
      <c r="CF1026" s="11">
        <v>208.17400000000001</v>
      </c>
      <c r="CG1026" s="11">
        <v>-464</v>
      </c>
      <c r="CH1026" s="20">
        <v>0.83198000000000005</v>
      </c>
      <c r="CI1026" s="20">
        <v>0.883988</v>
      </c>
      <c r="CJ1026" s="20">
        <v>0.90540699999999996</v>
      </c>
      <c r="CK1026" s="20">
        <v>0.97234600000000004</v>
      </c>
      <c r="CL1026" s="20">
        <v>1.0162199999999999</v>
      </c>
      <c r="CM1026" s="20">
        <v>0.93574000000000002</v>
      </c>
      <c r="CN1026" s="20">
        <v>0.85076399999999996</v>
      </c>
      <c r="CO1026" s="20">
        <v>0.91531499999999999</v>
      </c>
      <c r="CP1026" s="20">
        <v>0.74483200000000005</v>
      </c>
      <c r="CQ1026" s="20">
        <v>0.78998500000000005</v>
      </c>
      <c r="CR1026" s="20">
        <v>0.75619000000000003</v>
      </c>
      <c r="CS1026" s="20">
        <v>0.71009599999999995</v>
      </c>
      <c r="CT1026" s="20">
        <v>0.61521800000000004</v>
      </c>
      <c r="CU1026" s="20">
        <v>0.67627899999999996</v>
      </c>
      <c r="CV1026" s="20">
        <v>0.76146000000000003</v>
      </c>
      <c r="CW1026" s="20">
        <v>0.82904100000000003</v>
      </c>
      <c r="CX1026" s="20">
        <v>0.84421000000000002</v>
      </c>
      <c r="CY1026" s="6" t="s">
        <v>551</v>
      </c>
      <c r="CZ1026" s="6" t="s">
        <v>552</v>
      </c>
      <c r="DA1026" s="6" t="s">
        <v>146</v>
      </c>
      <c r="DB1026" s="6"/>
      <c r="DC1026" s="6">
        <v>47660</v>
      </c>
      <c r="DD1026" s="6">
        <v>312</v>
      </c>
      <c r="DE1026" s="6" t="s">
        <v>554</v>
      </c>
      <c r="DF1026" s="6" t="s">
        <v>363</v>
      </c>
      <c r="DG1026" s="6" t="s">
        <v>364</v>
      </c>
      <c r="DH1026" s="6" t="s">
        <v>365</v>
      </c>
      <c r="DI1026" s="6" t="s">
        <v>377</v>
      </c>
      <c r="DJ1026" s="6">
        <v>29</v>
      </c>
      <c r="DK1026" s="6">
        <v>101</v>
      </c>
      <c r="DL1026" s="6">
        <v>3</v>
      </c>
      <c r="DM1026" s="6" t="s">
        <v>556</v>
      </c>
      <c r="DN1026" s="6">
        <v>4</v>
      </c>
      <c r="DO1026" s="6" t="s">
        <v>557</v>
      </c>
      <c r="DP1026" s="6"/>
      <c r="DQ1026" s="6"/>
    </row>
    <row r="1027" spans="1:121" x14ac:dyDescent="0.2">
      <c r="A1027" s="6" t="s">
        <v>313</v>
      </c>
      <c r="B1027" s="6" t="s">
        <v>313</v>
      </c>
      <c r="C1027" s="6" t="s">
        <v>178</v>
      </c>
      <c r="D1027" s="6" t="s">
        <v>146</v>
      </c>
      <c r="E1027" s="6" t="s">
        <v>287</v>
      </c>
      <c r="F1027" s="11">
        <v>147</v>
      </c>
      <c r="G1027" s="13">
        <v>0.5</v>
      </c>
      <c r="H1027" s="11">
        <v>68.073045221999962</v>
      </c>
      <c r="I1027" s="13">
        <v>0.23127043359321059</v>
      </c>
      <c r="J1027" s="11">
        <v>-81.206106984999963</v>
      </c>
      <c r="K1027" s="13">
        <v>-0.22406817432741133</v>
      </c>
      <c r="L1027" s="11">
        <v>159.75200058199999</v>
      </c>
      <c r="M1027" s="13">
        <v>0.56808618096838537</v>
      </c>
      <c r="N1027" s="11">
        <v>78.545893597000031</v>
      </c>
      <c r="O1027" s="13">
        <v>0.21672797321075657</v>
      </c>
      <c r="P1027" s="7">
        <v>294.34391661900003</v>
      </c>
      <c r="Q1027" s="7">
        <v>306.838594962</v>
      </c>
      <c r="R1027" s="7">
        <v>339.57997912000002</v>
      </c>
      <c r="S1027" s="7">
        <v>321.51391380400003</v>
      </c>
      <c r="T1027" s="7">
        <v>360.77634589399997</v>
      </c>
      <c r="U1027" s="7">
        <v>370.29254548099999</v>
      </c>
      <c r="V1027" s="7">
        <v>362.41696184099999</v>
      </c>
      <c r="W1027" s="7">
        <v>356.56427313400002</v>
      </c>
      <c r="X1027" s="7">
        <v>342.20298947800001</v>
      </c>
      <c r="Y1027" s="7">
        <v>281.21085485600003</v>
      </c>
      <c r="Z1027" s="7">
        <v>276.82437542399998</v>
      </c>
      <c r="AA1027" s="7">
        <v>268.27485730900003</v>
      </c>
      <c r="AB1027" s="7">
        <v>424.662715026</v>
      </c>
      <c r="AC1027" s="7">
        <v>399.414660067</v>
      </c>
      <c r="AD1027" s="7">
        <v>409.52797849000001</v>
      </c>
      <c r="AE1027" s="7">
        <v>416.87624915599997</v>
      </c>
      <c r="AF1027" s="7">
        <v>440.96285543800002</v>
      </c>
      <c r="AG1027" s="9">
        <v>21106.424216599997</v>
      </c>
      <c r="AH1027" s="13">
        <v>0.69736426903180193</v>
      </c>
      <c r="AI1027" s="9">
        <v>6817.8067305000004</v>
      </c>
      <c r="AJ1027" s="13">
        <v>0.22526292271126952</v>
      </c>
      <c r="AK1027" s="9">
        <v>2414.8039643000011</v>
      </c>
      <c r="AL1027" s="13">
        <v>6.5117484799415037E-2</v>
      </c>
      <c r="AM1027" s="9">
        <v>11873.813521799995</v>
      </c>
      <c r="AN1027" s="13">
        <v>0.30061347724243653</v>
      </c>
      <c r="AO1027" s="9">
        <v>14288.617486099996</v>
      </c>
      <c r="AP1027" s="13">
        <v>0.38530615557668518</v>
      </c>
      <c r="AQ1027" s="9">
        <v>30265.996056700002</v>
      </c>
      <c r="AR1027" s="9">
        <v>30985.448989600001</v>
      </c>
      <c r="AS1027" s="9">
        <v>31223.514636</v>
      </c>
      <c r="AT1027" s="9">
        <v>31874.0851076</v>
      </c>
      <c r="AU1027" s="9">
        <v>34574.895101800001</v>
      </c>
      <c r="AV1027" s="9">
        <v>36859.533597299996</v>
      </c>
      <c r="AW1027" s="9">
        <v>37083.802787200002</v>
      </c>
      <c r="AX1027" s="9">
        <v>38322.222509799998</v>
      </c>
      <c r="AY1027" s="9">
        <v>40607.471806699999</v>
      </c>
      <c r="AZ1027" s="9">
        <v>39498.606751500003</v>
      </c>
      <c r="BA1027" s="9">
        <v>36388.967644600001</v>
      </c>
      <c r="BB1027" s="9">
        <v>38336.311595699997</v>
      </c>
      <c r="BC1027" s="9">
        <v>46542.835388200001</v>
      </c>
      <c r="BD1027" s="9">
        <v>48637.183324999998</v>
      </c>
      <c r="BE1027" s="9">
        <v>51617.149649500003</v>
      </c>
      <c r="BF1027" s="9">
        <v>51372.420273299998</v>
      </c>
      <c r="BG1027" s="11">
        <v>-3.25</v>
      </c>
      <c r="BH1027" s="13">
        <v>-7.0652173913043473E-2</v>
      </c>
      <c r="BI1027" s="6">
        <v>-4</v>
      </c>
      <c r="BJ1027" s="13">
        <v>-8.6956521739130432E-2</v>
      </c>
      <c r="BK1027" s="6">
        <v>-7</v>
      </c>
      <c r="BL1027" s="13">
        <v>-0.16666666666666666</v>
      </c>
      <c r="BM1027" s="11">
        <v>7.75</v>
      </c>
      <c r="BN1027" s="13">
        <v>0.22142857142857142</v>
      </c>
      <c r="BO1027" s="11">
        <v>0.75</v>
      </c>
      <c r="BP1027" s="13">
        <v>1.7857142857142856E-2</v>
      </c>
      <c r="BQ1027" s="6">
        <v>46</v>
      </c>
      <c r="BR1027" s="6">
        <v>44</v>
      </c>
      <c r="BS1027" s="6">
        <v>44</v>
      </c>
      <c r="BT1027" s="6">
        <v>42</v>
      </c>
      <c r="BU1027" s="6">
        <v>41</v>
      </c>
      <c r="BV1027" s="6">
        <v>38</v>
      </c>
      <c r="BW1027" s="6">
        <v>35</v>
      </c>
      <c r="BX1027" s="6">
        <v>36</v>
      </c>
      <c r="BY1027" s="6">
        <v>39</v>
      </c>
      <c r="BZ1027" s="6">
        <v>42</v>
      </c>
      <c r="CA1027" s="6">
        <v>42</v>
      </c>
      <c r="CB1027" s="6">
        <v>42</v>
      </c>
      <c r="CC1027" s="11">
        <v>42.75</v>
      </c>
      <c r="CD1027" s="11">
        <v>138.511</v>
      </c>
      <c r="CE1027" s="11">
        <v>-24.067799999999998</v>
      </c>
      <c r="CF1027" s="11">
        <v>32.1753</v>
      </c>
      <c r="CG1027" s="11">
        <v>8</v>
      </c>
      <c r="CH1027" s="20">
        <v>0.36113000000000001</v>
      </c>
      <c r="CI1027" s="20">
        <v>0.37057600000000002</v>
      </c>
      <c r="CJ1027" s="20">
        <v>0.407555</v>
      </c>
      <c r="CK1027" s="20">
        <v>0.38147199999999998</v>
      </c>
      <c r="CL1027" s="20">
        <v>0.41416799999999998</v>
      </c>
      <c r="CM1027" s="20">
        <v>0.41171200000000002</v>
      </c>
      <c r="CN1027" s="20">
        <v>0.40920600000000001</v>
      </c>
      <c r="CO1027" s="20">
        <v>0.41120099999999998</v>
      </c>
      <c r="CP1027" s="20">
        <v>0.41535300000000003</v>
      </c>
      <c r="CQ1027" s="20">
        <v>0.34773300000000001</v>
      </c>
      <c r="CR1027" s="20">
        <v>0.33844600000000002</v>
      </c>
      <c r="CS1027" s="20">
        <v>0.327378</v>
      </c>
      <c r="CT1027" s="20">
        <v>0.51108600000000004</v>
      </c>
      <c r="CU1027" s="20">
        <v>0.48652899999999999</v>
      </c>
      <c r="CV1027" s="20">
        <v>0.49374200000000001</v>
      </c>
      <c r="CW1027" s="20">
        <v>0.50299199999999999</v>
      </c>
      <c r="CX1027" s="20">
        <v>0.526451</v>
      </c>
      <c r="CY1027" s="6" t="s">
        <v>551</v>
      </c>
      <c r="CZ1027" s="6" t="s">
        <v>552</v>
      </c>
      <c r="DA1027" s="6" t="s">
        <v>146</v>
      </c>
      <c r="DB1027" s="6"/>
      <c r="DC1027" s="6">
        <v>47660</v>
      </c>
      <c r="DD1027" s="6">
        <v>312</v>
      </c>
      <c r="DE1027" s="6" t="s">
        <v>554</v>
      </c>
      <c r="DF1027" s="6" t="s">
        <v>363</v>
      </c>
      <c r="DG1027" s="6" t="s">
        <v>364</v>
      </c>
      <c r="DH1027" s="6" t="s">
        <v>365</v>
      </c>
      <c r="DI1027" s="6" t="s">
        <v>377</v>
      </c>
      <c r="DJ1027" s="6">
        <v>29</v>
      </c>
      <c r="DK1027" s="6">
        <v>101</v>
      </c>
      <c r="DL1027" s="6">
        <v>3</v>
      </c>
      <c r="DM1027" s="6" t="s">
        <v>556</v>
      </c>
      <c r="DN1027" s="6">
        <v>4</v>
      </c>
      <c r="DO1027" s="6" t="s">
        <v>557</v>
      </c>
      <c r="DP1027" s="6"/>
      <c r="DQ1027" s="6"/>
    </row>
    <row r="1028" spans="1:121" x14ac:dyDescent="0.2">
      <c r="A1028" s="6" t="s">
        <v>793</v>
      </c>
      <c r="B1028" s="6" t="s">
        <v>179</v>
      </c>
      <c r="C1028" s="6" t="s">
        <v>180</v>
      </c>
      <c r="D1028" s="6" t="s">
        <v>146</v>
      </c>
      <c r="E1028" s="6" t="s">
        <v>287</v>
      </c>
      <c r="F1028" s="11">
        <v>36</v>
      </c>
      <c r="G1028" s="13">
        <v>0.02</v>
      </c>
      <c r="H1028" s="11">
        <v>161</v>
      </c>
      <c r="I1028" s="13">
        <v>9.3063583815028897E-2</v>
      </c>
      <c r="J1028" s="11">
        <v>-135</v>
      </c>
      <c r="K1028" s="13">
        <v>-7.1390798519301954E-2</v>
      </c>
      <c r="L1028" s="11">
        <v>10</v>
      </c>
      <c r="M1028" s="13">
        <v>5.6947608200455585E-3</v>
      </c>
      <c r="N1028" s="11">
        <v>-125</v>
      </c>
      <c r="O1028" s="13">
        <v>-6.6102591221575885E-2</v>
      </c>
      <c r="P1028" s="7">
        <v>1730</v>
      </c>
      <c r="Q1028" s="7">
        <v>1774</v>
      </c>
      <c r="R1028" s="7">
        <v>1717</v>
      </c>
      <c r="S1028" s="7">
        <v>1799</v>
      </c>
      <c r="T1028" s="7">
        <v>1755</v>
      </c>
      <c r="U1028" s="7">
        <v>1888</v>
      </c>
      <c r="V1028" s="7">
        <v>1891</v>
      </c>
      <c r="W1028" s="7">
        <v>1824</v>
      </c>
      <c r="X1028" s="7">
        <v>1756</v>
      </c>
      <c r="Y1028" s="7">
        <v>1756</v>
      </c>
      <c r="Z1028" s="7">
        <v>1777</v>
      </c>
      <c r="AA1028" s="7">
        <v>1797</v>
      </c>
      <c r="AB1028" s="7">
        <v>1733</v>
      </c>
      <c r="AC1028" s="7">
        <v>1727</v>
      </c>
      <c r="AD1028" s="7">
        <v>1753</v>
      </c>
      <c r="AE1028" s="7">
        <v>1758</v>
      </c>
      <c r="AF1028" s="7">
        <v>1766</v>
      </c>
      <c r="AG1028" s="9">
        <v>9131</v>
      </c>
      <c r="AH1028" s="13">
        <v>0.45452735327791327</v>
      </c>
      <c r="AI1028" s="9">
        <v>3636</v>
      </c>
      <c r="AJ1028" s="13">
        <v>0.18099457414505452</v>
      </c>
      <c r="AK1028" s="9">
        <v>2818</v>
      </c>
      <c r="AL1028" s="13">
        <v>0.11877766069546893</v>
      </c>
      <c r="AM1028" s="9">
        <v>2677</v>
      </c>
      <c r="AN1028" s="13">
        <v>0.10085521606449913</v>
      </c>
      <c r="AO1028" s="9">
        <v>5495</v>
      </c>
      <c r="AP1028" s="13">
        <v>0.23161222339304532</v>
      </c>
      <c r="AQ1028" s="9">
        <v>20089</v>
      </c>
      <c r="AR1028" s="9">
        <v>19967</v>
      </c>
      <c r="AS1028" s="9">
        <v>20903</v>
      </c>
      <c r="AT1028" s="9">
        <v>21909</v>
      </c>
      <c r="AU1028" s="9">
        <v>22717</v>
      </c>
      <c r="AV1028" s="9">
        <v>23801</v>
      </c>
      <c r="AW1028" s="9">
        <v>23725</v>
      </c>
      <c r="AX1028" s="9">
        <v>24589</v>
      </c>
      <c r="AY1028" s="9">
        <v>25378</v>
      </c>
      <c r="AZ1028" s="9">
        <v>26543</v>
      </c>
      <c r="BA1028" s="9">
        <v>26907</v>
      </c>
      <c r="BB1028" s="9">
        <v>27136</v>
      </c>
      <c r="BC1028" s="9">
        <v>28547</v>
      </c>
      <c r="BD1028" s="9">
        <v>28711</v>
      </c>
      <c r="BE1028" s="9">
        <v>28858</v>
      </c>
      <c r="BF1028" s="9">
        <v>29220</v>
      </c>
      <c r="BG1028" s="11">
        <v>-23</v>
      </c>
      <c r="BH1028" s="13">
        <v>-0.15131578947368421</v>
      </c>
      <c r="BI1028" s="6">
        <v>-10</v>
      </c>
      <c r="BJ1028" s="13">
        <v>-6.5789473684210523E-2</v>
      </c>
      <c r="BK1028" s="6">
        <v>-5</v>
      </c>
      <c r="BL1028" s="13">
        <v>-3.5211267605633804E-2</v>
      </c>
      <c r="BM1028" s="11">
        <v>-8</v>
      </c>
      <c r="BN1028" s="13">
        <v>-5.8394160583941604E-2</v>
      </c>
      <c r="BO1028" s="11">
        <v>-13</v>
      </c>
      <c r="BP1028" s="13">
        <v>-9.154929577464789E-2</v>
      </c>
      <c r="BQ1028" s="6">
        <v>152</v>
      </c>
      <c r="BR1028" s="6">
        <v>146</v>
      </c>
      <c r="BS1028" s="6">
        <v>143</v>
      </c>
      <c r="BT1028" s="6">
        <v>142</v>
      </c>
      <c r="BU1028" s="6">
        <v>134</v>
      </c>
      <c r="BV1028" s="6">
        <v>137</v>
      </c>
      <c r="BW1028" s="6">
        <v>137</v>
      </c>
      <c r="BX1028" s="6">
        <v>138</v>
      </c>
      <c r="BY1028" s="6">
        <v>138</v>
      </c>
      <c r="BZ1028" s="6">
        <v>138</v>
      </c>
      <c r="CA1028" s="6">
        <v>137</v>
      </c>
      <c r="CB1028" s="6">
        <v>134</v>
      </c>
      <c r="CC1028" s="11">
        <v>129</v>
      </c>
      <c r="CD1028" s="11">
        <v>-42</v>
      </c>
      <c r="CE1028" s="11">
        <v>-111</v>
      </c>
      <c r="CF1028" s="11">
        <v>189</v>
      </c>
      <c r="CG1028" s="11">
        <v>78</v>
      </c>
      <c r="CH1028" s="20">
        <v>0.79</v>
      </c>
      <c r="CI1028" s="20">
        <v>0.78</v>
      </c>
      <c r="CJ1028" s="20">
        <v>0.76</v>
      </c>
      <c r="CK1028" s="20">
        <v>0.79</v>
      </c>
      <c r="CL1028" s="20">
        <v>0.75</v>
      </c>
      <c r="CM1028" s="20">
        <v>0.79</v>
      </c>
      <c r="CN1028" s="20">
        <v>0.81</v>
      </c>
      <c r="CO1028" s="20">
        <v>0.8</v>
      </c>
      <c r="CP1028" s="20">
        <v>0.8</v>
      </c>
      <c r="CQ1028" s="20">
        <v>0.81</v>
      </c>
      <c r="CR1028" s="20">
        <v>0.81</v>
      </c>
      <c r="CS1028" s="20">
        <v>0.82</v>
      </c>
      <c r="CT1028" s="20">
        <v>0.78</v>
      </c>
      <c r="CU1028" s="20">
        <v>0.78</v>
      </c>
      <c r="CV1028" s="20">
        <v>0.78</v>
      </c>
      <c r="CW1028" s="20">
        <v>0.78</v>
      </c>
      <c r="CX1028" s="20">
        <v>0.77</v>
      </c>
      <c r="CY1028" s="6" t="s">
        <v>551</v>
      </c>
      <c r="CZ1028" s="6" t="s">
        <v>552</v>
      </c>
      <c r="DA1028" s="6" t="s">
        <v>146</v>
      </c>
      <c r="DB1028" s="6"/>
      <c r="DC1028" s="6">
        <v>47660</v>
      </c>
      <c r="DD1028" s="6">
        <v>312</v>
      </c>
      <c r="DE1028" s="6" t="s">
        <v>554</v>
      </c>
      <c r="DF1028" s="6" t="s">
        <v>363</v>
      </c>
      <c r="DG1028" s="6" t="s">
        <v>364</v>
      </c>
      <c r="DH1028" s="6" t="s">
        <v>365</v>
      </c>
      <c r="DI1028" s="6" t="s">
        <v>377</v>
      </c>
      <c r="DJ1028" s="6">
        <v>29</v>
      </c>
      <c r="DK1028" s="6">
        <v>101</v>
      </c>
      <c r="DL1028" s="6">
        <v>3</v>
      </c>
      <c r="DM1028" s="6" t="s">
        <v>556</v>
      </c>
      <c r="DN1028" s="6">
        <v>4</v>
      </c>
      <c r="DO1028" s="6" t="s">
        <v>557</v>
      </c>
      <c r="DP1028" s="6"/>
      <c r="DQ1028" s="6"/>
    </row>
    <row r="1029" spans="1:121" x14ac:dyDescent="0.2">
      <c r="A1029" s="6" t="s">
        <v>794</v>
      </c>
      <c r="B1029" s="6" t="s">
        <v>181</v>
      </c>
      <c r="C1029" s="6" t="s">
        <v>182</v>
      </c>
      <c r="D1029" s="6" t="s">
        <v>146</v>
      </c>
      <c r="E1029" s="6" t="s">
        <v>287</v>
      </c>
      <c r="F1029" s="11">
        <v>247</v>
      </c>
      <c r="G1029" s="13">
        <v>0.94636015325699996</v>
      </c>
      <c r="H1029" s="11">
        <v>97.787819641999988</v>
      </c>
      <c r="I1029" s="13">
        <v>0.37475526958732952</v>
      </c>
      <c r="J1029" s="11">
        <v>12.682128691999992</v>
      </c>
      <c r="K1029" s="13">
        <v>3.5353282884803355E-2</v>
      </c>
      <c r="L1029" s="11">
        <v>136.88573033799997</v>
      </c>
      <c r="M1029" s="13">
        <v>0.36855915624170354</v>
      </c>
      <c r="N1029" s="11">
        <v>149.56785902999997</v>
      </c>
      <c r="O1029" s="13">
        <v>0.41694221523690422</v>
      </c>
      <c r="P1029" s="7">
        <v>260.93781082700002</v>
      </c>
      <c r="Q1029" s="7">
        <v>292.80062876099998</v>
      </c>
      <c r="R1029" s="7">
        <v>311.13602029100002</v>
      </c>
      <c r="S1029" s="7">
        <v>380.43901044</v>
      </c>
      <c r="T1029" s="7">
        <v>413.46914170600002</v>
      </c>
      <c r="U1029" s="7">
        <v>408.96033269200001</v>
      </c>
      <c r="V1029" s="7">
        <v>358.72563046900001</v>
      </c>
      <c r="W1029" s="7">
        <v>311.76070073300002</v>
      </c>
      <c r="X1029" s="7">
        <v>340.584601432</v>
      </c>
      <c r="Y1029" s="7">
        <v>371.407759161</v>
      </c>
      <c r="Z1029" s="7">
        <v>321.13625025800002</v>
      </c>
      <c r="AA1029" s="7">
        <v>308.858113463</v>
      </c>
      <c r="AB1029" s="7">
        <v>384.38414573099999</v>
      </c>
      <c r="AC1029" s="7">
        <v>431.05171718999998</v>
      </c>
      <c r="AD1029" s="7">
        <v>479.49609923399998</v>
      </c>
      <c r="AE1029" s="7">
        <v>480.66797169099999</v>
      </c>
      <c r="AF1029" s="7">
        <v>508.29348949899997</v>
      </c>
      <c r="AG1029" s="9">
        <v>16728.301411400003</v>
      </c>
      <c r="AH1029" s="13">
        <v>0.56163279804544641</v>
      </c>
      <c r="AI1029" s="9">
        <v>8514.5300442000007</v>
      </c>
      <c r="AJ1029" s="13">
        <v>0.28586520622513417</v>
      </c>
      <c r="AK1029" s="9">
        <v>15272.355652400001</v>
      </c>
      <c r="AL1029" s="13">
        <v>0.39875964494560312</v>
      </c>
      <c r="AM1029" s="9">
        <v>-7058.5842851999987</v>
      </c>
      <c r="AN1029" s="13">
        <v>-0.13175881562268602</v>
      </c>
      <c r="AO1029" s="9">
        <v>8213.7713672000027</v>
      </c>
      <c r="AP1029" s="13">
        <v>0.21446073078676164</v>
      </c>
      <c r="AQ1029" s="9">
        <v>29785.122004299999</v>
      </c>
      <c r="AR1029" s="9">
        <v>35658.851837000002</v>
      </c>
      <c r="AS1029" s="9">
        <v>36933.163396000004</v>
      </c>
      <c r="AT1029" s="9">
        <v>31232.6629087</v>
      </c>
      <c r="AU1029" s="9">
        <v>33507.7662203</v>
      </c>
      <c r="AV1029" s="9">
        <v>35967.936435199998</v>
      </c>
      <c r="AW1029" s="9">
        <v>38299.6520485</v>
      </c>
      <c r="AX1029" s="9">
        <v>41153.226756399999</v>
      </c>
      <c r="AY1029" s="9">
        <v>44508.460334399999</v>
      </c>
      <c r="AZ1029" s="9">
        <v>53572.007700900002</v>
      </c>
      <c r="BA1029" s="9">
        <v>58899.672468999997</v>
      </c>
      <c r="BB1029" s="9">
        <v>48283.476307600002</v>
      </c>
      <c r="BC1029" s="9">
        <v>47564.532091699999</v>
      </c>
      <c r="BD1029" s="9">
        <v>46744.977454300002</v>
      </c>
      <c r="BE1029" s="9">
        <v>46001.879203900004</v>
      </c>
      <c r="BF1029" s="9">
        <v>46513.423415700003</v>
      </c>
      <c r="BG1029" s="11">
        <v>-2</v>
      </c>
      <c r="BH1029" s="13">
        <v>-6.4516129032258063E-2</v>
      </c>
      <c r="BI1029" s="6">
        <v>0</v>
      </c>
      <c r="BJ1029" s="13">
        <v>0</v>
      </c>
      <c r="BK1029" s="6">
        <v>-1</v>
      </c>
      <c r="BL1029" s="13">
        <v>-3.2258064516129031E-2</v>
      </c>
      <c r="BM1029" s="11">
        <v>-1</v>
      </c>
      <c r="BN1029" s="13">
        <v>-3.3333333333333333E-2</v>
      </c>
      <c r="BO1029" s="11">
        <v>-2</v>
      </c>
      <c r="BP1029" s="13">
        <v>-6.4516129032258063E-2</v>
      </c>
      <c r="BQ1029" s="6">
        <v>31</v>
      </c>
      <c r="BR1029" s="6">
        <v>33</v>
      </c>
      <c r="BS1029" s="6">
        <v>31</v>
      </c>
      <c r="BT1029" s="6">
        <v>31</v>
      </c>
      <c r="BU1029" s="6">
        <v>28</v>
      </c>
      <c r="BV1029" s="6">
        <v>28</v>
      </c>
      <c r="BW1029" s="6">
        <v>30</v>
      </c>
      <c r="BX1029" s="6">
        <v>31</v>
      </c>
      <c r="BY1029" s="6">
        <v>30</v>
      </c>
      <c r="BZ1029" s="6">
        <v>27</v>
      </c>
      <c r="CA1029" s="6">
        <v>28</v>
      </c>
      <c r="CB1029" s="6">
        <v>26</v>
      </c>
      <c r="CC1029" s="11">
        <v>29</v>
      </c>
      <c r="CD1029" s="11">
        <v>202.38499999999999</v>
      </c>
      <c r="CE1029" s="11">
        <v>16.446999999999999</v>
      </c>
      <c r="CF1029" s="11">
        <v>28.523599999999998</v>
      </c>
      <c r="CG1029" s="11">
        <v>45</v>
      </c>
      <c r="CH1029" s="20">
        <v>0.40442400000000001</v>
      </c>
      <c r="CI1029" s="20">
        <v>0.45050600000000002</v>
      </c>
      <c r="CJ1029" s="20">
        <v>0.47672599999999998</v>
      </c>
      <c r="CK1029" s="20">
        <v>0.57071400000000005</v>
      </c>
      <c r="CL1029" s="20">
        <v>0.59654600000000002</v>
      </c>
      <c r="CM1029" s="20">
        <v>0.56982299999999997</v>
      </c>
      <c r="CN1029" s="20">
        <v>0.50649100000000002</v>
      </c>
      <c r="CO1029" s="20">
        <v>0.44963500000000001</v>
      </c>
      <c r="CP1029" s="20">
        <v>0.51548099999999997</v>
      </c>
      <c r="CQ1029" s="20">
        <v>0.56923299999999999</v>
      </c>
      <c r="CR1029" s="20">
        <v>0.480325</v>
      </c>
      <c r="CS1029" s="20">
        <v>0.45929300000000001</v>
      </c>
      <c r="CT1029" s="20">
        <v>0.56035599999999997</v>
      </c>
      <c r="CU1029" s="20">
        <v>0.621834</v>
      </c>
      <c r="CV1029" s="20">
        <v>0.66119899999999998</v>
      </c>
      <c r="CW1029" s="20">
        <v>0.64637299999999998</v>
      </c>
      <c r="CX1029" s="20">
        <v>0.671906</v>
      </c>
      <c r="CY1029" s="6" t="s">
        <v>551</v>
      </c>
      <c r="CZ1029" s="6" t="s">
        <v>552</v>
      </c>
      <c r="DA1029" s="6" t="s">
        <v>146</v>
      </c>
      <c r="DB1029" s="6"/>
      <c r="DC1029" s="6">
        <v>47660</v>
      </c>
      <c r="DD1029" s="6">
        <v>312</v>
      </c>
      <c r="DE1029" s="6" t="s">
        <v>554</v>
      </c>
      <c r="DF1029" s="6" t="s">
        <v>363</v>
      </c>
      <c r="DG1029" s="6" t="s">
        <v>364</v>
      </c>
      <c r="DH1029" s="6" t="s">
        <v>365</v>
      </c>
      <c r="DI1029" s="6" t="s">
        <v>377</v>
      </c>
      <c r="DJ1029" s="6">
        <v>29</v>
      </c>
      <c r="DK1029" s="6">
        <v>101</v>
      </c>
      <c r="DL1029" s="6">
        <v>3</v>
      </c>
      <c r="DM1029" s="6" t="s">
        <v>556</v>
      </c>
      <c r="DN1029" s="6">
        <v>4</v>
      </c>
      <c r="DO1029" s="6" t="s">
        <v>557</v>
      </c>
      <c r="DP1029" s="6"/>
      <c r="DQ1029" s="6"/>
    </row>
    <row r="1030" spans="1:121" x14ac:dyDescent="0.2">
      <c r="A1030" s="6" t="s">
        <v>314</v>
      </c>
      <c r="B1030" s="6" t="s">
        <v>314</v>
      </c>
      <c r="C1030" s="6" t="s">
        <v>183</v>
      </c>
      <c r="D1030" s="6" t="s">
        <v>146</v>
      </c>
      <c r="E1030" s="6" t="s">
        <v>287</v>
      </c>
      <c r="F1030" s="11">
        <v>-172</v>
      </c>
      <c r="G1030" s="13">
        <v>-0.65151515151499995</v>
      </c>
      <c r="H1030" s="11">
        <v>-83.091413324999991</v>
      </c>
      <c r="I1030" s="13">
        <v>-0.31472626996627157</v>
      </c>
      <c r="J1030" s="11">
        <v>-13.83790332800001</v>
      </c>
      <c r="K1030" s="13">
        <v>-7.6486195183414638E-2</v>
      </c>
      <c r="L1030" s="11">
        <v>-74.885046001999982</v>
      </c>
      <c r="M1030" s="13">
        <v>-0.44819238596480376</v>
      </c>
      <c r="N1030" s="11">
        <v>-88.722949329999992</v>
      </c>
      <c r="O1030" s="13">
        <v>-0.49039805083559407</v>
      </c>
      <c r="P1030" s="7">
        <v>264.01168651699999</v>
      </c>
      <c r="Q1030" s="7">
        <v>247.50820981199999</v>
      </c>
      <c r="R1030" s="7">
        <v>231.67074785099999</v>
      </c>
      <c r="S1030" s="7">
        <v>209.74864337400001</v>
      </c>
      <c r="T1030" s="7">
        <v>202.19483305700001</v>
      </c>
      <c r="U1030" s="7">
        <v>195.721098504</v>
      </c>
      <c r="V1030" s="7">
        <v>180.920273192</v>
      </c>
      <c r="W1030" s="7">
        <v>191.55115727500001</v>
      </c>
      <c r="X1030" s="7">
        <v>171.52298344900001</v>
      </c>
      <c r="Y1030" s="7">
        <v>167.08236986399999</v>
      </c>
      <c r="Z1030" s="7">
        <v>132.99791635</v>
      </c>
      <c r="AA1030" s="7">
        <v>123.933767919</v>
      </c>
      <c r="AB1030" s="7">
        <v>103.615574068</v>
      </c>
      <c r="AC1030" s="7">
        <v>108.700543733</v>
      </c>
      <c r="AD1030" s="7">
        <v>106.088443736</v>
      </c>
      <c r="AE1030" s="7">
        <v>91.356532340900003</v>
      </c>
      <c r="AF1030" s="7">
        <v>92.197323862000005</v>
      </c>
      <c r="AG1030" s="9">
        <v>3112.7738488999967</v>
      </c>
      <c r="AH1030" s="13">
        <v>8.1989663976657731E-2</v>
      </c>
      <c r="AI1030" s="9">
        <v>2264.7197467000005</v>
      </c>
      <c r="AJ1030" s="13">
        <v>5.9652136662241624E-2</v>
      </c>
      <c r="AK1030" s="9">
        <v>3728.2430113999944</v>
      </c>
      <c r="AL1030" s="13">
        <v>9.2672831297995806E-2</v>
      </c>
      <c r="AM1030" s="9">
        <v>-2880.1889091999983</v>
      </c>
      <c r="AN1030" s="13">
        <v>-6.5520778376469052E-2</v>
      </c>
      <c r="AO1030" s="9">
        <v>848.05410219999612</v>
      </c>
      <c r="AP1030" s="13">
        <v>2.1080056880530856E-2</v>
      </c>
      <c r="AQ1030" s="9">
        <v>37965.442202400001</v>
      </c>
      <c r="AR1030" s="9">
        <v>41368.763173799998</v>
      </c>
      <c r="AS1030" s="9">
        <v>41786.646210400002</v>
      </c>
      <c r="AT1030" s="9">
        <v>41229.060486399998</v>
      </c>
      <c r="AU1030" s="9">
        <v>39291.018331300002</v>
      </c>
      <c r="AV1030" s="9">
        <v>40755.039057800001</v>
      </c>
      <c r="AW1030" s="9">
        <v>40230.161949100002</v>
      </c>
      <c r="AX1030" s="9">
        <v>42561.505905400001</v>
      </c>
      <c r="AY1030" s="9">
        <v>46897.590790900002</v>
      </c>
      <c r="AZ1030" s="9">
        <v>43958.404960499996</v>
      </c>
      <c r="BA1030" s="9">
        <v>47398.559784899997</v>
      </c>
      <c r="BB1030" s="9">
        <v>43375.723552399999</v>
      </c>
      <c r="BC1030" s="9">
        <v>42375.425861399999</v>
      </c>
      <c r="BD1030" s="9">
        <v>48889.679776199999</v>
      </c>
      <c r="BE1030" s="9">
        <v>39846.070660199999</v>
      </c>
      <c r="BF1030" s="9">
        <v>41078.216051299998</v>
      </c>
      <c r="BG1030" s="11">
        <v>-3.5</v>
      </c>
      <c r="BH1030" s="13">
        <v>-0.16666666666666666</v>
      </c>
      <c r="BI1030" s="6">
        <v>-3</v>
      </c>
      <c r="BJ1030" s="13">
        <v>-0.14285714285714285</v>
      </c>
      <c r="BK1030" s="6">
        <v>-2</v>
      </c>
      <c r="BL1030" s="13">
        <v>-0.1111111111111111</v>
      </c>
      <c r="BM1030" s="11">
        <v>1.5</v>
      </c>
      <c r="BN1030" s="13">
        <v>9.375E-2</v>
      </c>
      <c r="BO1030" s="11">
        <v>-0.5</v>
      </c>
      <c r="BP1030" s="13">
        <v>-2.7777777777777776E-2</v>
      </c>
      <c r="BQ1030" s="6">
        <v>21</v>
      </c>
      <c r="BR1030" s="6">
        <v>21</v>
      </c>
      <c r="BS1030" s="6">
        <v>20</v>
      </c>
      <c r="BT1030" s="6">
        <v>18</v>
      </c>
      <c r="BU1030" s="6">
        <v>19</v>
      </c>
      <c r="BV1030" s="6">
        <v>17</v>
      </c>
      <c r="BW1030" s="6">
        <v>16</v>
      </c>
      <c r="BX1030" s="6">
        <v>15</v>
      </c>
      <c r="BY1030" s="6">
        <v>18</v>
      </c>
      <c r="BZ1030" s="6">
        <v>18</v>
      </c>
      <c r="CA1030" s="6">
        <v>16</v>
      </c>
      <c r="CB1030" s="6">
        <v>18</v>
      </c>
      <c r="CC1030" s="11">
        <v>17.5</v>
      </c>
      <c r="CD1030" s="11">
        <v>-119.81</v>
      </c>
      <c r="CE1030" s="11">
        <v>-80.8643</v>
      </c>
      <c r="CF1030" s="11">
        <v>28.8597</v>
      </c>
      <c r="CG1030" s="11">
        <v>-52</v>
      </c>
      <c r="CH1030" s="20">
        <v>0.519617</v>
      </c>
      <c r="CI1030" s="20">
        <v>0.49723299999999998</v>
      </c>
      <c r="CJ1030" s="20">
        <v>0.48395100000000002</v>
      </c>
      <c r="CK1030" s="20">
        <v>0.44713399999999998</v>
      </c>
      <c r="CL1030" s="20">
        <v>0.43026599999999998</v>
      </c>
      <c r="CM1030" s="20">
        <v>0.41420600000000002</v>
      </c>
      <c r="CN1030" s="20">
        <v>0.39687</v>
      </c>
      <c r="CO1030" s="20">
        <v>0.432948</v>
      </c>
      <c r="CP1030" s="20">
        <v>0.40491199999999999</v>
      </c>
      <c r="CQ1030" s="20">
        <v>0.409688</v>
      </c>
      <c r="CR1030" s="20">
        <v>0.3301</v>
      </c>
      <c r="CS1030" s="20">
        <v>0.312004</v>
      </c>
      <c r="CT1030" s="20">
        <v>0.25837300000000002</v>
      </c>
      <c r="CU1030" s="20">
        <v>0.27398400000000001</v>
      </c>
      <c r="CV1030" s="20">
        <v>0.264936</v>
      </c>
      <c r="CW1030" s="20">
        <v>0.224911</v>
      </c>
      <c r="CX1030" s="20">
        <v>0.225943</v>
      </c>
      <c r="CY1030" s="6" t="s">
        <v>551</v>
      </c>
      <c r="CZ1030" s="6" t="s">
        <v>552</v>
      </c>
      <c r="DA1030" s="6" t="s">
        <v>146</v>
      </c>
      <c r="DB1030" s="6"/>
      <c r="DC1030" s="6">
        <v>47660</v>
      </c>
      <c r="DD1030" s="6">
        <v>312</v>
      </c>
      <c r="DE1030" s="6" t="s">
        <v>554</v>
      </c>
      <c r="DF1030" s="6" t="s">
        <v>363</v>
      </c>
      <c r="DG1030" s="6" t="s">
        <v>364</v>
      </c>
      <c r="DH1030" s="6" t="s">
        <v>365</v>
      </c>
      <c r="DI1030" s="6" t="s">
        <v>377</v>
      </c>
      <c r="DJ1030" s="6">
        <v>29</v>
      </c>
      <c r="DK1030" s="6">
        <v>101</v>
      </c>
      <c r="DL1030" s="6">
        <v>3</v>
      </c>
      <c r="DM1030" s="6" t="s">
        <v>556</v>
      </c>
      <c r="DN1030" s="6">
        <v>4</v>
      </c>
      <c r="DO1030" s="6" t="s">
        <v>557</v>
      </c>
      <c r="DP1030" s="6"/>
      <c r="DQ1030" s="6"/>
    </row>
    <row r="1031" spans="1:121" x14ac:dyDescent="0.2">
      <c r="A1031" s="6" t="s">
        <v>315</v>
      </c>
      <c r="B1031" s="6" t="s">
        <v>315</v>
      </c>
      <c r="C1031" s="6" t="s">
        <v>184</v>
      </c>
      <c r="D1031" s="6" t="s">
        <v>146</v>
      </c>
      <c r="E1031" s="6" t="s">
        <v>287</v>
      </c>
      <c r="F1031" s="11">
        <v>-88</v>
      </c>
      <c r="G1031" s="13">
        <v>-0.18</v>
      </c>
      <c r="H1031" s="11">
        <v>-43</v>
      </c>
      <c r="I1031" s="13">
        <v>-8.9770354906054284E-2</v>
      </c>
      <c r="J1031" s="11">
        <v>-5</v>
      </c>
      <c r="K1031" s="13">
        <v>-1.146788990825688E-2</v>
      </c>
      <c r="L1031" s="11">
        <v>-40</v>
      </c>
      <c r="M1031" s="13">
        <v>-9.2807424593967514E-2</v>
      </c>
      <c r="N1031" s="11">
        <v>-45</v>
      </c>
      <c r="O1031" s="13">
        <v>-0.10321100917431192</v>
      </c>
      <c r="P1031" s="7">
        <v>479</v>
      </c>
      <c r="Q1031" s="7">
        <v>479</v>
      </c>
      <c r="R1031" s="7">
        <v>462</v>
      </c>
      <c r="S1031" s="7">
        <v>467</v>
      </c>
      <c r="T1031" s="7">
        <v>497</v>
      </c>
      <c r="U1031" s="7">
        <v>462</v>
      </c>
      <c r="V1031" s="7">
        <v>436</v>
      </c>
      <c r="W1031" s="7">
        <v>419</v>
      </c>
      <c r="X1031" s="7">
        <v>424</v>
      </c>
      <c r="Y1031" s="7">
        <v>431</v>
      </c>
      <c r="Z1031" s="7">
        <v>413</v>
      </c>
      <c r="AA1031" s="7">
        <v>395</v>
      </c>
      <c r="AB1031" s="7">
        <v>374</v>
      </c>
      <c r="AC1031" s="7">
        <v>388</v>
      </c>
      <c r="AD1031" s="7">
        <v>390</v>
      </c>
      <c r="AE1031" s="7">
        <v>393</v>
      </c>
      <c r="AF1031" s="7">
        <v>391</v>
      </c>
      <c r="AG1031" s="9">
        <v>40688</v>
      </c>
      <c r="AH1031" s="13">
        <v>1.2495163222061847</v>
      </c>
      <c r="AI1031" s="9">
        <v>9963</v>
      </c>
      <c r="AJ1031" s="13">
        <v>0.30596075300187331</v>
      </c>
      <c r="AK1031" s="9">
        <v>23817</v>
      </c>
      <c r="AL1031" s="13">
        <v>0.56005737666368804</v>
      </c>
      <c r="AM1031" s="9">
        <v>6908</v>
      </c>
      <c r="AN1031" s="13">
        <v>0.10412552944545768</v>
      </c>
      <c r="AO1031" s="9">
        <v>30725</v>
      </c>
      <c r="AP1031" s="13">
        <v>0.72249917697408639</v>
      </c>
      <c r="AQ1031" s="9">
        <v>32563</v>
      </c>
      <c r="AR1031" s="9">
        <v>35198</v>
      </c>
      <c r="AS1031" s="9">
        <v>36165</v>
      </c>
      <c r="AT1031" s="9">
        <v>38958</v>
      </c>
      <c r="AU1031" s="9">
        <v>41147</v>
      </c>
      <c r="AV1031" s="9">
        <v>43395</v>
      </c>
      <c r="AW1031" s="9">
        <v>42526</v>
      </c>
      <c r="AX1031" s="9">
        <v>44919</v>
      </c>
      <c r="AY1031" s="9">
        <v>56795</v>
      </c>
      <c r="AZ1031" s="9">
        <v>66343</v>
      </c>
      <c r="BA1031" s="9">
        <v>70726</v>
      </c>
      <c r="BB1031" s="9">
        <v>66965</v>
      </c>
      <c r="BC1031" s="9">
        <v>68056</v>
      </c>
      <c r="BD1031" s="9">
        <v>70259</v>
      </c>
      <c r="BE1031" s="9">
        <v>71765</v>
      </c>
      <c r="BF1031" s="9">
        <v>73251</v>
      </c>
      <c r="BG1031" s="11">
        <v>16</v>
      </c>
      <c r="BH1031" s="13">
        <v>0.31372549019607843</v>
      </c>
      <c r="BI1031" s="6">
        <v>13</v>
      </c>
      <c r="BJ1031" s="13">
        <v>0.25490196078431371</v>
      </c>
      <c r="BK1031" s="6">
        <v>-1</v>
      </c>
      <c r="BL1031" s="13">
        <v>-1.5625E-2</v>
      </c>
      <c r="BM1031" s="11">
        <v>4</v>
      </c>
      <c r="BN1031" s="13">
        <v>6.3492063492063489E-2</v>
      </c>
      <c r="BO1031" s="11">
        <v>3</v>
      </c>
      <c r="BP1031" s="13">
        <v>4.6875E-2</v>
      </c>
      <c r="BQ1031" s="6">
        <v>51</v>
      </c>
      <c r="BR1031" s="6">
        <v>55</v>
      </c>
      <c r="BS1031" s="6">
        <v>60</v>
      </c>
      <c r="BT1031" s="6">
        <v>64</v>
      </c>
      <c r="BU1031" s="6">
        <v>62</v>
      </c>
      <c r="BV1031" s="6">
        <v>65</v>
      </c>
      <c r="BW1031" s="6">
        <v>63</v>
      </c>
      <c r="BX1031" s="6">
        <v>62</v>
      </c>
      <c r="BY1031" s="6">
        <v>61</v>
      </c>
      <c r="BZ1031" s="6">
        <v>63</v>
      </c>
      <c r="CA1031" s="6">
        <v>66</v>
      </c>
      <c r="CB1031" s="6">
        <v>67</v>
      </c>
      <c r="CC1031" s="11">
        <v>67</v>
      </c>
      <c r="CD1031" s="11">
        <v>-102</v>
      </c>
      <c r="CE1031" s="11">
        <v>-38</v>
      </c>
      <c r="CF1031" s="11">
        <v>52</v>
      </c>
      <c r="CG1031" s="11">
        <v>14</v>
      </c>
      <c r="CH1031" s="20">
        <v>0.57999999999999996</v>
      </c>
      <c r="CI1031" s="20">
        <v>0.56000000000000005</v>
      </c>
      <c r="CJ1031" s="20">
        <v>0.52</v>
      </c>
      <c r="CK1031" s="20">
        <v>0.52</v>
      </c>
      <c r="CL1031" s="20">
        <v>0.54</v>
      </c>
      <c r="CM1031" s="20">
        <v>0.49</v>
      </c>
      <c r="CN1031" s="20">
        <v>0.48</v>
      </c>
      <c r="CO1031" s="20">
        <v>0.48</v>
      </c>
      <c r="CP1031" s="20">
        <v>0.5</v>
      </c>
      <c r="CQ1031" s="20">
        <v>0.51</v>
      </c>
      <c r="CR1031" s="20">
        <v>0.49</v>
      </c>
      <c r="CS1031" s="20">
        <v>0.47</v>
      </c>
      <c r="CT1031" s="20">
        <v>0.45</v>
      </c>
      <c r="CU1031" s="20">
        <v>0.47</v>
      </c>
      <c r="CV1031" s="20">
        <v>0.47</v>
      </c>
      <c r="CW1031" s="20">
        <v>0.47</v>
      </c>
      <c r="CX1031" s="20">
        <v>0.46</v>
      </c>
      <c r="CY1031" s="6" t="s">
        <v>551</v>
      </c>
      <c r="CZ1031" s="6" t="s">
        <v>552</v>
      </c>
      <c r="DA1031" s="6" t="s">
        <v>146</v>
      </c>
      <c r="DB1031" s="6"/>
      <c r="DC1031" s="6">
        <v>47660</v>
      </c>
      <c r="DD1031" s="6">
        <v>312</v>
      </c>
      <c r="DE1031" s="6" t="s">
        <v>554</v>
      </c>
      <c r="DF1031" s="6" t="s">
        <v>363</v>
      </c>
      <c r="DG1031" s="6" t="s">
        <v>364</v>
      </c>
      <c r="DH1031" s="6" t="s">
        <v>365</v>
      </c>
      <c r="DI1031" s="6" t="s">
        <v>377</v>
      </c>
      <c r="DJ1031" s="6">
        <v>29</v>
      </c>
      <c r="DK1031" s="6">
        <v>101</v>
      </c>
      <c r="DL1031" s="6">
        <v>3</v>
      </c>
      <c r="DM1031" s="6" t="s">
        <v>556</v>
      </c>
      <c r="DN1031" s="6">
        <v>4</v>
      </c>
      <c r="DO1031" s="6" t="s">
        <v>557</v>
      </c>
      <c r="DP1031" s="6"/>
      <c r="DQ1031" s="6"/>
    </row>
    <row r="1032" spans="1:121" x14ac:dyDescent="0.2">
      <c r="A1032" s="6" t="s">
        <v>316</v>
      </c>
      <c r="B1032" s="6" t="s">
        <v>316</v>
      </c>
      <c r="C1032" s="6" t="s">
        <v>185</v>
      </c>
      <c r="D1032" s="6" t="s">
        <v>146</v>
      </c>
      <c r="E1032" s="6" t="s">
        <v>287</v>
      </c>
      <c r="F1032" s="11">
        <v>-53</v>
      </c>
      <c r="G1032" s="13">
        <v>-0.28999999999999998</v>
      </c>
      <c r="H1032" s="11">
        <v>-22</v>
      </c>
      <c r="I1032" s="13">
        <v>-0.12087912087912088</v>
      </c>
      <c r="J1032" s="11">
        <v>-40</v>
      </c>
      <c r="K1032" s="13">
        <v>-0.25</v>
      </c>
      <c r="L1032" s="11">
        <v>9</v>
      </c>
      <c r="M1032" s="13">
        <v>7.4999999999999997E-2</v>
      </c>
      <c r="N1032" s="11">
        <v>-31</v>
      </c>
      <c r="O1032" s="13">
        <v>-0.19375000000000001</v>
      </c>
      <c r="P1032" s="7">
        <v>182</v>
      </c>
      <c r="Q1032" s="7">
        <v>163</v>
      </c>
      <c r="R1032" s="7">
        <v>173</v>
      </c>
      <c r="S1032" s="7">
        <v>185</v>
      </c>
      <c r="T1032" s="7">
        <v>163</v>
      </c>
      <c r="U1032" s="7">
        <v>151</v>
      </c>
      <c r="V1032" s="7">
        <v>160</v>
      </c>
      <c r="W1032" s="7">
        <v>148</v>
      </c>
      <c r="X1032" s="7">
        <v>133</v>
      </c>
      <c r="Y1032" s="7">
        <v>120</v>
      </c>
      <c r="Z1032" s="7">
        <v>114</v>
      </c>
      <c r="AA1032" s="7">
        <v>108</v>
      </c>
      <c r="AB1032" s="7">
        <v>108</v>
      </c>
      <c r="AC1032" s="7">
        <v>118</v>
      </c>
      <c r="AD1032" s="7">
        <v>115</v>
      </c>
      <c r="AE1032" s="7">
        <v>127</v>
      </c>
      <c r="AF1032" s="7">
        <v>129</v>
      </c>
      <c r="AG1032" s="9">
        <v>13361</v>
      </c>
      <c r="AH1032" s="13">
        <v>0.55754465030879652</v>
      </c>
      <c r="AI1032" s="9">
        <v>3151</v>
      </c>
      <c r="AJ1032" s="13">
        <v>0.1314889000166917</v>
      </c>
      <c r="AK1032" s="9">
        <v>910</v>
      </c>
      <c r="AL1032" s="13">
        <v>3.356075972708833E-2</v>
      </c>
      <c r="AM1032" s="9">
        <v>9300</v>
      </c>
      <c r="AN1032" s="13">
        <v>0.33184656556645853</v>
      </c>
      <c r="AO1032" s="9">
        <v>10210</v>
      </c>
      <c r="AP1032" s="13">
        <v>0.37654434814678223</v>
      </c>
      <c r="AQ1032" s="9">
        <v>23964</v>
      </c>
      <c r="AR1032" s="9">
        <v>26958</v>
      </c>
      <c r="AS1032" s="9">
        <v>26462</v>
      </c>
      <c r="AT1032" s="9">
        <v>26090</v>
      </c>
      <c r="AU1032" s="9">
        <v>28429</v>
      </c>
      <c r="AV1032" s="9">
        <v>26658</v>
      </c>
      <c r="AW1032" s="9">
        <v>27115</v>
      </c>
      <c r="AX1032" s="9">
        <v>27655</v>
      </c>
      <c r="AY1032" s="9">
        <v>29540</v>
      </c>
      <c r="AZ1032" s="9">
        <v>28025</v>
      </c>
      <c r="BA1032" s="9">
        <v>28864</v>
      </c>
      <c r="BB1032" s="9">
        <v>31719</v>
      </c>
      <c r="BC1032" s="9">
        <v>34129</v>
      </c>
      <c r="BD1032" s="9">
        <v>35228</v>
      </c>
      <c r="BE1032" s="9">
        <v>38668</v>
      </c>
      <c r="BF1032" s="9">
        <v>37325</v>
      </c>
      <c r="BG1032" s="11">
        <v>-8</v>
      </c>
      <c r="BH1032" s="13">
        <v>-0.20512820512820512</v>
      </c>
      <c r="BI1032" s="6">
        <v>-5</v>
      </c>
      <c r="BJ1032" s="13">
        <v>-0.12820512820512819</v>
      </c>
      <c r="BK1032" s="6">
        <v>-4</v>
      </c>
      <c r="BL1032" s="13">
        <v>-0.11764705882352941</v>
      </c>
      <c r="BM1032" s="11">
        <v>1</v>
      </c>
      <c r="BN1032" s="13">
        <v>3.3333333333333333E-2</v>
      </c>
      <c r="BO1032" s="11">
        <v>-3</v>
      </c>
      <c r="BP1032" s="13">
        <v>-8.8235294117647065E-2</v>
      </c>
      <c r="BQ1032" s="6">
        <v>39</v>
      </c>
      <c r="BR1032" s="6">
        <v>33</v>
      </c>
      <c r="BS1032" s="6">
        <v>33</v>
      </c>
      <c r="BT1032" s="6">
        <v>34</v>
      </c>
      <c r="BU1032" s="6">
        <v>33</v>
      </c>
      <c r="BV1032" s="6">
        <v>33</v>
      </c>
      <c r="BW1032" s="6">
        <v>30</v>
      </c>
      <c r="BX1032" s="6">
        <v>28</v>
      </c>
      <c r="BY1032" s="6">
        <v>25</v>
      </c>
      <c r="BZ1032" s="6">
        <v>27</v>
      </c>
      <c r="CA1032" s="6">
        <v>29</v>
      </c>
      <c r="CB1032" s="6">
        <v>29</v>
      </c>
      <c r="CC1032" s="11">
        <v>31</v>
      </c>
      <c r="CD1032" s="11">
        <v>-63</v>
      </c>
      <c r="CE1032" s="11">
        <v>-9</v>
      </c>
      <c r="CF1032" s="11">
        <v>20</v>
      </c>
      <c r="CG1032" s="11">
        <v>11</v>
      </c>
      <c r="CH1032" s="20">
        <v>0.53</v>
      </c>
      <c r="CI1032" s="20">
        <v>0.46</v>
      </c>
      <c r="CJ1032" s="20">
        <v>0.47</v>
      </c>
      <c r="CK1032" s="20">
        <v>0.49</v>
      </c>
      <c r="CL1032" s="20">
        <v>0.41</v>
      </c>
      <c r="CM1032" s="20">
        <v>0.37</v>
      </c>
      <c r="CN1032" s="20">
        <v>0.41</v>
      </c>
      <c r="CO1032" s="20">
        <v>0.39</v>
      </c>
      <c r="CP1032" s="20">
        <v>0.37</v>
      </c>
      <c r="CQ1032" s="20">
        <v>0.35</v>
      </c>
      <c r="CR1032" s="20">
        <v>0.33</v>
      </c>
      <c r="CS1032" s="20">
        <v>0.32</v>
      </c>
      <c r="CT1032" s="20">
        <v>0.31</v>
      </c>
      <c r="CU1032" s="20">
        <v>0.34</v>
      </c>
      <c r="CV1032" s="20">
        <v>0.33</v>
      </c>
      <c r="CW1032" s="20">
        <v>0.36</v>
      </c>
      <c r="CX1032" s="20">
        <v>0.36</v>
      </c>
      <c r="CY1032" s="6" t="s">
        <v>551</v>
      </c>
      <c r="CZ1032" s="6" t="s">
        <v>552</v>
      </c>
      <c r="DA1032" s="6" t="s">
        <v>146</v>
      </c>
      <c r="DB1032" s="6"/>
      <c r="DC1032" s="6">
        <v>47660</v>
      </c>
      <c r="DD1032" s="6">
        <v>312</v>
      </c>
      <c r="DE1032" s="6" t="s">
        <v>554</v>
      </c>
      <c r="DF1032" s="6" t="s">
        <v>363</v>
      </c>
      <c r="DG1032" s="6" t="s">
        <v>364</v>
      </c>
      <c r="DH1032" s="6" t="s">
        <v>365</v>
      </c>
      <c r="DI1032" s="6" t="s">
        <v>377</v>
      </c>
      <c r="DJ1032" s="6">
        <v>29</v>
      </c>
      <c r="DK1032" s="6">
        <v>101</v>
      </c>
      <c r="DL1032" s="6">
        <v>3</v>
      </c>
      <c r="DM1032" s="6" t="s">
        <v>556</v>
      </c>
      <c r="DN1032" s="6">
        <v>4</v>
      </c>
      <c r="DO1032" s="6" t="s">
        <v>557</v>
      </c>
      <c r="DP1032" s="6"/>
      <c r="DQ1032" s="6"/>
    </row>
    <row r="1033" spans="1:121" x14ac:dyDescent="0.2">
      <c r="A1033" s="6" t="s">
        <v>317</v>
      </c>
      <c r="B1033" s="6" t="s">
        <v>317</v>
      </c>
      <c r="C1033" s="6" t="s">
        <v>186</v>
      </c>
      <c r="D1033" s="6" t="s">
        <v>146</v>
      </c>
      <c r="E1033" s="6" t="s">
        <v>287</v>
      </c>
      <c r="F1033" s="11">
        <v>159</v>
      </c>
      <c r="G1033" s="13">
        <v>0.71</v>
      </c>
      <c r="H1033" s="11">
        <v>97</v>
      </c>
      <c r="I1033" s="13">
        <v>0.4349775784753363</v>
      </c>
      <c r="J1033" s="11">
        <v>-59</v>
      </c>
      <c r="K1033" s="13">
        <v>-0.18437500000000001</v>
      </c>
      <c r="L1033" s="11">
        <v>121</v>
      </c>
      <c r="M1033" s="13">
        <v>0.46360153256704983</v>
      </c>
      <c r="N1033" s="11">
        <v>62</v>
      </c>
      <c r="O1033" s="13">
        <v>0.19375000000000001</v>
      </c>
      <c r="P1033" s="7">
        <v>223</v>
      </c>
      <c r="Q1033" s="7">
        <v>209</v>
      </c>
      <c r="R1033" s="7">
        <v>237</v>
      </c>
      <c r="S1033" s="7">
        <v>270</v>
      </c>
      <c r="T1033" s="7">
        <v>287</v>
      </c>
      <c r="U1033" s="7">
        <v>310</v>
      </c>
      <c r="V1033" s="7">
        <v>320</v>
      </c>
      <c r="W1033" s="7">
        <v>318</v>
      </c>
      <c r="X1033" s="7">
        <v>311</v>
      </c>
      <c r="Y1033" s="7">
        <v>261</v>
      </c>
      <c r="Z1033" s="7">
        <v>261</v>
      </c>
      <c r="AA1033" s="7">
        <v>261</v>
      </c>
      <c r="AB1033" s="7">
        <v>288</v>
      </c>
      <c r="AC1033" s="7">
        <v>307</v>
      </c>
      <c r="AD1033" s="7">
        <v>340</v>
      </c>
      <c r="AE1033" s="7">
        <v>367</v>
      </c>
      <c r="AF1033" s="7">
        <v>382</v>
      </c>
      <c r="AG1033" s="9">
        <v>20252</v>
      </c>
      <c r="AH1033" s="13">
        <v>0.69824851744586958</v>
      </c>
      <c r="AI1033" s="9">
        <v>8848</v>
      </c>
      <c r="AJ1033" s="13">
        <v>0.30506137084540064</v>
      </c>
      <c r="AK1033" s="9">
        <v>3818</v>
      </c>
      <c r="AL1033" s="13">
        <v>0.10086653281200464</v>
      </c>
      <c r="AM1033" s="9">
        <v>7586</v>
      </c>
      <c r="AN1033" s="13">
        <v>0.18204943604511639</v>
      </c>
      <c r="AO1033" s="9">
        <v>11404</v>
      </c>
      <c r="AP1033" s="13">
        <v>0.30127866427137273</v>
      </c>
      <c r="AQ1033" s="9">
        <v>29004</v>
      </c>
      <c r="AR1033" s="9">
        <v>31055</v>
      </c>
      <c r="AS1033" s="9">
        <v>31965</v>
      </c>
      <c r="AT1033" s="9">
        <v>37559</v>
      </c>
      <c r="AU1033" s="9">
        <v>39103</v>
      </c>
      <c r="AV1033" s="9">
        <v>39849</v>
      </c>
      <c r="AW1033" s="9">
        <v>37852</v>
      </c>
      <c r="AX1033" s="9">
        <v>39749</v>
      </c>
      <c r="AY1033" s="9">
        <v>39361</v>
      </c>
      <c r="AZ1033" s="9">
        <v>41670</v>
      </c>
      <c r="BA1033" s="9">
        <v>40853</v>
      </c>
      <c r="BB1033" s="9">
        <v>39297</v>
      </c>
      <c r="BC1033" s="9">
        <v>42683</v>
      </c>
      <c r="BD1033" s="9">
        <v>44228</v>
      </c>
      <c r="BE1033" s="9">
        <v>47209</v>
      </c>
      <c r="BF1033" s="9">
        <v>49256</v>
      </c>
      <c r="BG1033" s="11">
        <v>24</v>
      </c>
      <c r="BH1033" s="13">
        <v>0.43636363636363634</v>
      </c>
      <c r="BI1033" s="6">
        <v>24</v>
      </c>
      <c r="BJ1033" s="13">
        <v>0.43636363636363634</v>
      </c>
      <c r="BK1033" s="6">
        <v>-10</v>
      </c>
      <c r="BL1033" s="13">
        <v>-0.12658227848101267</v>
      </c>
      <c r="BM1033" s="11">
        <v>10</v>
      </c>
      <c r="BN1033" s="13">
        <v>0.14492753623188406</v>
      </c>
      <c r="BO1033" s="11">
        <v>0</v>
      </c>
      <c r="BP1033" s="13">
        <v>0</v>
      </c>
      <c r="BQ1033" s="6">
        <v>55</v>
      </c>
      <c r="BR1033" s="6">
        <v>63</v>
      </c>
      <c r="BS1033" s="6">
        <v>75</v>
      </c>
      <c r="BT1033" s="6">
        <v>79</v>
      </c>
      <c r="BU1033" s="6">
        <v>84</v>
      </c>
      <c r="BV1033" s="6">
        <v>79</v>
      </c>
      <c r="BW1033" s="6">
        <v>69</v>
      </c>
      <c r="BX1033" s="6">
        <v>66</v>
      </c>
      <c r="BY1033" s="6">
        <v>62</v>
      </c>
      <c r="BZ1033" s="6">
        <v>69</v>
      </c>
      <c r="CA1033" s="6">
        <v>72</v>
      </c>
      <c r="CB1033" s="6">
        <v>73</v>
      </c>
      <c r="CC1033" s="11">
        <v>79</v>
      </c>
      <c r="CD1033" s="11">
        <v>90</v>
      </c>
      <c r="CE1033" s="11">
        <v>45</v>
      </c>
      <c r="CF1033" s="11">
        <v>24</v>
      </c>
      <c r="CG1033" s="11">
        <v>69</v>
      </c>
      <c r="CH1033" s="20">
        <v>0.21</v>
      </c>
      <c r="CI1033" s="20">
        <v>0.19</v>
      </c>
      <c r="CJ1033" s="20">
        <v>0.21</v>
      </c>
      <c r="CK1033" s="20">
        <v>0.24</v>
      </c>
      <c r="CL1033" s="20">
        <v>0.24</v>
      </c>
      <c r="CM1033" s="20">
        <v>0.24</v>
      </c>
      <c r="CN1033" s="20">
        <v>0.25</v>
      </c>
      <c r="CO1033" s="20">
        <v>0.25</v>
      </c>
      <c r="CP1033" s="20">
        <v>0.25</v>
      </c>
      <c r="CQ1033" s="20">
        <v>0.21</v>
      </c>
      <c r="CR1033" s="20">
        <v>0.21</v>
      </c>
      <c r="CS1033" s="20">
        <v>0.2</v>
      </c>
      <c r="CT1033" s="20">
        <v>0.22</v>
      </c>
      <c r="CU1033" s="20">
        <v>0.23</v>
      </c>
      <c r="CV1033" s="20">
        <v>0.25</v>
      </c>
      <c r="CW1033" s="20">
        <v>0.26</v>
      </c>
      <c r="CX1033" s="20">
        <v>0.27</v>
      </c>
      <c r="CY1033" s="6" t="s">
        <v>551</v>
      </c>
      <c r="CZ1033" s="6" t="s">
        <v>552</v>
      </c>
      <c r="DA1033" s="6" t="s">
        <v>146</v>
      </c>
      <c r="DB1033" s="6"/>
      <c r="DC1033" s="6">
        <v>47660</v>
      </c>
      <c r="DD1033" s="6">
        <v>312</v>
      </c>
      <c r="DE1033" s="6" t="s">
        <v>554</v>
      </c>
      <c r="DF1033" s="6" t="s">
        <v>363</v>
      </c>
      <c r="DG1033" s="6" t="s">
        <v>364</v>
      </c>
      <c r="DH1033" s="6" t="s">
        <v>365</v>
      </c>
      <c r="DI1033" s="6" t="s">
        <v>377</v>
      </c>
      <c r="DJ1033" s="6">
        <v>29</v>
      </c>
      <c r="DK1033" s="6">
        <v>101</v>
      </c>
      <c r="DL1033" s="6">
        <v>3</v>
      </c>
      <c r="DM1033" s="6" t="s">
        <v>556</v>
      </c>
      <c r="DN1033" s="6">
        <v>4</v>
      </c>
      <c r="DO1033" s="6" t="s">
        <v>557</v>
      </c>
      <c r="DP1033" s="6"/>
      <c r="DQ1033" s="6"/>
    </row>
    <row r="1034" spans="1:121" x14ac:dyDescent="0.2">
      <c r="A1034" s="6" t="s">
        <v>318</v>
      </c>
      <c r="B1034" s="6" t="s">
        <v>318</v>
      </c>
      <c r="C1034" s="6" t="s">
        <v>187</v>
      </c>
      <c r="D1034" s="6" t="s">
        <v>146</v>
      </c>
      <c r="E1034" s="6" t="s">
        <v>287</v>
      </c>
      <c r="F1034" s="11">
        <v>10</v>
      </c>
      <c r="G1034" s="13">
        <v>0.45454545454500001</v>
      </c>
      <c r="H1034" s="11">
        <v>21.205108000000003</v>
      </c>
      <c r="I1034" s="13">
        <v>0.96521638238560326</v>
      </c>
      <c r="J1034" s="11">
        <v>-11.158619000000002</v>
      </c>
      <c r="K1034" s="13">
        <v>-0.25845460179897867</v>
      </c>
      <c r="L1034" s="11">
        <v>-8.7290298100000996E-2</v>
      </c>
      <c r="M1034" s="13">
        <v>-2.7264783434213101E-3</v>
      </c>
      <c r="N1034" s="11">
        <v>-11.245909298100003</v>
      </c>
      <c r="O1034" s="13">
        <v>-0.26047640926783749</v>
      </c>
      <c r="P1034" s="7">
        <v>21.969279</v>
      </c>
      <c r="Q1034" s="7">
        <v>36.721673000000003</v>
      </c>
      <c r="R1034" s="7">
        <v>34.564233000000002</v>
      </c>
      <c r="S1034" s="7">
        <v>28.132283000000001</v>
      </c>
      <c r="T1034" s="7">
        <v>18.070737999999999</v>
      </c>
      <c r="U1034" s="7">
        <v>40.812716999999999</v>
      </c>
      <c r="V1034" s="7">
        <v>43.174387000000003</v>
      </c>
      <c r="W1034" s="7">
        <v>27.928032999999999</v>
      </c>
      <c r="X1034" s="7">
        <v>27.976424999999999</v>
      </c>
      <c r="Y1034" s="7">
        <v>32.015768000000001</v>
      </c>
      <c r="Z1034" s="7">
        <v>42.188809999999997</v>
      </c>
      <c r="AA1034" s="7">
        <v>35.995462000000003</v>
      </c>
      <c r="AB1034" s="7">
        <v>34.975248999999998</v>
      </c>
      <c r="AC1034" s="7">
        <v>35.937620000000003</v>
      </c>
      <c r="AD1034" s="7">
        <v>33.021845999999996</v>
      </c>
      <c r="AE1034" s="7">
        <v>32.443354499999998</v>
      </c>
      <c r="AF1034" s="7">
        <v>31.9284777019</v>
      </c>
      <c r="AG1034" s="9">
        <v>26236.098780500004</v>
      </c>
      <c r="AH1034" s="13">
        <v>0.78498736031012994</v>
      </c>
      <c r="AI1034" s="9">
        <v>16528.071708900003</v>
      </c>
      <c r="AJ1034" s="13">
        <v>0.49452197486880661</v>
      </c>
      <c r="AK1034" s="9">
        <v>438.31615839999722</v>
      </c>
      <c r="AL1034" s="13">
        <v>8.7750294459852732E-3</v>
      </c>
      <c r="AM1034" s="9">
        <v>9269.7109132000041</v>
      </c>
      <c r="AN1034" s="13">
        <v>0.18396405264031235</v>
      </c>
      <c r="AO1034" s="9">
        <v>9708.0270716000014</v>
      </c>
      <c r="AP1034" s="13">
        <v>0.19435337206521916</v>
      </c>
      <c r="AQ1034" s="9">
        <v>33422.320035999997</v>
      </c>
      <c r="AR1034" s="9">
        <v>38018.546749000001</v>
      </c>
      <c r="AS1034" s="9">
        <v>34464.051553700003</v>
      </c>
      <c r="AT1034" s="9">
        <v>57454.874522700004</v>
      </c>
      <c r="AU1034" s="9">
        <v>46492.307725699997</v>
      </c>
      <c r="AV1034" s="9">
        <v>45545.634412599997</v>
      </c>
      <c r="AW1034" s="9">
        <v>49950.3917449</v>
      </c>
      <c r="AX1034" s="9">
        <v>45215.263743299998</v>
      </c>
      <c r="AY1034" s="9">
        <v>47715.172378299998</v>
      </c>
      <c r="AZ1034" s="9">
        <v>50388.707903299997</v>
      </c>
      <c r="BA1034" s="9">
        <v>47840.645838900004</v>
      </c>
      <c r="BB1034" s="9">
        <v>51542.204411600003</v>
      </c>
      <c r="BC1034" s="9">
        <v>57526.673113800003</v>
      </c>
      <c r="BD1034" s="9">
        <v>53029.062694599997</v>
      </c>
      <c r="BE1034" s="9">
        <v>57276.097832400003</v>
      </c>
      <c r="BF1034" s="9">
        <v>59658.418816500001</v>
      </c>
      <c r="BG1034" s="11">
        <v>2</v>
      </c>
      <c r="BH1034" s="13">
        <v>2</v>
      </c>
      <c r="BI1034" s="6">
        <v>1</v>
      </c>
      <c r="BJ1034" s="13">
        <v>1</v>
      </c>
      <c r="BK1034" s="6">
        <v>1</v>
      </c>
      <c r="BL1034" s="13">
        <v>0.5</v>
      </c>
      <c r="BM1034" s="11">
        <v>0</v>
      </c>
      <c r="BN1034" s="13">
        <v>0</v>
      </c>
      <c r="BO1034" s="11">
        <v>1</v>
      </c>
      <c r="BP1034" s="13">
        <v>0.5</v>
      </c>
      <c r="BQ1034" s="6">
        <v>1</v>
      </c>
      <c r="BR1034" s="6">
        <v>1</v>
      </c>
      <c r="BS1034" s="6">
        <v>2</v>
      </c>
      <c r="BT1034" s="6">
        <v>2</v>
      </c>
      <c r="BU1034" s="6">
        <v>3</v>
      </c>
      <c r="BV1034" s="6">
        <v>3</v>
      </c>
      <c r="BW1034" s="6">
        <v>3</v>
      </c>
      <c r="BX1034" s="6">
        <v>3</v>
      </c>
      <c r="BY1034" s="6">
        <v>3</v>
      </c>
      <c r="BZ1034" s="6">
        <v>3</v>
      </c>
      <c r="CA1034" s="6">
        <v>3</v>
      </c>
      <c r="CB1034" s="6">
        <v>3</v>
      </c>
      <c r="CC1034" s="11">
        <v>3</v>
      </c>
      <c r="CD1034" s="11">
        <v>2.8538899999999998</v>
      </c>
      <c r="CE1034" s="11">
        <v>4.7038000000000002</v>
      </c>
      <c r="CF1034" s="11">
        <v>2.40151</v>
      </c>
      <c r="CG1034" s="11">
        <v>7</v>
      </c>
      <c r="CH1034" s="20">
        <v>9.3162700000000001E-2</v>
      </c>
      <c r="CI1034" s="20">
        <v>0.15193799999999999</v>
      </c>
      <c r="CJ1034" s="20">
        <v>0.14455999999999999</v>
      </c>
      <c r="CK1034" s="20">
        <v>0.114958</v>
      </c>
      <c r="CL1034" s="20">
        <v>7.0832699999999998E-2</v>
      </c>
      <c r="CM1034" s="20">
        <v>0.15461800000000001</v>
      </c>
      <c r="CN1034" s="20">
        <v>0.163768</v>
      </c>
      <c r="CO1034" s="20">
        <v>0.10421800000000001</v>
      </c>
      <c r="CP1034" s="20">
        <v>0.105013</v>
      </c>
      <c r="CQ1034" s="20">
        <v>0.1202</v>
      </c>
      <c r="CR1034" s="20">
        <v>0.15374099999999999</v>
      </c>
      <c r="CS1034" s="20">
        <v>0.12742899999999999</v>
      </c>
      <c r="CT1034" s="20">
        <v>0.118723</v>
      </c>
      <c r="CU1034" s="20">
        <v>0.12110600000000001</v>
      </c>
      <c r="CV1034" s="20">
        <v>0.10904</v>
      </c>
      <c r="CW1034" s="20">
        <v>0.10587000000000001</v>
      </c>
      <c r="CX1034" s="20">
        <v>0.102295</v>
      </c>
      <c r="CY1034" s="6" t="s">
        <v>551</v>
      </c>
      <c r="CZ1034" s="6" t="s">
        <v>552</v>
      </c>
      <c r="DA1034" s="6" t="s">
        <v>146</v>
      </c>
      <c r="DB1034" s="6"/>
      <c r="DC1034" s="6">
        <v>47660</v>
      </c>
      <c r="DD1034" s="6">
        <v>312</v>
      </c>
      <c r="DE1034" s="6" t="s">
        <v>554</v>
      </c>
      <c r="DF1034" s="6" t="s">
        <v>363</v>
      </c>
      <c r="DG1034" s="6" t="s">
        <v>364</v>
      </c>
      <c r="DH1034" s="6" t="s">
        <v>365</v>
      </c>
      <c r="DI1034" s="6" t="s">
        <v>377</v>
      </c>
      <c r="DJ1034" s="6">
        <v>29</v>
      </c>
      <c r="DK1034" s="6">
        <v>101</v>
      </c>
      <c r="DL1034" s="6">
        <v>3</v>
      </c>
      <c r="DM1034" s="6" t="s">
        <v>556</v>
      </c>
      <c r="DN1034" s="6">
        <v>4</v>
      </c>
      <c r="DO1034" s="6" t="s">
        <v>557</v>
      </c>
      <c r="DP1034" s="6"/>
      <c r="DQ1034" s="6"/>
    </row>
    <row r="1035" spans="1:121" x14ac:dyDescent="0.2">
      <c r="A1035" s="6" t="s">
        <v>319</v>
      </c>
      <c r="B1035" s="6" t="s">
        <v>319</v>
      </c>
      <c r="C1035" s="6" t="s">
        <v>188</v>
      </c>
      <c r="D1035" s="6" t="s">
        <v>146</v>
      </c>
      <c r="E1035" s="6" t="s">
        <v>287</v>
      </c>
      <c r="F1035" s="11">
        <v>-115</v>
      </c>
      <c r="G1035" s="13">
        <v>-0.219465648855</v>
      </c>
      <c r="H1035" s="11">
        <v>14.460029495999947</v>
      </c>
      <c r="I1035" s="13">
        <v>2.762105454823556E-2</v>
      </c>
      <c r="J1035" s="11">
        <v>-105.09104634899995</v>
      </c>
      <c r="K1035" s="13">
        <v>-0.19534567445562351</v>
      </c>
      <c r="L1035" s="11">
        <v>-23.839817196000013</v>
      </c>
      <c r="M1035" s="13">
        <v>-5.5072102072261403E-2</v>
      </c>
      <c r="N1035" s="11">
        <v>-128.93086354499997</v>
      </c>
      <c r="O1035" s="13">
        <v>-0.2396596796048901</v>
      </c>
      <c r="P1035" s="7">
        <v>523.51475106600003</v>
      </c>
      <c r="Q1035" s="7">
        <v>503.92474736700001</v>
      </c>
      <c r="R1035" s="7">
        <v>517.97866823899994</v>
      </c>
      <c r="S1035" s="7">
        <v>457.45932449200001</v>
      </c>
      <c r="T1035" s="7">
        <v>472.63038820700001</v>
      </c>
      <c r="U1035" s="7">
        <v>541.28926508100005</v>
      </c>
      <c r="V1035" s="7">
        <v>537.97478056199998</v>
      </c>
      <c r="W1035" s="7">
        <v>492.594604049</v>
      </c>
      <c r="X1035" s="7">
        <v>474.58039538200001</v>
      </c>
      <c r="Y1035" s="7">
        <v>432.88373421300003</v>
      </c>
      <c r="Z1035" s="7">
        <v>469.39092918300003</v>
      </c>
      <c r="AA1035" s="7">
        <v>384.55317001999998</v>
      </c>
      <c r="AB1035" s="7">
        <v>375.02045579499998</v>
      </c>
      <c r="AC1035" s="7">
        <v>377.286716652</v>
      </c>
      <c r="AD1035" s="7">
        <v>402.415843499</v>
      </c>
      <c r="AE1035" s="7">
        <v>400.874809927</v>
      </c>
      <c r="AF1035" s="7">
        <v>409.04391701700001</v>
      </c>
      <c r="AG1035" s="9">
        <v>5235.2606096999989</v>
      </c>
      <c r="AH1035" s="13">
        <v>0.24499211790886335</v>
      </c>
      <c r="AI1035" s="9">
        <v>4146.422656499999</v>
      </c>
      <c r="AJ1035" s="13">
        <v>0.1940382617207364</v>
      </c>
      <c r="AK1035" s="9">
        <v>-2004.4867623999999</v>
      </c>
      <c r="AL1035" s="13">
        <v>-7.8559508106556195E-2</v>
      </c>
      <c r="AM1035" s="9">
        <v>3093.3247155999998</v>
      </c>
      <c r="AN1035" s="13">
        <v>0.13156906292920145</v>
      </c>
      <c r="AO1035" s="9">
        <v>1088.8379531999999</v>
      </c>
      <c r="AP1035" s="13">
        <v>4.2673553956886663E-2</v>
      </c>
      <c r="AQ1035" s="9">
        <v>21369.098134200001</v>
      </c>
      <c r="AR1035" s="9">
        <v>19503.146510800001</v>
      </c>
      <c r="AS1035" s="9">
        <v>21117.8777352</v>
      </c>
      <c r="AT1035" s="9">
        <v>19273.4190371</v>
      </c>
      <c r="AU1035" s="9">
        <v>21438.953659700001</v>
      </c>
      <c r="AV1035" s="9">
        <v>24029.371283299999</v>
      </c>
      <c r="AW1035" s="9">
        <v>25515.5207907</v>
      </c>
      <c r="AX1035" s="9">
        <v>23446.551383499998</v>
      </c>
      <c r="AY1035" s="9">
        <v>24821.6783645</v>
      </c>
      <c r="AZ1035" s="9">
        <v>23511.034028300001</v>
      </c>
      <c r="BA1035" s="9">
        <v>21262.059706</v>
      </c>
      <c r="BB1035" s="9">
        <v>20428.614280500002</v>
      </c>
      <c r="BC1035" s="9">
        <v>24412.8977882</v>
      </c>
      <c r="BD1035" s="9">
        <v>24103.164607999999</v>
      </c>
      <c r="BE1035" s="9">
        <v>24764.115088400002</v>
      </c>
      <c r="BF1035" s="9">
        <v>26604.3587439</v>
      </c>
      <c r="BG1035" s="11">
        <v>14.5</v>
      </c>
      <c r="BH1035" s="13">
        <v>0.36249999999999999</v>
      </c>
      <c r="BI1035" s="6">
        <v>8</v>
      </c>
      <c r="BJ1035" s="13">
        <v>0.2</v>
      </c>
      <c r="BK1035" s="6">
        <v>-4</v>
      </c>
      <c r="BL1035" s="13">
        <v>-8.3333333333333329E-2</v>
      </c>
      <c r="BM1035" s="11">
        <v>10.5</v>
      </c>
      <c r="BN1035" s="13">
        <v>0.23863636363636365</v>
      </c>
      <c r="BO1035" s="11">
        <v>6.5</v>
      </c>
      <c r="BP1035" s="13">
        <v>0.13541666666666666</v>
      </c>
      <c r="BQ1035" s="6">
        <v>40</v>
      </c>
      <c r="BR1035" s="6">
        <v>43</v>
      </c>
      <c r="BS1035" s="6">
        <v>47</v>
      </c>
      <c r="BT1035" s="6">
        <v>48</v>
      </c>
      <c r="BU1035" s="6">
        <v>51</v>
      </c>
      <c r="BV1035" s="6">
        <v>50</v>
      </c>
      <c r="BW1035" s="6">
        <v>44</v>
      </c>
      <c r="BX1035" s="6">
        <v>42</v>
      </c>
      <c r="BY1035" s="6">
        <v>44</v>
      </c>
      <c r="BZ1035" s="6">
        <v>47</v>
      </c>
      <c r="CA1035" s="6">
        <v>52</v>
      </c>
      <c r="CB1035" s="6">
        <v>55</v>
      </c>
      <c r="CC1035" s="11">
        <v>54.5</v>
      </c>
      <c r="CD1035" s="11">
        <v>-218.79900000000001</v>
      </c>
      <c r="CE1035" s="11">
        <v>47.101999999999997</v>
      </c>
      <c r="CF1035" s="11">
        <v>57.226500000000001</v>
      </c>
      <c r="CG1035" s="11">
        <v>104</v>
      </c>
      <c r="CH1035" s="20">
        <v>0.45257999999999998</v>
      </c>
      <c r="CI1035" s="20">
        <v>0.42091400000000001</v>
      </c>
      <c r="CJ1035" s="20">
        <v>0.42956699999999998</v>
      </c>
      <c r="CK1035" s="20">
        <v>0.36633300000000002</v>
      </c>
      <c r="CL1035" s="20">
        <v>0.36049199999999998</v>
      </c>
      <c r="CM1035" s="20">
        <v>0.39721499999999998</v>
      </c>
      <c r="CN1035" s="20">
        <v>0.40357100000000001</v>
      </c>
      <c r="CO1035" s="20">
        <v>0.39172800000000002</v>
      </c>
      <c r="CP1035" s="20">
        <v>0.40867199999999998</v>
      </c>
      <c r="CQ1035" s="20">
        <v>0.36241200000000001</v>
      </c>
      <c r="CR1035" s="20">
        <v>0.37934800000000002</v>
      </c>
      <c r="CS1035" s="20">
        <v>0.30579699999999999</v>
      </c>
      <c r="CT1035" s="20">
        <v>0.28920699999999999</v>
      </c>
      <c r="CU1035" s="20">
        <v>0.28848099999999999</v>
      </c>
      <c r="CV1035" s="20">
        <v>0.30067899999999997</v>
      </c>
      <c r="CW1035" s="20">
        <v>0.29467300000000002</v>
      </c>
      <c r="CX1035" s="20">
        <v>0.29482399999999997</v>
      </c>
      <c r="CY1035" s="6" t="s">
        <v>551</v>
      </c>
      <c r="CZ1035" s="6" t="s">
        <v>552</v>
      </c>
      <c r="DA1035" s="6" t="s">
        <v>146</v>
      </c>
      <c r="DB1035" s="6"/>
      <c r="DC1035" s="6">
        <v>47660</v>
      </c>
      <c r="DD1035" s="6">
        <v>312</v>
      </c>
      <c r="DE1035" s="6" t="s">
        <v>554</v>
      </c>
      <c r="DF1035" s="6" t="s">
        <v>363</v>
      </c>
      <c r="DG1035" s="6" t="s">
        <v>364</v>
      </c>
      <c r="DH1035" s="6" t="s">
        <v>365</v>
      </c>
      <c r="DI1035" s="6" t="s">
        <v>377</v>
      </c>
      <c r="DJ1035" s="6">
        <v>29</v>
      </c>
      <c r="DK1035" s="6">
        <v>101</v>
      </c>
      <c r="DL1035" s="6">
        <v>3</v>
      </c>
      <c r="DM1035" s="6" t="s">
        <v>556</v>
      </c>
      <c r="DN1035" s="6">
        <v>4</v>
      </c>
      <c r="DO1035" s="6" t="s">
        <v>557</v>
      </c>
      <c r="DP1035" s="6"/>
      <c r="DQ1035" s="6"/>
    </row>
    <row r="1036" spans="1:121" x14ac:dyDescent="0.2">
      <c r="A1036" s="6" t="s">
        <v>320</v>
      </c>
      <c r="B1036" s="6" t="s">
        <v>320</v>
      </c>
      <c r="C1036" s="6" t="s">
        <v>189</v>
      </c>
      <c r="D1036" s="6" t="s">
        <v>146</v>
      </c>
      <c r="E1036" s="6" t="s">
        <v>287</v>
      </c>
      <c r="F1036" s="11">
        <v>135</v>
      </c>
      <c r="G1036" s="13">
        <v>1.6265060241</v>
      </c>
      <c r="H1036" s="11">
        <v>33.310126432600001</v>
      </c>
      <c r="I1036" s="13">
        <v>0.40136651313129917</v>
      </c>
      <c r="J1036" s="11">
        <v>-2.9343074579999922</v>
      </c>
      <c r="K1036" s="13">
        <v>-2.5230086324130607E-2</v>
      </c>
      <c r="L1036" s="11">
        <v>104.504684447</v>
      </c>
      <c r="M1036" s="13">
        <v>0.92182134697599616</v>
      </c>
      <c r="N1036" s="11">
        <v>101.57037698900001</v>
      </c>
      <c r="O1036" s="13">
        <v>0.87333362849223484</v>
      </c>
      <c r="P1036" s="7">
        <v>82.991792645399997</v>
      </c>
      <c r="Q1036" s="7">
        <v>84.377244834999999</v>
      </c>
      <c r="R1036" s="7">
        <v>105.205891396</v>
      </c>
      <c r="S1036" s="7">
        <v>74.514516155500004</v>
      </c>
      <c r="T1036" s="7">
        <v>121.63646552</v>
      </c>
      <c r="U1036" s="7">
        <v>101.76898757799999</v>
      </c>
      <c r="V1036" s="7">
        <v>116.301919078</v>
      </c>
      <c r="W1036" s="7">
        <v>99.685419642900001</v>
      </c>
      <c r="X1036" s="7">
        <v>103.898139512</v>
      </c>
      <c r="Y1036" s="7">
        <v>113.36761162000001</v>
      </c>
      <c r="Z1036" s="7">
        <v>148.388405127</v>
      </c>
      <c r="AA1036" s="7">
        <v>145.277379139</v>
      </c>
      <c r="AB1036" s="7">
        <v>157.52639730800001</v>
      </c>
      <c r="AC1036" s="7">
        <v>191.76947898200001</v>
      </c>
      <c r="AD1036" s="7">
        <v>169.259084661</v>
      </c>
      <c r="AE1036" s="7">
        <v>202.60956363700001</v>
      </c>
      <c r="AF1036" s="7">
        <v>217.87229606700001</v>
      </c>
      <c r="AG1036" s="9">
        <v>20575.272237900001</v>
      </c>
      <c r="AH1036" s="13">
        <v>1.5558058216404451</v>
      </c>
      <c r="AI1036" s="9">
        <v>3532.6781097000021</v>
      </c>
      <c r="AJ1036" s="13">
        <v>0.26712459040658543</v>
      </c>
      <c r="AK1036" s="9">
        <v>1630.9881261999981</v>
      </c>
      <c r="AL1036" s="13">
        <v>9.7328780591391204E-2</v>
      </c>
      <c r="AM1036" s="9">
        <v>15411.606002</v>
      </c>
      <c r="AN1036" s="13">
        <v>0.83811113504076917</v>
      </c>
      <c r="AO1036" s="9">
        <v>17042.594128199999</v>
      </c>
      <c r="AP1036" s="13">
        <v>1.0170122504057453</v>
      </c>
      <c r="AQ1036" s="9">
        <v>13224.833042599999</v>
      </c>
      <c r="AR1036" s="9">
        <v>16147.4431891</v>
      </c>
      <c r="AS1036" s="9">
        <v>19321.247048500001</v>
      </c>
      <c r="AT1036" s="9">
        <v>12670.8113178</v>
      </c>
      <c r="AU1036" s="9">
        <v>18554.218496599999</v>
      </c>
      <c r="AV1036" s="9">
        <v>15034.067853500001</v>
      </c>
      <c r="AW1036" s="9">
        <v>16757.511152300001</v>
      </c>
      <c r="AX1036" s="9">
        <v>16162.5541099</v>
      </c>
      <c r="AY1036" s="9">
        <v>16540.012829300002</v>
      </c>
      <c r="AZ1036" s="9">
        <v>18388.499278499999</v>
      </c>
      <c r="BA1036" s="9">
        <v>37833.963510200003</v>
      </c>
      <c r="BB1036" s="9">
        <v>37752.591254899999</v>
      </c>
      <c r="BC1036" s="9">
        <v>37653.750034199998</v>
      </c>
      <c r="BD1036" s="9">
        <v>33071.283955600004</v>
      </c>
      <c r="BE1036" s="9">
        <v>34119.984729399999</v>
      </c>
      <c r="BF1036" s="9">
        <v>33800.1052805</v>
      </c>
      <c r="BG1036" s="11">
        <v>4.75</v>
      </c>
      <c r="BH1036" s="13">
        <v>0.59375</v>
      </c>
      <c r="BI1036" s="6">
        <v>1</v>
      </c>
      <c r="BJ1036" s="13">
        <v>0.125</v>
      </c>
      <c r="BK1036" s="6">
        <v>0</v>
      </c>
      <c r="BL1036" s="13">
        <v>0</v>
      </c>
      <c r="BM1036" s="11">
        <v>3.75</v>
      </c>
      <c r="BN1036" s="13">
        <v>0.41666666666666669</v>
      </c>
      <c r="BO1036" s="11">
        <v>3.75</v>
      </c>
      <c r="BP1036" s="13">
        <v>0.41666666666666669</v>
      </c>
      <c r="BQ1036" s="6">
        <v>8</v>
      </c>
      <c r="BR1036" s="6">
        <v>9</v>
      </c>
      <c r="BS1036" s="6">
        <v>8</v>
      </c>
      <c r="BT1036" s="6">
        <v>9</v>
      </c>
      <c r="BU1036" s="6">
        <v>9</v>
      </c>
      <c r="BV1036" s="6">
        <v>9</v>
      </c>
      <c r="BW1036" s="6">
        <v>9</v>
      </c>
      <c r="BX1036" s="6">
        <v>10</v>
      </c>
      <c r="BY1036" s="6">
        <v>10</v>
      </c>
      <c r="BZ1036" s="6">
        <v>13</v>
      </c>
      <c r="CA1036" s="6">
        <v>13</v>
      </c>
      <c r="CB1036" s="6">
        <v>14</v>
      </c>
      <c r="CC1036" s="11">
        <v>12.75</v>
      </c>
      <c r="CD1036" s="11">
        <v>95.756799999999998</v>
      </c>
      <c r="CE1036" s="11">
        <v>30.0517</v>
      </c>
      <c r="CF1036" s="11">
        <v>9.0719999999999992</v>
      </c>
      <c r="CG1036" s="11">
        <v>39</v>
      </c>
      <c r="CH1036" s="20">
        <v>0.21504999999999999</v>
      </c>
      <c r="CI1036" s="20">
        <v>0.201872</v>
      </c>
      <c r="CJ1036" s="20">
        <v>0.242696</v>
      </c>
      <c r="CK1036" s="20">
        <v>0.165351</v>
      </c>
      <c r="CL1036" s="20">
        <v>0.26284400000000002</v>
      </c>
      <c r="CM1036" s="20">
        <v>0.212617</v>
      </c>
      <c r="CN1036" s="20">
        <v>0.24451300000000001</v>
      </c>
      <c r="CO1036" s="20">
        <v>0.20648900000000001</v>
      </c>
      <c r="CP1036" s="20">
        <v>0.206318</v>
      </c>
      <c r="CQ1036" s="20">
        <v>0.22051100000000001</v>
      </c>
      <c r="CR1036" s="20">
        <v>0.28066099999999999</v>
      </c>
      <c r="CS1036" s="20">
        <v>0.27297500000000002</v>
      </c>
      <c r="CT1036" s="20">
        <v>0.29079899999999997</v>
      </c>
      <c r="CU1036" s="20">
        <v>0.355209</v>
      </c>
      <c r="CV1036" s="20">
        <v>0.30967800000000001</v>
      </c>
      <c r="CW1036" s="20">
        <v>0.36516300000000002</v>
      </c>
      <c r="CX1036" s="20">
        <v>0.383635</v>
      </c>
      <c r="CY1036" s="6" t="s">
        <v>551</v>
      </c>
      <c r="CZ1036" s="6" t="s">
        <v>552</v>
      </c>
      <c r="DA1036" s="6" t="s">
        <v>146</v>
      </c>
      <c r="DB1036" s="6"/>
      <c r="DC1036" s="6">
        <v>47660</v>
      </c>
      <c r="DD1036" s="6">
        <v>312</v>
      </c>
      <c r="DE1036" s="6" t="s">
        <v>554</v>
      </c>
      <c r="DF1036" s="6" t="s">
        <v>363</v>
      </c>
      <c r="DG1036" s="6" t="s">
        <v>364</v>
      </c>
      <c r="DH1036" s="6" t="s">
        <v>365</v>
      </c>
      <c r="DI1036" s="6" t="s">
        <v>377</v>
      </c>
      <c r="DJ1036" s="6">
        <v>29</v>
      </c>
      <c r="DK1036" s="6">
        <v>101</v>
      </c>
      <c r="DL1036" s="6">
        <v>3</v>
      </c>
      <c r="DM1036" s="6" t="s">
        <v>556</v>
      </c>
      <c r="DN1036" s="6">
        <v>4</v>
      </c>
      <c r="DO1036" s="6" t="s">
        <v>557</v>
      </c>
      <c r="DP1036" s="6"/>
      <c r="DQ1036" s="6"/>
    </row>
    <row r="1037" spans="1:121" x14ac:dyDescent="0.2">
      <c r="A1037" s="6" t="s">
        <v>321</v>
      </c>
      <c r="B1037" s="6" t="s">
        <v>321</v>
      </c>
      <c r="C1037" s="6" t="s">
        <v>190</v>
      </c>
      <c r="D1037" s="6" t="s">
        <v>146</v>
      </c>
      <c r="E1037" s="6" t="s">
        <v>287</v>
      </c>
      <c r="F1037" s="11">
        <v>478</v>
      </c>
      <c r="G1037" s="13">
        <v>0.460057747834</v>
      </c>
      <c r="H1037" s="11">
        <v>273.74304015999996</v>
      </c>
      <c r="I1037" s="13">
        <v>0.26341829096655528</v>
      </c>
      <c r="J1037" s="11">
        <v>21.190885660000049</v>
      </c>
      <c r="K1037" s="13">
        <v>1.6140046801131097E-2</v>
      </c>
      <c r="L1037" s="11">
        <v>182.53992500999993</v>
      </c>
      <c r="M1037" s="13">
        <v>0.13682327509186076</v>
      </c>
      <c r="N1037" s="11">
        <v>203.73081066999998</v>
      </c>
      <c r="O1037" s="13">
        <v>0.15517165595645854</v>
      </c>
      <c r="P1037" s="7">
        <v>1039.1952630000001</v>
      </c>
      <c r="Q1037" s="7">
        <v>1075.2837821999999</v>
      </c>
      <c r="R1037" s="7">
        <v>1039.8007223300001</v>
      </c>
      <c r="S1037" s="7">
        <v>1071.8640152800001</v>
      </c>
      <c r="T1037" s="7">
        <v>1212.8600880399999</v>
      </c>
      <c r="U1037" s="7">
        <v>1267.3766677199999</v>
      </c>
      <c r="V1037" s="7">
        <v>1312.93830316</v>
      </c>
      <c r="W1037" s="7">
        <v>1285.4316945800001</v>
      </c>
      <c r="X1037" s="7">
        <v>1386.15667822</v>
      </c>
      <c r="Y1037" s="7">
        <v>1334.1291888200001</v>
      </c>
      <c r="Z1037" s="7">
        <v>1324.0557177999999</v>
      </c>
      <c r="AA1037" s="7">
        <v>1467.71984238</v>
      </c>
      <c r="AB1037" s="7">
        <v>1508.1212318600001</v>
      </c>
      <c r="AC1037" s="7">
        <v>1518.7817733899999</v>
      </c>
      <c r="AD1037" s="7">
        <v>1536.47500717</v>
      </c>
      <c r="AE1037" s="7">
        <v>1481.6921995499999</v>
      </c>
      <c r="AF1037" s="7">
        <v>1516.66911383</v>
      </c>
      <c r="AG1037" s="9">
        <v>6635.1834306000019</v>
      </c>
      <c r="AH1037" s="13">
        <v>0.27689601389242058</v>
      </c>
      <c r="AI1037" s="9">
        <v>4772.7979330000016</v>
      </c>
      <c r="AJ1037" s="13">
        <v>0.19917591376101249</v>
      </c>
      <c r="AK1037" s="9">
        <v>1157.3886206999996</v>
      </c>
      <c r="AL1037" s="13">
        <v>4.0277275126745907E-2</v>
      </c>
      <c r="AM1037" s="9">
        <v>704.99687690000064</v>
      </c>
      <c r="AN1037" s="13">
        <v>2.3584080857982265E-2</v>
      </c>
      <c r="AO1037" s="9">
        <v>1862.3854976000002</v>
      </c>
      <c r="AP1037" s="13">
        <v>6.4811258498056537E-2</v>
      </c>
      <c r="AQ1037" s="9">
        <v>23962.726430499999</v>
      </c>
      <c r="AR1037" s="9">
        <v>24085.083777899999</v>
      </c>
      <c r="AS1037" s="9">
        <v>24203.340145499998</v>
      </c>
      <c r="AT1037" s="9">
        <v>27100.770958000001</v>
      </c>
      <c r="AU1037" s="9">
        <v>26985.303289399999</v>
      </c>
      <c r="AV1037" s="9">
        <v>28573.9853052</v>
      </c>
      <c r="AW1037" s="9">
        <v>28735.524363500001</v>
      </c>
      <c r="AX1037" s="9">
        <v>28287.637695500001</v>
      </c>
      <c r="AY1037" s="9">
        <v>29624.5746989</v>
      </c>
      <c r="AZ1037" s="9">
        <v>29892.9129842</v>
      </c>
      <c r="BA1037" s="9">
        <v>30609.153732399998</v>
      </c>
      <c r="BB1037" s="9">
        <v>29294.172023800002</v>
      </c>
      <c r="BC1037" s="9">
        <v>30560.038829599998</v>
      </c>
      <c r="BD1037" s="9">
        <v>29085.4679904</v>
      </c>
      <c r="BE1037" s="9">
        <v>29764.685021900001</v>
      </c>
      <c r="BF1037" s="9">
        <v>30597.909861100001</v>
      </c>
      <c r="BG1037" s="11">
        <v>128</v>
      </c>
      <c r="BH1037" s="13">
        <v>1.5609756097560976</v>
      </c>
      <c r="BI1037" s="6">
        <v>8</v>
      </c>
      <c r="BJ1037" s="13">
        <v>9.7560975609756101E-2</v>
      </c>
      <c r="BK1037" s="6">
        <v>3</v>
      </c>
      <c r="BL1037" s="13">
        <v>3.3333333333333333E-2</v>
      </c>
      <c r="BM1037" s="11">
        <v>117</v>
      </c>
      <c r="BN1037" s="13">
        <v>1.2580645161290323</v>
      </c>
      <c r="BO1037" s="11">
        <v>120</v>
      </c>
      <c r="BP1037" s="13">
        <v>1.3333333333333333</v>
      </c>
      <c r="BQ1037" s="6">
        <v>82</v>
      </c>
      <c r="BR1037" s="6">
        <v>85</v>
      </c>
      <c r="BS1037" s="6">
        <v>88</v>
      </c>
      <c r="BT1037" s="6">
        <v>90</v>
      </c>
      <c r="BU1037" s="6">
        <v>92</v>
      </c>
      <c r="BV1037" s="6">
        <v>96</v>
      </c>
      <c r="BW1037" s="6">
        <v>93</v>
      </c>
      <c r="BX1037" s="6">
        <v>94</v>
      </c>
      <c r="BY1037" s="6">
        <v>105</v>
      </c>
      <c r="BZ1037" s="6">
        <v>196</v>
      </c>
      <c r="CA1037" s="6">
        <v>204</v>
      </c>
      <c r="CB1037" s="6">
        <v>216</v>
      </c>
      <c r="CC1037" s="11">
        <v>210</v>
      </c>
      <c r="CD1037" s="11">
        <v>-14.562900000000001</v>
      </c>
      <c r="CE1037" s="11">
        <v>378.44</v>
      </c>
      <c r="CF1037" s="11">
        <v>113.59699999999999</v>
      </c>
      <c r="CG1037" s="11">
        <v>492</v>
      </c>
      <c r="CH1037" s="20">
        <v>0.54523900000000003</v>
      </c>
      <c r="CI1037" s="20">
        <v>0.52469399999999999</v>
      </c>
      <c r="CJ1037" s="20">
        <v>0.488373</v>
      </c>
      <c r="CK1037" s="20">
        <v>0.49213000000000001</v>
      </c>
      <c r="CL1037" s="20">
        <v>0.53640600000000005</v>
      </c>
      <c r="CM1037" s="20">
        <v>0.54020400000000002</v>
      </c>
      <c r="CN1037" s="20">
        <v>0.561913</v>
      </c>
      <c r="CO1037" s="20">
        <v>0.54385700000000003</v>
      </c>
      <c r="CP1037" s="20">
        <v>0.56654700000000002</v>
      </c>
      <c r="CQ1037" s="20">
        <v>0.53747299999999998</v>
      </c>
      <c r="CR1037" s="20">
        <v>0.527945</v>
      </c>
      <c r="CS1037" s="20">
        <v>0.57181999999999999</v>
      </c>
      <c r="CT1037" s="20">
        <v>0.57421699999999998</v>
      </c>
      <c r="CU1037" s="20">
        <v>0.58142000000000005</v>
      </c>
      <c r="CV1037" s="20">
        <v>0.57520300000000002</v>
      </c>
      <c r="CW1037" s="20">
        <v>0.54313</v>
      </c>
      <c r="CX1037" s="20">
        <v>0.53998900000000005</v>
      </c>
      <c r="CY1037" s="6" t="s">
        <v>551</v>
      </c>
      <c r="CZ1037" s="6" t="s">
        <v>552</v>
      </c>
      <c r="DA1037" s="6" t="s">
        <v>146</v>
      </c>
      <c r="DB1037" s="6"/>
      <c r="DC1037" s="6">
        <v>47660</v>
      </c>
      <c r="DD1037" s="6">
        <v>312</v>
      </c>
      <c r="DE1037" s="6" t="s">
        <v>554</v>
      </c>
      <c r="DF1037" s="6" t="s">
        <v>363</v>
      </c>
      <c r="DG1037" s="6" t="s">
        <v>364</v>
      </c>
      <c r="DH1037" s="6" t="s">
        <v>365</v>
      </c>
      <c r="DI1037" s="6" t="s">
        <v>377</v>
      </c>
      <c r="DJ1037" s="6">
        <v>29</v>
      </c>
      <c r="DK1037" s="6">
        <v>101</v>
      </c>
      <c r="DL1037" s="6">
        <v>3</v>
      </c>
      <c r="DM1037" s="6" t="s">
        <v>556</v>
      </c>
      <c r="DN1037" s="6">
        <v>4</v>
      </c>
      <c r="DO1037" s="6" t="s">
        <v>557</v>
      </c>
      <c r="DP1037" s="6"/>
      <c r="DQ1037" s="6"/>
    </row>
    <row r="1038" spans="1:121" x14ac:dyDescent="0.2">
      <c r="A1038" s="6" t="s">
        <v>322</v>
      </c>
      <c r="B1038" s="6" t="s">
        <v>322</v>
      </c>
      <c r="C1038" s="6" t="s">
        <v>191</v>
      </c>
      <c r="D1038" s="6" t="s">
        <v>146</v>
      </c>
      <c r="E1038" s="6" t="s">
        <v>287</v>
      </c>
      <c r="F1038" s="11">
        <v>-5</v>
      </c>
      <c r="G1038" s="13">
        <v>-0.03</v>
      </c>
      <c r="H1038" s="11">
        <v>-4</v>
      </c>
      <c r="I1038" s="13">
        <v>-2.2988505747126436E-2</v>
      </c>
      <c r="J1038" s="11">
        <v>-29</v>
      </c>
      <c r="K1038" s="13">
        <v>-0.17058823529411765</v>
      </c>
      <c r="L1038" s="11">
        <v>28</v>
      </c>
      <c r="M1038" s="13">
        <v>0.19858156028368795</v>
      </c>
      <c r="N1038" s="11">
        <v>-1</v>
      </c>
      <c r="O1038" s="13">
        <v>-5.8823529411764705E-3</v>
      </c>
      <c r="P1038" s="7">
        <v>174</v>
      </c>
      <c r="Q1038" s="7">
        <v>183</v>
      </c>
      <c r="R1038" s="7">
        <v>167</v>
      </c>
      <c r="S1038" s="7">
        <v>167</v>
      </c>
      <c r="T1038" s="7">
        <v>177</v>
      </c>
      <c r="U1038" s="7">
        <v>163</v>
      </c>
      <c r="V1038" s="7">
        <v>170</v>
      </c>
      <c r="W1038" s="7">
        <v>168</v>
      </c>
      <c r="X1038" s="7">
        <v>171</v>
      </c>
      <c r="Y1038" s="7">
        <v>141</v>
      </c>
      <c r="Z1038" s="7">
        <v>148</v>
      </c>
      <c r="AA1038" s="7">
        <v>136</v>
      </c>
      <c r="AB1038" s="7">
        <v>133</v>
      </c>
      <c r="AC1038" s="7">
        <v>162</v>
      </c>
      <c r="AD1038" s="7">
        <v>168</v>
      </c>
      <c r="AE1038" s="7">
        <v>165</v>
      </c>
      <c r="AF1038" s="7">
        <v>169</v>
      </c>
      <c r="AG1038" s="9">
        <v>3705</v>
      </c>
      <c r="AH1038" s="13">
        <v>0.225269046026631</v>
      </c>
      <c r="AI1038" s="9">
        <v>1922</v>
      </c>
      <c r="AJ1038" s="13">
        <v>0.11686021766887578</v>
      </c>
      <c r="AK1038" s="9">
        <v>3091</v>
      </c>
      <c r="AL1038" s="13">
        <v>0.16827263324078612</v>
      </c>
      <c r="AM1038" s="9">
        <v>-1308</v>
      </c>
      <c r="AN1038" s="13">
        <v>-6.0950605778191981E-2</v>
      </c>
      <c r="AO1038" s="9">
        <v>1783</v>
      </c>
      <c r="AP1038" s="13">
        <v>9.7065708530676684E-2</v>
      </c>
      <c r="AQ1038" s="9">
        <v>16447</v>
      </c>
      <c r="AR1038" s="9">
        <v>16941</v>
      </c>
      <c r="AS1038" s="9">
        <v>17514</v>
      </c>
      <c r="AT1038" s="9">
        <v>18816</v>
      </c>
      <c r="AU1038" s="9">
        <v>17904</v>
      </c>
      <c r="AV1038" s="9">
        <v>19967</v>
      </c>
      <c r="AW1038" s="9">
        <v>18369</v>
      </c>
      <c r="AX1038" s="9">
        <v>20510</v>
      </c>
      <c r="AY1038" s="9">
        <v>20244</v>
      </c>
      <c r="AZ1038" s="9">
        <v>21460</v>
      </c>
      <c r="BA1038" s="9">
        <v>20141</v>
      </c>
      <c r="BB1038" s="9">
        <v>21487</v>
      </c>
      <c r="BC1038" s="9">
        <v>21595</v>
      </c>
      <c r="BD1038" s="9">
        <v>21982</v>
      </c>
      <c r="BE1038" s="9">
        <v>19852</v>
      </c>
      <c r="BF1038" s="9">
        <v>20152</v>
      </c>
      <c r="BG1038" s="11">
        <v>-5</v>
      </c>
      <c r="BH1038" s="13">
        <v>-0.45454545454545453</v>
      </c>
      <c r="BI1038" s="6">
        <v>0</v>
      </c>
      <c r="BJ1038" s="13">
        <v>0</v>
      </c>
      <c r="BK1038" s="6">
        <v>-3</v>
      </c>
      <c r="BL1038" s="13">
        <v>-0.27272727272727271</v>
      </c>
      <c r="BM1038" s="11">
        <v>-2</v>
      </c>
      <c r="BN1038" s="13">
        <v>-0.25</v>
      </c>
      <c r="BO1038" s="11">
        <v>-5</v>
      </c>
      <c r="BP1038" s="13">
        <v>-0.45454545454545453</v>
      </c>
      <c r="BQ1038" s="6">
        <v>11</v>
      </c>
      <c r="BR1038" s="6">
        <v>10</v>
      </c>
      <c r="BS1038" s="6">
        <v>10</v>
      </c>
      <c r="BT1038" s="6">
        <v>11</v>
      </c>
      <c r="BU1038" s="6">
        <v>10</v>
      </c>
      <c r="BV1038" s="6">
        <v>9</v>
      </c>
      <c r="BW1038" s="6">
        <v>8</v>
      </c>
      <c r="BX1038" s="6">
        <v>6</v>
      </c>
      <c r="BY1038" s="6">
        <v>4</v>
      </c>
      <c r="BZ1038" s="6">
        <v>4</v>
      </c>
      <c r="CA1038" s="6">
        <v>6</v>
      </c>
      <c r="CB1038" s="6">
        <v>7</v>
      </c>
      <c r="CC1038" s="11">
        <v>6</v>
      </c>
      <c r="CD1038" s="11">
        <v>-56</v>
      </c>
      <c r="CE1038" s="11">
        <v>32</v>
      </c>
      <c r="CF1038" s="11">
        <v>19</v>
      </c>
      <c r="CG1038" s="11">
        <v>51</v>
      </c>
      <c r="CH1038" s="20">
        <v>0.6</v>
      </c>
      <c r="CI1038" s="20">
        <v>0.59</v>
      </c>
      <c r="CJ1038" s="20">
        <v>0.53</v>
      </c>
      <c r="CK1038" s="20">
        <v>0.52</v>
      </c>
      <c r="CL1038" s="20">
        <v>0.53</v>
      </c>
      <c r="CM1038" s="20">
        <v>0.48</v>
      </c>
      <c r="CN1038" s="20">
        <v>0.5</v>
      </c>
      <c r="CO1038" s="20">
        <v>0.5</v>
      </c>
      <c r="CP1038" s="20">
        <v>0.51</v>
      </c>
      <c r="CQ1038" s="20">
        <v>0.42</v>
      </c>
      <c r="CR1038" s="20">
        <v>0.44</v>
      </c>
      <c r="CS1038" s="20">
        <v>0.4</v>
      </c>
      <c r="CT1038" s="20">
        <v>0.38</v>
      </c>
      <c r="CU1038" s="20">
        <v>0.46</v>
      </c>
      <c r="CV1038" s="20">
        <v>0.47</v>
      </c>
      <c r="CW1038" s="20">
        <v>0.45</v>
      </c>
      <c r="CX1038" s="20">
        <v>0.45</v>
      </c>
      <c r="CY1038" s="6" t="s">
        <v>551</v>
      </c>
      <c r="CZ1038" s="6" t="s">
        <v>552</v>
      </c>
      <c r="DA1038" s="6" t="s">
        <v>146</v>
      </c>
      <c r="DB1038" s="6"/>
      <c r="DC1038" s="6">
        <v>47660</v>
      </c>
      <c r="DD1038" s="6">
        <v>312</v>
      </c>
      <c r="DE1038" s="6" t="s">
        <v>554</v>
      </c>
      <c r="DF1038" s="6" t="s">
        <v>363</v>
      </c>
      <c r="DG1038" s="6" t="s">
        <v>364</v>
      </c>
      <c r="DH1038" s="6" t="s">
        <v>365</v>
      </c>
      <c r="DI1038" s="6" t="s">
        <v>377</v>
      </c>
      <c r="DJ1038" s="6">
        <v>29</v>
      </c>
      <c r="DK1038" s="6">
        <v>101</v>
      </c>
      <c r="DL1038" s="6">
        <v>3</v>
      </c>
      <c r="DM1038" s="6" t="s">
        <v>556</v>
      </c>
      <c r="DN1038" s="6">
        <v>4</v>
      </c>
      <c r="DO1038" s="6" t="s">
        <v>557</v>
      </c>
      <c r="DP1038" s="6"/>
      <c r="DQ1038" s="6"/>
    </row>
    <row r="1039" spans="1:121" x14ac:dyDescent="0.2">
      <c r="A1039" s="6" t="s">
        <v>323</v>
      </c>
      <c r="B1039" s="6" t="s">
        <v>323</v>
      </c>
      <c r="C1039" s="6" t="s">
        <v>192</v>
      </c>
      <c r="D1039" s="6" t="s">
        <v>146</v>
      </c>
      <c r="E1039" s="6" t="s">
        <v>287</v>
      </c>
      <c r="F1039" s="11">
        <v>448</v>
      </c>
      <c r="G1039" s="13">
        <v>0.29649238914600001</v>
      </c>
      <c r="H1039" s="11">
        <v>226.11807299999987</v>
      </c>
      <c r="I1039" s="13">
        <v>0.14967834863292284</v>
      </c>
      <c r="J1039" s="11">
        <v>-206.86577517000001</v>
      </c>
      <c r="K1039" s="13">
        <v>-0.11910664722182376</v>
      </c>
      <c r="L1039" s="11">
        <v>428.58949361000009</v>
      </c>
      <c r="M1039" s="13">
        <v>0.28013381939171528</v>
      </c>
      <c r="N1039" s="11">
        <v>221.72371844000008</v>
      </c>
      <c r="O1039" s="13">
        <v>0.12766137216870038</v>
      </c>
      <c r="P1039" s="7">
        <v>1510.6932636900001</v>
      </c>
      <c r="Q1039" s="7">
        <v>1535.0845139</v>
      </c>
      <c r="R1039" s="7">
        <v>1673.9181357499999</v>
      </c>
      <c r="S1039" s="7">
        <v>1702.00242469</v>
      </c>
      <c r="T1039" s="7">
        <v>1738.0956929900001</v>
      </c>
      <c r="U1039" s="7">
        <v>1824.56889219</v>
      </c>
      <c r="V1039" s="7">
        <v>1736.81133669</v>
      </c>
      <c r="W1039" s="7">
        <v>1694.4769476399999</v>
      </c>
      <c r="X1039" s="7">
        <v>1609.6082809</v>
      </c>
      <c r="Y1039" s="7">
        <v>1529.94556152</v>
      </c>
      <c r="Z1039" s="7">
        <v>1547.9854760000001</v>
      </c>
      <c r="AA1039" s="7">
        <v>1590.5839788000001</v>
      </c>
      <c r="AB1039" s="7">
        <v>1695.52209537</v>
      </c>
      <c r="AC1039" s="7">
        <v>1785.52380219</v>
      </c>
      <c r="AD1039" s="7">
        <v>1839.9865101400001</v>
      </c>
      <c r="AE1039" s="7">
        <v>1909.4810706599999</v>
      </c>
      <c r="AF1039" s="7">
        <v>1958.53505513</v>
      </c>
      <c r="AG1039" s="9">
        <v>5695.3187316399999</v>
      </c>
      <c r="AH1039" s="13">
        <v>0.6119031950674616</v>
      </c>
      <c r="AI1039" s="9">
        <v>2769.7566258400002</v>
      </c>
      <c r="AJ1039" s="13">
        <v>0.29758175244789747</v>
      </c>
      <c r="AK1039" s="9">
        <v>1009.5342621999989</v>
      </c>
      <c r="AL1039" s="13">
        <v>8.3589363904590375E-2</v>
      </c>
      <c r="AM1039" s="9">
        <v>1916.0278436000008</v>
      </c>
      <c r="AN1039" s="13">
        <v>0.14640875240669937</v>
      </c>
      <c r="AO1039" s="9">
        <v>2925.5621057999997</v>
      </c>
      <c r="AP1039" s="13">
        <v>0.2422363307950304</v>
      </c>
      <c r="AQ1039" s="9">
        <v>9307.54860826</v>
      </c>
      <c r="AR1039" s="9">
        <v>9820.2412511599996</v>
      </c>
      <c r="AS1039" s="9">
        <v>9828.7874700199991</v>
      </c>
      <c r="AT1039" s="9">
        <v>10388.333417100001</v>
      </c>
      <c r="AU1039" s="9">
        <v>10544.9107374</v>
      </c>
      <c r="AV1039" s="9">
        <v>10885.040169100001</v>
      </c>
      <c r="AW1039" s="9">
        <v>12077.3052341</v>
      </c>
      <c r="AX1039" s="9">
        <v>12669.563345500001</v>
      </c>
      <c r="AY1039" s="9">
        <v>13013.107792000001</v>
      </c>
      <c r="AZ1039" s="9">
        <v>13086.839496299999</v>
      </c>
      <c r="BA1039" s="9">
        <v>12957.836749800001</v>
      </c>
      <c r="BB1039" s="9">
        <v>13869.809069200001</v>
      </c>
      <c r="BC1039" s="9">
        <v>14038.7738008</v>
      </c>
      <c r="BD1039" s="9">
        <v>13921.4923865</v>
      </c>
      <c r="BE1039" s="9">
        <v>14844.655111800001</v>
      </c>
      <c r="BF1039" s="9">
        <v>15002.8673399</v>
      </c>
      <c r="BG1039" s="11">
        <v>6.25</v>
      </c>
      <c r="BH1039" s="13">
        <v>7.1022727272727279E-2</v>
      </c>
      <c r="BI1039" s="6">
        <v>5</v>
      </c>
      <c r="BJ1039" s="13">
        <v>5.6818181818181816E-2</v>
      </c>
      <c r="BK1039" s="6">
        <v>1</v>
      </c>
      <c r="BL1039" s="13">
        <v>1.0752688172043012E-2</v>
      </c>
      <c r="BM1039" s="11">
        <v>0.25</v>
      </c>
      <c r="BN1039" s="13">
        <v>2.6595744680851063E-3</v>
      </c>
      <c r="BO1039" s="11">
        <v>1.25</v>
      </c>
      <c r="BP1039" s="13">
        <v>1.3440860215053764E-2</v>
      </c>
      <c r="BQ1039" s="6">
        <v>88</v>
      </c>
      <c r="BR1039" s="6">
        <v>92</v>
      </c>
      <c r="BS1039" s="6">
        <v>94</v>
      </c>
      <c r="BT1039" s="6">
        <v>93</v>
      </c>
      <c r="BU1039" s="6">
        <v>91</v>
      </c>
      <c r="BV1039" s="6">
        <v>92</v>
      </c>
      <c r="BW1039" s="6">
        <v>94</v>
      </c>
      <c r="BX1039" s="6">
        <v>95</v>
      </c>
      <c r="BY1039" s="6">
        <v>94</v>
      </c>
      <c r="BZ1039" s="6">
        <v>96</v>
      </c>
      <c r="CA1039" s="6">
        <v>92</v>
      </c>
      <c r="CB1039" s="6">
        <v>90</v>
      </c>
      <c r="CC1039" s="11">
        <v>94.25</v>
      </c>
      <c r="CD1039" s="11">
        <v>-60.835299999999997</v>
      </c>
      <c r="CE1039" s="11">
        <v>343.54</v>
      </c>
      <c r="CF1039" s="11">
        <v>165.137</v>
      </c>
      <c r="CG1039" s="11">
        <v>509</v>
      </c>
      <c r="CH1039" s="20">
        <v>1.0680499999999999</v>
      </c>
      <c r="CI1039" s="20">
        <v>1.03501</v>
      </c>
      <c r="CJ1039" s="20">
        <v>1.09964</v>
      </c>
      <c r="CK1039" s="20">
        <v>1.08728</v>
      </c>
      <c r="CL1039" s="20">
        <v>1.06874</v>
      </c>
      <c r="CM1039" s="20">
        <v>1.0855300000000001</v>
      </c>
      <c r="CN1039" s="20">
        <v>1.0433600000000001</v>
      </c>
      <c r="CO1039" s="20">
        <v>1.0293399999999999</v>
      </c>
      <c r="CP1039" s="20">
        <v>0.99139100000000002</v>
      </c>
      <c r="CQ1039" s="20">
        <v>0.94098099999999996</v>
      </c>
      <c r="CR1039" s="20">
        <v>0.93199900000000002</v>
      </c>
      <c r="CS1039" s="20">
        <v>0.94150599999999995</v>
      </c>
      <c r="CT1039" s="20">
        <v>0.970364</v>
      </c>
      <c r="CU1039" s="20">
        <v>1.01661</v>
      </c>
      <c r="CV1039" s="20">
        <v>1.01467</v>
      </c>
      <c r="CW1039" s="20">
        <v>1.02861</v>
      </c>
      <c r="CX1039" s="20">
        <v>1.0357499999999999</v>
      </c>
      <c r="CY1039" s="6" t="s">
        <v>551</v>
      </c>
      <c r="CZ1039" s="6" t="s">
        <v>552</v>
      </c>
      <c r="DA1039" s="6" t="s">
        <v>146</v>
      </c>
      <c r="DB1039" s="6"/>
      <c r="DC1039" s="6">
        <v>47660</v>
      </c>
      <c r="DD1039" s="6">
        <v>312</v>
      </c>
      <c r="DE1039" s="6" t="s">
        <v>554</v>
      </c>
      <c r="DF1039" s="6" t="s">
        <v>363</v>
      </c>
      <c r="DG1039" s="6" t="s">
        <v>364</v>
      </c>
      <c r="DH1039" s="6" t="s">
        <v>365</v>
      </c>
      <c r="DI1039" s="6" t="s">
        <v>377</v>
      </c>
      <c r="DJ1039" s="6">
        <v>29</v>
      </c>
      <c r="DK1039" s="6">
        <v>101</v>
      </c>
      <c r="DL1039" s="6">
        <v>3</v>
      </c>
      <c r="DM1039" s="6" t="s">
        <v>556</v>
      </c>
      <c r="DN1039" s="6">
        <v>4</v>
      </c>
      <c r="DO1039" s="6" t="s">
        <v>557</v>
      </c>
      <c r="DP1039" s="6"/>
      <c r="DQ1039" s="6"/>
    </row>
    <row r="1040" spans="1:121" x14ac:dyDescent="0.2">
      <c r="A1040" s="6" t="s">
        <v>325</v>
      </c>
      <c r="B1040" s="6" t="s">
        <v>325</v>
      </c>
      <c r="C1040" s="6" t="s">
        <v>193</v>
      </c>
      <c r="D1040" s="6" t="s">
        <v>146</v>
      </c>
      <c r="E1040" s="6" t="s">
        <v>287</v>
      </c>
      <c r="F1040" s="11">
        <v>75</v>
      </c>
      <c r="G1040" s="13">
        <v>0.118296529968</v>
      </c>
      <c r="H1040" s="11">
        <v>216.50003717699997</v>
      </c>
      <c r="I1040" s="13">
        <v>0.34123510307702554</v>
      </c>
      <c r="J1040" s="11">
        <v>-113.11677711699997</v>
      </c>
      <c r="K1040" s="13">
        <v>-0.13292841831173213</v>
      </c>
      <c r="L1040" s="11">
        <v>-29.235088679</v>
      </c>
      <c r="M1040" s="13">
        <v>-3.9622354330811342E-2</v>
      </c>
      <c r="N1040" s="11">
        <v>-142.35186579599997</v>
      </c>
      <c r="O1040" s="13">
        <v>-0.16728383575156172</v>
      </c>
      <c r="P1040" s="7">
        <v>634.46004008600005</v>
      </c>
      <c r="Q1040" s="7">
        <v>733.06386831600003</v>
      </c>
      <c r="R1040" s="7">
        <v>750.15770354400001</v>
      </c>
      <c r="S1040" s="7">
        <v>771.06454634800002</v>
      </c>
      <c r="T1040" s="7">
        <v>790.35631855899999</v>
      </c>
      <c r="U1040" s="7">
        <v>827.66993069199998</v>
      </c>
      <c r="V1040" s="7">
        <v>850.96007726300002</v>
      </c>
      <c r="W1040" s="7">
        <v>777.719685239</v>
      </c>
      <c r="X1040" s="7">
        <v>772.92800715800001</v>
      </c>
      <c r="Y1040" s="7">
        <v>737.84330014600005</v>
      </c>
      <c r="Z1040" s="7">
        <v>775.49800336400006</v>
      </c>
      <c r="AA1040" s="7">
        <v>780.30036974500001</v>
      </c>
      <c r="AB1040" s="7">
        <v>716.57025673400005</v>
      </c>
      <c r="AC1040" s="7">
        <v>727.55488306300003</v>
      </c>
      <c r="AD1040" s="7">
        <v>693.07873633600002</v>
      </c>
      <c r="AE1040" s="7">
        <v>699.60680839899999</v>
      </c>
      <c r="AF1040" s="7">
        <v>708.60821146700005</v>
      </c>
      <c r="AG1040" s="9">
        <v>5649.6780167999987</v>
      </c>
      <c r="AH1040" s="13">
        <v>0.37678636532995147</v>
      </c>
      <c r="AI1040" s="9">
        <v>-394.81638530000055</v>
      </c>
      <c r="AJ1040" s="13">
        <v>-2.6330957330229585E-2</v>
      </c>
      <c r="AK1040" s="9">
        <v>1720.2134518999992</v>
      </c>
      <c r="AL1040" s="13">
        <v>0.11782635929827924</v>
      </c>
      <c r="AM1040" s="9">
        <v>4324.2809502</v>
      </c>
      <c r="AN1040" s="13">
        <v>0.26497181174406242</v>
      </c>
      <c r="AO1040" s="9">
        <v>6044.4944020999992</v>
      </c>
      <c r="AP1040" s="13">
        <v>0.41401883493681357</v>
      </c>
      <c r="AQ1040" s="9">
        <v>14994.380202300001</v>
      </c>
      <c r="AR1040" s="9">
        <v>14565.4727625</v>
      </c>
      <c r="AS1040" s="9">
        <v>14300.0871812</v>
      </c>
      <c r="AT1040" s="9">
        <v>14282.1870354</v>
      </c>
      <c r="AU1040" s="9">
        <v>14666.791551300001</v>
      </c>
      <c r="AV1040" s="9">
        <v>14486.8227155</v>
      </c>
      <c r="AW1040" s="9">
        <v>14599.563817</v>
      </c>
      <c r="AX1040" s="9">
        <v>15710.948672099999</v>
      </c>
      <c r="AY1040" s="9">
        <v>16135.799859700001</v>
      </c>
      <c r="AZ1040" s="9">
        <v>16319.777268899999</v>
      </c>
      <c r="BA1040" s="9">
        <v>17276.129293400001</v>
      </c>
      <c r="BB1040" s="9">
        <v>18356.973541799998</v>
      </c>
      <c r="BC1040" s="9">
        <v>19253.8436635</v>
      </c>
      <c r="BD1040" s="9">
        <v>20007.222178799999</v>
      </c>
      <c r="BE1040" s="9">
        <v>20653.289358900001</v>
      </c>
      <c r="BF1040" s="9">
        <v>20644.058219099999</v>
      </c>
      <c r="BG1040" s="11">
        <v>-47.25</v>
      </c>
      <c r="BH1040" s="13">
        <v>-0.40384615384615385</v>
      </c>
      <c r="BI1040" s="6">
        <v>-10</v>
      </c>
      <c r="BJ1040" s="13">
        <v>-8.5470085470085472E-2</v>
      </c>
      <c r="BK1040" s="6">
        <v>1</v>
      </c>
      <c r="BL1040" s="13">
        <v>9.3457943925233638E-3</v>
      </c>
      <c r="BM1040" s="11">
        <v>-38.25</v>
      </c>
      <c r="BN1040" s="13">
        <v>-0.35416666666666669</v>
      </c>
      <c r="BO1040" s="11">
        <v>-37.25</v>
      </c>
      <c r="BP1040" s="13">
        <v>-0.34813084112149534</v>
      </c>
      <c r="BQ1040" s="6">
        <v>117</v>
      </c>
      <c r="BR1040" s="6">
        <v>107</v>
      </c>
      <c r="BS1040" s="6">
        <v>112</v>
      </c>
      <c r="BT1040" s="6">
        <v>107</v>
      </c>
      <c r="BU1040" s="6">
        <v>102</v>
      </c>
      <c r="BV1040" s="6">
        <v>101</v>
      </c>
      <c r="BW1040" s="6">
        <v>108</v>
      </c>
      <c r="BX1040" s="6">
        <v>121</v>
      </c>
      <c r="BY1040" s="6">
        <v>133</v>
      </c>
      <c r="BZ1040" s="6">
        <v>60</v>
      </c>
      <c r="CA1040" s="6">
        <v>67</v>
      </c>
      <c r="CB1040" s="6">
        <v>68</v>
      </c>
      <c r="CC1040" s="11">
        <v>69.75</v>
      </c>
      <c r="CD1040" s="11">
        <v>10.636799999999999</v>
      </c>
      <c r="CE1040" s="11">
        <v>-5.8427699999999998</v>
      </c>
      <c r="CF1040" s="11">
        <v>69.354100000000003</v>
      </c>
      <c r="CG1040" s="11">
        <v>63</v>
      </c>
      <c r="CH1040" s="20">
        <v>0.66036700000000004</v>
      </c>
      <c r="CI1040" s="20">
        <v>0.72463200000000005</v>
      </c>
      <c r="CJ1040" s="20">
        <v>0.72663599999999995</v>
      </c>
      <c r="CK1040" s="20">
        <v>0.739456</v>
      </c>
      <c r="CL1040" s="20">
        <v>0.74165599999999998</v>
      </c>
      <c r="CM1040" s="20">
        <v>0.75851599999999997</v>
      </c>
      <c r="CN1040" s="20">
        <v>0.79133600000000004</v>
      </c>
      <c r="CO1040" s="20">
        <v>0.73063999999999996</v>
      </c>
      <c r="CP1040" s="20">
        <v>0.72123300000000001</v>
      </c>
      <c r="CQ1040" s="20">
        <v>0.692608</v>
      </c>
      <c r="CR1040" s="20">
        <v>0.72300299999999995</v>
      </c>
      <c r="CS1040" s="20">
        <v>0.72074899999999997</v>
      </c>
      <c r="CT1040" s="20">
        <v>0.69808400000000004</v>
      </c>
      <c r="CU1040" s="20">
        <v>0.71263900000000002</v>
      </c>
      <c r="CV1040" s="20">
        <v>0.67053099999999999</v>
      </c>
      <c r="CW1040" s="20">
        <v>0.66820100000000004</v>
      </c>
      <c r="CX1040" s="20">
        <v>0.67035100000000003</v>
      </c>
      <c r="CY1040" s="6" t="s">
        <v>551</v>
      </c>
      <c r="CZ1040" s="6" t="s">
        <v>552</v>
      </c>
      <c r="DA1040" s="6" t="s">
        <v>146</v>
      </c>
      <c r="DB1040" s="6"/>
      <c r="DC1040" s="6">
        <v>47660</v>
      </c>
      <c r="DD1040" s="6">
        <v>312</v>
      </c>
      <c r="DE1040" s="6" t="s">
        <v>554</v>
      </c>
      <c r="DF1040" s="6" t="s">
        <v>363</v>
      </c>
      <c r="DG1040" s="6" t="s">
        <v>364</v>
      </c>
      <c r="DH1040" s="6" t="s">
        <v>365</v>
      </c>
      <c r="DI1040" s="6" t="s">
        <v>377</v>
      </c>
      <c r="DJ1040" s="6">
        <v>29</v>
      </c>
      <c r="DK1040" s="6">
        <v>101</v>
      </c>
      <c r="DL1040" s="6">
        <v>3</v>
      </c>
      <c r="DM1040" s="6" t="s">
        <v>556</v>
      </c>
      <c r="DN1040" s="6">
        <v>4</v>
      </c>
      <c r="DO1040" s="6" t="s">
        <v>557</v>
      </c>
      <c r="DP1040" s="6"/>
      <c r="DQ1040" s="6"/>
    </row>
    <row r="1041" spans="1:121" x14ac:dyDescent="0.2">
      <c r="A1041" s="6" t="s">
        <v>327</v>
      </c>
      <c r="B1041" s="6" t="s">
        <v>327</v>
      </c>
      <c r="C1041" s="6" t="s">
        <v>194</v>
      </c>
      <c r="D1041" s="6" t="s">
        <v>146</v>
      </c>
      <c r="E1041" s="6" t="s">
        <v>287</v>
      </c>
      <c r="F1041" s="11">
        <v>1496</v>
      </c>
      <c r="G1041" s="13">
        <v>0.16477585637200001</v>
      </c>
      <c r="H1041" s="11">
        <v>851.75167599999986</v>
      </c>
      <c r="I1041" s="13">
        <v>9.3818483695923646E-2</v>
      </c>
      <c r="J1041" s="11">
        <v>428.33332300000075</v>
      </c>
      <c r="K1041" s="13">
        <v>4.3133233584079639E-2</v>
      </c>
      <c r="L1041" s="11">
        <v>216.1407980999993</v>
      </c>
      <c r="M1041" s="13">
        <v>2.0865419641637253E-2</v>
      </c>
      <c r="N1041" s="11">
        <v>644.47412110000005</v>
      </c>
      <c r="O1041" s="13">
        <v>6.4898646244949468E-2</v>
      </c>
      <c r="P1041" s="7">
        <v>9078.7192720000003</v>
      </c>
      <c r="Q1041" s="7">
        <v>9501.1340830000008</v>
      </c>
      <c r="R1041" s="7">
        <v>9588.0717280000008</v>
      </c>
      <c r="S1041" s="7">
        <v>9578.4430179999999</v>
      </c>
      <c r="T1041" s="7">
        <v>9607.2484729999996</v>
      </c>
      <c r="U1041" s="7">
        <v>9869.6276460000008</v>
      </c>
      <c r="V1041" s="7">
        <v>9930.4709480000001</v>
      </c>
      <c r="W1041" s="7">
        <v>10015.615183</v>
      </c>
      <c r="X1041" s="7">
        <v>10130.513064000001</v>
      </c>
      <c r="Y1041" s="7">
        <v>10358.804271000001</v>
      </c>
      <c r="Z1041" s="7">
        <v>10575.169669999999</v>
      </c>
      <c r="AA1041" s="7">
        <v>10666.257304999999</v>
      </c>
      <c r="AB1041" s="7">
        <v>10661.21005</v>
      </c>
      <c r="AC1041" s="7">
        <v>10357.846793999999</v>
      </c>
      <c r="AD1041" s="7">
        <v>10432.837933000001</v>
      </c>
      <c r="AE1041" s="7">
        <v>10513.423745300001</v>
      </c>
      <c r="AF1041" s="7">
        <v>10574.9450691</v>
      </c>
      <c r="AG1041" s="9">
        <v>18177.710930100002</v>
      </c>
      <c r="AH1041" s="13">
        <v>0.47938761938103042</v>
      </c>
      <c r="AI1041" s="9">
        <v>9136.5830157000019</v>
      </c>
      <c r="AJ1041" s="13">
        <v>0.24095249385448791</v>
      </c>
      <c r="AK1041" s="9">
        <v>4660.3956357999996</v>
      </c>
      <c r="AL1041" s="13">
        <v>9.9041053600365289E-2</v>
      </c>
      <c r="AM1041" s="9">
        <v>4380.7322786000004</v>
      </c>
      <c r="AN1041" s="13">
        <v>8.4708162729230957E-2</v>
      </c>
      <c r="AO1041" s="9">
        <v>9041.1279144</v>
      </c>
      <c r="AP1041" s="13">
        <v>0.19213880201485048</v>
      </c>
      <c r="AQ1041" s="9">
        <v>37918.607396599997</v>
      </c>
      <c r="AR1041" s="9">
        <v>40236.3912222</v>
      </c>
      <c r="AS1041" s="9">
        <v>40816.272197300001</v>
      </c>
      <c r="AT1041" s="9">
        <v>43327.646050800002</v>
      </c>
      <c r="AU1041" s="9">
        <v>45113.914933200002</v>
      </c>
      <c r="AV1041" s="9">
        <v>45318.728876900001</v>
      </c>
      <c r="AW1041" s="9">
        <v>47055.190412299999</v>
      </c>
      <c r="AX1041" s="9">
        <v>47871.639424200002</v>
      </c>
      <c r="AY1041" s="9">
        <v>48905.323474899997</v>
      </c>
      <c r="AZ1041" s="9">
        <v>51715.586048099998</v>
      </c>
      <c r="BA1041" s="9">
        <v>51325.043360999996</v>
      </c>
      <c r="BB1041" s="9">
        <v>52407.536723099998</v>
      </c>
      <c r="BC1041" s="9">
        <v>52534.449862599999</v>
      </c>
      <c r="BD1041" s="9">
        <v>54398.929077699999</v>
      </c>
      <c r="BE1041" s="9">
        <v>54903.038543900002</v>
      </c>
      <c r="BF1041" s="9">
        <v>56096.318326699999</v>
      </c>
      <c r="BG1041" s="11">
        <v>7.5</v>
      </c>
      <c r="BH1041" s="13">
        <v>7.4999999999999997E-2</v>
      </c>
      <c r="BI1041" s="6">
        <v>2</v>
      </c>
      <c r="BJ1041" s="13">
        <v>0.02</v>
      </c>
      <c r="BK1041" s="6">
        <v>16</v>
      </c>
      <c r="BL1041" s="13">
        <v>0.15686274509803921</v>
      </c>
      <c r="BM1041" s="11">
        <v>-10.5</v>
      </c>
      <c r="BN1041" s="13">
        <v>-8.8983050847457626E-2</v>
      </c>
      <c r="BO1041" s="11">
        <v>5.5</v>
      </c>
      <c r="BP1041" s="13">
        <v>5.3921568627450983E-2</v>
      </c>
      <c r="BQ1041" s="6">
        <v>100</v>
      </c>
      <c r="BR1041" s="6">
        <v>101</v>
      </c>
      <c r="BS1041" s="6">
        <v>101</v>
      </c>
      <c r="BT1041" s="6">
        <v>102</v>
      </c>
      <c r="BU1041" s="6">
        <v>101</v>
      </c>
      <c r="BV1041" s="6">
        <v>101</v>
      </c>
      <c r="BW1041" s="6">
        <v>118</v>
      </c>
      <c r="BX1041" s="6">
        <v>117</v>
      </c>
      <c r="BY1041" s="6">
        <v>114</v>
      </c>
      <c r="BZ1041" s="6">
        <v>113</v>
      </c>
      <c r="CA1041" s="6">
        <v>112</v>
      </c>
      <c r="CB1041" s="6">
        <v>108</v>
      </c>
      <c r="CC1041" s="11">
        <v>107.5</v>
      </c>
      <c r="CD1041" s="11">
        <v>1036.05</v>
      </c>
      <c r="CE1041" s="11">
        <v>-532.23699999999997</v>
      </c>
      <c r="CF1041" s="11">
        <v>992.41300000000001</v>
      </c>
      <c r="CG1041" s="11">
        <v>460</v>
      </c>
      <c r="CH1041" s="20">
        <v>2.8446799999999999</v>
      </c>
      <c r="CI1041" s="20">
        <v>2.8217599999999998</v>
      </c>
      <c r="CJ1041" s="20">
        <v>2.8109799999999998</v>
      </c>
      <c r="CK1041" s="20">
        <v>2.80036</v>
      </c>
      <c r="CL1041" s="20">
        <v>2.7547100000000002</v>
      </c>
      <c r="CM1041" s="20">
        <v>2.7820299999999998</v>
      </c>
      <c r="CN1041" s="20">
        <v>2.8607499999999999</v>
      </c>
      <c r="CO1041" s="20">
        <v>2.8856799999999998</v>
      </c>
      <c r="CP1041" s="20">
        <v>2.8666499999999999</v>
      </c>
      <c r="CQ1041" s="20">
        <v>2.93187</v>
      </c>
      <c r="CR1041" s="20">
        <v>3.0425399999999998</v>
      </c>
      <c r="CS1041" s="20">
        <v>3.1434700000000002</v>
      </c>
      <c r="CT1041" s="20">
        <v>3.1475900000000001</v>
      </c>
      <c r="CU1041" s="20">
        <v>3.1327799999999999</v>
      </c>
      <c r="CV1041" s="20">
        <v>3.1434899999999999</v>
      </c>
      <c r="CW1041" s="20">
        <v>3.1431100000000001</v>
      </c>
      <c r="CX1041" s="20">
        <v>3.15327</v>
      </c>
      <c r="CY1041" s="6" t="s">
        <v>551</v>
      </c>
      <c r="CZ1041" s="6" t="s">
        <v>552</v>
      </c>
      <c r="DA1041" s="6" t="s">
        <v>146</v>
      </c>
      <c r="DB1041" s="6"/>
      <c r="DC1041" s="6">
        <v>47660</v>
      </c>
      <c r="DD1041" s="6">
        <v>312</v>
      </c>
      <c r="DE1041" s="6" t="s">
        <v>554</v>
      </c>
      <c r="DF1041" s="6" t="s">
        <v>363</v>
      </c>
      <c r="DG1041" s="6" t="s">
        <v>364</v>
      </c>
      <c r="DH1041" s="6" t="s">
        <v>365</v>
      </c>
      <c r="DI1041" s="6" t="s">
        <v>377</v>
      </c>
      <c r="DJ1041" s="6">
        <v>29</v>
      </c>
      <c r="DK1041" s="6">
        <v>101</v>
      </c>
      <c r="DL1041" s="6">
        <v>3</v>
      </c>
      <c r="DM1041" s="6" t="s">
        <v>556</v>
      </c>
      <c r="DN1041" s="6">
        <v>4</v>
      </c>
      <c r="DO1041" s="6" t="s">
        <v>557</v>
      </c>
      <c r="DP1041" s="6"/>
      <c r="DQ1041" s="6"/>
    </row>
    <row r="1042" spans="1:121" x14ac:dyDescent="0.2">
      <c r="A1042" s="6" t="s">
        <v>1</v>
      </c>
      <c r="B1042" s="6" t="s">
        <v>1</v>
      </c>
      <c r="C1042" s="6" t="s">
        <v>2</v>
      </c>
      <c r="D1042" s="6" t="s">
        <v>97</v>
      </c>
      <c r="E1042" s="6" t="s">
        <v>238</v>
      </c>
      <c r="F1042" s="11">
        <v>34</v>
      </c>
      <c r="G1042" s="13">
        <v>1.4166666666700001</v>
      </c>
      <c r="H1042" s="11">
        <v>17.215486969499999</v>
      </c>
      <c r="I1042" s="13">
        <v>0.70360437138971277</v>
      </c>
      <c r="J1042" s="11">
        <v>43.281971397900001</v>
      </c>
      <c r="K1042" s="13">
        <v>1.038358936461353</v>
      </c>
      <c r="L1042" s="11">
        <v>-26.784699426300001</v>
      </c>
      <c r="M1042" s="13">
        <v>-0.31524382377647286</v>
      </c>
      <c r="N1042" s="11">
        <v>16.4972719716</v>
      </c>
      <c r="O1042" s="13">
        <v>0.39577887110233151</v>
      </c>
      <c r="P1042" s="7">
        <v>24.4675668167</v>
      </c>
      <c r="Q1042" s="7">
        <v>23.131735074000002</v>
      </c>
      <c r="R1042" s="7">
        <v>24.338405503800001</v>
      </c>
      <c r="S1042" s="7">
        <v>31.121022573800001</v>
      </c>
      <c r="T1042" s="7">
        <v>28.083963559699999</v>
      </c>
      <c r="U1042" s="7">
        <v>39.610518605099998</v>
      </c>
      <c r="V1042" s="7">
        <v>41.683053786199999</v>
      </c>
      <c r="W1042" s="7">
        <v>37.971059744199998</v>
      </c>
      <c r="X1042" s="7">
        <v>94.148390254700004</v>
      </c>
      <c r="Y1042" s="7">
        <v>84.9650251841</v>
      </c>
      <c r="Z1042" s="7">
        <v>85.319202715599999</v>
      </c>
      <c r="AA1042" s="7">
        <v>77.722755291799999</v>
      </c>
      <c r="AB1042" s="7">
        <v>67.575120683899996</v>
      </c>
      <c r="AC1042" s="7">
        <v>65.032702491999999</v>
      </c>
      <c r="AD1042" s="7">
        <v>57.872898022100003</v>
      </c>
      <c r="AE1042" s="7">
        <v>57.897717949700002</v>
      </c>
      <c r="AF1042" s="7">
        <v>58.180325757799999</v>
      </c>
      <c r="AG1042" s="9">
        <v>6600.6042966000023</v>
      </c>
      <c r="AH1042" s="13">
        <v>0.40700178952452959</v>
      </c>
      <c r="AI1042" s="9">
        <v>167.47859130000143</v>
      </c>
      <c r="AJ1042" s="13">
        <v>1.0326946337513292E-2</v>
      </c>
      <c r="AK1042" s="9">
        <v>6165.4001363999996</v>
      </c>
      <c r="AL1042" s="13">
        <v>0.37628070800285823</v>
      </c>
      <c r="AM1042" s="9">
        <v>267.72556890000124</v>
      </c>
      <c r="AN1042" s="13">
        <v>1.1872263108472251E-2</v>
      </c>
      <c r="AO1042" s="9">
        <v>6433.1257053000008</v>
      </c>
      <c r="AP1042" s="13">
        <v>0.3926202746793826</v>
      </c>
      <c r="AQ1042" s="9">
        <v>16217.629667699999</v>
      </c>
      <c r="AR1042" s="9">
        <v>16911.3318478</v>
      </c>
      <c r="AS1042" s="9">
        <v>15433.189122199999</v>
      </c>
      <c r="AT1042" s="9">
        <v>14454.1532792</v>
      </c>
      <c r="AU1042" s="9">
        <v>11479.041640199999</v>
      </c>
      <c r="AV1042" s="9">
        <v>12797.1379029</v>
      </c>
      <c r="AW1042" s="9">
        <v>16385.108259000001</v>
      </c>
      <c r="AX1042" s="9">
        <v>15674.6914492</v>
      </c>
      <c r="AY1042" s="9">
        <v>18204.390142699998</v>
      </c>
      <c r="AZ1042" s="9">
        <v>22550.5083954</v>
      </c>
      <c r="BA1042" s="9">
        <v>19847.386377499999</v>
      </c>
      <c r="BB1042" s="9">
        <v>20523.363774099998</v>
      </c>
      <c r="BC1042" s="9">
        <v>20846.351229299999</v>
      </c>
      <c r="BD1042" s="9">
        <v>20880.215006800001</v>
      </c>
      <c r="BE1042" s="9">
        <v>21736.1511503</v>
      </c>
      <c r="BF1042" s="9">
        <v>22818.233964300001</v>
      </c>
      <c r="BG1042" s="11">
        <v>1</v>
      </c>
      <c r="BH1042" s="13">
        <v>0.5</v>
      </c>
      <c r="BI1042" s="6">
        <v>1</v>
      </c>
      <c r="BJ1042" s="13">
        <v>0.5</v>
      </c>
      <c r="BK1042" s="6">
        <v>-1</v>
      </c>
      <c r="BL1042" s="13">
        <v>-0.33333333333333331</v>
      </c>
      <c r="BM1042" s="11">
        <v>1</v>
      </c>
      <c r="BN1042" s="13">
        <v>0.5</v>
      </c>
      <c r="BO1042" s="11">
        <v>0</v>
      </c>
      <c r="BP1042" s="13">
        <v>0</v>
      </c>
      <c r="BQ1042" s="6">
        <v>2</v>
      </c>
      <c r="BR1042" s="6">
        <v>3</v>
      </c>
      <c r="BS1042" s="6">
        <v>2</v>
      </c>
      <c r="BT1042" s="6">
        <v>3</v>
      </c>
      <c r="BU1042" s="6">
        <v>1</v>
      </c>
      <c r="BV1042" s="6">
        <v>2</v>
      </c>
      <c r="BW1042" s="6">
        <v>2</v>
      </c>
      <c r="BX1042" s="6">
        <v>3</v>
      </c>
      <c r="BY1042" s="6">
        <v>3</v>
      </c>
      <c r="BZ1042" s="6">
        <v>3</v>
      </c>
      <c r="CA1042" s="6">
        <v>3</v>
      </c>
      <c r="CB1042" s="6">
        <v>3</v>
      </c>
      <c r="CC1042" s="11">
        <v>3</v>
      </c>
      <c r="CD1042" s="11">
        <v>33.268999999999998</v>
      </c>
      <c r="CE1042" s="11">
        <v>-2.2307999999999999</v>
      </c>
      <c r="CF1042" s="11">
        <v>2.6745999999999999</v>
      </c>
      <c r="CG1042" s="11">
        <v>1</v>
      </c>
      <c r="CH1042" s="20">
        <v>1.35473</v>
      </c>
      <c r="CI1042" s="20">
        <v>1.2324900000000001</v>
      </c>
      <c r="CJ1042" s="20">
        <v>1.25759</v>
      </c>
      <c r="CK1042" s="20">
        <v>1.4802999999999999</v>
      </c>
      <c r="CL1042" s="20">
        <v>1.30637</v>
      </c>
      <c r="CM1042" s="20">
        <v>1.9690399999999999</v>
      </c>
      <c r="CN1042" s="20">
        <v>2.1298400000000002</v>
      </c>
      <c r="CO1042" s="20">
        <v>1.99878</v>
      </c>
      <c r="CP1042" s="20">
        <v>4.7491300000000001</v>
      </c>
      <c r="CQ1042" s="20">
        <v>4.3992899999999997</v>
      </c>
      <c r="CR1042" s="20">
        <v>4.4866900000000003</v>
      </c>
      <c r="CS1042" s="20">
        <v>4.1882299999999999</v>
      </c>
      <c r="CT1042" s="20">
        <v>3.6724199999999998</v>
      </c>
      <c r="CU1042" s="20">
        <v>3.5336099999999999</v>
      </c>
      <c r="CV1042" s="20">
        <v>3.18581</v>
      </c>
      <c r="CW1042" s="20">
        <v>3.18275</v>
      </c>
      <c r="CX1042" s="20">
        <v>3.16547</v>
      </c>
      <c r="CY1042" s="6" t="s">
        <v>558</v>
      </c>
      <c r="CZ1042" s="6" t="s">
        <v>559</v>
      </c>
      <c r="DA1042" s="6" t="s">
        <v>97</v>
      </c>
      <c r="DB1042" s="6"/>
      <c r="DC1042" s="6"/>
      <c r="DD1042" s="6"/>
      <c r="DE1042" s="6"/>
      <c r="DF1042" s="6"/>
      <c r="DG1042" s="6"/>
      <c r="DH1042" s="6" t="s">
        <v>333</v>
      </c>
      <c r="DI1042" s="6"/>
      <c r="DJ1042" s="6"/>
      <c r="DK1042" s="6"/>
      <c r="DL1042" s="6">
        <v>10</v>
      </c>
      <c r="DM1042" s="6" t="s">
        <v>383</v>
      </c>
      <c r="DN1042" s="6">
        <v>9</v>
      </c>
      <c r="DO1042" s="6" t="s">
        <v>384</v>
      </c>
      <c r="DP1042" s="6"/>
      <c r="DQ1042" s="6"/>
    </row>
    <row r="1043" spans="1:121" x14ac:dyDescent="0.2">
      <c r="A1043" s="6" t="s">
        <v>310</v>
      </c>
      <c r="B1043" s="6" t="s">
        <v>310</v>
      </c>
      <c r="C1043" s="6" t="s">
        <v>173</v>
      </c>
      <c r="D1043" s="6" t="s">
        <v>97</v>
      </c>
      <c r="E1043" s="6" t="s">
        <v>238</v>
      </c>
      <c r="F1043" s="11">
        <v>-7</v>
      </c>
      <c r="G1043" s="13">
        <v>-0.194444444444</v>
      </c>
      <c r="H1043" s="11">
        <v>-6.4585719999999966</v>
      </c>
      <c r="I1043" s="13">
        <v>-0.17805379951985964</v>
      </c>
      <c r="J1043" s="11">
        <v>-9.7731369999999984</v>
      </c>
      <c r="K1043" s="13">
        <v>-0.32779727178420137</v>
      </c>
      <c r="L1043" s="11">
        <v>8.839043381699998</v>
      </c>
      <c r="M1043" s="13">
        <v>0.44103833764939032</v>
      </c>
      <c r="N1043" s="11">
        <v>-0.93409361830000037</v>
      </c>
      <c r="O1043" s="13">
        <v>-3.1330097968520577E-2</v>
      </c>
      <c r="P1043" s="7">
        <v>36.273148999999997</v>
      </c>
      <c r="Q1043" s="7">
        <v>31.75216</v>
      </c>
      <c r="R1043" s="7">
        <v>34.108777000000003</v>
      </c>
      <c r="S1043" s="7">
        <v>30.301791000000001</v>
      </c>
      <c r="T1043" s="7">
        <v>33.398342999999997</v>
      </c>
      <c r="U1043" s="7">
        <v>29.990874999999999</v>
      </c>
      <c r="V1043" s="7">
        <v>29.814577</v>
      </c>
      <c r="W1043" s="7">
        <v>23.315942</v>
      </c>
      <c r="X1043" s="7">
        <v>21.773109000000002</v>
      </c>
      <c r="Y1043" s="7">
        <v>20.041440000000001</v>
      </c>
      <c r="Z1043" s="7">
        <v>23.074121000000002</v>
      </c>
      <c r="AA1043" s="7">
        <v>21.073667</v>
      </c>
      <c r="AB1043" s="7">
        <v>26.931515000000001</v>
      </c>
      <c r="AC1043" s="7">
        <v>23.357028</v>
      </c>
      <c r="AD1043" s="7">
        <v>29.101673999999999</v>
      </c>
      <c r="AE1043" s="7">
        <v>28.643502000000002</v>
      </c>
      <c r="AF1043" s="7">
        <v>28.8804833817</v>
      </c>
      <c r="AG1043" s="9">
        <v>16218.099934099999</v>
      </c>
      <c r="AH1043" s="13">
        <v>0.46419900603799891</v>
      </c>
      <c r="AI1043" s="9">
        <v>1340.1151463999995</v>
      </c>
      <c r="AJ1043" s="13">
        <v>3.8357151667771407E-2</v>
      </c>
      <c r="AK1043" s="9">
        <v>7955.8962180000017</v>
      </c>
      <c r="AL1043" s="13">
        <v>0.21930401604414032</v>
      </c>
      <c r="AM1043" s="9">
        <v>6922.0885696999976</v>
      </c>
      <c r="AN1043" s="13">
        <v>0.1564885704545376</v>
      </c>
      <c r="AO1043" s="9">
        <v>14877.984787699999</v>
      </c>
      <c r="AP1043" s="13">
        <v>0.41011115846436441</v>
      </c>
      <c r="AQ1043" s="9">
        <v>34937.8170206</v>
      </c>
      <c r="AR1043" s="9">
        <v>33287.766825699997</v>
      </c>
      <c r="AS1043" s="9">
        <v>32231.121985900001</v>
      </c>
      <c r="AT1043" s="9">
        <v>35122.962972699999</v>
      </c>
      <c r="AU1043" s="9">
        <v>36178.665897699997</v>
      </c>
      <c r="AV1043" s="9">
        <v>40421.5039837</v>
      </c>
      <c r="AW1043" s="9">
        <v>36277.932166999999</v>
      </c>
      <c r="AX1043" s="9">
        <v>50642.896092100003</v>
      </c>
      <c r="AY1043" s="9">
        <v>60598.145712899997</v>
      </c>
      <c r="AZ1043" s="9">
        <v>44233.828385000001</v>
      </c>
      <c r="BA1043" s="9">
        <v>51945.160841500001</v>
      </c>
      <c r="BB1043" s="9">
        <v>53053.693402099998</v>
      </c>
      <c r="BC1043" s="9">
        <v>43374.968937600002</v>
      </c>
      <c r="BD1043" s="9">
        <v>49479.468519800001</v>
      </c>
      <c r="BE1043" s="9">
        <v>47172.714406200001</v>
      </c>
      <c r="BF1043" s="9">
        <v>51155.916954699998</v>
      </c>
      <c r="BG1043" s="11">
        <v>0</v>
      </c>
      <c r="BH1043" s="13">
        <v>0</v>
      </c>
      <c r="BI1043" s="6">
        <v>0</v>
      </c>
      <c r="BJ1043" s="13">
        <v>0</v>
      </c>
      <c r="BK1043" s="6">
        <v>0</v>
      </c>
      <c r="BL1043" s="13">
        <v>0</v>
      </c>
      <c r="BM1043" s="11">
        <v>0</v>
      </c>
      <c r="BN1043" s="13">
        <v>0</v>
      </c>
      <c r="BO1043" s="11">
        <v>0</v>
      </c>
      <c r="BP1043" s="13">
        <v>0</v>
      </c>
      <c r="BQ1043" s="6">
        <v>2</v>
      </c>
      <c r="BR1043" s="6">
        <v>2</v>
      </c>
      <c r="BS1043" s="6">
        <v>2</v>
      </c>
      <c r="BT1043" s="6">
        <v>2</v>
      </c>
      <c r="BU1043" s="6">
        <v>3</v>
      </c>
      <c r="BV1043" s="6">
        <v>3</v>
      </c>
      <c r="BW1043" s="6">
        <v>2</v>
      </c>
      <c r="BX1043" s="6">
        <v>2</v>
      </c>
      <c r="BY1043" s="6">
        <v>2</v>
      </c>
      <c r="BZ1043" s="6">
        <v>2</v>
      </c>
      <c r="CA1043" s="6">
        <v>2</v>
      </c>
      <c r="CB1043" s="6">
        <v>2</v>
      </c>
      <c r="CC1043" s="11">
        <v>2</v>
      </c>
      <c r="CD1043" s="11">
        <v>-15.121</v>
      </c>
      <c r="CE1043" s="11">
        <v>3.7632599999999998</v>
      </c>
      <c r="CF1043" s="11">
        <v>3.96509</v>
      </c>
      <c r="CG1043" s="11">
        <v>8</v>
      </c>
      <c r="CH1043" s="20">
        <v>7.0787100000000001</v>
      </c>
      <c r="CI1043" s="20">
        <v>6.2286799999999998</v>
      </c>
      <c r="CJ1043" s="20">
        <v>6.5807000000000002</v>
      </c>
      <c r="CK1043" s="20">
        <v>5.2074299999999996</v>
      </c>
      <c r="CL1043" s="20">
        <v>5.2368499999999996</v>
      </c>
      <c r="CM1043" s="20">
        <v>4.5618400000000001</v>
      </c>
      <c r="CN1043" s="20">
        <v>4.3257000000000003</v>
      </c>
      <c r="CO1043" s="20">
        <v>3.14432</v>
      </c>
      <c r="CP1043" s="20">
        <v>3.0909300000000002</v>
      </c>
      <c r="CQ1043" s="20">
        <v>2.8637999999999999</v>
      </c>
      <c r="CR1043" s="20">
        <v>3.0145400000000002</v>
      </c>
      <c r="CS1043" s="20">
        <v>2.61809</v>
      </c>
      <c r="CT1043" s="20">
        <v>3.3488199999999999</v>
      </c>
      <c r="CU1043" s="20">
        <v>2.8496899999999998</v>
      </c>
      <c r="CV1043" s="20">
        <v>4.0658799999999999</v>
      </c>
      <c r="CW1043" s="20">
        <v>4.7040100000000002</v>
      </c>
      <c r="CX1043" s="20">
        <v>4.6483400000000001</v>
      </c>
      <c r="CY1043" s="6" t="s">
        <v>558</v>
      </c>
      <c r="CZ1043" s="6" t="s">
        <v>559</v>
      </c>
      <c r="DA1043" s="6" t="s">
        <v>97</v>
      </c>
      <c r="DB1043" s="6"/>
      <c r="DC1043" s="6"/>
      <c r="DD1043" s="6"/>
      <c r="DE1043" s="6"/>
      <c r="DF1043" s="6"/>
      <c r="DG1043" s="6"/>
      <c r="DH1043" s="6" t="s">
        <v>333</v>
      </c>
      <c r="DI1043" s="6"/>
      <c r="DJ1043" s="6"/>
      <c r="DK1043" s="6"/>
      <c r="DL1043" s="6">
        <v>10</v>
      </c>
      <c r="DM1043" s="6" t="s">
        <v>383</v>
      </c>
      <c r="DN1043" s="6">
        <v>9</v>
      </c>
      <c r="DO1043" s="6" t="s">
        <v>384</v>
      </c>
      <c r="DP1043" s="6"/>
      <c r="DQ1043" s="6"/>
    </row>
    <row r="1044" spans="1:121" x14ac:dyDescent="0.2">
      <c r="A1044" s="6" t="s">
        <v>311</v>
      </c>
      <c r="B1044" s="6" t="s">
        <v>311</v>
      </c>
      <c r="C1044" s="6" t="s">
        <v>174</v>
      </c>
      <c r="D1044" s="6" t="s">
        <v>97</v>
      </c>
      <c r="E1044" s="6" t="s">
        <v>238</v>
      </c>
      <c r="F1044" s="11">
        <v>1</v>
      </c>
      <c r="G1044" s="13">
        <v>1</v>
      </c>
      <c r="H1044" s="11">
        <v>0</v>
      </c>
      <c r="I1044" s="13">
        <v>0</v>
      </c>
      <c r="J1044" s="11">
        <v>0</v>
      </c>
      <c r="K1044" s="13">
        <v>0</v>
      </c>
      <c r="L1044" s="11">
        <v>0</v>
      </c>
      <c r="M1044" s="13">
        <v>0</v>
      </c>
      <c r="N1044" s="11">
        <v>0</v>
      </c>
      <c r="O1044" s="13">
        <v>0</v>
      </c>
      <c r="P1044" s="7">
        <v>5</v>
      </c>
      <c r="Q1044" s="7">
        <v>5</v>
      </c>
      <c r="R1044" s="7">
        <v>5</v>
      </c>
      <c r="S1044" s="7">
        <v>5</v>
      </c>
      <c r="T1044" s="7">
        <v>5</v>
      </c>
      <c r="U1044" s="7">
        <v>5</v>
      </c>
      <c r="V1044" s="7">
        <v>5</v>
      </c>
      <c r="W1044" s="7">
        <v>5</v>
      </c>
      <c r="X1044" s="7">
        <v>5</v>
      </c>
      <c r="Y1044" s="7">
        <v>5</v>
      </c>
      <c r="Z1044" s="7">
        <v>5</v>
      </c>
      <c r="AA1044" s="7">
        <v>5</v>
      </c>
      <c r="AB1044" s="7">
        <v>5</v>
      </c>
      <c r="AC1044" s="7">
        <v>5</v>
      </c>
      <c r="AD1044" s="7">
        <v>5</v>
      </c>
      <c r="AE1044" s="7">
        <v>5</v>
      </c>
      <c r="AF1044" s="7">
        <v>5</v>
      </c>
      <c r="AG1044" s="9">
        <v>0</v>
      </c>
      <c r="AH1044" s="13">
        <v>0</v>
      </c>
      <c r="AI1044" s="9">
        <v>0</v>
      </c>
      <c r="AJ1044" s="13">
        <v>0</v>
      </c>
      <c r="AK1044" s="9">
        <v>0</v>
      </c>
      <c r="AL1044" s="13">
        <v>0</v>
      </c>
      <c r="AM1044" s="9">
        <v>0</v>
      </c>
      <c r="AN1044" s="13">
        <v>0</v>
      </c>
      <c r="AO1044" s="9">
        <v>0</v>
      </c>
      <c r="AP1044" s="13">
        <v>0</v>
      </c>
      <c r="AQ1044" s="9">
        <v>1</v>
      </c>
      <c r="AR1044" s="9">
        <v>1</v>
      </c>
      <c r="AS1044" s="9">
        <v>1</v>
      </c>
      <c r="AT1044" s="9">
        <v>1</v>
      </c>
      <c r="AU1044" s="9">
        <v>1</v>
      </c>
      <c r="AV1044" s="9">
        <v>1</v>
      </c>
      <c r="AW1044" s="9">
        <v>1</v>
      </c>
      <c r="AX1044" s="9">
        <v>1</v>
      </c>
      <c r="AY1044" s="9">
        <v>1</v>
      </c>
      <c r="AZ1044" s="9">
        <v>1</v>
      </c>
      <c r="BA1044" s="9">
        <v>1</v>
      </c>
      <c r="BB1044" s="9">
        <v>1</v>
      </c>
      <c r="BC1044" s="9">
        <v>1</v>
      </c>
      <c r="BD1044" s="9">
        <v>1</v>
      </c>
      <c r="BE1044" s="9">
        <v>1</v>
      </c>
      <c r="BF1044" s="9">
        <v>1</v>
      </c>
      <c r="BG1044" s="11">
        <v>0</v>
      </c>
      <c r="BH1044" s="13">
        <v>0</v>
      </c>
      <c r="BI1044" s="6">
        <v>0</v>
      </c>
      <c r="BJ1044" s="13">
        <v>0</v>
      </c>
      <c r="BK1044" s="6">
        <v>0</v>
      </c>
      <c r="BL1044" s="13">
        <v>0</v>
      </c>
      <c r="BM1044" s="11">
        <v>0</v>
      </c>
      <c r="BN1044" s="13">
        <v>0</v>
      </c>
      <c r="BO1044" s="11">
        <v>0</v>
      </c>
      <c r="BP1044" s="13">
        <v>0</v>
      </c>
      <c r="BQ1044" s="6">
        <v>1</v>
      </c>
      <c r="BR1044" s="6">
        <v>1</v>
      </c>
      <c r="BS1044" s="6">
        <v>1</v>
      </c>
      <c r="BT1044" s="6">
        <v>1</v>
      </c>
      <c r="BU1044" s="6">
        <v>1</v>
      </c>
      <c r="BV1044" s="6">
        <v>1</v>
      </c>
      <c r="BW1044" s="6">
        <v>1</v>
      </c>
      <c r="BX1044" s="6">
        <v>1</v>
      </c>
      <c r="BY1044" s="6">
        <v>1</v>
      </c>
      <c r="BZ1044" s="6">
        <v>1</v>
      </c>
      <c r="CA1044" s="6">
        <v>1</v>
      </c>
      <c r="CB1044" s="6">
        <v>1</v>
      </c>
      <c r="CC1044" s="11">
        <v>1</v>
      </c>
      <c r="CD1044" s="11">
        <v>7.2953400000000004</v>
      </c>
      <c r="CE1044" s="11">
        <v>-7.7458100000000002E-2</v>
      </c>
      <c r="CF1044" s="11">
        <v>5.1995300000000001E-2</v>
      </c>
      <c r="CG1044" s="11">
        <v>0</v>
      </c>
      <c r="CH1044" s="20">
        <v>8.4721599999999994E-2</v>
      </c>
      <c r="CI1044" s="20">
        <v>0.16505600000000001</v>
      </c>
      <c r="CJ1044" s="20">
        <v>0.19068399999999999</v>
      </c>
      <c r="CK1044" s="20">
        <v>0.71536100000000002</v>
      </c>
      <c r="CL1044" s="20">
        <v>0.37845699999999999</v>
      </c>
      <c r="CM1044" s="20">
        <v>4.4080000000000001E-2</v>
      </c>
      <c r="CN1044" s="20">
        <v>0.1104</v>
      </c>
      <c r="CO1044" s="20">
        <v>0.39994800000000003</v>
      </c>
      <c r="CP1044" s="20">
        <v>0.92388999999999999</v>
      </c>
      <c r="CQ1044" s="20">
        <v>0.23896000000000001</v>
      </c>
      <c r="CR1044" s="20">
        <v>0.59819800000000001</v>
      </c>
      <c r="CS1044" s="20">
        <v>1.25539</v>
      </c>
      <c r="CT1044" s="20">
        <v>1.32467</v>
      </c>
      <c r="CU1044" s="20">
        <v>1.41309</v>
      </c>
      <c r="CV1044" s="20">
        <v>1.4717</v>
      </c>
      <c r="CW1044" s="20">
        <v>1.4055500000000001</v>
      </c>
      <c r="CX1044" s="20">
        <v>1.45831</v>
      </c>
      <c r="CY1044" s="6" t="s">
        <v>558</v>
      </c>
      <c r="CZ1044" s="6" t="s">
        <v>559</v>
      </c>
      <c r="DA1044" s="6" t="s">
        <v>97</v>
      </c>
      <c r="DB1044" s="6"/>
      <c r="DC1044" s="6"/>
      <c r="DD1044" s="6"/>
      <c r="DE1044" s="6"/>
      <c r="DF1044" s="6"/>
      <c r="DG1044" s="6"/>
      <c r="DH1044" s="6" t="s">
        <v>333</v>
      </c>
      <c r="DI1044" s="6"/>
      <c r="DJ1044" s="6"/>
      <c r="DK1044" s="6"/>
      <c r="DL1044" s="6">
        <v>10</v>
      </c>
      <c r="DM1044" s="6" t="s">
        <v>383</v>
      </c>
      <c r="DN1044" s="6">
        <v>9</v>
      </c>
      <c r="DO1044" s="6" t="s">
        <v>384</v>
      </c>
      <c r="DP1044" s="6"/>
      <c r="DQ1044" s="6"/>
    </row>
    <row r="1045" spans="1:121" x14ac:dyDescent="0.2">
      <c r="A1045" s="6" t="s">
        <v>312</v>
      </c>
      <c r="B1045" s="6" t="s">
        <v>312</v>
      </c>
      <c r="C1045" s="6" t="s">
        <v>175</v>
      </c>
      <c r="D1045" s="6" t="s">
        <v>97</v>
      </c>
      <c r="E1045" s="6" t="s">
        <v>238</v>
      </c>
      <c r="F1045" s="11">
        <v>4</v>
      </c>
      <c r="G1045" s="13">
        <v>5.7971014492800003E-2</v>
      </c>
      <c r="H1045" s="11">
        <v>-7.2990377894000034</v>
      </c>
      <c r="I1045" s="13">
        <v>-0.10639339552512182</v>
      </c>
      <c r="J1045" s="11">
        <v>1.9421678587999978</v>
      </c>
      <c r="K1045" s="13">
        <v>3.1680312007650868E-2</v>
      </c>
      <c r="L1045" s="11">
        <v>10.030100988099996</v>
      </c>
      <c r="M1045" s="13">
        <v>0.15858527164288955</v>
      </c>
      <c r="N1045" s="11">
        <v>11.972268846899993</v>
      </c>
      <c r="O1045" s="13">
        <v>0.19528961453600527</v>
      </c>
      <c r="P1045" s="7">
        <v>68.604237635000004</v>
      </c>
      <c r="Q1045" s="7">
        <v>65.175713614800003</v>
      </c>
      <c r="R1045" s="7">
        <v>72.746960204700002</v>
      </c>
      <c r="S1045" s="7">
        <v>77.144333470399999</v>
      </c>
      <c r="T1045" s="7">
        <v>78.973630796199998</v>
      </c>
      <c r="U1045" s="7">
        <v>57.6911248587</v>
      </c>
      <c r="V1045" s="7">
        <v>61.305199845600001</v>
      </c>
      <c r="W1045" s="7">
        <v>75.462193436800007</v>
      </c>
      <c r="X1045" s="7">
        <v>71.562846526100003</v>
      </c>
      <c r="Y1045" s="7">
        <v>63.247367704399998</v>
      </c>
      <c r="Z1045" s="7">
        <v>58.977170747700001</v>
      </c>
      <c r="AA1045" s="7">
        <v>49.877212280199998</v>
      </c>
      <c r="AB1045" s="7">
        <v>57.583859092200001</v>
      </c>
      <c r="AC1045" s="7">
        <v>65.535523698099993</v>
      </c>
      <c r="AD1045" s="7">
        <v>65.879973199299997</v>
      </c>
      <c r="AE1045" s="7">
        <v>70.311052360299996</v>
      </c>
      <c r="AF1045" s="7">
        <v>73.277468692499994</v>
      </c>
      <c r="AG1045" s="9">
        <v>4820.2933182000015</v>
      </c>
      <c r="AH1045" s="13">
        <v>0.21461001991943257</v>
      </c>
      <c r="AI1045" s="9">
        <v>1988.5533770000002</v>
      </c>
      <c r="AJ1045" s="13">
        <v>8.8534753318328635E-2</v>
      </c>
      <c r="AK1045" s="9">
        <v>-649.03595639999912</v>
      </c>
      <c r="AL1045" s="13">
        <v>-2.6546238185038915E-2</v>
      </c>
      <c r="AM1045" s="9">
        <v>3480.7758976000005</v>
      </c>
      <c r="AN1045" s="13">
        <v>0.14624969357664563</v>
      </c>
      <c r="AO1045" s="9">
        <v>2831.7399412000013</v>
      </c>
      <c r="AP1045" s="13">
        <v>0.11582107619143212</v>
      </c>
      <c r="AQ1045" s="9">
        <v>22460.7095233</v>
      </c>
      <c r="AR1045" s="9">
        <v>23083.615137500001</v>
      </c>
      <c r="AS1045" s="9">
        <v>23111.479667200001</v>
      </c>
      <c r="AT1045" s="9">
        <v>25387.9110435</v>
      </c>
      <c r="AU1045" s="9">
        <v>23858.284346699998</v>
      </c>
      <c r="AV1045" s="9">
        <v>24219.733403999999</v>
      </c>
      <c r="AW1045" s="9">
        <v>24449.2629003</v>
      </c>
      <c r="AX1045" s="9">
        <v>23256.544073699999</v>
      </c>
      <c r="AY1045" s="9">
        <v>22416.857907500002</v>
      </c>
      <c r="AZ1045" s="9">
        <v>23800.226943900001</v>
      </c>
      <c r="BA1045" s="9">
        <v>23220.7059324</v>
      </c>
      <c r="BB1045" s="9">
        <v>24004.909124000002</v>
      </c>
      <c r="BC1045" s="9">
        <v>24862.719143800001</v>
      </c>
      <c r="BD1045" s="9">
        <v>27817.4450249</v>
      </c>
      <c r="BE1045" s="9">
        <v>27443.639202900002</v>
      </c>
      <c r="BF1045" s="9">
        <v>27281.002841500002</v>
      </c>
      <c r="BG1045" s="11">
        <v>-6.25</v>
      </c>
      <c r="BH1045" s="13">
        <v>-0.44642857142857145</v>
      </c>
      <c r="BI1045" s="6">
        <v>-3</v>
      </c>
      <c r="BJ1045" s="13">
        <v>-0.21428571428571427</v>
      </c>
      <c r="BK1045" s="6">
        <v>-3</v>
      </c>
      <c r="BL1045" s="13">
        <v>-0.27272727272727271</v>
      </c>
      <c r="BM1045" s="11">
        <v>-0.25</v>
      </c>
      <c r="BN1045" s="13">
        <v>-3.125E-2</v>
      </c>
      <c r="BO1045" s="11">
        <v>-3.25</v>
      </c>
      <c r="BP1045" s="13">
        <v>-0.29545454545454547</v>
      </c>
      <c r="BQ1045" s="6">
        <v>14</v>
      </c>
      <c r="BR1045" s="6">
        <v>13</v>
      </c>
      <c r="BS1045" s="6">
        <v>11</v>
      </c>
      <c r="BT1045" s="6">
        <v>11</v>
      </c>
      <c r="BU1045" s="6">
        <v>10</v>
      </c>
      <c r="BV1045" s="6">
        <v>10</v>
      </c>
      <c r="BW1045" s="6">
        <v>8</v>
      </c>
      <c r="BX1045" s="6">
        <v>9</v>
      </c>
      <c r="BY1045" s="6">
        <v>11</v>
      </c>
      <c r="BZ1045" s="6">
        <v>12</v>
      </c>
      <c r="CA1045" s="6">
        <v>8</v>
      </c>
      <c r="CB1045" s="6">
        <v>8</v>
      </c>
      <c r="CC1045" s="11">
        <v>7.75</v>
      </c>
      <c r="CD1045" s="11">
        <v>5.4836799999999997</v>
      </c>
      <c r="CE1045" s="11">
        <v>-8.3097200000000004</v>
      </c>
      <c r="CF1045" s="11">
        <v>7.4992700000000001</v>
      </c>
      <c r="CG1045" s="11">
        <v>-1</v>
      </c>
      <c r="CH1045" s="20">
        <v>0.84246299999999996</v>
      </c>
      <c r="CI1045" s="20">
        <v>0.76741599999999999</v>
      </c>
      <c r="CJ1045" s="20">
        <v>0.81968399999999997</v>
      </c>
      <c r="CK1045" s="20">
        <v>0.77065700000000004</v>
      </c>
      <c r="CL1045" s="20">
        <v>0.74136299999999999</v>
      </c>
      <c r="CM1045" s="20">
        <v>0.55407600000000001</v>
      </c>
      <c r="CN1045" s="20">
        <v>0.60508399999999996</v>
      </c>
      <c r="CO1045" s="20">
        <v>0.78864500000000004</v>
      </c>
      <c r="CP1045" s="20">
        <v>0.81533100000000003</v>
      </c>
      <c r="CQ1045" s="20">
        <v>0.79962500000000003</v>
      </c>
      <c r="CR1045" s="20">
        <v>0.77183000000000002</v>
      </c>
      <c r="CS1045" s="20">
        <v>0.67128100000000002</v>
      </c>
      <c r="CT1045" s="20">
        <v>0.77212400000000003</v>
      </c>
      <c r="CU1045" s="20">
        <v>0.85829500000000003</v>
      </c>
      <c r="CV1045" s="20">
        <v>0.85116400000000003</v>
      </c>
      <c r="CW1045" s="20">
        <v>0.88730900000000001</v>
      </c>
      <c r="CX1045" s="20">
        <v>0.91104200000000002</v>
      </c>
      <c r="CY1045" s="6" t="s">
        <v>558</v>
      </c>
      <c r="CZ1045" s="6" t="s">
        <v>559</v>
      </c>
      <c r="DA1045" s="6" t="s">
        <v>97</v>
      </c>
      <c r="DB1045" s="6"/>
      <c r="DC1045" s="6"/>
      <c r="DD1045" s="6"/>
      <c r="DE1045" s="6"/>
      <c r="DF1045" s="6"/>
      <c r="DG1045" s="6"/>
      <c r="DH1045" s="6" t="s">
        <v>333</v>
      </c>
      <c r="DI1045" s="6"/>
      <c r="DJ1045" s="6"/>
      <c r="DK1045" s="6"/>
      <c r="DL1045" s="6">
        <v>10</v>
      </c>
      <c r="DM1045" s="6" t="s">
        <v>383</v>
      </c>
      <c r="DN1045" s="6">
        <v>9</v>
      </c>
      <c r="DO1045" s="6" t="s">
        <v>384</v>
      </c>
      <c r="DP1045" s="6"/>
      <c r="DQ1045" s="6"/>
    </row>
    <row r="1046" spans="1:121" x14ac:dyDescent="0.2">
      <c r="A1046" s="6" t="s">
        <v>792</v>
      </c>
      <c r="B1046" s="6" t="s">
        <v>176</v>
      </c>
      <c r="C1046" s="6" t="s">
        <v>177</v>
      </c>
      <c r="D1046" s="6" t="s">
        <v>97</v>
      </c>
      <c r="E1046" s="6" t="s">
        <v>238</v>
      </c>
      <c r="F1046" s="11">
        <v>95</v>
      </c>
      <c r="G1046" s="13">
        <v>0.95</v>
      </c>
      <c r="H1046" s="11">
        <v>33.674992068600005</v>
      </c>
      <c r="I1046" s="13">
        <v>0.33712209703400264</v>
      </c>
      <c r="J1046" s="11">
        <v>27.934911449999987</v>
      </c>
      <c r="K1046" s="13">
        <v>0.20914907624376727</v>
      </c>
      <c r="L1046" s="11">
        <v>33.889593710000014</v>
      </c>
      <c r="M1046" s="13">
        <v>0.20984332812386977</v>
      </c>
      <c r="N1046" s="11">
        <v>61.824505160000001</v>
      </c>
      <c r="O1046" s="13">
        <v>0.46288094260066209</v>
      </c>
      <c r="P1046" s="7">
        <v>99.889601912399996</v>
      </c>
      <c r="Q1046" s="7">
        <v>91.927309267400005</v>
      </c>
      <c r="R1046" s="7">
        <v>98.743831581400002</v>
      </c>
      <c r="S1046" s="7">
        <v>108.767984367</v>
      </c>
      <c r="T1046" s="7">
        <v>104.690446881</v>
      </c>
      <c r="U1046" s="7">
        <v>118.42185442</v>
      </c>
      <c r="V1046" s="7">
        <v>133.564593981</v>
      </c>
      <c r="W1046" s="7">
        <v>151.079646395</v>
      </c>
      <c r="X1046" s="7">
        <v>154.66098173</v>
      </c>
      <c r="Y1046" s="7">
        <v>161.49950543099999</v>
      </c>
      <c r="Z1046" s="7">
        <v>168.99420077600001</v>
      </c>
      <c r="AA1046" s="7">
        <v>175.94318190999999</v>
      </c>
      <c r="AB1046" s="7">
        <v>171.946850367</v>
      </c>
      <c r="AC1046" s="7">
        <v>172.50241168100001</v>
      </c>
      <c r="AD1046" s="7">
        <v>169.21823266800001</v>
      </c>
      <c r="AE1046" s="7">
        <v>173.45908771800001</v>
      </c>
      <c r="AF1046" s="7">
        <v>195.389099141</v>
      </c>
      <c r="AG1046" s="9">
        <v>8434.216618399998</v>
      </c>
      <c r="AH1046" s="13">
        <v>0.29301796624024001</v>
      </c>
      <c r="AI1046" s="9">
        <v>3750.7876074999986</v>
      </c>
      <c r="AJ1046" s="13">
        <v>0.13030826765239506</v>
      </c>
      <c r="AK1046" s="9">
        <v>338.26643840000179</v>
      </c>
      <c r="AL1046" s="13">
        <v>1.0397082863759111E-2</v>
      </c>
      <c r="AM1046" s="9">
        <v>4345.1625724999976</v>
      </c>
      <c r="AN1046" s="13">
        <v>0.13218024145358021</v>
      </c>
      <c r="AO1046" s="9">
        <v>4683.4290108999994</v>
      </c>
      <c r="AP1046" s="13">
        <v>0.1439516132406839</v>
      </c>
      <c r="AQ1046" s="9">
        <v>28783.9572659</v>
      </c>
      <c r="AR1046" s="9">
        <v>28809.92656</v>
      </c>
      <c r="AS1046" s="9">
        <v>27323.912765900001</v>
      </c>
      <c r="AT1046" s="9">
        <v>26846.180522300001</v>
      </c>
      <c r="AU1046" s="9">
        <v>29652.179910300001</v>
      </c>
      <c r="AV1046" s="9">
        <v>29248.750078500001</v>
      </c>
      <c r="AW1046" s="9">
        <v>32534.744873399999</v>
      </c>
      <c r="AX1046" s="9">
        <v>32498.663224700002</v>
      </c>
      <c r="AY1046" s="9">
        <v>34280.185665500001</v>
      </c>
      <c r="AZ1046" s="9">
        <v>32873.011311800001</v>
      </c>
      <c r="BA1046" s="9">
        <v>33863.240838400001</v>
      </c>
      <c r="BB1046" s="9">
        <v>34696.053088799999</v>
      </c>
      <c r="BC1046" s="9">
        <v>35983.141594699999</v>
      </c>
      <c r="BD1046" s="9">
        <v>36961.435830399998</v>
      </c>
      <c r="BE1046" s="9">
        <v>34698.491820399999</v>
      </c>
      <c r="BF1046" s="9">
        <v>37218.173884299998</v>
      </c>
      <c r="BG1046" s="11">
        <v>-4</v>
      </c>
      <c r="BH1046" s="13">
        <v>-0.44444444444444442</v>
      </c>
      <c r="BI1046" s="6">
        <v>0</v>
      </c>
      <c r="BJ1046" s="13">
        <v>0</v>
      </c>
      <c r="BK1046" s="6">
        <v>0</v>
      </c>
      <c r="BL1046" s="13">
        <v>0</v>
      </c>
      <c r="BM1046" s="11">
        <v>-4</v>
      </c>
      <c r="BN1046" s="13">
        <v>-0.44444444444444442</v>
      </c>
      <c r="BO1046" s="11">
        <v>-4</v>
      </c>
      <c r="BP1046" s="13">
        <v>-0.44444444444444442</v>
      </c>
      <c r="BQ1046" s="6">
        <v>9</v>
      </c>
      <c r="BR1046" s="6">
        <v>9</v>
      </c>
      <c r="BS1046" s="6">
        <v>9</v>
      </c>
      <c r="BT1046" s="6">
        <v>9</v>
      </c>
      <c r="BU1046" s="6">
        <v>8</v>
      </c>
      <c r="BV1046" s="6">
        <v>8</v>
      </c>
      <c r="BW1046" s="6">
        <v>9</v>
      </c>
      <c r="BX1046" s="6">
        <v>7</v>
      </c>
      <c r="BY1046" s="6">
        <v>7</v>
      </c>
      <c r="BZ1046" s="6">
        <v>7</v>
      </c>
      <c r="CA1046" s="6">
        <v>6</v>
      </c>
      <c r="CB1046" s="6">
        <v>5</v>
      </c>
      <c r="CC1046" s="11">
        <v>5</v>
      </c>
      <c r="CD1046" s="11">
        <v>119.839</v>
      </c>
      <c r="CE1046" s="11">
        <v>-35.258800000000001</v>
      </c>
      <c r="CF1046" s="11">
        <v>10.9191</v>
      </c>
      <c r="CG1046" s="11">
        <v>-24</v>
      </c>
      <c r="CH1046" s="20">
        <v>0.64073000000000002</v>
      </c>
      <c r="CI1046" s="20">
        <v>0.60419599999999996</v>
      </c>
      <c r="CJ1046" s="20">
        <v>0.66388100000000005</v>
      </c>
      <c r="CK1046" s="20">
        <v>0.68670799999999999</v>
      </c>
      <c r="CL1046" s="20">
        <v>0.65404200000000001</v>
      </c>
      <c r="CM1046" s="20">
        <v>0.79335500000000003</v>
      </c>
      <c r="CN1046" s="20">
        <v>0.93098499999999995</v>
      </c>
      <c r="CO1046" s="20">
        <v>1.0909500000000001</v>
      </c>
      <c r="CP1046" s="20">
        <v>1.1995400000000001</v>
      </c>
      <c r="CQ1046" s="20">
        <v>1.31491</v>
      </c>
      <c r="CR1046" s="20">
        <v>1.38185</v>
      </c>
      <c r="CS1046" s="20">
        <v>1.46892</v>
      </c>
      <c r="CT1046" s="20">
        <v>1.4527399999999999</v>
      </c>
      <c r="CU1046" s="20">
        <v>1.45841</v>
      </c>
      <c r="CV1046" s="20">
        <v>1.4508799999999999</v>
      </c>
      <c r="CW1046" s="20">
        <v>1.48437</v>
      </c>
      <c r="CX1046" s="20">
        <v>1.6578599999999999</v>
      </c>
      <c r="CY1046" s="6" t="s">
        <v>558</v>
      </c>
      <c r="CZ1046" s="6" t="s">
        <v>559</v>
      </c>
      <c r="DA1046" s="6" t="s">
        <v>97</v>
      </c>
      <c r="DB1046" s="6"/>
      <c r="DC1046" s="6"/>
      <c r="DD1046" s="6"/>
      <c r="DE1046" s="6"/>
      <c r="DF1046" s="6"/>
      <c r="DG1046" s="6"/>
      <c r="DH1046" s="6" t="s">
        <v>333</v>
      </c>
      <c r="DI1046" s="6"/>
      <c r="DJ1046" s="6"/>
      <c r="DK1046" s="6"/>
      <c r="DL1046" s="6">
        <v>10</v>
      </c>
      <c r="DM1046" s="6" t="s">
        <v>383</v>
      </c>
      <c r="DN1046" s="6">
        <v>9</v>
      </c>
      <c r="DO1046" s="6" t="s">
        <v>384</v>
      </c>
      <c r="DP1046" s="6"/>
      <c r="DQ1046" s="6"/>
    </row>
    <row r="1047" spans="1:121" x14ac:dyDescent="0.2">
      <c r="A1047" s="6" t="s">
        <v>313</v>
      </c>
      <c r="B1047" s="6" t="s">
        <v>313</v>
      </c>
      <c r="C1047" s="6" t="s">
        <v>178</v>
      </c>
      <c r="D1047" s="6" t="s">
        <v>97</v>
      </c>
      <c r="E1047" s="6" t="s">
        <v>238</v>
      </c>
      <c r="F1047" s="11">
        <v>36</v>
      </c>
      <c r="G1047" s="13">
        <v>0.97297297297300001</v>
      </c>
      <c r="H1047" s="11">
        <v>-1.6536249748999978</v>
      </c>
      <c r="I1047" s="13">
        <v>-4.4778307646446101E-2</v>
      </c>
      <c r="J1047" s="11">
        <v>2.6901339632999992</v>
      </c>
      <c r="K1047" s="13">
        <v>7.6260629185194079E-2</v>
      </c>
      <c r="L1047" s="11">
        <v>34.629595702000003</v>
      </c>
      <c r="M1047" s="13">
        <v>0.91212937884342316</v>
      </c>
      <c r="N1047" s="11">
        <v>37.319729665300002</v>
      </c>
      <c r="O1047" s="13">
        <v>1.0579495683575173</v>
      </c>
      <c r="P1047" s="7">
        <v>36.929153016599997</v>
      </c>
      <c r="Q1047" s="7">
        <v>39.768500604499998</v>
      </c>
      <c r="R1047" s="7">
        <v>37.659782955099999</v>
      </c>
      <c r="S1047" s="7">
        <v>42.120446059300001</v>
      </c>
      <c r="T1047" s="7">
        <v>44.359856266900003</v>
      </c>
      <c r="U1047" s="7">
        <v>42.721514690900001</v>
      </c>
      <c r="V1047" s="7">
        <v>35.275528041699999</v>
      </c>
      <c r="W1047" s="7">
        <v>34.6083326746</v>
      </c>
      <c r="X1047" s="7">
        <v>37.483314943099998</v>
      </c>
      <c r="Y1047" s="7">
        <v>37.965662004999999</v>
      </c>
      <c r="Z1047" s="7">
        <v>39.033878462300002</v>
      </c>
      <c r="AA1047" s="7">
        <v>53.815232999999999</v>
      </c>
      <c r="AB1047" s="7">
        <v>55.648525999999997</v>
      </c>
      <c r="AC1047" s="7">
        <v>58.901884000000003</v>
      </c>
      <c r="AD1047" s="7">
        <v>68.517311000000007</v>
      </c>
      <c r="AE1047" s="7">
        <v>68.323161499999998</v>
      </c>
      <c r="AF1047" s="7">
        <v>72.595257707000002</v>
      </c>
      <c r="AG1047" s="9">
        <v>5017.4059363999986</v>
      </c>
      <c r="AH1047" s="13">
        <v>0.18695537313816041</v>
      </c>
      <c r="AI1047" s="9">
        <v>9739.4887813000023</v>
      </c>
      <c r="AJ1047" s="13">
        <v>0.36290660599595281</v>
      </c>
      <c r="AK1047" s="9">
        <v>10845.9176716</v>
      </c>
      <c r="AL1047" s="13">
        <v>0.29652336437198107</v>
      </c>
      <c r="AM1047" s="9">
        <v>-15568.000516500004</v>
      </c>
      <c r="AN1047" s="13">
        <v>-0.32828051444972439</v>
      </c>
      <c r="AO1047" s="9">
        <v>-4722.0828449000037</v>
      </c>
      <c r="AP1047" s="13">
        <v>-0.12909999268014033</v>
      </c>
      <c r="AQ1047" s="9">
        <v>26837.4524475</v>
      </c>
      <c r="AR1047" s="9">
        <v>28035.3703575</v>
      </c>
      <c r="AS1047" s="9">
        <v>30327.939477700002</v>
      </c>
      <c r="AT1047" s="9">
        <v>34895.5151558</v>
      </c>
      <c r="AU1047" s="9">
        <v>34580.858471</v>
      </c>
      <c r="AV1047" s="9">
        <v>34184.420474999999</v>
      </c>
      <c r="AW1047" s="9">
        <v>36576.941228800002</v>
      </c>
      <c r="AX1047" s="9">
        <v>39481.695878300001</v>
      </c>
      <c r="AY1047" s="9">
        <v>39995.580217499999</v>
      </c>
      <c r="AZ1047" s="9">
        <v>47422.858900400002</v>
      </c>
      <c r="BA1047" s="9">
        <v>48002.998551899997</v>
      </c>
      <c r="BB1047" s="9">
        <v>40259.011747299999</v>
      </c>
      <c r="BC1047" s="9">
        <v>41065.267787099998</v>
      </c>
      <c r="BD1047" s="9">
        <v>32701.497760400001</v>
      </c>
      <c r="BE1047" s="9">
        <v>34202.0631097</v>
      </c>
      <c r="BF1047" s="9">
        <v>31854.858383899998</v>
      </c>
      <c r="BG1047" s="11">
        <v>-2</v>
      </c>
      <c r="BH1047" s="13">
        <v>-0.2857142857142857</v>
      </c>
      <c r="BI1047" s="6">
        <v>-3</v>
      </c>
      <c r="BJ1047" s="13">
        <v>-0.42857142857142855</v>
      </c>
      <c r="BK1047" s="6">
        <v>0</v>
      </c>
      <c r="BL1047" s="13">
        <v>0</v>
      </c>
      <c r="BM1047" s="11">
        <v>1</v>
      </c>
      <c r="BN1047" s="13">
        <v>0.25</v>
      </c>
      <c r="BO1047" s="11">
        <v>1</v>
      </c>
      <c r="BP1047" s="13">
        <v>0.25</v>
      </c>
      <c r="BQ1047" s="6">
        <v>7</v>
      </c>
      <c r="BR1047" s="6">
        <v>6</v>
      </c>
      <c r="BS1047" s="6">
        <v>6</v>
      </c>
      <c r="BT1047" s="6">
        <v>4</v>
      </c>
      <c r="BU1047" s="6">
        <v>4</v>
      </c>
      <c r="BV1047" s="6">
        <v>4</v>
      </c>
      <c r="BW1047" s="6">
        <v>4</v>
      </c>
      <c r="BX1047" s="6">
        <v>5</v>
      </c>
      <c r="BY1047" s="6">
        <v>4</v>
      </c>
      <c r="BZ1047" s="6">
        <v>5</v>
      </c>
      <c r="CA1047" s="6">
        <v>4</v>
      </c>
      <c r="CB1047" s="6">
        <v>5</v>
      </c>
      <c r="CC1047" s="11">
        <v>5</v>
      </c>
      <c r="CD1047" s="11">
        <v>34.648899999999998</v>
      </c>
      <c r="CE1047" s="11">
        <v>-3.0196100000000001</v>
      </c>
      <c r="CF1047" s="11">
        <v>4.0368000000000004</v>
      </c>
      <c r="CG1047" s="11">
        <v>1</v>
      </c>
      <c r="CH1047" s="20">
        <v>0.66523900000000002</v>
      </c>
      <c r="CI1047" s="20">
        <v>0.69716900000000004</v>
      </c>
      <c r="CJ1047" s="20">
        <v>0.64556999999999998</v>
      </c>
      <c r="CK1047" s="20">
        <v>0.66198299999999999</v>
      </c>
      <c r="CL1047" s="20">
        <v>0.673516</v>
      </c>
      <c r="CM1047" s="20">
        <v>0.67676599999999998</v>
      </c>
      <c r="CN1047" s="20">
        <v>0.56082399999999999</v>
      </c>
      <c r="CO1047" s="20">
        <v>0.55540500000000004</v>
      </c>
      <c r="CP1047" s="20">
        <v>0.61075599999999997</v>
      </c>
      <c r="CQ1047" s="20">
        <v>0.642926</v>
      </c>
      <c r="CR1047" s="20">
        <v>0.66677200000000003</v>
      </c>
      <c r="CS1047" s="20">
        <v>0.937496</v>
      </c>
      <c r="CT1047" s="20">
        <v>0.97547799999999996</v>
      </c>
      <c r="CU1047" s="20">
        <v>1.0344899999999999</v>
      </c>
      <c r="CV1047" s="20">
        <v>1.2211799999999999</v>
      </c>
      <c r="CW1047" s="20">
        <v>1.21851</v>
      </c>
      <c r="CX1047" s="20">
        <v>1.27328</v>
      </c>
      <c r="CY1047" s="6" t="s">
        <v>558</v>
      </c>
      <c r="CZ1047" s="6" t="s">
        <v>559</v>
      </c>
      <c r="DA1047" s="6" t="s">
        <v>97</v>
      </c>
      <c r="DB1047" s="6"/>
      <c r="DC1047" s="6"/>
      <c r="DD1047" s="6"/>
      <c r="DE1047" s="6"/>
      <c r="DF1047" s="6"/>
      <c r="DG1047" s="6"/>
      <c r="DH1047" s="6" t="s">
        <v>333</v>
      </c>
      <c r="DI1047" s="6"/>
      <c r="DJ1047" s="6"/>
      <c r="DK1047" s="6"/>
      <c r="DL1047" s="6">
        <v>10</v>
      </c>
      <c r="DM1047" s="6" t="s">
        <v>383</v>
      </c>
      <c r="DN1047" s="6">
        <v>9</v>
      </c>
      <c r="DO1047" s="6" t="s">
        <v>384</v>
      </c>
      <c r="DP1047" s="6"/>
      <c r="DQ1047" s="6"/>
    </row>
    <row r="1048" spans="1:121" x14ac:dyDescent="0.2">
      <c r="A1048" s="6" t="s">
        <v>793</v>
      </c>
      <c r="B1048" s="6" t="s">
        <v>179</v>
      </c>
      <c r="C1048" s="6" t="s">
        <v>180</v>
      </c>
      <c r="D1048" s="6" t="s">
        <v>97</v>
      </c>
      <c r="E1048" s="6" t="s">
        <v>238</v>
      </c>
      <c r="F1048" s="11">
        <v>-44</v>
      </c>
      <c r="G1048" s="13">
        <v>-0.28000000000000003</v>
      </c>
      <c r="H1048" s="11">
        <v>-51</v>
      </c>
      <c r="I1048" s="13">
        <v>-0.32278481012658228</v>
      </c>
      <c r="J1048" s="11">
        <v>-15</v>
      </c>
      <c r="K1048" s="13">
        <v>-0.14018691588785046</v>
      </c>
      <c r="L1048" s="11">
        <v>22</v>
      </c>
      <c r="M1048" s="13">
        <v>0.2391304347826087</v>
      </c>
      <c r="N1048" s="11">
        <v>7</v>
      </c>
      <c r="O1048" s="13">
        <v>6.5420560747663545E-2</v>
      </c>
      <c r="P1048" s="7">
        <v>158</v>
      </c>
      <c r="Q1048" s="7">
        <v>165</v>
      </c>
      <c r="R1048" s="7">
        <v>162</v>
      </c>
      <c r="S1048" s="7">
        <v>151</v>
      </c>
      <c r="T1048" s="7">
        <v>145</v>
      </c>
      <c r="U1048" s="7">
        <v>125</v>
      </c>
      <c r="V1048" s="7">
        <v>107</v>
      </c>
      <c r="W1048" s="7">
        <v>96</v>
      </c>
      <c r="X1048" s="7">
        <v>94</v>
      </c>
      <c r="Y1048" s="7">
        <v>92</v>
      </c>
      <c r="Z1048" s="7">
        <v>95</v>
      </c>
      <c r="AA1048" s="7">
        <v>100</v>
      </c>
      <c r="AB1048" s="7">
        <v>104</v>
      </c>
      <c r="AC1048" s="7">
        <v>105</v>
      </c>
      <c r="AD1048" s="7">
        <v>106</v>
      </c>
      <c r="AE1048" s="7">
        <v>112</v>
      </c>
      <c r="AF1048" s="7">
        <v>114</v>
      </c>
      <c r="AG1048" s="9">
        <v>5073</v>
      </c>
      <c r="AH1048" s="13">
        <v>0.28884586915674998</v>
      </c>
      <c r="AI1048" s="9">
        <v>1516</v>
      </c>
      <c r="AJ1048" s="13">
        <v>8.6317827250469742E-2</v>
      </c>
      <c r="AK1048" s="9">
        <v>-2526</v>
      </c>
      <c r="AL1048" s="13">
        <v>-0.13239687614654855</v>
      </c>
      <c r="AM1048" s="9">
        <v>6083</v>
      </c>
      <c r="AN1048" s="13">
        <v>0.367486256267746</v>
      </c>
      <c r="AO1048" s="9">
        <v>3557</v>
      </c>
      <c r="AP1048" s="13">
        <v>0.18643534776455789</v>
      </c>
      <c r="AQ1048" s="9">
        <v>17563</v>
      </c>
      <c r="AR1048" s="9">
        <v>18405</v>
      </c>
      <c r="AS1048" s="9">
        <v>18660</v>
      </c>
      <c r="AT1048" s="9">
        <v>19783</v>
      </c>
      <c r="AU1048" s="9">
        <v>19327</v>
      </c>
      <c r="AV1048" s="9">
        <v>21828</v>
      </c>
      <c r="AW1048" s="9">
        <v>19079</v>
      </c>
      <c r="AX1048" s="9">
        <v>16947</v>
      </c>
      <c r="AY1048" s="9">
        <v>17666</v>
      </c>
      <c r="AZ1048" s="9">
        <v>16553</v>
      </c>
      <c r="BA1048" s="9">
        <v>18366</v>
      </c>
      <c r="BB1048" s="9">
        <v>19987</v>
      </c>
      <c r="BC1048" s="9">
        <v>20723</v>
      </c>
      <c r="BD1048" s="9">
        <v>23013</v>
      </c>
      <c r="BE1048" s="9">
        <v>22648</v>
      </c>
      <c r="BF1048" s="9">
        <v>22636</v>
      </c>
      <c r="BG1048" s="11">
        <v>-5</v>
      </c>
      <c r="BH1048" s="13">
        <v>-0.29411764705882354</v>
      </c>
      <c r="BI1048" s="6">
        <v>0</v>
      </c>
      <c r="BJ1048" s="13">
        <v>0</v>
      </c>
      <c r="BK1048" s="6">
        <v>-4</v>
      </c>
      <c r="BL1048" s="13">
        <v>-0.23529411764705882</v>
      </c>
      <c r="BM1048" s="11">
        <v>-1</v>
      </c>
      <c r="BN1048" s="13">
        <v>-7.6923076923076927E-2</v>
      </c>
      <c r="BO1048" s="11">
        <v>-5</v>
      </c>
      <c r="BP1048" s="13">
        <v>-0.29411764705882354</v>
      </c>
      <c r="BQ1048" s="6">
        <v>17</v>
      </c>
      <c r="BR1048" s="6">
        <v>19</v>
      </c>
      <c r="BS1048" s="6">
        <v>16</v>
      </c>
      <c r="BT1048" s="6">
        <v>17</v>
      </c>
      <c r="BU1048" s="6">
        <v>15</v>
      </c>
      <c r="BV1048" s="6">
        <v>15</v>
      </c>
      <c r="BW1048" s="6">
        <v>13</v>
      </c>
      <c r="BX1048" s="6">
        <v>12</v>
      </c>
      <c r="BY1048" s="6">
        <v>12</v>
      </c>
      <c r="BZ1048" s="6">
        <v>12</v>
      </c>
      <c r="CA1048" s="6">
        <v>12</v>
      </c>
      <c r="CB1048" s="6">
        <v>12</v>
      </c>
      <c r="CC1048" s="11">
        <v>12</v>
      </c>
      <c r="CD1048" s="11">
        <v>-51</v>
      </c>
      <c r="CE1048" s="11">
        <v>-10</v>
      </c>
      <c r="CF1048" s="11">
        <v>17</v>
      </c>
      <c r="CG1048" s="11">
        <v>7</v>
      </c>
      <c r="CH1048" s="20">
        <v>1.06</v>
      </c>
      <c r="CI1048" s="20">
        <v>1.06</v>
      </c>
      <c r="CJ1048" s="20">
        <v>1.02</v>
      </c>
      <c r="CK1048" s="20">
        <v>0.88</v>
      </c>
      <c r="CL1048" s="20">
        <v>0.82</v>
      </c>
      <c r="CM1048" s="20">
        <v>0.75</v>
      </c>
      <c r="CN1048" s="20">
        <v>0.65</v>
      </c>
      <c r="CO1048" s="20">
        <v>0.59</v>
      </c>
      <c r="CP1048" s="20">
        <v>0.57999999999999996</v>
      </c>
      <c r="CQ1048" s="20">
        <v>0.57999999999999996</v>
      </c>
      <c r="CR1048" s="20">
        <v>0.6</v>
      </c>
      <c r="CS1048" s="20">
        <v>0.65</v>
      </c>
      <c r="CT1048" s="20">
        <v>0.69</v>
      </c>
      <c r="CU1048" s="20">
        <v>0.69</v>
      </c>
      <c r="CV1048" s="20">
        <v>0.7</v>
      </c>
      <c r="CW1048" s="20">
        <v>0.73</v>
      </c>
      <c r="CX1048" s="20">
        <v>0.73</v>
      </c>
      <c r="CY1048" s="6" t="s">
        <v>558</v>
      </c>
      <c r="CZ1048" s="6" t="s">
        <v>559</v>
      </c>
      <c r="DA1048" s="6" t="s">
        <v>97</v>
      </c>
      <c r="DB1048" s="6"/>
      <c r="DC1048" s="6"/>
      <c r="DD1048" s="6"/>
      <c r="DE1048" s="6"/>
      <c r="DF1048" s="6"/>
      <c r="DG1048" s="6"/>
      <c r="DH1048" s="6" t="s">
        <v>333</v>
      </c>
      <c r="DI1048" s="6"/>
      <c r="DJ1048" s="6"/>
      <c r="DK1048" s="6"/>
      <c r="DL1048" s="6">
        <v>10</v>
      </c>
      <c r="DM1048" s="6" t="s">
        <v>383</v>
      </c>
      <c r="DN1048" s="6">
        <v>9</v>
      </c>
      <c r="DO1048" s="6" t="s">
        <v>384</v>
      </c>
      <c r="DP1048" s="6"/>
      <c r="DQ1048" s="6"/>
    </row>
    <row r="1049" spans="1:121" x14ac:dyDescent="0.2">
      <c r="A1049" s="6" t="s">
        <v>794</v>
      </c>
      <c r="B1049" s="6" t="s">
        <v>181</v>
      </c>
      <c r="C1049" s="6" t="s">
        <v>182</v>
      </c>
      <c r="D1049" s="6" t="s">
        <v>97</v>
      </c>
      <c r="E1049" s="6" t="s">
        <v>238</v>
      </c>
      <c r="F1049" s="11">
        <v>-6</v>
      </c>
      <c r="G1049" s="13">
        <v>-0.15</v>
      </c>
      <c r="H1049" s="11">
        <v>4.6073057203999994</v>
      </c>
      <c r="I1049" s="13">
        <v>0.11621067586520104</v>
      </c>
      <c r="J1049" s="11">
        <v>5.1712694854999981</v>
      </c>
      <c r="K1049" s="13">
        <v>0.11685572502293344</v>
      </c>
      <c r="L1049" s="11">
        <v>-15.426595423799995</v>
      </c>
      <c r="M1049" s="13">
        <v>-0.31212304786457812</v>
      </c>
      <c r="N1049" s="11">
        <v>-10.255325938299997</v>
      </c>
      <c r="O1049" s="13">
        <v>-0.23174068789622773</v>
      </c>
      <c r="P1049" s="7">
        <v>39.646148566800001</v>
      </c>
      <c r="Q1049" s="7">
        <v>39.825617274099997</v>
      </c>
      <c r="R1049" s="7">
        <v>36.0838809105</v>
      </c>
      <c r="S1049" s="7">
        <v>33.105226372600001</v>
      </c>
      <c r="T1049" s="7">
        <v>30.026103528699998</v>
      </c>
      <c r="U1049" s="7">
        <v>34.043079992999999</v>
      </c>
      <c r="V1049" s="7">
        <v>44.2534542872</v>
      </c>
      <c r="W1049" s="7">
        <v>45.732595225700003</v>
      </c>
      <c r="X1049" s="7">
        <v>47.718680007899998</v>
      </c>
      <c r="Y1049" s="7">
        <v>49.424723772699998</v>
      </c>
      <c r="Z1049" s="7">
        <v>46.472158336299998</v>
      </c>
      <c r="AA1049" s="7">
        <v>45.449768278599997</v>
      </c>
      <c r="AB1049" s="7">
        <v>40.681841788500002</v>
      </c>
      <c r="AC1049" s="7">
        <v>41.685406087700002</v>
      </c>
      <c r="AD1049" s="7">
        <v>36.840370067199999</v>
      </c>
      <c r="AE1049" s="7">
        <v>34.405316938600002</v>
      </c>
      <c r="AF1049" s="7">
        <v>33.998128348900003</v>
      </c>
      <c r="AG1049" s="9">
        <v>21608.032555500002</v>
      </c>
      <c r="AH1049" s="13">
        <v>0.62918628811488664</v>
      </c>
      <c r="AI1049" s="9">
        <v>7783.5429680000016</v>
      </c>
      <c r="AJ1049" s="13">
        <v>0.22664249953529964</v>
      </c>
      <c r="AK1049" s="9">
        <v>2827.5668207999988</v>
      </c>
      <c r="AL1049" s="13">
        <v>6.7121073420500721E-2</v>
      </c>
      <c r="AM1049" s="9">
        <v>10996.922766700001</v>
      </c>
      <c r="AN1049" s="13">
        <v>0.24462649615614893</v>
      </c>
      <c r="AO1049" s="9">
        <v>13824.4895875</v>
      </c>
      <c r="AP1049" s="13">
        <v>0.32816716258574635</v>
      </c>
      <c r="AQ1049" s="9">
        <v>34342.821774199998</v>
      </c>
      <c r="AR1049" s="9">
        <v>34118.920570299997</v>
      </c>
      <c r="AS1049" s="9">
        <v>38240.0879651</v>
      </c>
      <c r="AT1049" s="9">
        <v>38519.661808600002</v>
      </c>
      <c r="AU1049" s="9">
        <v>39304.570123500002</v>
      </c>
      <c r="AV1049" s="9">
        <v>43720.672370799999</v>
      </c>
      <c r="AW1049" s="9">
        <v>42126.364742199999</v>
      </c>
      <c r="AX1049" s="9">
        <v>45160.910049700004</v>
      </c>
      <c r="AY1049" s="9">
        <v>43326.394077899997</v>
      </c>
      <c r="AZ1049" s="9">
        <v>44953.931562999998</v>
      </c>
      <c r="BA1049" s="9">
        <v>49502.2273738</v>
      </c>
      <c r="BB1049" s="9">
        <v>54522.812493099998</v>
      </c>
      <c r="BC1049" s="9">
        <v>52282.859801699997</v>
      </c>
      <c r="BD1049" s="9">
        <v>52848.735370299997</v>
      </c>
      <c r="BE1049" s="9">
        <v>55113.7831085</v>
      </c>
      <c r="BF1049" s="9">
        <v>55950.8543297</v>
      </c>
      <c r="BG1049" s="11">
        <v>-1.75</v>
      </c>
      <c r="BH1049" s="13">
        <v>-0.25</v>
      </c>
      <c r="BI1049" s="6">
        <v>4</v>
      </c>
      <c r="BJ1049" s="13">
        <v>0.5714285714285714</v>
      </c>
      <c r="BK1049" s="6">
        <v>-2</v>
      </c>
      <c r="BL1049" s="13">
        <v>-0.18181818181818182</v>
      </c>
      <c r="BM1049" s="11">
        <v>-3.75</v>
      </c>
      <c r="BN1049" s="13">
        <v>-0.41666666666666669</v>
      </c>
      <c r="BO1049" s="11">
        <v>-5.75</v>
      </c>
      <c r="BP1049" s="13">
        <v>-0.52272727272727271</v>
      </c>
      <c r="BQ1049" s="6">
        <v>7</v>
      </c>
      <c r="BR1049" s="6">
        <v>7</v>
      </c>
      <c r="BS1049" s="6">
        <v>9</v>
      </c>
      <c r="BT1049" s="6">
        <v>11</v>
      </c>
      <c r="BU1049" s="6">
        <v>10</v>
      </c>
      <c r="BV1049" s="6">
        <v>9</v>
      </c>
      <c r="BW1049" s="6">
        <v>9</v>
      </c>
      <c r="BX1049" s="6">
        <v>9</v>
      </c>
      <c r="BY1049" s="6">
        <v>8</v>
      </c>
      <c r="BZ1049" s="6">
        <v>8</v>
      </c>
      <c r="CA1049" s="6">
        <v>8</v>
      </c>
      <c r="CB1049" s="6">
        <v>7</v>
      </c>
      <c r="CC1049" s="11">
        <v>5.25</v>
      </c>
      <c r="CD1049" s="11">
        <v>-12.480700000000001</v>
      </c>
      <c r="CE1049" s="11">
        <v>2.49891</v>
      </c>
      <c r="CF1049" s="11">
        <v>4.3338000000000001</v>
      </c>
      <c r="CG1049" s="11">
        <v>6</v>
      </c>
      <c r="CH1049" s="20">
        <v>0.90219700000000003</v>
      </c>
      <c r="CI1049" s="20">
        <v>0.88945300000000005</v>
      </c>
      <c r="CJ1049" s="20">
        <v>0.789682</v>
      </c>
      <c r="CK1049" s="20">
        <v>0.65784100000000001</v>
      </c>
      <c r="CL1049" s="20">
        <v>0.57295200000000002</v>
      </c>
      <c r="CM1049" s="20">
        <v>0.67582100000000001</v>
      </c>
      <c r="CN1049" s="20">
        <v>0.87978400000000001</v>
      </c>
      <c r="CO1049" s="20">
        <v>0.91786299999999998</v>
      </c>
      <c r="CP1049" s="20">
        <v>0.96955400000000003</v>
      </c>
      <c r="CQ1049" s="20">
        <v>1.03738</v>
      </c>
      <c r="CR1049" s="20">
        <v>0.97115499999999999</v>
      </c>
      <c r="CS1049" s="20">
        <v>0.96484499999999995</v>
      </c>
      <c r="CT1049" s="20">
        <v>0.86380000000000001</v>
      </c>
      <c r="CU1049" s="20">
        <v>0.86704400000000004</v>
      </c>
      <c r="CV1049" s="20">
        <v>0.75098799999999999</v>
      </c>
      <c r="CW1049" s="20">
        <v>0.68386599999999997</v>
      </c>
      <c r="CX1049" s="20">
        <v>0.66024899999999997</v>
      </c>
      <c r="CY1049" s="6" t="s">
        <v>558</v>
      </c>
      <c r="CZ1049" s="6" t="s">
        <v>559</v>
      </c>
      <c r="DA1049" s="6" t="s">
        <v>97</v>
      </c>
      <c r="DB1049" s="6"/>
      <c r="DC1049" s="6"/>
      <c r="DD1049" s="6"/>
      <c r="DE1049" s="6"/>
      <c r="DF1049" s="6"/>
      <c r="DG1049" s="6"/>
      <c r="DH1049" s="6" t="s">
        <v>333</v>
      </c>
      <c r="DI1049" s="6"/>
      <c r="DJ1049" s="6"/>
      <c r="DK1049" s="6"/>
      <c r="DL1049" s="6">
        <v>10</v>
      </c>
      <c r="DM1049" s="6" t="s">
        <v>383</v>
      </c>
      <c r="DN1049" s="6">
        <v>9</v>
      </c>
      <c r="DO1049" s="6" t="s">
        <v>384</v>
      </c>
      <c r="DP1049" s="6"/>
      <c r="DQ1049" s="6"/>
    </row>
    <row r="1050" spans="1:121" x14ac:dyDescent="0.2">
      <c r="A1050" s="6" t="s">
        <v>314</v>
      </c>
      <c r="B1050" s="6" t="s">
        <v>314</v>
      </c>
      <c r="C1050" s="6" t="s">
        <v>183</v>
      </c>
      <c r="D1050" s="6" t="s">
        <v>97</v>
      </c>
      <c r="E1050" s="6" t="s">
        <v>238</v>
      </c>
      <c r="F1050" s="11">
        <v>1</v>
      </c>
      <c r="G1050" s="13">
        <v>1</v>
      </c>
      <c r="H1050" s="11">
        <v>31.936316140199999</v>
      </c>
      <c r="I1050" s="13">
        <v>6.3872632280400001</v>
      </c>
      <c r="J1050" s="11">
        <v>-1.4845689742000019</v>
      </c>
      <c r="K1050" s="13">
        <v>-4.0192664817059458E-2</v>
      </c>
      <c r="L1050" s="11">
        <v>-2.4738157600999955</v>
      </c>
      <c r="M1050" s="13">
        <v>-6.9779798115916516E-2</v>
      </c>
      <c r="N1050" s="11">
        <v>-3.9583847342999974</v>
      </c>
      <c r="O1050" s="13">
        <v>-0.10716782689630087</v>
      </c>
      <c r="P1050" s="7">
        <v>5</v>
      </c>
      <c r="Q1050" s="7">
        <v>24.721138252599999</v>
      </c>
      <c r="R1050" s="7">
        <v>27.443499216500001</v>
      </c>
      <c r="S1050" s="7">
        <v>37.097991144200002</v>
      </c>
      <c r="T1050" s="7">
        <v>38.0301076983</v>
      </c>
      <c r="U1050" s="7">
        <v>39.121550109700003</v>
      </c>
      <c r="V1050" s="7">
        <v>36.936316140199999</v>
      </c>
      <c r="W1050" s="7">
        <v>38.1169247248</v>
      </c>
      <c r="X1050" s="7">
        <v>37.333933497899999</v>
      </c>
      <c r="Y1050" s="7">
        <v>35.451747165999997</v>
      </c>
      <c r="Z1050" s="7">
        <v>35.876064833599997</v>
      </c>
      <c r="AA1050" s="7">
        <v>31.142399999999999</v>
      </c>
      <c r="AB1050" s="7">
        <v>30.237971000000002</v>
      </c>
      <c r="AC1050" s="7">
        <v>31.074925</v>
      </c>
      <c r="AD1050" s="7">
        <v>29.881</v>
      </c>
      <c r="AE1050" s="7">
        <v>32.619778500000002</v>
      </c>
      <c r="AF1050" s="7">
        <v>32.977931405900001</v>
      </c>
      <c r="AG1050" s="9">
        <v>71436.075056300004</v>
      </c>
      <c r="AH1050" s="13">
        <v>71436.075056300004</v>
      </c>
      <c r="AI1050" s="9">
        <v>59604.649843500003</v>
      </c>
      <c r="AJ1050" s="13">
        <v>59604.649843500003</v>
      </c>
      <c r="AK1050" s="9">
        <v>2522.3610480999996</v>
      </c>
      <c r="AL1050" s="13">
        <v>4.2317482566211179E-2</v>
      </c>
      <c r="AM1050" s="9">
        <v>9309.0641647000011</v>
      </c>
      <c r="AN1050" s="13">
        <v>0.14983682933197898</v>
      </c>
      <c r="AO1050" s="9">
        <v>11831.425212800001</v>
      </c>
      <c r="AP1050" s="13">
        <v>0.19849502931122256</v>
      </c>
      <c r="AQ1050" s="9">
        <v>1</v>
      </c>
      <c r="AR1050" s="9">
        <v>44670.636751700004</v>
      </c>
      <c r="AS1050" s="9">
        <v>31577.520526299999</v>
      </c>
      <c r="AT1050" s="9">
        <v>51364.511138499998</v>
      </c>
      <c r="AU1050" s="9">
        <v>51279.671884099997</v>
      </c>
      <c r="AV1050" s="9">
        <v>53136.651755699997</v>
      </c>
      <c r="AW1050" s="9">
        <v>59605.649843500003</v>
      </c>
      <c r="AX1050" s="9">
        <v>58533.659780200003</v>
      </c>
      <c r="AY1050" s="9">
        <v>62732.0896373</v>
      </c>
      <c r="AZ1050" s="9">
        <v>62128.010891600003</v>
      </c>
      <c r="BA1050" s="9">
        <v>68541.538738999996</v>
      </c>
      <c r="BB1050" s="9">
        <v>76198.163500299997</v>
      </c>
      <c r="BC1050" s="9">
        <v>72624.956779900007</v>
      </c>
      <c r="BD1050" s="9">
        <v>74425.756224800003</v>
      </c>
      <c r="BE1050" s="9">
        <v>64177.682415199997</v>
      </c>
      <c r="BF1050" s="9">
        <v>71437.075056300004</v>
      </c>
      <c r="BG1050" s="11">
        <v>0</v>
      </c>
      <c r="BH1050" s="13">
        <v>0</v>
      </c>
      <c r="BI1050" s="6">
        <v>0</v>
      </c>
      <c r="BJ1050" s="13">
        <v>0</v>
      </c>
      <c r="BK1050" s="6">
        <v>0</v>
      </c>
      <c r="BL1050" s="13">
        <v>0</v>
      </c>
      <c r="BM1050" s="11">
        <v>0</v>
      </c>
      <c r="BN1050" s="13">
        <v>0</v>
      </c>
      <c r="BO1050" s="11">
        <v>0</v>
      </c>
      <c r="BP1050" s="13">
        <v>0</v>
      </c>
      <c r="BQ1050" s="6">
        <v>3</v>
      </c>
      <c r="BR1050" s="6">
        <v>3</v>
      </c>
      <c r="BS1050" s="6">
        <v>3</v>
      </c>
      <c r="BT1050" s="6">
        <v>3</v>
      </c>
      <c r="BU1050" s="6">
        <v>3</v>
      </c>
      <c r="BV1050" s="6">
        <v>3</v>
      </c>
      <c r="BW1050" s="6">
        <v>3</v>
      </c>
      <c r="BX1050" s="6">
        <v>3</v>
      </c>
      <c r="BY1050" s="6">
        <v>3</v>
      </c>
      <c r="BZ1050" s="6">
        <v>3</v>
      </c>
      <c r="CA1050" s="6">
        <v>3</v>
      </c>
      <c r="CB1050" s="6">
        <v>3</v>
      </c>
      <c r="CC1050" s="11">
        <v>3</v>
      </c>
      <c r="CD1050" s="11">
        <v>30.04</v>
      </c>
      <c r="CE1050" s="11">
        <v>-1.12059</v>
      </c>
      <c r="CF1050" s="11">
        <v>0.39992800000000001</v>
      </c>
      <c r="CG1050" s="11">
        <v>-1</v>
      </c>
      <c r="CH1050" s="20">
        <v>0.105724</v>
      </c>
      <c r="CI1050" s="20">
        <v>0.72089300000000001</v>
      </c>
      <c r="CJ1050" s="20">
        <v>0.818824</v>
      </c>
      <c r="CK1050" s="20">
        <v>1.04756</v>
      </c>
      <c r="CL1050" s="20">
        <v>1.0703199999999999</v>
      </c>
      <c r="CM1050" s="20">
        <v>1.17961</v>
      </c>
      <c r="CN1050" s="20">
        <v>1.1408700000000001</v>
      </c>
      <c r="CO1050" s="20">
        <v>1.1989000000000001</v>
      </c>
      <c r="CP1050" s="20">
        <v>1.1831400000000001</v>
      </c>
      <c r="CQ1050" s="20">
        <v>1.1904699999999999</v>
      </c>
      <c r="CR1050" s="20">
        <v>1.2441</v>
      </c>
      <c r="CS1050" s="20">
        <v>1.1192200000000001</v>
      </c>
      <c r="CT1050" s="20">
        <v>1.09822</v>
      </c>
      <c r="CU1050" s="20">
        <v>1.12931</v>
      </c>
      <c r="CV1050" s="20">
        <v>1.10314</v>
      </c>
      <c r="CW1050" s="20">
        <v>1.18702</v>
      </c>
      <c r="CX1050" s="20">
        <v>1.1873100000000001</v>
      </c>
      <c r="CY1050" s="6" t="s">
        <v>558</v>
      </c>
      <c r="CZ1050" s="6" t="s">
        <v>559</v>
      </c>
      <c r="DA1050" s="6" t="s">
        <v>97</v>
      </c>
      <c r="DB1050" s="6"/>
      <c r="DC1050" s="6"/>
      <c r="DD1050" s="6"/>
      <c r="DE1050" s="6"/>
      <c r="DF1050" s="6"/>
      <c r="DG1050" s="6"/>
      <c r="DH1050" s="6" t="s">
        <v>333</v>
      </c>
      <c r="DI1050" s="6"/>
      <c r="DJ1050" s="6"/>
      <c r="DK1050" s="6"/>
      <c r="DL1050" s="6">
        <v>10</v>
      </c>
      <c r="DM1050" s="6" t="s">
        <v>383</v>
      </c>
      <c r="DN1050" s="6">
        <v>9</v>
      </c>
      <c r="DO1050" s="6" t="s">
        <v>384</v>
      </c>
      <c r="DP1050" s="6"/>
      <c r="DQ1050" s="6"/>
    </row>
    <row r="1051" spans="1:121" x14ac:dyDescent="0.2">
      <c r="A1051" s="6" t="s">
        <v>315</v>
      </c>
      <c r="B1051" s="6" t="s">
        <v>315</v>
      </c>
      <c r="C1051" s="6" t="s">
        <v>184</v>
      </c>
      <c r="D1051" s="6" t="s">
        <v>97</v>
      </c>
      <c r="E1051" s="6" t="s">
        <v>238</v>
      </c>
      <c r="F1051" s="11">
        <v>0</v>
      </c>
      <c r="G1051" s="13">
        <v>0</v>
      </c>
      <c r="H1051" s="11">
        <v>11</v>
      </c>
      <c r="I1051" s="13">
        <v>0.20370370370370369</v>
      </c>
      <c r="J1051" s="11">
        <v>-4</v>
      </c>
      <c r="K1051" s="13">
        <v>-6.1538461538461542E-2</v>
      </c>
      <c r="L1051" s="11">
        <v>-7</v>
      </c>
      <c r="M1051" s="13">
        <v>-0.11475409836065574</v>
      </c>
      <c r="N1051" s="11">
        <v>-11</v>
      </c>
      <c r="O1051" s="13">
        <v>-0.16923076923076924</v>
      </c>
      <c r="P1051" s="7">
        <v>54</v>
      </c>
      <c r="Q1051" s="7">
        <v>61</v>
      </c>
      <c r="R1051" s="7">
        <v>60</v>
      </c>
      <c r="S1051" s="7">
        <v>64</v>
      </c>
      <c r="T1051" s="7">
        <v>61</v>
      </c>
      <c r="U1051" s="7">
        <v>64</v>
      </c>
      <c r="V1051" s="7">
        <v>65</v>
      </c>
      <c r="W1051" s="7">
        <v>59</v>
      </c>
      <c r="X1051" s="7">
        <v>62</v>
      </c>
      <c r="Y1051" s="7">
        <v>61</v>
      </c>
      <c r="Z1051" s="7">
        <v>63</v>
      </c>
      <c r="AA1051" s="7">
        <v>60</v>
      </c>
      <c r="AB1051" s="7">
        <v>61</v>
      </c>
      <c r="AC1051" s="7">
        <v>57</v>
      </c>
      <c r="AD1051" s="7">
        <v>54</v>
      </c>
      <c r="AE1051" s="7">
        <v>55</v>
      </c>
      <c r="AF1051" s="7">
        <v>54</v>
      </c>
      <c r="AG1051" s="9">
        <v>19309</v>
      </c>
      <c r="AH1051" s="13">
        <v>0.64094137953926844</v>
      </c>
      <c r="AI1051" s="9">
        <v>7458</v>
      </c>
      <c r="AJ1051" s="13">
        <v>0.24756024696275639</v>
      </c>
      <c r="AK1051" s="9">
        <v>3652</v>
      </c>
      <c r="AL1051" s="13">
        <v>9.7169008088548323E-2</v>
      </c>
      <c r="AM1051" s="9">
        <v>8199</v>
      </c>
      <c r="AN1051" s="13">
        <v>0.19883111844019788</v>
      </c>
      <c r="AO1051" s="9">
        <v>11851</v>
      </c>
      <c r="AP1051" s="13">
        <v>0.3153203490847169</v>
      </c>
      <c r="AQ1051" s="9">
        <v>30126</v>
      </c>
      <c r="AR1051" s="9">
        <v>33081</v>
      </c>
      <c r="AS1051" s="9">
        <v>33635</v>
      </c>
      <c r="AT1051" s="9">
        <v>34350</v>
      </c>
      <c r="AU1051" s="9">
        <v>36359</v>
      </c>
      <c r="AV1051" s="9">
        <v>41363</v>
      </c>
      <c r="AW1051" s="9">
        <v>37584</v>
      </c>
      <c r="AX1051" s="9">
        <v>37996</v>
      </c>
      <c r="AY1051" s="9">
        <v>38660</v>
      </c>
      <c r="AZ1051" s="9">
        <v>41236</v>
      </c>
      <c r="BA1051" s="9">
        <v>38488</v>
      </c>
      <c r="BB1051" s="9">
        <v>42395</v>
      </c>
      <c r="BC1051" s="9">
        <v>46105</v>
      </c>
      <c r="BD1051" s="9">
        <v>47146</v>
      </c>
      <c r="BE1051" s="9">
        <v>52619</v>
      </c>
      <c r="BF1051" s="9">
        <v>49435</v>
      </c>
      <c r="BG1051" s="11">
        <v>-3</v>
      </c>
      <c r="BH1051" s="13">
        <v>-0.375</v>
      </c>
      <c r="BI1051" s="6">
        <v>0</v>
      </c>
      <c r="BJ1051" s="13">
        <v>0</v>
      </c>
      <c r="BK1051" s="6">
        <v>-2</v>
      </c>
      <c r="BL1051" s="13">
        <v>-0.25</v>
      </c>
      <c r="BM1051" s="11">
        <v>-1</v>
      </c>
      <c r="BN1051" s="13">
        <v>-0.16666666666666666</v>
      </c>
      <c r="BO1051" s="11">
        <v>-3</v>
      </c>
      <c r="BP1051" s="13">
        <v>-0.375</v>
      </c>
      <c r="BQ1051" s="6">
        <v>8</v>
      </c>
      <c r="BR1051" s="6">
        <v>8</v>
      </c>
      <c r="BS1051" s="6">
        <v>8</v>
      </c>
      <c r="BT1051" s="6">
        <v>8</v>
      </c>
      <c r="BU1051" s="6">
        <v>8</v>
      </c>
      <c r="BV1051" s="6">
        <v>6</v>
      </c>
      <c r="BW1051" s="6">
        <v>6</v>
      </c>
      <c r="BX1051" s="6">
        <v>5</v>
      </c>
      <c r="BY1051" s="6">
        <v>5</v>
      </c>
      <c r="BZ1051" s="6">
        <v>6</v>
      </c>
      <c r="CA1051" s="6">
        <v>6</v>
      </c>
      <c r="CB1051" s="6">
        <v>5</v>
      </c>
      <c r="CC1051" s="11">
        <v>5</v>
      </c>
      <c r="CD1051" s="11">
        <v>-2</v>
      </c>
      <c r="CE1051" s="11">
        <v>-4</v>
      </c>
      <c r="CF1051" s="11">
        <v>6</v>
      </c>
      <c r="CG1051" s="11">
        <v>2</v>
      </c>
      <c r="CH1051" s="20">
        <v>0.96</v>
      </c>
      <c r="CI1051" s="20">
        <v>1.04</v>
      </c>
      <c r="CJ1051" s="20">
        <v>0.97</v>
      </c>
      <c r="CK1051" s="20">
        <v>0.96</v>
      </c>
      <c r="CL1051" s="20">
        <v>0.87</v>
      </c>
      <c r="CM1051" s="20">
        <v>0.97</v>
      </c>
      <c r="CN1051" s="20">
        <v>1</v>
      </c>
      <c r="CO1051" s="20">
        <v>0.93</v>
      </c>
      <c r="CP1051" s="20">
        <v>0.97</v>
      </c>
      <c r="CQ1051" s="20">
        <v>1</v>
      </c>
      <c r="CR1051" s="20">
        <v>1.05</v>
      </c>
      <c r="CS1051" s="20">
        <v>1.03</v>
      </c>
      <c r="CT1051" s="20">
        <v>1.05</v>
      </c>
      <c r="CU1051" s="20">
        <v>0.99</v>
      </c>
      <c r="CV1051" s="20">
        <v>0.96</v>
      </c>
      <c r="CW1051" s="20">
        <v>0.96</v>
      </c>
      <c r="CX1051" s="20">
        <v>0.93</v>
      </c>
      <c r="CY1051" s="6" t="s">
        <v>558</v>
      </c>
      <c r="CZ1051" s="6" t="s">
        <v>559</v>
      </c>
      <c r="DA1051" s="6" t="s">
        <v>97</v>
      </c>
      <c r="DB1051" s="6"/>
      <c r="DC1051" s="6"/>
      <c r="DD1051" s="6"/>
      <c r="DE1051" s="6"/>
      <c r="DF1051" s="6"/>
      <c r="DG1051" s="6"/>
      <c r="DH1051" s="6" t="s">
        <v>333</v>
      </c>
      <c r="DI1051" s="6"/>
      <c r="DJ1051" s="6"/>
      <c r="DK1051" s="6"/>
      <c r="DL1051" s="6">
        <v>10</v>
      </c>
      <c r="DM1051" s="6" t="s">
        <v>383</v>
      </c>
      <c r="DN1051" s="6">
        <v>9</v>
      </c>
      <c r="DO1051" s="6" t="s">
        <v>384</v>
      </c>
      <c r="DP1051" s="6"/>
      <c r="DQ1051" s="6"/>
    </row>
    <row r="1052" spans="1:121" x14ac:dyDescent="0.2">
      <c r="A1052" s="6" t="s">
        <v>316</v>
      </c>
      <c r="B1052" s="6" t="s">
        <v>316</v>
      </c>
      <c r="C1052" s="6" t="s">
        <v>185</v>
      </c>
      <c r="D1052" s="6" t="s">
        <v>97</v>
      </c>
      <c r="E1052" s="6" t="s">
        <v>238</v>
      </c>
      <c r="F1052" s="11">
        <v>1</v>
      </c>
      <c r="G1052" s="13">
        <v>1</v>
      </c>
      <c r="H1052" s="11">
        <v>-30</v>
      </c>
      <c r="I1052" s="13">
        <v>-0.8571428571428571</v>
      </c>
      <c r="J1052" s="11">
        <v>0</v>
      </c>
      <c r="K1052" s="13">
        <v>0</v>
      </c>
      <c r="L1052" s="11">
        <v>0</v>
      </c>
      <c r="M1052" s="13">
        <v>0</v>
      </c>
      <c r="N1052" s="11">
        <v>0</v>
      </c>
      <c r="O1052" s="13">
        <v>0</v>
      </c>
      <c r="P1052" s="7">
        <v>35</v>
      </c>
      <c r="Q1052" s="7">
        <v>5</v>
      </c>
      <c r="R1052" s="7">
        <v>5</v>
      </c>
      <c r="S1052" s="7">
        <v>5</v>
      </c>
      <c r="T1052" s="7">
        <v>5</v>
      </c>
      <c r="U1052" s="7">
        <v>5</v>
      </c>
      <c r="V1052" s="7">
        <v>5</v>
      </c>
      <c r="W1052" s="7">
        <v>5</v>
      </c>
      <c r="X1052" s="7">
        <v>5</v>
      </c>
      <c r="Y1052" s="7">
        <v>5</v>
      </c>
      <c r="Z1052" s="7">
        <v>5</v>
      </c>
      <c r="AA1052" s="7">
        <v>5</v>
      </c>
      <c r="AB1052" s="7">
        <v>5</v>
      </c>
      <c r="AC1052" s="7">
        <v>5</v>
      </c>
      <c r="AD1052" s="7">
        <v>5</v>
      </c>
      <c r="AE1052" s="7">
        <v>5</v>
      </c>
      <c r="AF1052" s="7">
        <v>5</v>
      </c>
      <c r="AG1052" s="9">
        <v>-34361</v>
      </c>
      <c r="AH1052" s="13">
        <v>-0.99997089808509387</v>
      </c>
      <c r="AI1052" s="9">
        <v>-34361</v>
      </c>
      <c r="AJ1052" s="13">
        <v>-0.99997089808509387</v>
      </c>
      <c r="AK1052" s="9">
        <v>0</v>
      </c>
      <c r="AL1052" s="13">
        <v>0</v>
      </c>
      <c r="AM1052" s="9">
        <v>0</v>
      </c>
      <c r="AN1052" s="13">
        <v>0</v>
      </c>
      <c r="AO1052" s="9">
        <v>0</v>
      </c>
      <c r="AP1052" s="13">
        <v>0</v>
      </c>
      <c r="AQ1052" s="9">
        <v>34362</v>
      </c>
      <c r="AR1052" s="9">
        <v>1</v>
      </c>
      <c r="AS1052" s="9">
        <v>1</v>
      </c>
      <c r="AT1052" s="9">
        <v>1</v>
      </c>
      <c r="AU1052" s="9">
        <v>1</v>
      </c>
      <c r="AV1052" s="9">
        <v>1</v>
      </c>
      <c r="AW1052" s="9">
        <v>1</v>
      </c>
      <c r="AX1052" s="9">
        <v>1</v>
      </c>
      <c r="AY1052" s="9">
        <v>1</v>
      </c>
      <c r="AZ1052" s="9">
        <v>1</v>
      </c>
      <c r="BA1052" s="9">
        <v>1</v>
      </c>
      <c r="BB1052" s="9">
        <v>1</v>
      </c>
      <c r="BC1052" s="9">
        <v>1</v>
      </c>
      <c r="BD1052" s="9">
        <v>1</v>
      </c>
      <c r="BE1052" s="9">
        <v>1</v>
      </c>
      <c r="BF1052" s="9">
        <v>1</v>
      </c>
      <c r="BG1052" s="11">
        <v>-1</v>
      </c>
      <c r="BH1052" s="13">
        <v>-1</v>
      </c>
      <c r="BI1052" s="6">
        <v>-1</v>
      </c>
      <c r="BJ1052" s="13">
        <v>-1</v>
      </c>
      <c r="BK1052" s="6">
        <v>0</v>
      </c>
      <c r="BL1052" s="13" t="e">
        <v>#DIV/0!</v>
      </c>
      <c r="BM1052" s="11">
        <v>0</v>
      </c>
      <c r="BN1052" s="13" t="e">
        <v>#DIV/0!</v>
      </c>
      <c r="BO1052" s="11">
        <v>0</v>
      </c>
      <c r="BP1052" s="13" t="e">
        <v>#DIV/0!</v>
      </c>
      <c r="BQ1052" s="6">
        <v>1</v>
      </c>
      <c r="BR1052" s="6">
        <v>1</v>
      </c>
      <c r="BS1052" s="6">
        <v>0</v>
      </c>
      <c r="BT1052" s="6">
        <v>0</v>
      </c>
      <c r="BU1052" s="6">
        <v>1</v>
      </c>
      <c r="BV1052" s="6">
        <v>1</v>
      </c>
      <c r="BW1052" s="6">
        <v>0</v>
      </c>
      <c r="BX1052" s="6">
        <v>0</v>
      </c>
      <c r="BY1052" s="6">
        <v>0</v>
      </c>
      <c r="BZ1052" s="6">
        <v>0</v>
      </c>
      <c r="CA1052" s="6">
        <v>0</v>
      </c>
      <c r="CB1052" s="6">
        <v>0</v>
      </c>
      <c r="CC1052" s="11">
        <v>0</v>
      </c>
      <c r="CD1052" s="11">
        <v>-37</v>
      </c>
      <c r="CE1052" s="11">
        <v>-2</v>
      </c>
      <c r="CF1052" s="11">
        <v>4</v>
      </c>
      <c r="CG1052" s="11">
        <v>2</v>
      </c>
      <c r="CH1052" s="20">
        <v>1.53</v>
      </c>
      <c r="CI1052" s="20">
        <v>0.13</v>
      </c>
      <c r="CJ1052" s="20">
        <v>0.23</v>
      </c>
      <c r="CK1052" s="20">
        <v>0.11</v>
      </c>
      <c r="CL1052" s="20">
        <v>0.1</v>
      </c>
      <c r="CM1052" s="20">
        <v>0.04</v>
      </c>
      <c r="CN1052" s="20">
        <v>0.06</v>
      </c>
      <c r="CO1052" s="20">
        <v>0.17</v>
      </c>
      <c r="CP1052" s="20">
        <v>0.09</v>
      </c>
      <c r="CQ1052" s="20">
        <v>7.0000000000000007E-2</v>
      </c>
      <c r="CR1052" s="20">
        <v>0.06</v>
      </c>
      <c r="CS1052" s="20">
        <v>0.04</v>
      </c>
      <c r="CT1052" s="20">
        <v>0.04</v>
      </c>
      <c r="CU1052" s="20">
        <v>0.04</v>
      </c>
      <c r="CV1052" s="20">
        <v>0.04</v>
      </c>
      <c r="CW1052" s="20">
        <v>0.04</v>
      </c>
      <c r="CX1052" s="20">
        <v>0.04</v>
      </c>
      <c r="CY1052" s="6" t="s">
        <v>558</v>
      </c>
      <c r="CZ1052" s="6" t="s">
        <v>559</v>
      </c>
      <c r="DA1052" s="6" t="s">
        <v>97</v>
      </c>
      <c r="DB1052" s="6"/>
      <c r="DC1052" s="6"/>
      <c r="DD1052" s="6"/>
      <c r="DE1052" s="6"/>
      <c r="DF1052" s="6"/>
      <c r="DG1052" s="6"/>
      <c r="DH1052" s="6" t="s">
        <v>333</v>
      </c>
      <c r="DI1052" s="6"/>
      <c r="DJ1052" s="6"/>
      <c r="DK1052" s="6"/>
      <c r="DL1052" s="6">
        <v>10</v>
      </c>
      <c r="DM1052" s="6" t="s">
        <v>383</v>
      </c>
      <c r="DN1052" s="6">
        <v>9</v>
      </c>
      <c r="DO1052" s="6" t="s">
        <v>384</v>
      </c>
      <c r="DP1052" s="6"/>
      <c r="DQ1052" s="6"/>
    </row>
    <row r="1053" spans="1:121" x14ac:dyDescent="0.2">
      <c r="A1053" s="6" t="s">
        <v>317</v>
      </c>
      <c r="B1053" s="6" t="s">
        <v>317</v>
      </c>
      <c r="C1053" s="6" t="s">
        <v>186</v>
      </c>
      <c r="D1053" s="6" t="s">
        <v>97</v>
      </c>
      <c r="E1053" s="6" t="s">
        <v>238</v>
      </c>
      <c r="F1053" s="11">
        <v>16</v>
      </c>
      <c r="G1053" s="13">
        <v>0.76</v>
      </c>
      <c r="H1053" s="11">
        <v>13</v>
      </c>
      <c r="I1053" s="13">
        <v>0.61904761904761907</v>
      </c>
      <c r="J1053" s="11">
        <v>-7</v>
      </c>
      <c r="K1053" s="13">
        <v>-0.20588235294117649</v>
      </c>
      <c r="L1053" s="11">
        <v>10</v>
      </c>
      <c r="M1053" s="13">
        <v>0.37037037037037029</v>
      </c>
      <c r="N1053" s="11">
        <v>3</v>
      </c>
      <c r="O1053" s="13">
        <v>8.8235294117647078E-2</v>
      </c>
      <c r="P1053" s="7">
        <v>21</v>
      </c>
      <c r="Q1053" s="7">
        <v>24</v>
      </c>
      <c r="R1053" s="7">
        <v>25</v>
      </c>
      <c r="S1053" s="7">
        <v>30</v>
      </c>
      <c r="T1053" s="7">
        <v>25</v>
      </c>
      <c r="U1053" s="7">
        <v>27</v>
      </c>
      <c r="V1053" s="7">
        <v>34</v>
      </c>
      <c r="W1053" s="7">
        <v>34</v>
      </c>
      <c r="X1053" s="7">
        <v>35</v>
      </c>
      <c r="Y1053" s="7">
        <v>27</v>
      </c>
      <c r="Z1053" s="7">
        <v>28</v>
      </c>
      <c r="AA1053" s="7">
        <v>28</v>
      </c>
      <c r="AB1053" s="7">
        <v>33</v>
      </c>
      <c r="AC1053" s="7">
        <v>31</v>
      </c>
      <c r="AD1053" s="7">
        <v>31</v>
      </c>
      <c r="AE1053" s="7">
        <v>36</v>
      </c>
      <c r="AF1053" s="7">
        <v>37</v>
      </c>
      <c r="AG1053" s="9">
        <v>532</v>
      </c>
      <c r="AH1053" s="13">
        <v>1.7507486754204101E-2</v>
      </c>
      <c r="AI1053" s="9">
        <v>-5033</v>
      </c>
      <c r="AJ1053" s="13">
        <v>-0.16563003916148353</v>
      </c>
      <c r="AK1053" s="9">
        <v>2899</v>
      </c>
      <c r="AL1053" s="13">
        <v>0.11434093239725487</v>
      </c>
      <c r="AM1053" s="9">
        <v>2666</v>
      </c>
      <c r="AN1053" s="13">
        <v>9.436166070859732E-2</v>
      </c>
      <c r="AO1053" s="9">
        <v>5565</v>
      </c>
      <c r="AP1053" s="13">
        <v>0.2194919933738266</v>
      </c>
      <c r="AQ1053" s="9">
        <v>30387</v>
      </c>
      <c r="AR1053" s="9">
        <v>27782</v>
      </c>
      <c r="AS1053" s="9">
        <v>24862</v>
      </c>
      <c r="AT1053" s="9">
        <v>25138</v>
      </c>
      <c r="AU1053" s="9">
        <v>24505</v>
      </c>
      <c r="AV1053" s="9">
        <v>26188</v>
      </c>
      <c r="AW1053" s="9">
        <v>25354</v>
      </c>
      <c r="AX1053" s="9">
        <v>23311</v>
      </c>
      <c r="AY1053" s="9">
        <v>29868</v>
      </c>
      <c r="AZ1053" s="9">
        <v>28253</v>
      </c>
      <c r="BA1053" s="9">
        <v>23009</v>
      </c>
      <c r="BB1053" s="9">
        <v>30908</v>
      </c>
      <c r="BC1053" s="9">
        <v>27807</v>
      </c>
      <c r="BD1053" s="9">
        <v>29566</v>
      </c>
      <c r="BE1053" s="9">
        <v>30557</v>
      </c>
      <c r="BF1053" s="9">
        <v>30919</v>
      </c>
      <c r="BG1053" s="11">
        <v>0</v>
      </c>
      <c r="BH1053" s="13">
        <v>0</v>
      </c>
      <c r="BI1053" s="6">
        <v>1</v>
      </c>
      <c r="BJ1053" s="13">
        <v>0.125</v>
      </c>
      <c r="BK1053" s="6">
        <v>-3</v>
      </c>
      <c r="BL1053" s="13">
        <v>-0.33333333333333331</v>
      </c>
      <c r="BM1053" s="11">
        <v>2</v>
      </c>
      <c r="BN1053" s="13">
        <v>0.33333333333333331</v>
      </c>
      <c r="BO1053" s="11">
        <v>-1</v>
      </c>
      <c r="BP1053" s="13">
        <v>-0.1111111111111111</v>
      </c>
      <c r="BQ1053" s="6">
        <v>8</v>
      </c>
      <c r="BR1053" s="6">
        <v>9</v>
      </c>
      <c r="BS1053" s="6">
        <v>9</v>
      </c>
      <c r="BT1053" s="6">
        <v>9</v>
      </c>
      <c r="BU1053" s="6">
        <v>8</v>
      </c>
      <c r="BV1053" s="6">
        <v>8</v>
      </c>
      <c r="BW1053" s="6">
        <v>6</v>
      </c>
      <c r="BX1053" s="6">
        <v>6</v>
      </c>
      <c r="BY1053" s="6">
        <v>4</v>
      </c>
      <c r="BZ1053" s="6">
        <v>6</v>
      </c>
      <c r="CA1053" s="6">
        <v>7</v>
      </c>
      <c r="CB1053" s="6">
        <v>9</v>
      </c>
      <c r="CC1053" s="11">
        <v>8</v>
      </c>
      <c r="CD1053" s="11">
        <v>10</v>
      </c>
      <c r="CE1053" s="11">
        <v>4</v>
      </c>
      <c r="CF1053" s="11">
        <v>2</v>
      </c>
      <c r="CG1053" s="11">
        <v>6</v>
      </c>
      <c r="CH1053" s="20">
        <v>0.28000000000000003</v>
      </c>
      <c r="CI1053" s="20">
        <v>0.31</v>
      </c>
      <c r="CJ1053" s="20">
        <v>0.32</v>
      </c>
      <c r="CK1053" s="20">
        <v>0.35</v>
      </c>
      <c r="CL1053" s="20">
        <v>0.28000000000000003</v>
      </c>
      <c r="CM1053" s="20">
        <v>0.3</v>
      </c>
      <c r="CN1053" s="20">
        <v>0.37</v>
      </c>
      <c r="CO1053" s="20">
        <v>0.37</v>
      </c>
      <c r="CP1053" s="20">
        <v>0.38</v>
      </c>
      <c r="CQ1053" s="20">
        <v>0.3</v>
      </c>
      <c r="CR1053" s="20">
        <v>0.31</v>
      </c>
      <c r="CS1053" s="20">
        <v>0.32</v>
      </c>
      <c r="CT1053" s="20">
        <v>0.37</v>
      </c>
      <c r="CU1053" s="20">
        <v>0.34</v>
      </c>
      <c r="CV1053" s="20">
        <v>0.33</v>
      </c>
      <c r="CW1053" s="20">
        <v>0.38</v>
      </c>
      <c r="CX1053" s="20">
        <v>0.39</v>
      </c>
      <c r="CY1053" s="6" t="s">
        <v>558</v>
      </c>
      <c r="CZ1053" s="6" t="s">
        <v>559</v>
      </c>
      <c r="DA1053" s="6" t="s">
        <v>97</v>
      </c>
      <c r="DB1053" s="6"/>
      <c r="DC1053" s="6"/>
      <c r="DD1053" s="6"/>
      <c r="DE1053" s="6"/>
      <c r="DF1053" s="6"/>
      <c r="DG1053" s="6"/>
      <c r="DH1053" s="6" t="s">
        <v>333</v>
      </c>
      <c r="DI1053" s="6"/>
      <c r="DJ1053" s="6"/>
      <c r="DK1053" s="6"/>
      <c r="DL1053" s="6">
        <v>10</v>
      </c>
      <c r="DM1053" s="6" t="s">
        <v>383</v>
      </c>
      <c r="DN1053" s="6">
        <v>9</v>
      </c>
      <c r="DO1053" s="6" t="s">
        <v>384</v>
      </c>
      <c r="DP1053" s="6"/>
      <c r="DQ1053" s="6"/>
    </row>
    <row r="1054" spans="1:121" x14ac:dyDescent="0.2">
      <c r="A1054" s="6" t="s">
        <v>318</v>
      </c>
      <c r="B1054" s="6" t="s">
        <v>318</v>
      </c>
      <c r="C1054" s="6" t="s">
        <v>187</v>
      </c>
      <c r="D1054" s="6" t="s">
        <v>97</v>
      </c>
      <c r="E1054" s="6" t="s">
        <v>238</v>
      </c>
      <c r="F1054" s="11">
        <v>1</v>
      </c>
      <c r="G1054" s="13">
        <v>1</v>
      </c>
      <c r="H1054" s="11">
        <v>-5.0433130000000013</v>
      </c>
      <c r="I1054" s="13">
        <v>-0.20877724031335593</v>
      </c>
      <c r="J1054" s="11">
        <v>-14.113118</v>
      </c>
      <c r="K1054" s="13">
        <v>-0.73839956411088981</v>
      </c>
      <c r="L1054" s="11">
        <v>0</v>
      </c>
      <c r="M1054" s="13">
        <v>0</v>
      </c>
      <c r="N1054" s="11">
        <v>-14.113118</v>
      </c>
      <c r="O1054" s="13">
        <v>-0.73839956411088981</v>
      </c>
      <c r="P1054" s="7">
        <v>24.156431000000001</v>
      </c>
      <c r="Q1054" s="7">
        <v>23.822285999999998</v>
      </c>
      <c r="R1054" s="7">
        <v>21.408677999999998</v>
      </c>
      <c r="S1054" s="7">
        <v>13.419985</v>
      </c>
      <c r="T1054" s="7">
        <v>13.103201</v>
      </c>
      <c r="U1054" s="7">
        <v>11.097136000000001</v>
      </c>
      <c r="V1054" s="7">
        <v>19.113118</v>
      </c>
      <c r="W1054" s="7">
        <v>14.210867</v>
      </c>
      <c r="X1054" s="7">
        <v>15.94896</v>
      </c>
      <c r="Y1054" s="7">
        <v>5</v>
      </c>
      <c r="Z1054" s="7">
        <v>5</v>
      </c>
      <c r="AA1054" s="7">
        <v>5</v>
      </c>
      <c r="AB1054" s="7">
        <v>5</v>
      </c>
      <c r="AC1054" s="7">
        <v>5</v>
      </c>
      <c r="AD1054" s="7">
        <v>5</v>
      </c>
      <c r="AE1054" s="7">
        <v>5</v>
      </c>
      <c r="AF1054" s="7">
        <v>5</v>
      </c>
      <c r="AG1054" s="9">
        <v>-39777.6489994</v>
      </c>
      <c r="AH1054" s="13">
        <v>-0.99997486088579801</v>
      </c>
      <c r="AI1054" s="9">
        <v>-12941.9233594</v>
      </c>
      <c r="AJ1054" s="13">
        <v>-0.32534848932640242</v>
      </c>
      <c r="AK1054" s="9">
        <v>-26835.725640000001</v>
      </c>
      <c r="AL1054" s="13">
        <v>-0.99996273763001442</v>
      </c>
      <c r="AM1054" s="9">
        <v>0</v>
      </c>
      <c r="AN1054" s="13">
        <v>0</v>
      </c>
      <c r="AO1054" s="9">
        <v>-26835.725640000001</v>
      </c>
      <c r="AP1054" s="13">
        <v>-0.99996273763001442</v>
      </c>
      <c r="AQ1054" s="9">
        <v>39778.6489994</v>
      </c>
      <c r="AR1054" s="9">
        <v>51691.448193299999</v>
      </c>
      <c r="AS1054" s="9">
        <v>70097.237332200006</v>
      </c>
      <c r="AT1054" s="9">
        <v>29726.288633799999</v>
      </c>
      <c r="AU1054" s="9">
        <v>28200.049038599998</v>
      </c>
      <c r="AV1054" s="9">
        <v>28457.5388059</v>
      </c>
      <c r="AW1054" s="9">
        <v>26836.725640000001</v>
      </c>
      <c r="AX1054" s="9">
        <v>51946.645444100002</v>
      </c>
      <c r="AY1054" s="9">
        <v>38074.611120599999</v>
      </c>
      <c r="AZ1054" s="9">
        <v>1</v>
      </c>
      <c r="BA1054" s="9">
        <v>1</v>
      </c>
      <c r="BB1054" s="9">
        <v>1</v>
      </c>
      <c r="BC1054" s="9">
        <v>1</v>
      </c>
      <c r="BD1054" s="9">
        <v>1</v>
      </c>
      <c r="BE1054" s="9">
        <v>1</v>
      </c>
      <c r="BF1054" s="9">
        <v>1</v>
      </c>
      <c r="BG1054" s="11">
        <v>0</v>
      </c>
      <c r="BH1054" s="13">
        <v>0</v>
      </c>
      <c r="BI1054" s="6">
        <v>0</v>
      </c>
      <c r="BJ1054" s="13">
        <v>0</v>
      </c>
      <c r="BK1054" s="6">
        <v>0</v>
      </c>
      <c r="BL1054" s="13">
        <v>0</v>
      </c>
      <c r="BM1054" s="11">
        <v>0</v>
      </c>
      <c r="BN1054" s="13">
        <v>0</v>
      </c>
      <c r="BO1054" s="11">
        <v>0</v>
      </c>
      <c r="BP1054" s="13">
        <v>0</v>
      </c>
      <c r="BQ1054" s="6">
        <v>1</v>
      </c>
      <c r="BR1054" s="6">
        <v>1</v>
      </c>
      <c r="BS1054" s="6">
        <v>2</v>
      </c>
      <c r="BT1054" s="6">
        <v>1</v>
      </c>
      <c r="BU1054" s="6">
        <v>1</v>
      </c>
      <c r="BV1054" s="6">
        <v>1</v>
      </c>
      <c r="BW1054" s="6">
        <v>1</v>
      </c>
      <c r="BX1054" s="6">
        <v>1</v>
      </c>
      <c r="BY1054" s="6">
        <v>1</v>
      </c>
      <c r="BZ1054" s="6">
        <v>1</v>
      </c>
      <c r="CA1054" s="6">
        <v>1</v>
      </c>
      <c r="CB1054" s="6">
        <v>1</v>
      </c>
      <c r="CC1054" s="11">
        <v>1</v>
      </c>
      <c r="CD1054" s="11">
        <v>-26.1386</v>
      </c>
      <c r="CE1054" s="11">
        <v>5.1720899999999999</v>
      </c>
      <c r="CF1054" s="11">
        <v>2.64059</v>
      </c>
      <c r="CG1054" s="11">
        <v>8</v>
      </c>
      <c r="CH1054" s="20">
        <v>1.50404</v>
      </c>
      <c r="CI1054" s="20">
        <v>1.4307399999999999</v>
      </c>
      <c r="CJ1054" s="20">
        <v>1.2788900000000001</v>
      </c>
      <c r="CK1054" s="20">
        <v>0.72640199999999999</v>
      </c>
      <c r="CL1054" s="20">
        <v>0.679288</v>
      </c>
      <c r="CM1054" s="20">
        <v>0.59899000000000002</v>
      </c>
      <c r="CN1054" s="20">
        <v>1.0208299999999999</v>
      </c>
      <c r="CO1054" s="20">
        <v>0.73796499999999998</v>
      </c>
      <c r="CP1054" s="20">
        <v>0.80367</v>
      </c>
      <c r="CQ1054" s="20">
        <v>0.33227600000000002</v>
      </c>
      <c r="CR1054" s="20">
        <v>0.20702499999999999</v>
      </c>
      <c r="CS1054" s="20">
        <v>0.18302299999999999</v>
      </c>
      <c r="CT1054" s="20">
        <v>9.8134100000000002E-2</v>
      </c>
      <c r="CU1054" s="20">
        <v>4.01211E-2</v>
      </c>
      <c r="CV1054" s="20">
        <v>4.54414E-2</v>
      </c>
      <c r="CW1054" s="20">
        <v>0.30677399999999999</v>
      </c>
      <c r="CX1054" s="20">
        <v>0.27443499999999998</v>
      </c>
      <c r="CY1054" s="6" t="s">
        <v>558</v>
      </c>
      <c r="CZ1054" s="6" t="s">
        <v>559</v>
      </c>
      <c r="DA1054" s="6" t="s">
        <v>97</v>
      </c>
      <c r="DB1054" s="6"/>
      <c r="DC1054" s="6"/>
      <c r="DD1054" s="6"/>
      <c r="DE1054" s="6"/>
      <c r="DF1054" s="6"/>
      <c r="DG1054" s="6"/>
      <c r="DH1054" s="6" t="s">
        <v>333</v>
      </c>
      <c r="DI1054" s="6"/>
      <c r="DJ1054" s="6"/>
      <c r="DK1054" s="6"/>
      <c r="DL1054" s="6">
        <v>10</v>
      </c>
      <c r="DM1054" s="6" t="s">
        <v>383</v>
      </c>
      <c r="DN1054" s="6">
        <v>9</v>
      </c>
      <c r="DO1054" s="6" t="s">
        <v>384</v>
      </c>
      <c r="DP1054" s="6"/>
      <c r="DQ1054" s="6"/>
    </row>
    <row r="1055" spans="1:121" x14ac:dyDescent="0.2">
      <c r="A1055" s="6" t="s">
        <v>319</v>
      </c>
      <c r="B1055" s="6" t="s">
        <v>319</v>
      </c>
      <c r="C1055" s="6" t="s">
        <v>188</v>
      </c>
      <c r="D1055" s="6" t="s">
        <v>97</v>
      </c>
      <c r="E1055" s="6" t="s">
        <v>238</v>
      </c>
      <c r="F1055" s="11">
        <v>8</v>
      </c>
      <c r="G1055" s="13">
        <v>0.38095238095200001</v>
      </c>
      <c r="H1055" s="11">
        <v>-1.0120171120000023</v>
      </c>
      <c r="I1055" s="13">
        <v>-4.9323483623591485E-2</v>
      </c>
      <c r="J1055" s="11">
        <v>0.39890703570000241</v>
      </c>
      <c r="K1055" s="13">
        <v>2.0450541716098936E-2</v>
      </c>
      <c r="L1055" s="11">
        <v>9.0418886114999992</v>
      </c>
      <c r="M1055" s="13">
        <v>0.45425562345325454</v>
      </c>
      <c r="N1055" s="11">
        <v>9.4407956472000016</v>
      </c>
      <c r="O1055" s="13">
        <v>0.48399593874655678</v>
      </c>
      <c r="P1055" s="7">
        <v>20.517956917300001</v>
      </c>
      <c r="Q1055" s="7">
        <v>21.666085595199998</v>
      </c>
      <c r="R1055" s="7">
        <v>5</v>
      </c>
      <c r="S1055" s="7">
        <v>14.136003661</v>
      </c>
      <c r="T1055" s="7">
        <v>16.3848608192</v>
      </c>
      <c r="U1055" s="7">
        <v>21.963040606500002</v>
      </c>
      <c r="V1055" s="7">
        <v>19.505939805299999</v>
      </c>
      <c r="W1055" s="7">
        <v>32.116539126799999</v>
      </c>
      <c r="X1055" s="7">
        <v>20.909618657399999</v>
      </c>
      <c r="Y1055" s="7">
        <v>19.904846841000001</v>
      </c>
      <c r="Z1055" s="7">
        <v>21.279936371200002</v>
      </c>
      <c r="AA1055" s="7">
        <v>14.1036260596</v>
      </c>
      <c r="AB1055" s="7">
        <v>15.805320765899999</v>
      </c>
      <c r="AC1055" s="7">
        <v>16.799590473799999</v>
      </c>
      <c r="AD1055" s="7">
        <v>18.8081649105</v>
      </c>
      <c r="AE1055" s="7">
        <v>27.628267320300001</v>
      </c>
      <c r="AF1055" s="7">
        <v>28.9467354525</v>
      </c>
      <c r="AG1055" s="9">
        <v>1264.6051322000003</v>
      </c>
      <c r="AH1055" s="13">
        <v>0.11026972682231603</v>
      </c>
      <c r="AI1055" s="9">
        <v>-1155.7787196999998</v>
      </c>
      <c r="AJ1055" s="13">
        <v>-0.10078039416671374</v>
      </c>
      <c r="AK1055" s="9">
        <v>2730.2689312000002</v>
      </c>
      <c r="AL1055" s="13">
        <v>0.26475307835169887</v>
      </c>
      <c r="AM1055" s="9">
        <v>-309.88507930000014</v>
      </c>
      <c r="AN1055" s="13">
        <v>-2.3759128809272712E-2</v>
      </c>
      <c r="AO1055" s="9">
        <v>2420.3838519000001</v>
      </c>
      <c r="AP1055" s="13">
        <v>0.23470364705121663</v>
      </c>
      <c r="AQ1055" s="9">
        <v>11468.289336</v>
      </c>
      <c r="AR1055" s="9">
        <v>12732.0711168</v>
      </c>
      <c r="AS1055" s="9">
        <v>1</v>
      </c>
      <c r="AT1055" s="9">
        <v>14577.695595499999</v>
      </c>
      <c r="AU1055" s="9">
        <v>16220.4103483</v>
      </c>
      <c r="AV1055" s="9">
        <v>11783.1967829</v>
      </c>
      <c r="AW1055" s="9">
        <v>10312.5106163</v>
      </c>
      <c r="AX1055" s="9">
        <v>9980.0754064199991</v>
      </c>
      <c r="AY1055" s="9">
        <v>12790.3322214</v>
      </c>
      <c r="AZ1055" s="9">
        <v>13042.7795475</v>
      </c>
      <c r="BA1055" s="9">
        <v>15076.555334799999</v>
      </c>
      <c r="BB1055" s="9">
        <v>13136.744126600001</v>
      </c>
      <c r="BC1055" s="9">
        <v>13178.560836799999</v>
      </c>
      <c r="BD1055" s="9">
        <v>14405.105293000001</v>
      </c>
      <c r="BE1055" s="9">
        <v>13424.3784507</v>
      </c>
      <c r="BF1055" s="9">
        <v>12732.8944682</v>
      </c>
      <c r="BG1055" s="11">
        <v>-1</v>
      </c>
      <c r="BH1055" s="13">
        <v>-0.5</v>
      </c>
      <c r="BI1055" s="6">
        <v>0</v>
      </c>
      <c r="BJ1055" s="13">
        <v>0</v>
      </c>
      <c r="BK1055" s="6">
        <v>1</v>
      </c>
      <c r="BL1055" s="13">
        <v>0.5</v>
      </c>
      <c r="BM1055" s="11">
        <v>-2</v>
      </c>
      <c r="BN1055" s="13">
        <v>-0.66666666666666663</v>
      </c>
      <c r="BO1055" s="11">
        <v>-1</v>
      </c>
      <c r="BP1055" s="13">
        <v>-0.5</v>
      </c>
      <c r="BQ1055" s="6">
        <v>2</v>
      </c>
      <c r="BR1055" s="6">
        <v>3</v>
      </c>
      <c r="BS1055" s="6">
        <v>3</v>
      </c>
      <c r="BT1055" s="6">
        <v>2</v>
      </c>
      <c r="BU1055" s="6">
        <v>3</v>
      </c>
      <c r="BV1055" s="6">
        <v>3</v>
      </c>
      <c r="BW1055" s="6">
        <v>3</v>
      </c>
      <c r="BX1055" s="6">
        <v>3</v>
      </c>
      <c r="BY1055" s="6">
        <v>2</v>
      </c>
      <c r="BZ1055" s="6">
        <v>2</v>
      </c>
      <c r="CA1055" s="6">
        <v>2</v>
      </c>
      <c r="CB1055" s="6">
        <v>1</v>
      </c>
      <c r="CC1055" s="11">
        <v>1</v>
      </c>
      <c r="CD1055" s="11">
        <v>4.3398700000000003</v>
      </c>
      <c r="CE1055" s="11">
        <v>1.84605</v>
      </c>
      <c r="CF1055" s="11">
        <v>2.2428599999999999</v>
      </c>
      <c r="CG1055" s="11">
        <v>4</v>
      </c>
      <c r="CH1055" s="20">
        <v>0.260436</v>
      </c>
      <c r="CI1055" s="20">
        <v>0.26268799999999998</v>
      </c>
      <c r="CJ1055" s="20">
        <v>0.108803</v>
      </c>
      <c r="CK1055" s="20">
        <v>0.149948</v>
      </c>
      <c r="CL1055" s="20">
        <v>0.16528599999999999</v>
      </c>
      <c r="CM1055" s="20">
        <v>0.229632</v>
      </c>
      <c r="CN1055" s="20">
        <v>0.206037</v>
      </c>
      <c r="CO1055" s="20">
        <v>0.35541600000000001</v>
      </c>
      <c r="CP1055" s="20">
        <v>0.24171699999999999</v>
      </c>
      <c r="CQ1055" s="20">
        <v>0.228216</v>
      </c>
      <c r="CR1055" s="20">
        <v>0.240283</v>
      </c>
      <c r="CS1055" s="20">
        <v>0.160104</v>
      </c>
      <c r="CT1055" s="20">
        <v>0.17752999999999999</v>
      </c>
      <c r="CU1055" s="20">
        <v>0.18520600000000001</v>
      </c>
      <c r="CV1055" s="20">
        <v>0.20774799999999999</v>
      </c>
      <c r="CW1055" s="20">
        <v>0.30018800000000001</v>
      </c>
      <c r="CX1055" s="20">
        <v>0.30651499999999998</v>
      </c>
      <c r="CY1055" s="6" t="s">
        <v>558</v>
      </c>
      <c r="CZ1055" s="6" t="s">
        <v>559</v>
      </c>
      <c r="DA1055" s="6" t="s">
        <v>97</v>
      </c>
      <c r="DB1055" s="6"/>
      <c r="DC1055" s="6"/>
      <c r="DD1055" s="6"/>
      <c r="DE1055" s="6"/>
      <c r="DF1055" s="6"/>
      <c r="DG1055" s="6"/>
      <c r="DH1055" s="6" t="s">
        <v>333</v>
      </c>
      <c r="DI1055" s="6"/>
      <c r="DJ1055" s="6"/>
      <c r="DK1055" s="6"/>
      <c r="DL1055" s="6">
        <v>10</v>
      </c>
      <c r="DM1055" s="6" t="s">
        <v>383</v>
      </c>
      <c r="DN1055" s="6">
        <v>9</v>
      </c>
      <c r="DO1055" s="6" t="s">
        <v>384</v>
      </c>
      <c r="DP1055" s="6"/>
      <c r="DQ1055" s="6"/>
    </row>
    <row r="1056" spans="1:121" x14ac:dyDescent="0.2">
      <c r="A1056" s="6" t="s">
        <v>320</v>
      </c>
      <c r="B1056" s="6" t="s">
        <v>320</v>
      </c>
      <c r="C1056" s="6" t="s">
        <v>189</v>
      </c>
      <c r="D1056" s="6" t="s">
        <v>97</v>
      </c>
      <c r="E1056" s="6" t="s">
        <v>238</v>
      </c>
      <c r="F1056" s="11">
        <v>76</v>
      </c>
      <c r="G1056" s="13">
        <v>1</v>
      </c>
      <c r="H1056" s="11">
        <v>62.491119550100009</v>
      </c>
      <c r="I1056" s="13">
        <v>0.82765110754280724</v>
      </c>
      <c r="J1056" s="11">
        <v>9.4119224529999883</v>
      </c>
      <c r="K1056" s="13">
        <v>6.8204658945040089E-2</v>
      </c>
      <c r="L1056" s="11">
        <v>4.8961494959999925</v>
      </c>
      <c r="M1056" s="13">
        <v>3.3215125930259319E-2</v>
      </c>
      <c r="N1056" s="11">
        <v>14.308071948999981</v>
      </c>
      <c r="O1056" s="13">
        <v>0.1036852112111893</v>
      </c>
      <c r="P1056" s="7">
        <v>75.504181629900003</v>
      </c>
      <c r="Q1056" s="7">
        <v>150.756306564</v>
      </c>
      <c r="R1056" s="7">
        <v>182.369622494</v>
      </c>
      <c r="S1056" s="7">
        <v>160.00315200599999</v>
      </c>
      <c r="T1056" s="7">
        <v>149.142206749</v>
      </c>
      <c r="U1056" s="7">
        <v>154.51565684400001</v>
      </c>
      <c r="V1056" s="7">
        <v>137.99530118000001</v>
      </c>
      <c r="W1056" s="7">
        <v>139.267132944</v>
      </c>
      <c r="X1056" s="7">
        <v>134.94048113100001</v>
      </c>
      <c r="Y1056" s="7">
        <v>147.407223633</v>
      </c>
      <c r="Z1056" s="7">
        <v>158.59528802899999</v>
      </c>
      <c r="AA1056" s="7">
        <v>152.05452043599999</v>
      </c>
      <c r="AB1056" s="7">
        <v>151.71004520899999</v>
      </c>
      <c r="AC1056" s="7">
        <v>151.52210342999999</v>
      </c>
      <c r="AD1056" s="7">
        <v>150.673688959</v>
      </c>
      <c r="AE1056" s="7">
        <v>150.867538698</v>
      </c>
      <c r="AF1056" s="7">
        <v>152.30337312899999</v>
      </c>
      <c r="AG1056" s="9">
        <v>7604.4282523999991</v>
      </c>
      <c r="AH1056" s="13">
        <v>0.70879042159494343</v>
      </c>
      <c r="AI1056" s="9">
        <v>7775.2939268999999</v>
      </c>
      <c r="AJ1056" s="13">
        <v>0.72471639912346275</v>
      </c>
      <c r="AK1056" s="9">
        <v>-2894.9367621000001</v>
      </c>
      <c r="AL1056" s="13">
        <v>-0.15644895326308594</v>
      </c>
      <c r="AM1056" s="9">
        <v>2724.0710875999994</v>
      </c>
      <c r="AN1056" s="13">
        <v>0.17451816931373568</v>
      </c>
      <c r="AO1056" s="9">
        <v>-170.86567450000075</v>
      </c>
      <c r="AP1056" s="13">
        <v>-9.2339688638742277E-3</v>
      </c>
      <c r="AQ1056" s="9">
        <v>10728.7401476</v>
      </c>
      <c r="AR1056" s="9">
        <v>17645.122975400001</v>
      </c>
      <c r="AS1056" s="9">
        <v>14991.301752699999</v>
      </c>
      <c r="AT1056" s="9">
        <v>11534.1141309</v>
      </c>
      <c r="AU1056" s="9">
        <v>12837.3064737</v>
      </c>
      <c r="AV1056" s="9">
        <v>15787.7247818</v>
      </c>
      <c r="AW1056" s="9">
        <v>18504.034074499999</v>
      </c>
      <c r="AX1056" s="9">
        <v>19274.792821800002</v>
      </c>
      <c r="AY1056" s="9">
        <v>27342.681123300001</v>
      </c>
      <c r="AZ1056" s="9">
        <v>15609.097312399999</v>
      </c>
      <c r="BA1056" s="9">
        <v>18748.748394999999</v>
      </c>
      <c r="BB1056" s="9">
        <v>11730.011766199999</v>
      </c>
      <c r="BC1056" s="9">
        <v>17773.113036300001</v>
      </c>
      <c r="BD1056" s="9">
        <v>18247.230605500001</v>
      </c>
      <c r="BE1056" s="9">
        <v>18330.109289600001</v>
      </c>
      <c r="BF1056" s="9">
        <v>18333.168399999999</v>
      </c>
      <c r="BG1056" s="11">
        <v>0</v>
      </c>
      <c r="BH1056" s="13" t="e">
        <v>#DIV/0!</v>
      </c>
      <c r="BI1056" s="6">
        <v>0</v>
      </c>
      <c r="BJ1056" s="13" t="e">
        <v>#DIV/0!</v>
      </c>
      <c r="BK1056" s="6">
        <v>0</v>
      </c>
      <c r="BL1056" s="13" t="e">
        <v>#DIV/0!</v>
      </c>
      <c r="BM1056" s="11">
        <v>0</v>
      </c>
      <c r="BN1056" s="13" t="e">
        <v>#DIV/0!</v>
      </c>
      <c r="BO1056" s="11">
        <v>0</v>
      </c>
      <c r="BP1056" s="13" t="e">
        <v>#DIV/0!</v>
      </c>
      <c r="BQ1056" s="6">
        <v>0</v>
      </c>
      <c r="BR1056" s="6">
        <v>0</v>
      </c>
      <c r="BS1056" s="6">
        <v>0</v>
      </c>
      <c r="BT1056" s="6">
        <v>0</v>
      </c>
      <c r="BU1056" s="6">
        <v>0</v>
      </c>
      <c r="BV1056" s="6">
        <v>0</v>
      </c>
      <c r="BW1056" s="6">
        <v>0</v>
      </c>
      <c r="BX1056" s="6">
        <v>0</v>
      </c>
      <c r="BY1056" s="6">
        <v>0</v>
      </c>
      <c r="BZ1056" s="6">
        <v>0</v>
      </c>
      <c r="CA1056" s="6">
        <v>0</v>
      </c>
      <c r="CB1056" s="6">
        <v>0</v>
      </c>
      <c r="CC1056" s="11">
        <v>0</v>
      </c>
      <c r="CD1056" s="11">
        <v>41.205199999999998</v>
      </c>
      <c r="CE1056" s="11">
        <v>27.340399999999999</v>
      </c>
      <c r="CF1056" s="11">
        <v>8.25352</v>
      </c>
      <c r="CG1056" s="11">
        <v>35</v>
      </c>
      <c r="CH1056" s="20">
        <v>2.8725999999999998</v>
      </c>
      <c r="CI1056" s="20">
        <v>5.2355099999999997</v>
      </c>
      <c r="CJ1056" s="20">
        <v>6.0089199999999998</v>
      </c>
      <c r="CK1056" s="20">
        <v>4.7031200000000002</v>
      </c>
      <c r="CL1056" s="20">
        <v>4.2624000000000004</v>
      </c>
      <c r="CM1056" s="20">
        <v>4.5993700000000004</v>
      </c>
      <c r="CN1056" s="20">
        <v>4.08507</v>
      </c>
      <c r="CO1056" s="20">
        <v>4.0144599999999997</v>
      </c>
      <c r="CP1056" s="20">
        <v>3.5972200000000001</v>
      </c>
      <c r="CQ1056" s="20">
        <v>3.92659</v>
      </c>
      <c r="CR1056" s="20">
        <v>4.1910400000000001</v>
      </c>
      <c r="CS1056" s="20">
        <v>4.0786800000000003</v>
      </c>
      <c r="CT1056" s="20">
        <v>4.0791399999999998</v>
      </c>
      <c r="CU1056" s="20">
        <v>4.0466199999999999</v>
      </c>
      <c r="CV1056" s="20">
        <v>4.0752800000000002</v>
      </c>
      <c r="CW1056" s="20">
        <v>4.0191100000000004</v>
      </c>
      <c r="CX1056" s="20">
        <v>3.9399000000000002</v>
      </c>
      <c r="CY1056" s="6" t="s">
        <v>558</v>
      </c>
      <c r="CZ1056" s="6" t="s">
        <v>559</v>
      </c>
      <c r="DA1056" s="6" t="s">
        <v>97</v>
      </c>
      <c r="DB1056" s="6"/>
      <c r="DC1056" s="6"/>
      <c r="DD1056" s="6"/>
      <c r="DE1056" s="6"/>
      <c r="DF1056" s="6"/>
      <c r="DG1056" s="6"/>
      <c r="DH1056" s="6" t="s">
        <v>333</v>
      </c>
      <c r="DI1056" s="6"/>
      <c r="DJ1056" s="6"/>
      <c r="DK1056" s="6"/>
      <c r="DL1056" s="6">
        <v>10</v>
      </c>
      <c r="DM1056" s="6" t="s">
        <v>383</v>
      </c>
      <c r="DN1056" s="6">
        <v>9</v>
      </c>
      <c r="DO1056" s="6" t="s">
        <v>384</v>
      </c>
      <c r="DP1056" s="6"/>
      <c r="DQ1056" s="6"/>
    </row>
    <row r="1057" spans="1:121" x14ac:dyDescent="0.2">
      <c r="A1057" s="6" t="s">
        <v>321</v>
      </c>
      <c r="B1057" s="6" t="s">
        <v>321</v>
      </c>
      <c r="C1057" s="6" t="s">
        <v>190</v>
      </c>
      <c r="D1057" s="6" t="s">
        <v>97</v>
      </c>
      <c r="E1057" s="6" t="s">
        <v>238</v>
      </c>
      <c r="F1057" s="11">
        <v>13</v>
      </c>
      <c r="G1057" s="13">
        <v>0.26</v>
      </c>
      <c r="H1057" s="11">
        <v>16.649364458500003</v>
      </c>
      <c r="I1057" s="13">
        <v>0.3346335756695229</v>
      </c>
      <c r="J1057" s="11">
        <v>8.3336456757999997</v>
      </c>
      <c r="K1057" s="13">
        <v>0.12550032167885472</v>
      </c>
      <c r="L1057" s="11">
        <v>-11.634306960899998</v>
      </c>
      <c r="M1057" s="13">
        <v>-0.15566991996744925</v>
      </c>
      <c r="N1057" s="11">
        <v>-3.3006612850999986</v>
      </c>
      <c r="O1057" s="13">
        <v>-4.9706223320230961E-2</v>
      </c>
      <c r="P1057" s="7">
        <v>49.754016539399998</v>
      </c>
      <c r="Q1057" s="7">
        <v>53.810352900399998</v>
      </c>
      <c r="R1057" s="7">
        <v>64.958409933300004</v>
      </c>
      <c r="S1057" s="7">
        <v>66.488175229299998</v>
      </c>
      <c r="T1057" s="7">
        <v>59.1969250414</v>
      </c>
      <c r="U1057" s="7">
        <v>62.154454639299999</v>
      </c>
      <c r="V1057" s="7">
        <v>66.403380997900001</v>
      </c>
      <c r="W1057" s="7">
        <v>55.595024645499997</v>
      </c>
      <c r="X1057" s="7">
        <v>71.224279646499994</v>
      </c>
      <c r="Y1057" s="7">
        <v>74.737026673700001</v>
      </c>
      <c r="Z1057" s="7">
        <v>57.115540521100002</v>
      </c>
      <c r="AA1057" s="7">
        <v>55.523718137099998</v>
      </c>
      <c r="AB1057" s="7">
        <v>62.796799314200001</v>
      </c>
      <c r="AC1057" s="7">
        <v>66.911469838299993</v>
      </c>
      <c r="AD1057" s="7">
        <v>69.786954639900003</v>
      </c>
      <c r="AE1057" s="7">
        <v>60.179704917999999</v>
      </c>
      <c r="AF1057" s="7">
        <v>63.102719712800003</v>
      </c>
      <c r="AG1057" s="9">
        <v>3496.0852071000008</v>
      </c>
      <c r="AH1057" s="13">
        <v>0.14748483715640467</v>
      </c>
      <c r="AI1057" s="9">
        <v>2005.8582884999996</v>
      </c>
      <c r="AJ1057" s="13">
        <v>8.4618556331938127E-2</v>
      </c>
      <c r="AK1057" s="9">
        <v>-273.97674740000002</v>
      </c>
      <c r="AL1057" s="13">
        <v>-1.065619206149666E-2</v>
      </c>
      <c r="AM1057" s="9">
        <v>1764.2036660000012</v>
      </c>
      <c r="AN1057" s="13">
        <v>6.935692245184244E-2</v>
      </c>
      <c r="AO1057" s="9">
        <v>1490.2269186000012</v>
      </c>
      <c r="AP1057" s="13">
        <v>5.7961649703904619E-2</v>
      </c>
      <c r="AQ1057" s="9">
        <v>23704.709409499999</v>
      </c>
      <c r="AR1057" s="9">
        <v>25271.014018900001</v>
      </c>
      <c r="AS1057" s="9">
        <v>27410.130939999999</v>
      </c>
      <c r="AT1057" s="9">
        <v>23948.692535999999</v>
      </c>
      <c r="AU1057" s="9">
        <v>23618.375260600002</v>
      </c>
      <c r="AV1057" s="9">
        <v>24135.0654541</v>
      </c>
      <c r="AW1057" s="9">
        <v>25710.567697999999</v>
      </c>
      <c r="AX1057" s="9">
        <v>28301.4993712</v>
      </c>
      <c r="AY1057" s="9">
        <v>26000.724403100001</v>
      </c>
      <c r="AZ1057" s="9">
        <v>25436.590950599999</v>
      </c>
      <c r="BA1057" s="9">
        <v>28737.742358</v>
      </c>
      <c r="BB1057" s="9">
        <v>30212.105410200002</v>
      </c>
      <c r="BC1057" s="9">
        <v>27935.7623638</v>
      </c>
      <c r="BD1057" s="9">
        <v>28635.043452499998</v>
      </c>
      <c r="BE1057" s="9">
        <v>27829.271763600002</v>
      </c>
      <c r="BF1057" s="9">
        <v>27200.7946166</v>
      </c>
      <c r="BG1057" s="11">
        <v>11.25</v>
      </c>
      <c r="BH1057" s="13">
        <v>1.25</v>
      </c>
      <c r="BI1057" s="6">
        <v>1</v>
      </c>
      <c r="BJ1057" s="13">
        <v>0.1111111111111111</v>
      </c>
      <c r="BK1057" s="6">
        <v>1</v>
      </c>
      <c r="BL1057" s="13">
        <v>0.1</v>
      </c>
      <c r="BM1057" s="11">
        <v>9.25</v>
      </c>
      <c r="BN1057" s="13">
        <v>0.84090909090909094</v>
      </c>
      <c r="BO1057" s="11">
        <v>10.25</v>
      </c>
      <c r="BP1057" s="13">
        <v>1.0249999999999999</v>
      </c>
      <c r="BQ1057" s="6">
        <v>9</v>
      </c>
      <c r="BR1057" s="6">
        <v>8</v>
      </c>
      <c r="BS1057" s="6">
        <v>9</v>
      </c>
      <c r="BT1057" s="6">
        <v>10</v>
      </c>
      <c r="BU1057" s="6">
        <v>10</v>
      </c>
      <c r="BV1057" s="6">
        <v>10</v>
      </c>
      <c r="BW1057" s="6">
        <v>11</v>
      </c>
      <c r="BX1057" s="6">
        <v>10</v>
      </c>
      <c r="BY1057" s="6">
        <v>8</v>
      </c>
      <c r="BZ1057" s="6">
        <v>17</v>
      </c>
      <c r="CA1057" s="6">
        <v>18</v>
      </c>
      <c r="CB1057" s="6">
        <v>21</v>
      </c>
      <c r="CC1057" s="11">
        <v>20.25</v>
      </c>
      <c r="CD1057" s="11">
        <v>-10.2088</v>
      </c>
      <c r="CE1057" s="11">
        <v>18.1187</v>
      </c>
      <c r="CF1057" s="11">
        <v>5.4387100000000004</v>
      </c>
      <c r="CG1057" s="11">
        <v>23</v>
      </c>
      <c r="CH1057" s="20">
        <v>0.38328200000000001</v>
      </c>
      <c r="CI1057" s="20">
        <v>0.381137</v>
      </c>
      <c r="CJ1057" s="20">
        <v>0.43576999999999999</v>
      </c>
      <c r="CK1057" s="20">
        <v>0.40436699999999998</v>
      </c>
      <c r="CL1057" s="20">
        <v>0.34625899999999998</v>
      </c>
      <c r="CM1057" s="20">
        <v>0.37745800000000002</v>
      </c>
      <c r="CN1057" s="20">
        <v>0.40016099999999999</v>
      </c>
      <c r="CO1057" s="20">
        <v>0.32732899999999998</v>
      </c>
      <c r="CP1057" s="20">
        <v>0.390793</v>
      </c>
      <c r="CQ1057" s="20">
        <v>0.41233500000000001</v>
      </c>
      <c r="CR1057" s="20">
        <v>0.31818999999999997</v>
      </c>
      <c r="CS1057" s="20">
        <v>0.308809</v>
      </c>
      <c r="CT1057" s="20">
        <v>0.34825</v>
      </c>
      <c r="CU1057" s="20">
        <v>0.36932300000000001</v>
      </c>
      <c r="CV1057" s="20">
        <v>0.38621699999999998</v>
      </c>
      <c r="CW1057" s="20">
        <v>0.32606400000000002</v>
      </c>
      <c r="CX1057" s="20">
        <v>0.33006600000000003</v>
      </c>
      <c r="CY1057" s="6" t="s">
        <v>558</v>
      </c>
      <c r="CZ1057" s="6" t="s">
        <v>559</v>
      </c>
      <c r="DA1057" s="6" t="s">
        <v>97</v>
      </c>
      <c r="DB1057" s="6"/>
      <c r="DC1057" s="6"/>
      <c r="DD1057" s="6"/>
      <c r="DE1057" s="6"/>
      <c r="DF1057" s="6"/>
      <c r="DG1057" s="6"/>
      <c r="DH1057" s="6" t="s">
        <v>333</v>
      </c>
      <c r="DI1057" s="6"/>
      <c r="DJ1057" s="6"/>
      <c r="DK1057" s="6"/>
      <c r="DL1057" s="6">
        <v>10</v>
      </c>
      <c r="DM1057" s="6" t="s">
        <v>383</v>
      </c>
      <c r="DN1057" s="6">
        <v>9</v>
      </c>
      <c r="DO1057" s="6" t="s">
        <v>384</v>
      </c>
      <c r="DP1057" s="6"/>
      <c r="DQ1057" s="6"/>
    </row>
    <row r="1058" spans="1:121" x14ac:dyDescent="0.2">
      <c r="A1058" s="6" t="s">
        <v>322</v>
      </c>
      <c r="B1058" s="6" t="s">
        <v>322</v>
      </c>
      <c r="C1058" s="6" t="s">
        <v>191</v>
      </c>
      <c r="D1058" s="6" t="s">
        <v>97</v>
      </c>
      <c r="E1058" s="6" t="s">
        <v>238</v>
      </c>
      <c r="F1058" s="11">
        <v>1</v>
      </c>
      <c r="G1058" s="13">
        <v>1</v>
      </c>
      <c r="H1058" s="11">
        <v>-6</v>
      </c>
      <c r="I1058" s="13">
        <v>-0.3</v>
      </c>
      <c r="J1058" s="11">
        <v>-9</v>
      </c>
      <c r="K1058" s="13">
        <v>-0.6428571428571429</v>
      </c>
      <c r="L1058" s="11">
        <v>0</v>
      </c>
      <c r="M1058" s="13">
        <v>0</v>
      </c>
      <c r="N1058" s="11">
        <v>-9</v>
      </c>
      <c r="O1058" s="13">
        <v>-0.6428571428571429</v>
      </c>
      <c r="P1058" s="7">
        <v>20</v>
      </c>
      <c r="Q1058" s="7">
        <v>17</v>
      </c>
      <c r="R1058" s="7">
        <v>16</v>
      </c>
      <c r="S1058" s="7">
        <v>13</v>
      </c>
      <c r="T1058" s="7">
        <v>12</v>
      </c>
      <c r="U1058" s="7">
        <v>15</v>
      </c>
      <c r="V1058" s="7">
        <v>14</v>
      </c>
      <c r="W1058" s="7">
        <v>13</v>
      </c>
      <c r="X1058" s="7">
        <v>12</v>
      </c>
      <c r="Y1058" s="7">
        <v>5</v>
      </c>
      <c r="Z1058" s="7">
        <v>11</v>
      </c>
      <c r="AA1058" s="7">
        <v>5</v>
      </c>
      <c r="AB1058" s="7">
        <v>5</v>
      </c>
      <c r="AC1058" s="7">
        <v>5</v>
      </c>
      <c r="AD1058" s="7">
        <v>5</v>
      </c>
      <c r="AE1058" s="7">
        <v>5</v>
      </c>
      <c r="AF1058" s="7">
        <v>5</v>
      </c>
      <c r="AG1058" s="9">
        <v>-4389</v>
      </c>
      <c r="AH1058" s="13">
        <v>-0.99977220956719803</v>
      </c>
      <c r="AI1058" s="9">
        <v>1254</v>
      </c>
      <c r="AJ1058" s="13">
        <v>0.28564920273348521</v>
      </c>
      <c r="AK1058" s="9">
        <v>-5643</v>
      </c>
      <c r="AL1058" s="13">
        <v>-0.99982282069454287</v>
      </c>
      <c r="AM1058" s="9">
        <v>0</v>
      </c>
      <c r="AN1058" s="13">
        <v>0</v>
      </c>
      <c r="AO1058" s="9">
        <v>-5643</v>
      </c>
      <c r="AP1058" s="13">
        <v>-0.99982282069454287</v>
      </c>
      <c r="AQ1058" s="9">
        <v>4390</v>
      </c>
      <c r="AR1058" s="9">
        <v>5771</v>
      </c>
      <c r="AS1058" s="9">
        <v>5981</v>
      </c>
      <c r="AT1058" s="9">
        <v>5288</v>
      </c>
      <c r="AU1058" s="9">
        <v>6583</v>
      </c>
      <c r="AV1058" s="9">
        <v>6181</v>
      </c>
      <c r="AW1058" s="9">
        <v>5644</v>
      </c>
      <c r="AX1058" s="9">
        <v>8876</v>
      </c>
      <c r="AY1058" s="9">
        <v>16996</v>
      </c>
      <c r="AZ1058" s="9">
        <v>1</v>
      </c>
      <c r="BA1058" s="9">
        <v>5281</v>
      </c>
      <c r="BB1058" s="9">
        <v>1</v>
      </c>
      <c r="BC1058" s="9">
        <v>1</v>
      </c>
      <c r="BD1058" s="9">
        <v>1</v>
      </c>
      <c r="BE1058" s="9">
        <v>1</v>
      </c>
      <c r="BF1058" s="9">
        <v>1</v>
      </c>
      <c r="BG1058" s="11">
        <v>-2</v>
      </c>
      <c r="BH1058" s="13">
        <v>-0.5</v>
      </c>
      <c r="BI1058" s="6">
        <v>0</v>
      </c>
      <c r="BJ1058" s="13">
        <v>0</v>
      </c>
      <c r="BK1058" s="6">
        <v>-1</v>
      </c>
      <c r="BL1058" s="13">
        <v>-0.25</v>
      </c>
      <c r="BM1058" s="11">
        <v>-1</v>
      </c>
      <c r="BN1058" s="13">
        <v>-0.33333333333333331</v>
      </c>
      <c r="BO1058" s="11">
        <v>-2</v>
      </c>
      <c r="BP1058" s="13">
        <v>-0.5</v>
      </c>
      <c r="BQ1058" s="6">
        <v>4</v>
      </c>
      <c r="BR1058" s="6">
        <v>4</v>
      </c>
      <c r="BS1058" s="6">
        <v>4</v>
      </c>
      <c r="BT1058" s="6">
        <v>4</v>
      </c>
      <c r="BU1058" s="6">
        <v>4</v>
      </c>
      <c r="BV1058" s="6">
        <v>3</v>
      </c>
      <c r="BW1058" s="6">
        <v>3</v>
      </c>
      <c r="BX1058" s="6">
        <v>3</v>
      </c>
      <c r="BY1058" s="6">
        <v>2</v>
      </c>
      <c r="BZ1058" s="6">
        <v>2</v>
      </c>
      <c r="CA1058" s="6">
        <v>2</v>
      </c>
      <c r="CB1058" s="6">
        <v>2</v>
      </c>
      <c r="CC1058" s="11">
        <v>2</v>
      </c>
      <c r="CD1058" s="11">
        <v>-19</v>
      </c>
      <c r="CE1058" s="11">
        <v>4</v>
      </c>
      <c r="CF1058" s="11">
        <v>2</v>
      </c>
      <c r="CG1058" s="11">
        <v>6</v>
      </c>
      <c r="CH1058" s="20">
        <v>1</v>
      </c>
      <c r="CI1058" s="20">
        <v>0.81</v>
      </c>
      <c r="CJ1058" s="20">
        <v>0.73</v>
      </c>
      <c r="CK1058" s="20">
        <v>0.52</v>
      </c>
      <c r="CL1058" s="20">
        <v>0.48</v>
      </c>
      <c r="CM1058" s="20">
        <v>0.61</v>
      </c>
      <c r="CN1058" s="20">
        <v>0.56999999999999995</v>
      </c>
      <c r="CO1058" s="20">
        <v>0.53</v>
      </c>
      <c r="CP1058" s="20">
        <v>0.47</v>
      </c>
      <c r="CQ1058" s="20">
        <v>0.41</v>
      </c>
      <c r="CR1058" s="20">
        <v>0.44</v>
      </c>
      <c r="CS1058" s="20">
        <v>0.28999999999999998</v>
      </c>
      <c r="CT1058" s="20">
        <v>0.31</v>
      </c>
      <c r="CU1058" s="20">
        <v>0.39</v>
      </c>
      <c r="CV1058" s="20">
        <v>0.23</v>
      </c>
      <c r="CW1058" s="20">
        <v>0.27</v>
      </c>
      <c r="CX1058" s="20">
        <v>0.27</v>
      </c>
      <c r="CY1058" s="6" t="s">
        <v>558</v>
      </c>
      <c r="CZ1058" s="6" t="s">
        <v>559</v>
      </c>
      <c r="DA1058" s="6" t="s">
        <v>97</v>
      </c>
      <c r="DB1058" s="6"/>
      <c r="DC1058" s="6"/>
      <c r="DD1058" s="6"/>
      <c r="DE1058" s="6"/>
      <c r="DF1058" s="6"/>
      <c r="DG1058" s="6"/>
      <c r="DH1058" s="6" t="s">
        <v>333</v>
      </c>
      <c r="DI1058" s="6"/>
      <c r="DJ1058" s="6"/>
      <c r="DK1058" s="6"/>
      <c r="DL1058" s="6">
        <v>10</v>
      </c>
      <c r="DM1058" s="6" t="s">
        <v>383</v>
      </c>
      <c r="DN1058" s="6">
        <v>9</v>
      </c>
      <c r="DO1058" s="6" t="s">
        <v>384</v>
      </c>
      <c r="DP1058" s="6"/>
      <c r="DQ1058" s="6"/>
    </row>
    <row r="1059" spans="1:121" x14ac:dyDescent="0.2">
      <c r="A1059" s="6" t="s">
        <v>323</v>
      </c>
      <c r="B1059" s="6" t="s">
        <v>323</v>
      </c>
      <c r="C1059" s="6" t="s">
        <v>192</v>
      </c>
      <c r="D1059" s="6" t="s">
        <v>97</v>
      </c>
      <c r="E1059" s="6" t="s">
        <v>238</v>
      </c>
      <c r="F1059" s="11">
        <v>19</v>
      </c>
      <c r="G1059" s="13">
        <v>0.52777777777799995</v>
      </c>
      <c r="H1059" s="11">
        <v>47.032436846399996</v>
      </c>
      <c r="I1059" s="13">
        <v>1.3231550719972087</v>
      </c>
      <c r="J1059" s="11">
        <v>-30.717681092499994</v>
      </c>
      <c r="K1059" s="13">
        <v>-0.37198334205404543</v>
      </c>
      <c r="L1059" s="11">
        <v>3.4184040353999947</v>
      </c>
      <c r="M1059" s="13">
        <v>6.5915460997326328E-2</v>
      </c>
      <c r="N1059" s="11">
        <v>-27.299277057099999</v>
      </c>
      <c r="O1059" s="13">
        <v>-0.3305873345315376</v>
      </c>
      <c r="P1059" s="7">
        <v>35.545672492800001</v>
      </c>
      <c r="Q1059" s="7">
        <v>34.826477969400003</v>
      </c>
      <c r="R1059" s="7">
        <v>35.801216963900004</v>
      </c>
      <c r="S1059" s="7">
        <v>37.125263121800003</v>
      </c>
      <c r="T1059" s="7">
        <v>155.71936167999999</v>
      </c>
      <c r="U1059" s="7">
        <v>102.216976179</v>
      </c>
      <c r="V1059" s="7">
        <v>82.578109339199997</v>
      </c>
      <c r="W1059" s="7">
        <v>69.020258699999999</v>
      </c>
      <c r="X1059" s="7">
        <v>53.8537110328</v>
      </c>
      <c r="Y1059" s="7">
        <v>51.860428246700003</v>
      </c>
      <c r="Z1059" s="7">
        <v>54.179353671699999</v>
      </c>
      <c r="AA1059" s="7">
        <v>50.150360010999997</v>
      </c>
      <c r="AB1059" s="7">
        <v>59.581924917800002</v>
      </c>
      <c r="AC1059" s="7">
        <v>62.689757278599998</v>
      </c>
      <c r="AD1059" s="7">
        <v>60.471878118399999</v>
      </c>
      <c r="AE1059" s="7">
        <v>55.1064219163</v>
      </c>
      <c r="AF1059" s="7">
        <v>55.278832282099998</v>
      </c>
      <c r="AG1059" s="9">
        <v>4382.7579502099998</v>
      </c>
      <c r="AH1059" s="13">
        <v>0.63619243259609992</v>
      </c>
      <c r="AI1059" s="9">
        <v>3480.95039731</v>
      </c>
      <c r="AJ1059" s="13">
        <v>0.50528784070881649</v>
      </c>
      <c r="AK1059" s="9">
        <v>1364.3588810000001</v>
      </c>
      <c r="AL1059" s="13">
        <v>0.1315679419716472</v>
      </c>
      <c r="AM1059" s="9">
        <v>-462.55132810000032</v>
      </c>
      <c r="AN1059" s="13">
        <v>-3.9418560118865222E-2</v>
      </c>
      <c r="AO1059" s="9">
        <v>901.80755289999979</v>
      </c>
      <c r="AP1059" s="13">
        <v>8.6963163022457227E-2</v>
      </c>
      <c r="AQ1059" s="9">
        <v>6889.04445519</v>
      </c>
      <c r="AR1059" s="9">
        <v>8760.6959147399994</v>
      </c>
      <c r="AS1059" s="9">
        <v>8295.41052304</v>
      </c>
      <c r="AT1059" s="9">
        <v>8111.98845342</v>
      </c>
      <c r="AU1059" s="9">
        <v>15201.5170308</v>
      </c>
      <c r="AV1059" s="9">
        <v>12938.592567600001</v>
      </c>
      <c r="AW1059" s="9">
        <v>10369.9948525</v>
      </c>
      <c r="AX1059" s="9">
        <v>10155.0502825</v>
      </c>
      <c r="AY1059" s="9">
        <v>8976.1917987100005</v>
      </c>
      <c r="AZ1059" s="9">
        <v>11734.3537335</v>
      </c>
      <c r="BA1059" s="9">
        <v>11586.3713343</v>
      </c>
      <c r="BB1059" s="9">
        <v>12193.057535899999</v>
      </c>
      <c r="BC1059" s="9">
        <v>12218.8322388</v>
      </c>
      <c r="BD1059" s="9">
        <v>11296.3588439</v>
      </c>
      <c r="BE1059" s="9">
        <v>10959.236692500001</v>
      </c>
      <c r="BF1059" s="9">
        <v>11271.8024054</v>
      </c>
      <c r="BG1059" s="11">
        <v>-2.75</v>
      </c>
      <c r="BH1059" s="13">
        <v>-0.45833333333333331</v>
      </c>
      <c r="BI1059" s="6">
        <v>0</v>
      </c>
      <c r="BJ1059" s="13">
        <v>0</v>
      </c>
      <c r="BK1059" s="6">
        <v>-1</v>
      </c>
      <c r="BL1059" s="13">
        <v>-0.16666666666666666</v>
      </c>
      <c r="BM1059" s="11">
        <v>-1.75</v>
      </c>
      <c r="BN1059" s="13">
        <v>-0.35</v>
      </c>
      <c r="BO1059" s="11">
        <v>-2.75</v>
      </c>
      <c r="BP1059" s="13">
        <v>-0.45833333333333331</v>
      </c>
      <c r="BQ1059" s="6">
        <v>6</v>
      </c>
      <c r="BR1059" s="6">
        <v>7</v>
      </c>
      <c r="BS1059" s="6">
        <v>6</v>
      </c>
      <c r="BT1059" s="6">
        <v>6</v>
      </c>
      <c r="BU1059" s="6">
        <v>6</v>
      </c>
      <c r="BV1059" s="6">
        <v>5</v>
      </c>
      <c r="BW1059" s="6">
        <v>5</v>
      </c>
      <c r="BX1059" s="6">
        <v>5</v>
      </c>
      <c r="BY1059" s="6">
        <v>6</v>
      </c>
      <c r="BZ1059" s="6">
        <v>7</v>
      </c>
      <c r="CA1059" s="6">
        <v>6</v>
      </c>
      <c r="CB1059" s="6">
        <v>4</v>
      </c>
      <c r="CC1059" s="11">
        <v>3.25</v>
      </c>
      <c r="CD1059" s="11">
        <v>7.76431</v>
      </c>
      <c r="CE1059" s="11">
        <v>8.0832800000000002</v>
      </c>
      <c r="CF1059" s="11">
        <v>3.88557</v>
      </c>
      <c r="CG1059" s="11">
        <v>12</v>
      </c>
      <c r="CH1059" s="20">
        <v>0.368979</v>
      </c>
      <c r="CI1059" s="20">
        <v>0.34084399999999998</v>
      </c>
      <c r="CJ1059" s="20">
        <v>0.33591900000000002</v>
      </c>
      <c r="CK1059" s="20">
        <v>0.31415300000000002</v>
      </c>
      <c r="CL1059" s="20">
        <v>1.2663599999999999</v>
      </c>
      <c r="CM1059" s="20">
        <v>0.86645899999999998</v>
      </c>
      <c r="CN1059" s="20">
        <v>0.69850100000000004</v>
      </c>
      <c r="CO1059" s="20">
        <v>0.58346500000000001</v>
      </c>
      <c r="CP1059" s="20">
        <v>0.44528299999999998</v>
      </c>
      <c r="CQ1059" s="20">
        <v>0.43681500000000001</v>
      </c>
      <c r="CR1059" s="20">
        <v>0.45575599999999999</v>
      </c>
      <c r="CS1059" s="20">
        <v>0.42377500000000001</v>
      </c>
      <c r="CT1059" s="20">
        <v>0.49666100000000002</v>
      </c>
      <c r="CU1059" s="20">
        <v>0.51463000000000003</v>
      </c>
      <c r="CV1059" s="20">
        <v>0.49297400000000002</v>
      </c>
      <c r="CW1059" s="20">
        <v>0.43877899999999997</v>
      </c>
      <c r="CX1059" s="20">
        <v>0.42947800000000003</v>
      </c>
      <c r="CY1059" s="6" t="s">
        <v>558</v>
      </c>
      <c r="CZ1059" s="6" t="s">
        <v>559</v>
      </c>
      <c r="DA1059" s="6" t="s">
        <v>97</v>
      </c>
      <c r="DB1059" s="6"/>
      <c r="DC1059" s="6"/>
      <c r="DD1059" s="6"/>
      <c r="DE1059" s="6"/>
      <c r="DF1059" s="6"/>
      <c r="DG1059" s="6"/>
      <c r="DH1059" s="6" t="s">
        <v>333</v>
      </c>
      <c r="DI1059" s="6"/>
      <c r="DJ1059" s="6"/>
      <c r="DK1059" s="6"/>
      <c r="DL1059" s="6">
        <v>10</v>
      </c>
      <c r="DM1059" s="6" t="s">
        <v>383</v>
      </c>
      <c r="DN1059" s="6">
        <v>9</v>
      </c>
      <c r="DO1059" s="6" t="s">
        <v>384</v>
      </c>
      <c r="DP1059" s="6"/>
      <c r="DQ1059" s="6"/>
    </row>
    <row r="1060" spans="1:121" x14ac:dyDescent="0.2">
      <c r="A1060" s="6" t="s">
        <v>325</v>
      </c>
      <c r="B1060" s="6" t="s">
        <v>325</v>
      </c>
      <c r="C1060" s="6" t="s">
        <v>193</v>
      </c>
      <c r="D1060" s="6" t="s">
        <v>97</v>
      </c>
      <c r="E1060" s="6" t="s">
        <v>238</v>
      </c>
      <c r="F1060" s="11">
        <v>77</v>
      </c>
      <c r="G1060" s="13">
        <v>0.78571428571400004</v>
      </c>
      <c r="H1060" s="11">
        <v>125.7531360557</v>
      </c>
      <c r="I1060" s="13">
        <v>1.2781100947139823</v>
      </c>
      <c r="J1060" s="11">
        <v>-14.002647936000017</v>
      </c>
      <c r="K1060" s="13">
        <v>-6.2471926913646864E-2</v>
      </c>
      <c r="L1060" s="11">
        <v>-35.459740187999984</v>
      </c>
      <c r="M1060" s="13">
        <v>-0.16874309107107496</v>
      </c>
      <c r="N1060" s="11">
        <v>-49.462388124</v>
      </c>
      <c r="O1060" s="13">
        <v>-0.22067331193214676</v>
      </c>
      <c r="P1060" s="7">
        <v>98.389909113300007</v>
      </c>
      <c r="Q1060" s="7">
        <v>107.771163579</v>
      </c>
      <c r="R1060" s="7">
        <v>118.693075499</v>
      </c>
      <c r="S1060" s="7">
        <v>276.01301549900001</v>
      </c>
      <c r="T1060" s="7">
        <v>258.94176622700002</v>
      </c>
      <c r="U1060" s="7">
        <v>228.34427388099999</v>
      </c>
      <c r="V1060" s="7">
        <v>224.143045169</v>
      </c>
      <c r="W1060" s="7">
        <v>228.70830014500001</v>
      </c>
      <c r="X1060" s="7">
        <v>215.17229937600001</v>
      </c>
      <c r="Y1060" s="7">
        <v>210.14039723299999</v>
      </c>
      <c r="Z1060" s="7">
        <v>207.79954108699999</v>
      </c>
      <c r="AA1060" s="7">
        <v>213.094230877</v>
      </c>
      <c r="AB1060" s="7">
        <v>189.626257082</v>
      </c>
      <c r="AC1060" s="7">
        <v>181.68443448900001</v>
      </c>
      <c r="AD1060" s="7">
        <v>184.91897301</v>
      </c>
      <c r="AE1060" s="7">
        <v>175.46975832999999</v>
      </c>
      <c r="AF1060" s="7">
        <v>174.680657045</v>
      </c>
      <c r="AG1060" s="9">
        <v>4526.7748838000007</v>
      </c>
      <c r="AH1060" s="13">
        <v>0.26140742013938156</v>
      </c>
      <c r="AI1060" s="9">
        <v>-512.76830350000091</v>
      </c>
      <c r="AJ1060" s="13">
        <v>-2.9610803008313417E-2</v>
      </c>
      <c r="AK1060" s="9">
        <v>2056.3845919999985</v>
      </c>
      <c r="AL1060" s="13">
        <v>0.12237350565578307</v>
      </c>
      <c r="AM1060" s="9">
        <v>2983.1585953000031</v>
      </c>
      <c r="AN1060" s="13">
        <v>0.15816922863790175</v>
      </c>
      <c r="AO1060" s="9">
        <v>5039.5431873000016</v>
      </c>
      <c r="AP1060" s="13">
        <v>0.29989845728897596</v>
      </c>
      <c r="AQ1060" s="9">
        <v>17316.933396100001</v>
      </c>
      <c r="AR1060" s="9">
        <v>16274.973691900001</v>
      </c>
      <c r="AS1060" s="9">
        <v>15592.2555966</v>
      </c>
      <c r="AT1060" s="9">
        <v>15557.056634799999</v>
      </c>
      <c r="AU1060" s="9">
        <v>16454.1910432</v>
      </c>
      <c r="AV1060" s="9">
        <v>16229.852365299999</v>
      </c>
      <c r="AW1060" s="9">
        <v>16804.1650926</v>
      </c>
      <c r="AX1060" s="9">
        <v>17455.771272599999</v>
      </c>
      <c r="AY1060" s="9">
        <v>18108.719215000001</v>
      </c>
      <c r="AZ1060" s="9">
        <v>18860.549684599999</v>
      </c>
      <c r="BA1060" s="9">
        <v>17930.516022700001</v>
      </c>
      <c r="BB1060" s="9">
        <v>17543.666104100001</v>
      </c>
      <c r="BC1060" s="9">
        <v>18790.8852295</v>
      </c>
      <c r="BD1060" s="9">
        <v>19507.3590258</v>
      </c>
      <c r="BE1060" s="9">
        <v>20221.060737700001</v>
      </c>
      <c r="BF1060" s="9">
        <v>21843.708279900002</v>
      </c>
      <c r="BG1060" s="11">
        <v>-11.75</v>
      </c>
      <c r="BH1060" s="13">
        <v>-0.48958333333333331</v>
      </c>
      <c r="BI1060" s="6">
        <v>-3</v>
      </c>
      <c r="BJ1060" s="13">
        <v>-0.125</v>
      </c>
      <c r="BK1060" s="6">
        <v>-1</v>
      </c>
      <c r="BL1060" s="13">
        <v>-4.7619047619047616E-2</v>
      </c>
      <c r="BM1060" s="11">
        <v>-7.75</v>
      </c>
      <c r="BN1060" s="13">
        <v>-0.38750000000000001</v>
      </c>
      <c r="BO1060" s="11">
        <v>-8.75</v>
      </c>
      <c r="BP1060" s="13">
        <v>-0.41666666666666669</v>
      </c>
      <c r="BQ1060" s="6">
        <v>24</v>
      </c>
      <c r="BR1060" s="6">
        <v>20</v>
      </c>
      <c r="BS1060" s="6">
        <v>20</v>
      </c>
      <c r="BT1060" s="6">
        <v>21</v>
      </c>
      <c r="BU1060" s="6">
        <v>23</v>
      </c>
      <c r="BV1060" s="6">
        <v>20</v>
      </c>
      <c r="BW1060" s="6">
        <v>20</v>
      </c>
      <c r="BX1060" s="6">
        <v>21</v>
      </c>
      <c r="BY1060" s="6">
        <v>21</v>
      </c>
      <c r="BZ1060" s="6">
        <v>12</v>
      </c>
      <c r="CA1060" s="6">
        <v>12</v>
      </c>
      <c r="CB1060" s="6">
        <v>13</v>
      </c>
      <c r="CC1060" s="11">
        <v>12.25</v>
      </c>
      <c r="CD1060" s="11">
        <v>66.441599999999994</v>
      </c>
      <c r="CE1060" s="11">
        <v>-0.90607800000000005</v>
      </c>
      <c r="CF1060" s="11">
        <v>10.7552</v>
      </c>
      <c r="CG1060" s="11">
        <v>10</v>
      </c>
      <c r="CH1060" s="20">
        <v>1.5036</v>
      </c>
      <c r="CI1060" s="20">
        <v>1.54636</v>
      </c>
      <c r="CJ1060" s="20">
        <v>1.6421399999999999</v>
      </c>
      <c r="CK1060" s="20">
        <v>3.5062500000000001</v>
      </c>
      <c r="CL1060" s="20">
        <v>3.21366</v>
      </c>
      <c r="CM1060" s="20">
        <v>2.9815499999999999</v>
      </c>
      <c r="CN1060" s="20">
        <v>2.93492</v>
      </c>
      <c r="CO1060" s="20">
        <v>2.99003</v>
      </c>
      <c r="CP1060" s="20">
        <v>2.69537</v>
      </c>
      <c r="CQ1060" s="20">
        <v>2.7014</v>
      </c>
      <c r="CR1060" s="20">
        <v>2.7067899999999998</v>
      </c>
      <c r="CS1060" s="20">
        <v>2.8098900000000002</v>
      </c>
      <c r="CT1060" s="20">
        <v>2.69068</v>
      </c>
      <c r="CU1060" s="20">
        <v>2.5658599999999998</v>
      </c>
      <c r="CV1060" s="20">
        <v>2.64472</v>
      </c>
      <c r="CW1060" s="20">
        <v>2.4772099999999999</v>
      </c>
      <c r="CX1060" s="20">
        <v>2.4277299999999999</v>
      </c>
      <c r="CY1060" s="6" t="s">
        <v>558</v>
      </c>
      <c r="CZ1060" s="6" t="s">
        <v>559</v>
      </c>
      <c r="DA1060" s="6" t="s">
        <v>97</v>
      </c>
      <c r="DB1060" s="6"/>
      <c r="DC1060" s="6"/>
      <c r="DD1060" s="6"/>
      <c r="DE1060" s="6"/>
      <c r="DF1060" s="6"/>
      <c r="DG1060" s="6"/>
      <c r="DH1060" s="6" t="s">
        <v>333</v>
      </c>
      <c r="DI1060" s="6"/>
      <c r="DJ1060" s="6"/>
      <c r="DK1060" s="6"/>
      <c r="DL1060" s="6">
        <v>10</v>
      </c>
      <c r="DM1060" s="6" t="s">
        <v>383</v>
      </c>
      <c r="DN1060" s="6">
        <v>9</v>
      </c>
      <c r="DO1060" s="6" t="s">
        <v>384</v>
      </c>
      <c r="DP1060" s="6"/>
      <c r="DQ1060" s="6"/>
    </row>
    <row r="1061" spans="1:121" x14ac:dyDescent="0.2">
      <c r="A1061" s="6" t="s">
        <v>327</v>
      </c>
      <c r="B1061" s="6" t="s">
        <v>327</v>
      </c>
      <c r="C1061" s="6" t="s">
        <v>194</v>
      </c>
      <c r="D1061" s="6" t="s">
        <v>97</v>
      </c>
      <c r="E1061" s="6" t="s">
        <v>238</v>
      </c>
      <c r="F1061" s="11">
        <v>-147</v>
      </c>
      <c r="G1061" s="13">
        <v>-0.32450331125800003</v>
      </c>
      <c r="H1061" s="11">
        <v>-55.753390000000024</v>
      </c>
      <c r="I1061" s="13">
        <v>-0.12317401456468136</v>
      </c>
      <c r="J1061" s="11">
        <v>-40.780692999999985</v>
      </c>
      <c r="K1061" s="13">
        <v>-0.10275169788059273</v>
      </c>
      <c r="L1061" s="11">
        <v>-50.343348641000034</v>
      </c>
      <c r="M1061" s="13">
        <v>-0.14137214903369361</v>
      </c>
      <c r="N1061" s="11">
        <v>-91.124041641000019</v>
      </c>
      <c r="O1061" s="13">
        <v>-0.22959761856804617</v>
      </c>
      <c r="P1061" s="7">
        <v>452.63922100000002</v>
      </c>
      <c r="Q1061" s="7">
        <v>433.81121000000002</v>
      </c>
      <c r="R1061" s="7">
        <v>417.87379099999998</v>
      </c>
      <c r="S1061" s="7">
        <v>396.634657</v>
      </c>
      <c r="T1061" s="7">
        <v>384.16609599999998</v>
      </c>
      <c r="U1061" s="7">
        <v>393.18675500000001</v>
      </c>
      <c r="V1061" s="7">
        <v>396.885831</v>
      </c>
      <c r="W1061" s="7">
        <v>386.21545500000002</v>
      </c>
      <c r="X1061" s="7">
        <v>368.14087699999999</v>
      </c>
      <c r="Y1061" s="7">
        <v>356.10513800000001</v>
      </c>
      <c r="Z1061" s="7">
        <v>332.62349</v>
      </c>
      <c r="AA1061" s="7">
        <v>319.94479999999999</v>
      </c>
      <c r="AB1061" s="7">
        <v>310.00989900000002</v>
      </c>
      <c r="AC1061" s="7">
        <v>313.45315799999997</v>
      </c>
      <c r="AD1061" s="7">
        <v>305.51298800000001</v>
      </c>
      <c r="AE1061" s="7">
        <v>314.51625300000001</v>
      </c>
      <c r="AF1061" s="7">
        <v>305.76178935899998</v>
      </c>
      <c r="AG1061" s="9">
        <v>9734.3931808000016</v>
      </c>
      <c r="AH1061" s="13">
        <v>0.405618421644662</v>
      </c>
      <c r="AI1061" s="9">
        <v>6502.5825895000016</v>
      </c>
      <c r="AJ1061" s="13">
        <v>0.2709534367041343</v>
      </c>
      <c r="AK1061" s="9">
        <v>4164.4211327999983</v>
      </c>
      <c r="AL1061" s="13">
        <v>0.13653179149783459</v>
      </c>
      <c r="AM1061" s="9">
        <v>-932.61054149999836</v>
      </c>
      <c r="AN1061" s="13">
        <v>-2.690282451378077E-2</v>
      </c>
      <c r="AO1061" s="9">
        <v>3231.8105912999999</v>
      </c>
      <c r="AP1061" s="13">
        <v>0.10595587615683548</v>
      </c>
      <c r="AQ1061" s="9">
        <v>23998.893199499998</v>
      </c>
      <c r="AR1061" s="9">
        <v>24408.137387499999</v>
      </c>
      <c r="AS1061" s="9">
        <v>25348.673020999999</v>
      </c>
      <c r="AT1061" s="9">
        <v>26564.3446367</v>
      </c>
      <c r="AU1061" s="9">
        <v>27548.203215500002</v>
      </c>
      <c r="AV1061" s="9">
        <v>28359.646238000001</v>
      </c>
      <c r="AW1061" s="9">
        <v>30501.475789</v>
      </c>
      <c r="AX1061" s="9">
        <v>31802.956636999999</v>
      </c>
      <c r="AY1061" s="9">
        <v>33487.1749901</v>
      </c>
      <c r="AZ1061" s="9">
        <v>34665.896921799998</v>
      </c>
      <c r="BA1061" s="9">
        <v>34857.029627299999</v>
      </c>
      <c r="BB1061" s="9">
        <v>34309.289609300002</v>
      </c>
      <c r="BC1061" s="9">
        <v>36669.827523300002</v>
      </c>
      <c r="BD1061" s="9">
        <v>34053.181028300001</v>
      </c>
      <c r="BE1061" s="9">
        <v>35417.630097399997</v>
      </c>
      <c r="BF1061" s="9">
        <v>33733.2863803</v>
      </c>
      <c r="BG1061" s="11">
        <v>-4</v>
      </c>
      <c r="BH1061" s="13">
        <v>-0.14814814814814814</v>
      </c>
      <c r="BI1061" s="6">
        <v>1</v>
      </c>
      <c r="BJ1061" s="13">
        <v>3.7037037037037035E-2</v>
      </c>
      <c r="BK1061" s="6">
        <v>-1</v>
      </c>
      <c r="BL1061" s="13">
        <v>-3.5714285714285712E-2</v>
      </c>
      <c r="BM1061" s="11">
        <v>-4</v>
      </c>
      <c r="BN1061" s="13">
        <v>-0.14814814814814814</v>
      </c>
      <c r="BO1061" s="11">
        <v>-5</v>
      </c>
      <c r="BP1061" s="13">
        <v>-0.17857142857142858</v>
      </c>
      <c r="BQ1061" s="6">
        <v>27</v>
      </c>
      <c r="BR1061" s="6">
        <v>26</v>
      </c>
      <c r="BS1061" s="6">
        <v>26</v>
      </c>
      <c r="BT1061" s="6">
        <v>28</v>
      </c>
      <c r="BU1061" s="6">
        <v>28</v>
      </c>
      <c r="BV1061" s="6">
        <v>27</v>
      </c>
      <c r="BW1061" s="6">
        <v>27</v>
      </c>
      <c r="BX1061" s="6">
        <v>26</v>
      </c>
      <c r="BY1061" s="6">
        <v>24</v>
      </c>
      <c r="BZ1061" s="6">
        <v>24</v>
      </c>
      <c r="CA1061" s="6">
        <v>23</v>
      </c>
      <c r="CB1061" s="6">
        <v>23</v>
      </c>
      <c r="CC1061" s="11">
        <v>23</v>
      </c>
      <c r="CD1061" s="11">
        <v>-169.821</v>
      </c>
      <c r="CE1061" s="11">
        <v>-26.535799999999998</v>
      </c>
      <c r="CF1061" s="11">
        <v>49.478900000000003</v>
      </c>
      <c r="CG1061" s="11">
        <v>22</v>
      </c>
      <c r="CH1061" s="20">
        <v>2.0823800000000001</v>
      </c>
      <c r="CI1061" s="20">
        <v>1.87016</v>
      </c>
      <c r="CJ1061" s="20">
        <v>1.7498199999999999</v>
      </c>
      <c r="CK1061" s="20">
        <v>1.53603</v>
      </c>
      <c r="CL1061" s="20">
        <v>1.45685</v>
      </c>
      <c r="CM1061" s="20">
        <v>1.57908</v>
      </c>
      <c r="CN1061" s="20">
        <v>1.60989</v>
      </c>
      <c r="CO1061" s="20">
        <v>1.5485100000000001</v>
      </c>
      <c r="CP1061" s="20">
        <v>1.3984700000000001</v>
      </c>
      <c r="CQ1061" s="20">
        <v>1.38029</v>
      </c>
      <c r="CR1061" s="20">
        <v>1.3370599999999999</v>
      </c>
      <c r="CS1061" s="20">
        <v>1.3460700000000001</v>
      </c>
      <c r="CT1061" s="20">
        <v>1.3330900000000001</v>
      </c>
      <c r="CU1061" s="20">
        <v>1.36693</v>
      </c>
      <c r="CV1061" s="20">
        <v>1.3608199999999999</v>
      </c>
      <c r="CW1061" s="20">
        <v>1.38984</v>
      </c>
      <c r="CX1061" s="20">
        <v>1.33945</v>
      </c>
      <c r="CY1061" s="6" t="s">
        <v>558</v>
      </c>
      <c r="CZ1061" s="6" t="s">
        <v>559</v>
      </c>
      <c r="DA1061" s="6" t="s">
        <v>97</v>
      </c>
      <c r="DB1061" s="6"/>
      <c r="DC1061" s="6"/>
      <c r="DD1061" s="6"/>
      <c r="DE1061" s="6"/>
      <c r="DF1061" s="6"/>
      <c r="DG1061" s="6"/>
      <c r="DH1061" s="6" t="s">
        <v>333</v>
      </c>
      <c r="DI1061" s="6"/>
      <c r="DJ1061" s="6"/>
      <c r="DK1061" s="6"/>
      <c r="DL1061" s="6">
        <v>10</v>
      </c>
      <c r="DM1061" s="6" t="s">
        <v>383</v>
      </c>
      <c r="DN1061" s="6">
        <v>9</v>
      </c>
      <c r="DO1061" s="6" t="s">
        <v>384</v>
      </c>
      <c r="DP1061" s="6"/>
      <c r="DQ1061" s="6"/>
    </row>
    <row r="1062" spans="1:121" x14ac:dyDescent="0.2">
      <c r="A1062" s="6" t="s">
        <v>1</v>
      </c>
      <c r="B1062" s="6" t="s">
        <v>1</v>
      </c>
      <c r="C1062" s="6" t="s">
        <v>2</v>
      </c>
      <c r="D1062" s="6" t="s">
        <v>66</v>
      </c>
      <c r="E1062" s="6" t="s">
        <v>207</v>
      </c>
      <c r="F1062" s="11">
        <v>153</v>
      </c>
      <c r="G1062" s="13">
        <v>0.96835443038000002</v>
      </c>
      <c r="H1062" s="11">
        <v>27.204958202</v>
      </c>
      <c r="I1062" s="13">
        <v>0.17183103829835961</v>
      </c>
      <c r="J1062" s="11">
        <v>73.540715134999971</v>
      </c>
      <c r="K1062" s="13">
        <v>0.39638426217056472</v>
      </c>
      <c r="L1062" s="11">
        <v>51.610851677000028</v>
      </c>
      <c r="M1062" s="13">
        <v>0.1992161921643146</v>
      </c>
      <c r="N1062" s="11">
        <v>125.151566812</v>
      </c>
      <c r="O1062" s="13">
        <v>0.67456661767836057</v>
      </c>
      <c r="P1062" s="7">
        <v>158.32388881200001</v>
      </c>
      <c r="Q1062" s="7">
        <v>157.76711432900001</v>
      </c>
      <c r="R1062" s="7">
        <v>164.17097285299999</v>
      </c>
      <c r="S1062" s="7">
        <v>160.81285502700001</v>
      </c>
      <c r="T1062" s="7">
        <v>170.31822650999999</v>
      </c>
      <c r="U1062" s="7">
        <v>192.087998919</v>
      </c>
      <c r="V1062" s="7">
        <v>185.52884701400001</v>
      </c>
      <c r="W1062" s="7">
        <v>188.306995895</v>
      </c>
      <c r="X1062" s="7">
        <v>246.599325136</v>
      </c>
      <c r="Y1062" s="7">
        <v>259.06956214899998</v>
      </c>
      <c r="Z1062" s="7">
        <v>214.722417581</v>
      </c>
      <c r="AA1062" s="7">
        <v>280.36230803199999</v>
      </c>
      <c r="AB1062" s="7">
        <v>301.57719555199998</v>
      </c>
      <c r="AC1062" s="7">
        <v>229.632412222</v>
      </c>
      <c r="AD1062" s="7">
        <v>293.004205539</v>
      </c>
      <c r="AE1062" s="7">
        <v>301.37578439100002</v>
      </c>
      <c r="AF1062" s="7">
        <v>310.68041382600001</v>
      </c>
      <c r="AG1062" s="9">
        <v>6611.9215693000006</v>
      </c>
      <c r="AH1062" s="13">
        <v>0.37323258734766185</v>
      </c>
      <c r="AI1062" s="9">
        <v>2887.2697378000012</v>
      </c>
      <c r="AJ1062" s="13">
        <v>0.1629818417104707</v>
      </c>
      <c r="AK1062" s="9">
        <v>510.90445909999835</v>
      </c>
      <c r="AL1062" s="13">
        <v>2.479811224251478E-2</v>
      </c>
      <c r="AM1062" s="9">
        <v>3213.747372400001</v>
      </c>
      <c r="AN1062" s="13">
        <v>0.15221321043838595</v>
      </c>
      <c r="AO1062" s="9">
        <v>3724.6518314999994</v>
      </c>
      <c r="AP1062" s="13">
        <v>0.18078592295814536</v>
      </c>
      <c r="AQ1062" s="9">
        <v>17715.2847673</v>
      </c>
      <c r="AR1062" s="9">
        <v>18261.168855299999</v>
      </c>
      <c r="AS1062" s="9">
        <v>18051.607444199999</v>
      </c>
      <c r="AT1062" s="9">
        <v>18390.624005000001</v>
      </c>
      <c r="AU1062" s="9">
        <v>18986.678189400001</v>
      </c>
      <c r="AV1062" s="9">
        <v>20267.294465899999</v>
      </c>
      <c r="AW1062" s="9">
        <v>20602.554505100001</v>
      </c>
      <c r="AX1062" s="9">
        <v>20386.468129600002</v>
      </c>
      <c r="AY1062" s="9">
        <v>20657.558587399999</v>
      </c>
      <c r="AZ1062" s="9">
        <v>21113.458964199999</v>
      </c>
      <c r="BA1062" s="9">
        <v>21240.893351999999</v>
      </c>
      <c r="BB1062" s="9">
        <v>20663.767144000001</v>
      </c>
      <c r="BC1062" s="9">
        <v>22643.680568100001</v>
      </c>
      <c r="BD1062" s="9">
        <v>23511.477401200002</v>
      </c>
      <c r="BE1062" s="9">
        <v>24117.4508785</v>
      </c>
      <c r="BF1062" s="9">
        <v>24327.2063366</v>
      </c>
      <c r="BG1062" s="11">
        <v>4</v>
      </c>
      <c r="BH1062" s="13">
        <v>0.8</v>
      </c>
      <c r="BI1062" s="6">
        <v>2</v>
      </c>
      <c r="BJ1062" s="13">
        <v>0.4</v>
      </c>
      <c r="BK1062" s="6">
        <v>0</v>
      </c>
      <c r="BL1062" s="13">
        <v>0</v>
      </c>
      <c r="BM1062" s="11">
        <v>2</v>
      </c>
      <c r="BN1062" s="13">
        <v>0.2857142857142857</v>
      </c>
      <c r="BO1062" s="11">
        <v>2</v>
      </c>
      <c r="BP1062" s="13">
        <v>0.2857142857142857</v>
      </c>
      <c r="BQ1062" s="6">
        <v>5</v>
      </c>
      <c r="BR1062" s="6">
        <v>7</v>
      </c>
      <c r="BS1062" s="6">
        <v>7</v>
      </c>
      <c r="BT1062" s="6">
        <v>7</v>
      </c>
      <c r="BU1062" s="6">
        <v>7</v>
      </c>
      <c r="BV1062" s="6">
        <v>7</v>
      </c>
      <c r="BW1062" s="6">
        <v>7</v>
      </c>
      <c r="BX1062" s="6">
        <v>7</v>
      </c>
      <c r="BY1062" s="6">
        <v>9</v>
      </c>
      <c r="BZ1062" s="6">
        <v>10</v>
      </c>
      <c r="CA1062" s="6">
        <v>7</v>
      </c>
      <c r="CB1062" s="6">
        <v>9</v>
      </c>
      <c r="CC1062" s="11">
        <v>9</v>
      </c>
      <c r="CD1062" s="11">
        <v>149.48500000000001</v>
      </c>
      <c r="CE1062" s="11">
        <v>-14.435</v>
      </c>
      <c r="CF1062" s="11">
        <v>17.306699999999999</v>
      </c>
      <c r="CG1062" s="11">
        <v>3</v>
      </c>
      <c r="CH1062" s="20">
        <v>0.78379299999999996</v>
      </c>
      <c r="CI1062" s="20">
        <v>0.78476699999999999</v>
      </c>
      <c r="CJ1062" s="20">
        <v>0.83921699999999999</v>
      </c>
      <c r="CK1062" s="20">
        <v>0.80655600000000005</v>
      </c>
      <c r="CL1062" s="20">
        <v>0.82694999999999996</v>
      </c>
      <c r="CM1062" s="20">
        <v>0.91399600000000003</v>
      </c>
      <c r="CN1062" s="20">
        <v>0.91087300000000004</v>
      </c>
      <c r="CO1062" s="20">
        <v>0.969862</v>
      </c>
      <c r="CP1062" s="20">
        <v>1.40584</v>
      </c>
      <c r="CQ1062" s="20">
        <v>1.45665</v>
      </c>
      <c r="CR1062" s="20">
        <v>1.21753</v>
      </c>
      <c r="CS1062" s="20">
        <v>1.5706100000000001</v>
      </c>
      <c r="CT1062" s="20">
        <v>1.7122200000000001</v>
      </c>
      <c r="CU1062" s="20">
        <v>1.2786999999999999</v>
      </c>
      <c r="CV1062" s="20">
        <v>1.6092599999999999</v>
      </c>
      <c r="CW1062" s="20">
        <v>1.64652</v>
      </c>
      <c r="CX1062" s="20">
        <v>1.69289</v>
      </c>
      <c r="CY1062" s="6" t="s">
        <v>560</v>
      </c>
      <c r="CZ1062" s="6" t="s">
        <v>561</v>
      </c>
      <c r="DA1062" s="6" t="s">
        <v>66</v>
      </c>
      <c r="DB1062" s="6"/>
      <c r="DC1062" s="6">
        <v>30060</v>
      </c>
      <c r="DD1062" s="6"/>
      <c r="DE1062" s="6" t="s">
        <v>563</v>
      </c>
      <c r="DF1062" s="6" t="s">
        <v>363</v>
      </c>
      <c r="DG1062" s="6" t="s">
        <v>364</v>
      </c>
      <c r="DH1062" s="6" t="s">
        <v>365</v>
      </c>
      <c r="DI1062" s="6"/>
      <c r="DJ1062" s="6">
        <v>29</v>
      </c>
      <c r="DK1062" s="6">
        <v>105</v>
      </c>
      <c r="DL1062" s="6">
        <v>5</v>
      </c>
      <c r="DM1062" s="6" t="s">
        <v>392</v>
      </c>
      <c r="DN1062" s="6">
        <v>6</v>
      </c>
      <c r="DO1062" s="6" t="s">
        <v>393</v>
      </c>
      <c r="DP1062" s="6"/>
      <c r="DQ1062" s="6"/>
    </row>
    <row r="1063" spans="1:121" x14ac:dyDescent="0.2">
      <c r="A1063" s="6" t="s">
        <v>310</v>
      </c>
      <c r="B1063" s="6" t="s">
        <v>310</v>
      </c>
      <c r="C1063" s="6" t="s">
        <v>173</v>
      </c>
      <c r="D1063" s="6" t="s">
        <v>66</v>
      </c>
      <c r="E1063" s="6" t="s">
        <v>207</v>
      </c>
      <c r="F1063" s="11">
        <v>1</v>
      </c>
      <c r="G1063" s="13">
        <v>1</v>
      </c>
      <c r="H1063" s="11">
        <v>-5</v>
      </c>
      <c r="I1063" s="13">
        <v>-1</v>
      </c>
      <c r="J1063" s="11">
        <v>5</v>
      </c>
      <c r="K1063" s="13"/>
      <c r="L1063" s="11">
        <v>-5</v>
      </c>
      <c r="M1063" s="13">
        <v>-1</v>
      </c>
      <c r="N1063" s="11">
        <v>0</v>
      </c>
      <c r="O1063" s="13"/>
      <c r="P1063" s="7">
        <v>5</v>
      </c>
      <c r="Q1063" s="7">
        <v>5</v>
      </c>
      <c r="R1063" s="7">
        <v>5</v>
      </c>
      <c r="S1063" s="7">
        <v>5</v>
      </c>
      <c r="T1063" s="7">
        <v>5</v>
      </c>
      <c r="U1063" s="7">
        <v>5</v>
      </c>
      <c r="V1063" s="7">
        <v>0</v>
      </c>
      <c r="W1063" s="7">
        <v>0</v>
      </c>
      <c r="X1063" s="7">
        <v>0</v>
      </c>
      <c r="Y1063" s="7">
        <v>5</v>
      </c>
      <c r="Z1063" s="7">
        <v>0</v>
      </c>
      <c r="AA1063" s="7">
        <v>5</v>
      </c>
      <c r="AB1063" s="7">
        <v>5</v>
      </c>
      <c r="AC1063" s="7">
        <v>0</v>
      </c>
      <c r="AD1063" s="7">
        <v>0</v>
      </c>
      <c r="AE1063" s="7">
        <v>0</v>
      </c>
      <c r="AF1063" s="7">
        <v>0</v>
      </c>
      <c r="AG1063" s="9">
        <v>-1</v>
      </c>
      <c r="AH1063" s="13">
        <v>-1</v>
      </c>
      <c r="AI1063" s="9">
        <v>-1</v>
      </c>
      <c r="AJ1063" s="13">
        <v>-1</v>
      </c>
      <c r="AK1063" s="9">
        <v>1</v>
      </c>
      <c r="AL1063" s="13"/>
      <c r="AM1063" s="9">
        <v>-1</v>
      </c>
      <c r="AN1063" s="13">
        <v>-1</v>
      </c>
      <c r="AO1063" s="9">
        <v>0</v>
      </c>
      <c r="AP1063" s="13"/>
      <c r="AQ1063" s="9">
        <v>1</v>
      </c>
      <c r="AR1063" s="9">
        <v>1</v>
      </c>
      <c r="AS1063" s="9">
        <v>1</v>
      </c>
      <c r="AT1063" s="9">
        <v>1</v>
      </c>
      <c r="AU1063" s="9">
        <v>1</v>
      </c>
      <c r="AV1063" s="9">
        <v>1</v>
      </c>
      <c r="AW1063" s="9">
        <v>0</v>
      </c>
      <c r="AX1063" s="9">
        <v>0</v>
      </c>
      <c r="AY1063" s="9">
        <v>0</v>
      </c>
      <c r="AZ1063" s="9">
        <v>1</v>
      </c>
      <c r="BA1063" s="9">
        <v>0</v>
      </c>
      <c r="BB1063" s="9">
        <v>1</v>
      </c>
      <c r="BC1063" s="9">
        <v>1</v>
      </c>
      <c r="BD1063" s="9">
        <v>0</v>
      </c>
      <c r="BE1063" s="9">
        <v>0</v>
      </c>
      <c r="BF1063" s="9">
        <v>0</v>
      </c>
      <c r="BG1063" s="11">
        <v>-2</v>
      </c>
      <c r="BH1063" s="13">
        <v>-1</v>
      </c>
      <c r="BI1063" s="6">
        <v>-2</v>
      </c>
      <c r="BJ1063" s="13">
        <v>-1</v>
      </c>
      <c r="BK1063" s="6">
        <v>0</v>
      </c>
      <c r="BL1063" s="13" t="e">
        <v>#DIV/0!</v>
      </c>
      <c r="BM1063" s="11">
        <v>0</v>
      </c>
      <c r="BN1063" s="13" t="e">
        <v>#DIV/0!</v>
      </c>
      <c r="BO1063" s="11">
        <v>0</v>
      </c>
      <c r="BP1063" s="13" t="e">
        <v>#DIV/0!</v>
      </c>
      <c r="BQ1063" s="6">
        <v>2</v>
      </c>
      <c r="BR1063" s="6">
        <v>1</v>
      </c>
      <c r="BS1063" s="6">
        <v>0</v>
      </c>
      <c r="BT1063" s="6">
        <v>0</v>
      </c>
      <c r="BU1063" s="6">
        <v>0</v>
      </c>
      <c r="BV1063" s="6">
        <v>0</v>
      </c>
      <c r="BW1063" s="6">
        <v>0</v>
      </c>
      <c r="BX1063" s="6">
        <v>0</v>
      </c>
      <c r="BY1063" s="6">
        <v>0</v>
      </c>
      <c r="BZ1063" s="6">
        <v>1</v>
      </c>
      <c r="CA1063" s="6">
        <v>0</v>
      </c>
      <c r="CB1063" s="6">
        <v>0</v>
      </c>
      <c r="CC1063" s="11">
        <v>0</v>
      </c>
      <c r="CD1063" s="11">
        <v>-4.8575699999999999</v>
      </c>
      <c r="CE1063" s="11">
        <v>0.41544700000000001</v>
      </c>
      <c r="CF1063" s="11">
        <v>0.43772800000000001</v>
      </c>
      <c r="CG1063" s="11">
        <v>0</v>
      </c>
      <c r="CH1063" s="20">
        <v>6.9871199999999994E-2</v>
      </c>
      <c r="CI1063" s="20">
        <v>3.7891800000000003E-2</v>
      </c>
      <c r="CJ1063" s="20">
        <v>0.107576</v>
      </c>
      <c r="CK1063" s="20">
        <v>0.111155</v>
      </c>
      <c r="CL1063" s="20">
        <v>0.15334999999999999</v>
      </c>
      <c r="CM1063" s="20">
        <v>1.4504599999999999E-2</v>
      </c>
      <c r="CN1063" s="20">
        <v>0</v>
      </c>
      <c r="CO1063" s="20">
        <v>0</v>
      </c>
      <c r="CP1063" s="20">
        <v>0</v>
      </c>
      <c r="CQ1063" s="20">
        <v>1.1291600000000001E-2</v>
      </c>
      <c r="CR1063" s="20">
        <v>0</v>
      </c>
      <c r="CS1063" s="20">
        <v>7.9647899999999994E-3</v>
      </c>
      <c r="CT1063" s="20">
        <v>1.2285900000000001E-2</v>
      </c>
      <c r="CU1063" s="20">
        <v>0</v>
      </c>
      <c r="CV1063" s="20">
        <v>0</v>
      </c>
      <c r="CW1063" s="20">
        <v>0</v>
      </c>
      <c r="CX1063" s="20">
        <v>0</v>
      </c>
      <c r="CY1063" s="6" t="s">
        <v>560</v>
      </c>
      <c r="CZ1063" s="6" t="s">
        <v>561</v>
      </c>
      <c r="DA1063" s="6" t="s">
        <v>66</v>
      </c>
      <c r="DB1063" s="6"/>
      <c r="DC1063" s="6">
        <v>30060</v>
      </c>
      <c r="DD1063" s="6"/>
      <c r="DE1063" s="6" t="s">
        <v>563</v>
      </c>
      <c r="DF1063" s="6" t="s">
        <v>363</v>
      </c>
      <c r="DG1063" s="6" t="s">
        <v>364</v>
      </c>
      <c r="DH1063" s="6" t="s">
        <v>365</v>
      </c>
      <c r="DI1063" s="6"/>
      <c r="DJ1063" s="6">
        <v>29</v>
      </c>
      <c r="DK1063" s="6">
        <v>105</v>
      </c>
      <c r="DL1063" s="6">
        <v>5</v>
      </c>
      <c r="DM1063" s="6" t="s">
        <v>392</v>
      </c>
      <c r="DN1063" s="6">
        <v>6</v>
      </c>
      <c r="DO1063" s="6" t="s">
        <v>393</v>
      </c>
      <c r="DP1063" s="6"/>
      <c r="DQ1063" s="6"/>
    </row>
    <row r="1064" spans="1:121" x14ac:dyDescent="0.2">
      <c r="A1064" s="6" t="s">
        <v>311</v>
      </c>
      <c r="B1064" s="6" t="s">
        <v>311</v>
      </c>
      <c r="C1064" s="6" t="s">
        <v>174</v>
      </c>
      <c r="D1064" s="6" t="s">
        <v>66</v>
      </c>
      <c r="E1064" s="6" t="s">
        <v>207</v>
      </c>
      <c r="F1064" s="11">
        <v>30</v>
      </c>
      <c r="G1064" s="13">
        <v>0.52631578947400004</v>
      </c>
      <c r="H1064" s="11">
        <v>24.121957999999992</v>
      </c>
      <c r="I1064" s="13">
        <v>0.42332844597141511</v>
      </c>
      <c r="J1064" s="11">
        <v>-37.763774999999995</v>
      </c>
      <c r="K1064" s="13">
        <v>-0.46562379663970355</v>
      </c>
      <c r="L1064" s="11">
        <v>43.804303031399996</v>
      </c>
      <c r="M1064" s="13">
        <v>1.010716675200769</v>
      </c>
      <c r="N1064" s="11">
        <v>6.0405280314000009</v>
      </c>
      <c r="O1064" s="13">
        <v>7.447914292702526E-2</v>
      </c>
      <c r="P1064" s="7">
        <v>56.981661000000003</v>
      </c>
      <c r="Q1064" s="7">
        <v>55.834245000000003</v>
      </c>
      <c r="R1064" s="7">
        <v>61.399771000000001</v>
      </c>
      <c r="S1064" s="7">
        <v>58.176972999999997</v>
      </c>
      <c r="T1064" s="7">
        <v>63.755181999999998</v>
      </c>
      <c r="U1064" s="7">
        <v>77.142371999999995</v>
      </c>
      <c r="V1064" s="7">
        <v>81.103618999999995</v>
      </c>
      <c r="W1064" s="7">
        <v>32.959783999999999</v>
      </c>
      <c r="X1064" s="7">
        <v>38.676414999999999</v>
      </c>
      <c r="Y1064" s="7">
        <v>43.339843999999999</v>
      </c>
      <c r="Z1064" s="7">
        <v>54.324654000000002</v>
      </c>
      <c r="AA1064" s="7">
        <v>80.503519999999995</v>
      </c>
      <c r="AB1064" s="7">
        <v>74.502428406500002</v>
      </c>
      <c r="AC1064" s="7">
        <v>86.388734999999997</v>
      </c>
      <c r="AD1064" s="7">
        <v>88.356427999999994</v>
      </c>
      <c r="AE1064" s="7">
        <v>85.440974999999995</v>
      </c>
      <c r="AF1064" s="7">
        <v>87.144147031399996</v>
      </c>
      <c r="AG1064" s="9">
        <v>32321.283971800003</v>
      </c>
      <c r="AH1064" s="13">
        <v>0.46336375003997449</v>
      </c>
      <c r="AI1064" s="9">
        <v>-1242.3864979000064</v>
      </c>
      <c r="AJ1064" s="13">
        <v>-1.7811076662927444E-2</v>
      </c>
      <c r="AK1064" s="9">
        <v>56393.658353699997</v>
      </c>
      <c r="AL1064" s="13">
        <v>0.82313048626553409</v>
      </c>
      <c r="AM1064" s="9">
        <v>-22829.987883999987</v>
      </c>
      <c r="AN1064" s="13">
        <v>-0.18277902050101255</v>
      </c>
      <c r="AO1064" s="9">
        <v>33563.67046970001</v>
      </c>
      <c r="AP1064" s="13">
        <v>0.48990048174038503</v>
      </c>
      <c r="AQ1064" s="9">
        <v>69753.587692200002</v>
      </c>
      <c r="AR1064" s="9">
        <v>74212.348478999993</v>
      </c>
      <c r="AS1064" s="9">
        <v>70227.975319699995</v>
      </c>
      <c r="AT1064" s="9">
        <v>78602.338556000002</v>
      </c>
      <c r="AU1064" s="9">
        <v>75981.371321700004</v>
      </c>
      <c r="AV1064" s="9">
        <v>62414.585451200001</v>
      </c>
      <c r="AW1064" s="9">
        <v>68511.201194299996</v>
      </c>
      <c r="AX1064" s="9">
        <v>130150.823582</v>
      </c>
      <c r="AY1064" s="9">
        <v>125872.52598599999</v>
      </c>
      <c r="AZ1064" s="9">
        <v>124904.85954799999</v>
      </c>
      <c r="BA1064" s="9">
        <v>108733.78582600001</v>
      </c>
      <c r="BB1064" s="9">
        <v>84757.076484100005</v>
      </c>
      <c r="BC1064" s="9">
        <v>93737.118197999996</v>
      </c>
      <c r="BD1064" s="9">
        <v>88521.575320499993</v>
      </c>
      <c r="BE1064" s="9">
        <v>90241.156603700001</v>
      </c>
      <c r="BF1064" s="9">
        <v>102074.87166400001</v>
      </c>
      <c r="BG1064" s="11">
        <v>1</v>
      </c>
      <c r="BH1064" s="13">
        <v>1</v>
      </c>
      <c r="BI1064" s="6">
        <v>0</v>
      </c>
      <c r="BJ1064" s="13">
        <v>0</v>
      </c>
      <c r="BK1064" s="6">
        <v>0</v>
      </c>
      <c r="BL1064" s="13">
        <v>0</v>
      </c>
      <c r="BM1064" s="11">
        <v>1</v>
      </c>
      <c r="BN1064" s="13">
        <v>1</v>
      </c>
      <c r="BO1064" s="11">
        <v>1</v>
      </c>
      <c r="BP1064" s="13">
        <v>1</v>
      </c>
      <c r="BQ1064" s="6">
        <v>1</v>
      </c>
      <c r="BR1064" s="6">
        <v>1</v>
      </c>
      <c r="BS1064" s="6">
        <v>1</v>
      </c>
      <c r="BT1064" s="6">
        <v>1</v>
      </c>
      <c r="BU1064" s="6">
        <v>1</v>
      </c>
      <c r="BV1064" s="6">
        <v>1</v>
      </c>
      <c r="BW1064" s="6">
        <v>1</v>
      </c>
      <c r="BX1064" s="6">
        <v>1</v>
      </c>
      <c r="BY1064" s="6">
        <v>1</v>
      </c>
      <c r="BZ1064" s="6">
        <v>1</v>
      </c>
      <c r="CA1064" s="6">
        <v>2</v>
      </c>
      <c r="CB1064" s="6">
        <v>2</v>
      </c>
      <c r="CC1064" s="11">
        <v>2</v>
      </c>
      <c r="CD1064" s="11">
        <v>33.212800000000001</v>
      </c>
      <c r="CE1064" s="11">
        <v>-9.2791099999999993</v>
      </c>
      <c r="CF1064" s="11">
        <v>6.2287800000000004</v>
      </c>
      <c r="CG1064" s="11">
        <v>-3</v>
      </c>
      <c r="CH1064" s="20">
        <v>0.90745799999999999</v>
      </c>
      <c r="CI1064" s="20">
        <v>0.89641199999999999</v>
      </c>
      <c r="CJ1064" s="20">
        <v>1.04606</v>
      </c>
      <c r="CK1064" s="20">
        <v>0.99892599999999998</v>
      </c>
      <c r="CL1064" s="20">
        <v>1.0922499999999999</v>
      </c>
      <c r="CM1064" s="20">
        <v>1.3019499999999999</v>
      </c>
      <c r="CN1064" s="20">
        <v>1.3933199999999999</v>
      </c>
      <c r="CO1064" s="20">
        <v>0.56887100000000002</v>
      </c>
      <c r="CP1064" s="20">
        <v>0.72873600000000005</v>
      </c>
      <c r="CQ1064" s="20">
        <v>0.81384299999999998</v>
      </c>
      <c r="CR1064" s="20">
        <v>1.03759</v>
      </c>
      <c r="CS1064" s="20">
        <v>1.5390699999999999</v>
      </c>
      <c r="CT1064" s="20">
        <v>1.4614100000000001</v>
      </c>
      <c r="CU1064" s="20">
        <v>1.67445</v>
      </c>
      <c r="CV1064" s="20">
        <v>1.6916500000000001</v>
      </c>
      <c r="CW1064" s="20">
        <v>1.62514</v>
      </c>
      <c r="CX1064" s="20">
        <v>1.6432</v>
      </c>
      <c r="CY1064" s="6" t="s">
        <v>560</v>
      </c>
      <c r="CZ1064" s="6" t="s">
        <v>561</v>
      </c>
      <c r="DA1064" s="6" t="s">
        <v>66</v>
      </c>
      <c r="DB1064" s="6"/>
      <c r="DC1064" s="6">
        <v>30060</v>
      </c>
      <c r="DD1064" s="6"/>
      <c r="DE1064" s="6" t="s">
        <v>563</v>
      </c>
      <c r="DF1064" s="6" t="s">
        <v>363</v>
      </c>
      <c r="DG1064" s="6" t="s">
        <v>364</v>
      </c>
      <c r="DH1064" s="6" t="s">
        <v>365</v>
      </c>
      <c r="DI1064" s="6"/>
      <c r="DJ1064" s="6">
        <v>29</v>
      </c>
      <c r="DK1064" s="6">
        <v>105</v>
      </c>
      <c r="DL1064" s="6">
        <v>5</v>
      </c>
      <c r="DM1064" s="6" t="s">
        <v>392</v>
      </c>
      <c r="DN1064" s="6">
        <v>6</v>
      </c>
      <c r="DO1064" s="6" t="s">
        <v>393</v>
      </c>
      <c r="DP1064" s="6"/>
      <c r="DQ1064" s="6"/>
    </row>
    <row r="1065" spans="1:121" x14ac:dyDescent="0.2">
      <c r="A1065" s="6" t="s">
        <v>312</v>
      </c>
      <c r="B1065" s="6" t="s">
        <v>312</v>
      </c>
      <c r="C1065" s="6" t="s">
        <v>175</v>
      </c>
      <c r="D1065" s="6" t="s">
        <v>66</v>
      </c>
      <c r="E1065" s="6" t="s">
        <v>207</v>
      </c>
      <c r="F1065" s="11">
        <v>19</v>
      </c>
      <c r="G1065" s="13">
        <v>2.9874213836500001E-2</v>
      </c>
      <c r="H1065" s="11">
        <v>222.00257822900005</v>
      </c>
      <c r="I1065" s="13">
        <v>0.34916866415961312</v>
      </c>
      <c r="J1065" s="11">
        <v>-193.83868623400008</v>
      </c>
      <c r="K1065" s="13">
        <v>-0.22597034839520441</v>
      </c>
      <c r="L1065" s="11">
        <v>-8.9982053139999607</v>
      </c>
      <c r="M1065" s="13">
        <v>-1.3552184261198268E-2</v>
      </c>
      <c r="N1065" s="11">
        <v>-202.83689154800004</v>
      </c>
      <c r="O1065" s="13">
        <v>-0.23646014085738368</v>
      </c>
      <c r="P1065" s="7">
        <v>635.803269355</v>
      </c>
      <c r="Q1065" s="7">
        <v>650.42152765100002</v>
      </c>
      <c r="R1065" s="7">
        <v>686.94865500100002</v>
      </c>
      <c r="S1065" s="7">
        <v>766.20352413499995</v>
      </c>
      <c r="T1065" s="7">
        <v>828.16020179600002</v>
      </c>
      <c r="U1065" s="7">
        <v>835.56466226199996</v>
      </c>
      <c r="V1065" s="7">
        <v>857.80584758400005</v>
      </c>
      <c r="W1065" s="7">
        <v>817.12135658800003</v>
      </c>
      <c r="X1065" s="7">
        <v>747.05013589600003</v>
      </c>
      <c r="Y1065" s="7">
        <v>663.96716134999997</v>
      </c>
      <c r="Z1065" s="7">
        <v>618.32053962800001</v>
      </c>
      <c r="AA1065" s="7">
        <v>590.90453690300001</v>
      </c>
      <c r="AB1065" s="7">
        <v>544.36386877500001</v>
      </c>
      <c r="AC1065" s="7">
        <v>610.03419100600001</v>
      </c>
      <c r="AD1065" s="7">
        <v>648.78980618100002</v>
      </c>
      <c r="AE1065" s="7">
        <v>649.58469365400003</v>
      </c>
      <c r="AF1065" s="7">
        <v>654.96895603600001</v>
      </c>
      <c r="AG1065" s="9">
        <v>9030.6224271999963</v>
      </c>
      <c r="AH1065" s="13">
        <v>0.34628560304251255</v>
      </c>
      <c r="AI1065" s="9">
        <v>1633.8034489999991</v>
      </c>
      <c r="AJ1065" s="13">
        <v>6.2649348608113609E-2</v>
      </c>
      <c r="AK1065" s="9">
        <v>3046.3554301000004</v>
      </c>
      <c r="AL1065" s="13">
        <v>0.10992775121256572</v>
      </c>
      <c r="AM1065" s="9">
        <v>4350.4635480999968</v>
      </c>
      <c r="AN1065" s="13">
        <v>0.14143848473191836</v>
      </c>
      <c r="AO1065" s="9">
        <v>7396.8189781999972</v>
      </c>
      <c r="AP1065" s="13">
        <v>0.26691425050597667</v>
      </c>
      <c r="AQ1065" s="9">
        <v>26078.5384892</v>
      </c>
      <c r="AR1065" s="9">
        <v>26610.214309300001</v>
      </c>
      <c r="AS1065" s="9">
        <v>26814.720097400001</v>
      </c>
      <c r="AT1065" s="9">
        <v>26510.941594299999</v>
      </c>
      <c r="AU1065" s="9">
        <v>26595.158645799998</v>
      </c>
      <c r="AV1065" s="9">
        <v>27001.112938900002</v>
      </c>
      <c r="AW1065" s="9">
        <v>27712.341938199999</v>
      </c>
      <c r="AX1065" s="9">
        <v>28108.943308900001</v>
      </c>
      <c r="AY1065" s="9">
        <v>29019.663082999999</v>
      </c>
      <c r="AZ1065" s="9">
        <v>30758.6973683</v>
      </c>
      <c r="BA1065" s="9">
        <v>31736.757280900001</v>
      </c>
      <c r="BB1065" s="9">
        <v>33923.770156400002</v>
      </c>
      <c r="BC1065" s="9">
        <v>35490.811817499998</v>
      </c>
      <c r="BD1065" s="9">
        <v>33266.235175299997</v>
      </c>
      <c r="BE1065" s="9">
        <v>34335.899312499998</v>
      </c>
      <c r="BF1065" s="9">
        <v>35109.160916399996</v>
      </c>
      <c r="BG1065" s="11">
        <v>-18.5</v>
      </c>
      <c r="BH1065" s="13">
        <v>-0.23417721518987342</v>
      </c>
      <c r="BI1065" s="6">
        <v>24</v>
      </c>
      <c r="BJ1065" s="13">
        <v>0.30379746835443039</v>
      </c>
      <c r="BK1065" s="6">
        <v>-18</v>
      </c>
      <c r="BL1065" s="13">
        <v>-0.17475728155339806</v>
      </c>
      <c r="BM1065" s="11">
        <v>-24.5</v>
      </c>
      <c r="BN1065" s="13">
        <v>-0.28823529411764703</v>
      </c>
      <c r="BO1065" s="11">
        <v>-42.5</v>
      </c>
      <c r="BP1065" s="13">
        <v>-0.41262135922330095</v>
      </c>
      <c r="BQ1065" s="6">
        <v>79</v>
      </c>
      <c r="BR1065" s="6">
        <v>88</v>
      </c>
      <c r="BS1065" s="6">
        <v>101</v>
      </c>
      <c r="BT1065" s="6">
        <v>103</v>
      </c>
      <c r="BU1065" s="6">
        <v>102</v>
      </c>
      <c r="BV1065" s="6">
        <v>92</v>
      </c>
      <c r="BW1065" s="6">
        <v>85</v>
      </c>
      <c r="BX1065" s="6">
        <v>77</v>
      </c>
      <c r="BY1065" s="6">
        <v>64</v>
      </c>
      <c r="BZ1065" s="6">
        <v>54</v>
      </c>
      <c r="CA1065" s="6">
        <v>58</v>
      </c>
      <c r="CB1065" s="6">
        <v>60</v>
      </c>
      <c r="CC1065" s="11">
        <v>60.5</v>
      </c>
      <c r="CD1065" s="11">
        <v>26.6767</v>
      </c>
      <c r="CE1065" s="11">
        <v>-77.012</v>
      </c>
      <c r="CF1065" s="11">
        <v>69.501000000000005</v>
      </c>
      <c r="CG1065" s="11">
        <v>-7</v>
      </c>
      <c r="CH1065" s="20">
        <v>0.69809699999999997</v>
      </c>
      <c r="CI1065" s="20">
        <v>0.71497500000000003</v>
      </c>
      <c r="CJ1065" s="20">
        <v>0.76575000000000004</v>
      </c>
      <c r="CK1065" s="20">
        <v>0.807087</v>
      </c>
      <c r="CL1065" s="20">
        <v>0.811469</v>
      </c>
      <c r="CM1065" s="20">
        <v>0.76814000000000004</v>
      </c>
      <c r="CN1065" s="20">
        <v>0.81351600000000002</v>
      </c>
      <c r="CO1065" s="20">
        <v>0.83554499999999998</v>
      </c>
      <c r="CP1065" s="20">
        <v>0.96192200000000005</v>
      </c>
      <c r="CQ1065" s="20">
        <v>0.91156199999999998</v>
      </c>
      <c r="CR1065" s="20">
        <v>0.87251500000000004</v>
      </c>
      <c r="CS1065" s="20">
        <v>0.82677199999999995</v>
      </c>
      <c r="CT1065" s="20">
        <v>0.76255399999999995</v>
      </c>
      <c r="CU1065" s="20">
        <v>0.81877</v>
      </c>
      <c r="CV1065" s="20">
        <v>0.83632099999999998</v>
      </c>
      <c r="CW1065" s="20">
        <v>0.81471400000000005</v>
      </c>
      <c r="CX1065" s="20">
        <v>0.81553299999999995</v>
      </c>
      <c r="CY1065" s="6" t="s">
        <v>560</v>
      </c>
      <c r="CZ1065" s="6" t="s">
        <v>561</v>
      </c>
      <c r="DA1065" s="6" t="s">
        <v>66</v>
      </c>
      <c r="DB1065" s="6"/>
      <c r="DC1065" s="6">
        <v>30060</v>
      </c>
      <c r="DD1065" s="6"/>
      <c r="DE1065" s="6" t="s">
        <v>563</v>
      </c>
      <c r="DF1065" s="6" t="s">
        <v>363</v>
      </c>
      <c r="DG1065" s="6" t="s">
        <v>364</v>
      </c>
      <c r="DH1065" s="6" t="s">
        <v>365</v>
      </c>
      <c r="DI1065" s="6"/>
      <c r="DJ1065" s="6">
        <v>29</v>
      </c>
      <c r="DK1065" s="6">
        <v>105</v>
      </c>
      <c r="DL1065" s="6">
        <v>5</v>
      </c>
      <c r="DM1065" s="6" t="s">
        <v>392</v>
      </c>
      <c r="DN1065" s="6">
        <v>6</v>
      </c>
      <c r="DO1065" s="6" t="s">
        <v>393</v>
      </c>
      <c r="DP1065" s="6"/>
      <c r="DQ1065" s="6"/>
    </row>
    <row r="1066" spans="1:121" x14ac:dyDescent="0.2">
      <c r="A1066" s="6" t="s">
        <v>792</v>
      </c>
      <c r="B1066" s="6" t="s">
        <v>176</v>
      </c>
      <c r="C1066" s="6" t="s">
        <v>177</v>
      </c>
      <c r="D1066" s="6" t="s">
        <v>66</v>
      </c>
      <c r="E1066" s="6" t="s">
        <v>207</v>
      </c>
      <c r="F1066" s="11">
        <v>-744</v>
      </c>
      <c r="G1066" s="13">
        <v>-0.13800779076200001</v>
      </c>
      <c r="H1066" s="11">
        <v>-523.42607479000071</v>
      </c>
      <c r="I1066" s="13">
        <v>-9.7091520434592252E-2</v>
      </c>
      <c r="J1066" s="11">
        <v>-1151.9586731599998</v>
      </c>
      <c r="K1066" s="13">
        <v>-0.23665686978095313</v>
      </c>
      <c r="L1066" s="11">
        <v>931.11387198000057</v>
      </c>
      <c r="M1066" s="13">
        <v>0.25059085182423319</v>
      </c>
      <c r="N1066" s="11">
        <v>-220.84480117999919</v>
      </c>
      <c r="O1066" s="13">
        <v>-4.53700645451856E-2</v>
      </c>
      <c r="P1066" s="7">
        <v>5391.0585852100003</v>
      </c>
      <c r="Q1066" s="7">
        <v>5273.1179118299997</v>
      </c>
      <c r="R1066" s="7">
        <v>4721.7173796799998</v>
      </c>
      <c r="S1066" s="7">
        <v>4672.1840463899998</v>
      </c>
      <c r="T1066" s="7">
        <v>5177.6676148400002</v>
      </c>
      <c r="U1066" s="7">
        <v>4927.7694396400002</v>
      </c>
      <c r="V1066" s="7">
        <v>4867.6325104199996</v>
      </c>
      <c r="W1066" s="7">
        <v>5154.0557026500001</v>
      </c>
      <c r="X1066" s="7">
        <v>3623.1461055200002</v>
      </c>
      <c r="Y1066" s="7">
        <v>3715.6738372599998</v>
      </c>
      <c r="Z1066" s="7">
        <v>3830.1581259300001</v>
      </c>
      <c r="AA1066" s="7">
        <v>4084.8903306500001</v>
      </c>
      <c r="AB1066" s="7">
        <v>4047.3888340200001</v>
      </c>
      <c r="AC1066" s="7">
        <v>4347.9936579200003</v>
      </c>
      <c r="AD1066" s="7">
        <v>4378.9626895900001</v>
      </c>
      <c r="AE1066" s="7">
        <v>4589.1117699400002</v>
      </c>
      <c r="AF1066" s="7">
        <v>4646.7877092400004</v>
      </c>
      <c r="AG1066" s="9">
        <v>17645.324499000002</v>
      </c>
      <c r="AH1066" s="13">
        <v>0.54608754024174933</v>
      </c>
      <c r="AI1066" s="9">
        <v>6997.0912336999972</v>
      </c>
      <c r="AJ1066" s="13">
        <v>0.21654599442899927</v>
      </c>
      <c r="AK1066" s="9">
        <v>5507.2799901000035</v>
      </c>
      <c r="AL1066" s="13">
        <v>0.14010100206981371</v>
      </c>
      <c r="AM1066" s="9">
        <v>5140.9532752000014</v>
      </c>
      <c r="AN1066" s="13">
        <v>0.11471082793047915</v>
      </c>
      <c r="AO1066" s="9">
        <v>10648.233265300005</v>
      </c>
      <c r="AP1066" s="13">
        <v>0.270882931941611</v>
      </c>
      <c r="AQ1066" s="9">
        <v>32312.2635085</v>
      </c>
      <c r="AR1066" s="9">
        <v>33459.5721701</v>
      </c>
      <c r="AS1066" s="9">
        <v>36603.999077200002</v>
      </c>
      <c r="AT1066" s="9">
        <v>37646.330104300003</v>
      </c>
      <c r="AU1066" s="9">
        <v>40310.2835796</v>
      </c>
      <c r="AV1066" s="9">
        <v>38783.835305699999</v>
      </c>
      <c r="AW1066" s="9">
        <v>39309.354742199997</v>
      </c>
      <c r="AX1066" s="9">
        <v>39966.6131246</v>
      </c>
      <c r="AY1066" s="9">
        <v>42057.032675100003</v>
      </c>
      <c r="AZ1066" s="9">
        <v>44816.634732300001</v>
      </c>
      <c r="BA1066" s="9">
        <v>44748.877943</v>
      </c>
      <c r="BB1066" s="9">
        <v>45372.303482700001</v>
      </c>
      <c r="BC1066" s="9">
        <v>45587.603749900001</v>
      </c>
      <c r="BD1066" s="9">
        <v>47260.519636500001</v>
      </c>
      <c r="BE1066" s="9">
        <v>48488.153832299999</v>
      </c>
      <c r="BF1066" s="9">
        <v>49957.588007500002</v>
      </c>
      <c r="BG1066" s="11">
        <v>-3.5</v>
      </c>
      <c r="BH1066" s="13">
        <v>-5.6451612903225805E-2</v>
      </c>
      <c r="BI1066" s="6">
        <v>9</v>
      </c>
      <c r="BJ1066" s="13">
        <v>0.14516129032258066</v>
      </c>
      <c r="BK1066" s="6">
        <v>-11</v>
      </c>
      <c r="BL1066" s="13">
        <v>-0.15492957746478872</v>
      </c>
      <c r="BM1066" s="11">
        <v>-1.5</v>
      </c>
      <c r="BN1066" s="13">
        <v>-2.5000000000000001E-2</v>
      </c>
      <c r="BO1066" s="11">
        <v>-12.5</v>
      </c>
      <c r="BP1066" s="13">
        <v>-0.176056338028169</v>
      </c>
      <c r="BQ1066" s="6">
        <v>62</v>
      </c>
      <c r="BR1066" s="6">
        <v>66</v>
      </c>
      <c r="BS1066" s="6">
        <v>67</v>
      </c>
      <c r="BT1066" s="6">
        <v>71</v>
      </c>
      <c r="BU1066" s="6">
        <v>70</v>
      </c>
      <c r="BV1066" s="6">
        <v>65</v>
      </c>
      <c r="BW1066" s="6">
        <v>60</v>
      </c>
      <c r="BX1066" s="6">
        <v>60</v>
      </c>
      <c r="BY1066" s="6">
        <v>58</v>
      </c>
      <c r="BZ1066" s="6">
        <v>57</v>
      </c>
      <c r="CA1066" s="6">
        <v>59</v>
      </c>
      <c r="CB1066" s="6">
        <v>59</v>
      </c>
      <c r="CC1066" s="11">
        <v>58.5</v>
      </c>
      <c r="CD1066" s="11">
        <v>569.34500000000003</v>
      </c>
      <c r="CE1066" s="11">
        <v>-1902.92</v>
      </c>
      <c r="CF1066" s="11">
        <v>589.30799999999999</v>
      </c>
      <c r="CG1066" s="11">
        <v>-1314</v>
      </c>
      <c r="CH1066" s="20">
        <v>3.0918800000000002</v>
      </c>
      <c r="CI1066" s="20">
        <v>3.2355800000000001</v>
      </c>
      <c r="CJ1066" s="20">
        <v>3.14059</v>
      </c>
      <c r="CK1066" s="20">
        <v>3.1103499999999999</v>
      </c>
      <c r="CL1066" s="20">
        <v>3.3763100000000001</v>
      </c>
      <c r="CM1066" s="20">
        <v>3.1599900000000001</v>
      </c>
      <c r="CN1066" s="20">
        <v>3.2600799999999999</v>
      </c>
      <c r="CO1066" s="20">
        <v>3.6414900000000001</v>
      </c>
      <c r="CP1066" s="20">
        <v>3.1758899999999999</v>
      </c>
      <c r="CQ1066" s="20">
        <v>3.2851699999999999</v>
      </c>
      <c r="CR1066" s="20">
        <v>3.37696</v>
      </c>
      <c r="CS1066" s="20">
        <v>3.5454500000000002</v>
      </c>
      <c r="CT1066" s="20">
        <v>3.5724300000000002</v>
      </c>
      <c r="CU1066" s="20">
        <v>3.7672099999999999</v>
      </c>
      <c r="CV1066" s="20">
        <v>3.7459600000000002</v>
      </c>
      <c r="CW1066" s="20">
        <v>3.9029500000000001</v>
      </c>
      <c r="CX1066" s="20">
        <v>3.9487000000000001</v>
      </c>
      <c r="CY1066" s="6" t="s">
        <v>560</v>
      </c>
      <c r="CZ1066" s="6" t="s">
        <v>561</v>
      </c>
      <c r="DA1066" s="6" t="s">
        <v>66</v>
      </c>
      <c r="DB1066" s="6"/>
      <c r="DC1066" s="6">
        <v>30060</v>
      </c>
      <c r="DD1066" s="6"/>
      <c r="DE1066" s="6" t="s">
        <v>563</v>
      </c>
      <c r="DF1066" s="6" t="s">
        <v>363</v>
      </c>
      <c r="DG1066" s="6" t="s">
        <v>364</v>
      </c>
      <c r="DH1066" s="6" t="s">
        <v>365</v>
      </c>
      <c r="DI1066" s="6"/>
      <c r="DJ1066" s="6">
        <v>29</v>
      </c>
      <c r="DK1066" s="6">
        <v>105</v>
      </c>
      <c r="DL1066" s="6">
        <v>5</v>
      </c>
      <c r="DM1066" s="6" t="s">
        <v>392</v>
      </c>
      <c r="DN1066" s="6">
        <v>6</v>
      </c>
      <c r="DO1066" s="6" t="s">
        <v>393</v>
      </c>
      <c r="DP1066" s="6"/>
      <c r="DQ1066" s="6"/>
    </row>
    <row r="1067" spans="1:121" x14ac:dyDescent="0.2">
      <c r="A1067" s="6" t="s">
        <v>313</v>
      </c>
      <c r="B1067" s="6" t="s">
        <v>313</v>
      </c>
      <c r="C1067" s="6" t="s">
        <v>178</v>
      </c>
      <c r="D1067" s="6" t="s">
        <v>66</v>
      </c>
      <c r="E1067" s="6" t="s">
        <v>207</v>
      </c>
      <c r="F1067" s="11">
        <v>-176</v>
      </c>
      <c r="G1067" s="13">
        <v>-0.32532347504600001</v>
      </c>
      <c r="H1067" s="11">
        <v>-41.215469128000052</v>
      </c>
      <c r="I1067" s="13">
        <v>-7.6152835890690898E-2</v>
      </c>
      <c r="J1067" s="11">
        <v>-17.236925353000004</v>
      </c>
      <c r="K1067" s="13">
        <v>-3.4473509989132442E-2</v>
      </c>
      <c r="L1067" s="11">
        <v>-117.96163830299997</v>
      </c>
      <c r="M1067" s="13">
        <v>-0.24434435236762991</v>
      </c>
      <c r="N1067" s="11">
        <v>-135.19856365599998</v>
      </c>
      <c r="O1067" s="13">
        <v>-0.27039445488462877</v>
      </c>
      <c r="P1067" s="7">
        <v>541.22041084800003</v>
      </c>
      <c r="Q1067" s="7">
        <v>504.277094358</v>
      </c>
      <c r="R1067" s="7">
        <v>487.67300870299999</v>
      </c>
      <c r="S1067" s="7">
        <v>490.51418390100002</v>
      </c>
      <c r="T1067" s="7">
        <v>508.98636388300002</v>
      </c>
      <c r="U1067" s="7">
        <v>483.084223339</v>
      </c>
      <c r="V1067" s="7">
        <v>500.00494171999998</v>
      </c>
      <c r="W1067" s="7">
        <v>493.27171566200002</v>
      </c>
      <c r="X1067" s="7">
        <v>444.44890321499997</v>
      </c>
      <c r="Y1067" s="7">
        <v>482.76801636699997</v>
      </c>
      <c r="Z1067" s="7">
        <v>462.91016347800002</v>
      </c>
      <c r="AA1067" s="7">
        <v>459.88643759299998</v>
      </c>
      <c r="AB1067" s="7">
        <v>425.66967945499999</v>
      </c>
      <c r="AC1067" s="7">
        <v>405.59876313400002</v>
      </c>
      <c r="AD1067" s="7">
        <v>383.19986580199998</v>
      </c>
      <c r="AE1067" s="7">
        <v>370.58408530999998</v>
      </c>
      <c r="AF1067" s="7">
        <v>364.806378064</v>
      </c>
      <c r="AG1067" s="9">
        <v>14515.319510099998</v>
      </c>
      <c r="AH1067" s="13">
        <v>0.54200903197041028</v>
      </c>
      <c r="AI1067" s="9">
        <v>8093.6668542000007</v>
      </c>
      <c r="AJ1067" s="13">
        <v>0.3022214243154277</v>
      </c>
      <c r="AK1067" s="9">
        <v>2908.6357382999995</v>
      </c>
      <c r="AL1067" s="13">
        <v>8.3403528325029522E-2</v>
      </c>
      <c r="AM1067" s="9">
        <v>3513.0169175999981</v>
      </c>
      <c r="AN1067" s="13">
        <v>9.2979045425417378E-2</v>
      </c>
      <c r="AO1067" s="9">
        <v>6421.6526558999976</v>
      </c>
      <c r="AP1067" s="13">
        <v>0.18413735419921989</v>
      </c>
      <c r="AQ1067" s="9">
        <v>26780.5860307</v>
      </c>
      <c r="AR1067" s="9">
        <v>28413.944951000001</v>
      </c>
      <c r="AS1067" s="9">
        <v>30291.322633</v>
      </c>
      <c r="AT1067" s="9">
        <v>31385.0726598</v>
      </c>
      <c r="AU1067" s="9">
        <v>31040.536573900001</v>
      </c>
      <c r="AV1067" s="9">
        <v>33932.593400799997</v>
      </c>
      <c r="AW1067" s="9">
        <v>34874.252884900001</v>
      </c>
      <c r="AX1067" s="9">
        <v>33639.236566799998</v>
      </c>
      <c r="AY1067" s="9">
        <v>36894.746110499997</v>
      </c>
      <c r="AZ1067" s="9">
        <v>37782.8886232</v>
      </c>
      <c r="BA1067" s="9">
        <v>38838.5603806</v>
      </c>
      <c r="BB1067" s="9">
        <v>39727.076845700001</v>
      </c>
      <c r="BC1067" s="9">
        <v>38852.803065200002</v>
      </c>
      <c r="BD1067" s="9">
        <v>39135.515987799998</v>
      </c>
      <c r="BE1067" s="9">
        <v>40124.097567299999</v>
      </c>
      <c r="BF1067" s="9">
        <v>41295.905540799999</v>
      </c>
      <c r="BG1067" s="11">
        <v>0</v>
      </c>
      <c r="BH1067" s="13">
        <v>0</v>
      </c>
      <c r="BI1067" s="6">
        <v>-3</v>
      </c>
      <c r="BJ1067" s="13">
        <v>-6.8181818181818177E-2</v>
      </c>
      <c r="BK1067" s="6">
        <v>1</v>
      </c>
      <c r="BL1067" s="13">
        <v>2.4390243902439025E-2</v>
      </c>
      <c r="BM1067" s="11">
        <v>2</v>
      </c>
      <c r="BN1067" s="13">
        <v>4.7619047619047616E-2</v>
      </c>
      <c r="BO1067" s="11">
        <v>3</v>
      </c>
      <c r="BP1067" s="13">
        <v>7.3170731707317069E-2</v>
      </c>
      <c r="BQ1067" s="6">
        <v>44</v>
      </c>
      <c r="BR1067" s="6">
        <v>44</v>
      </c>
      <c r="BS1067" s="6">
        <v>42</v>
      </c>
      <c r="BT1067" s="6">
        <v>41</v>
      </c>
      <c r="BU1067" s="6">
        <v>42</v>
      </c>
      <c r="BV1067" s="6">
        <v>42</v>
      </c>
      <c r="BW1067" s="6">
        <v>42</v>
      </c>
      <c r="BX1067" s="6">
        <v>41</v>
      </c>
      <c r="BY1067" s="6">
        <v>45</v>
      </c>
      <c r="BZ1067" s="6">
        <v>45</v>
      </c>
      <c r="CA1067" s="6">
        <v>46</v>
      </c>
      <c r="CB1067" s="6">
        <v>46</v>
      </c>
      <c r="CC1067" s="11">
        <v>44</v>
      </c>
      <c r="CD1067" s="11">
        <v>-191.322</v>
      </c>
      <c r="CE1067" s="11">
        <v>-44.254300000000001</v>
      </c>
      <c r="CF1067" s="11">
        <v>59.161900000000003</v>
      </c>
      <c r="CG1067" s="11">
        <v>15</v>
      </c>
      <c r="CH1067" s="20">
        <v>0.87171799999999999</v>
      </c>
      <c r="CI1067" s="20">
        <v>0.82531299999999996</v>
      </c>
      <c r="CJ1067" s="20">
        <v>0.82703800000000005</v>
      </c>
      <c r="CK1067" s="20">
        <v>0.81287600000000004</v>
      </c>
      <c r="CL1067" s="20">
        <v>0.80662699999999998</v>
      </c>
      <c r="CM1067" s="20">
        <v>0.73251200000000005</v>
      </c>
      <c r="CN1067" s="20">
        <v>0.76381200000000005</v>
      </c>
      <c r="CO1067" s="20">
        <v>0.77454400000000001</v>
      </c>
      <c r="CP1067" s="20">
        <v>0.81845500000000004</v>
      </c>
      <c r="CQ1067" s="20">
        <v>0.88777799999999996</v>
      </c>
      <c r="CR1067" s="20">
        <v>0.85261699999999996</v>
      </c>
      <c r="CS1067" s="20">
        <v>0.83287599999999995</v>
      </c>
      <c r="CT1067" s="20">
        <v>0.779528</v>
      </c>
      <c r="CU1067" s="20">
        <v>0.73003099999999999</v>
      </c>
      <c r="CV1067" s="20">
        <v>0.68141600000000002</v>
      </c>
      <c r="CW1067" s="20">
        <v>0.65685000000000004</v>
      </c>
      <c r="CX1067" s="20">
        <v>0.64081100000000002</v>
      </c>
      <c r="CY1067" s="6" t="s">
        <v>560</v>
      </c>
      <c r="CZ1067" s="6" t="s">
        <v>561</v>
      </c>
      <c r="DA1067" s="6" t="s">
        <v>66</v>
      </c>
      <c r="DB1067" s="6"/>
      <c r="DC1067" s="6">
        <v>30060</v>
      </c>
      <c r="DD1067" s="6"/>
      <c r="DE1067" s="6" t="s">
        <v>563</v>
      </c>
      <c r="DF1067" s="6" t="s">
        <v>363</v>
      </c>
      <c r="DG1067" s="6" t="s">
        <v>364</v>
      </c>
      <c r="DH1067" s="6" t="s">
        <v>365</v>
      </c>
      <c r="DI1067" s="6"/>
      <c r="DJ1067" s="6">
        <v>29</v>
      </c>
      <c r="DK1067" s="6">
        <v>105</v>
      </c>
      <c r="DL1067" s="6">
        <v>5</v>
      </c>
      <c r="DM1067" s="6" t="s">
        <v>392</v>
      </c>
      <c r="DN1067" s="6">
        <v>6</v>
      </c>
      <c r="DO1067" s="6" t="s">
        <v>393</v>
      </c>
      <c r="DP1067" s="6"/>
      <c r="DQ1067" s="6"/>
    </row>
    <row r="1068" spans="1:121" x14ac:dyDescent="0.2">
      <c r="A1068" s="6" t="s">
        <v>793</v>
      </c>
      <c r="B1068" s="6" t="s">
        <v>179</v>
      </c>
      <c r="C1068" s="6" t="s">
        <v>180</v>
      </c>
      <c r="D1068" s="6" t="s">
        <v>66</v>
      </c>
      <c r="E1068" s="6" t="s">
        <v>207</v>
      </c>
      <c r="F1068" s="11">
        <v>-147</v>
      </c>
      <c r="G1068" s="13">
        <v>-7.0000000000000007E-2</v>
      </c>
      <c r="H1068" s="11">
        <v>-65</v>
      </c>
      <c r="I1068" s="13">
        <v>-2.9532030895047707E-2</v>
      </c>
      <c r="J1068" s="11">
        <v>-95</v>
      </c>
      <c r="K1068" s="13">
        <v>-4.4475655430711608E-2</v>
      </c>
      <c r="L1068" s="11">
        <v>13</v>
      </c>
      <c r="M1068" s="13">
        <v>6.369426751592357E-3</v>
      </c>
      <c r="N1068" s="11">
        <v>-82</v>
      </c>
      <c r="O1068" s="13">
        <v>-3.8389513108614229E-2</v>
      </c>
      <c r="P1068" s="7">
        <v>2201</v>
      </c>
      <c r="Q1068" s="7">
        <v>2224</v>
      </c>
      <c r="R1068" s="7">
        <v>2185</v>
      </c>
      <c r="S1068" s="7">
        <v>2160</v>
      </c>
      <c r="T1068" s="7">
        <v>2255</v>
      </c>
      <c r="U1068" s="7">
        <v>2244</v>
      </c>
      <c r="V1068" s="7">
        <v>2136</v>
      </c>
      <c r="W1068" s="7">
        <v>2091</v>
      </c>
      <c r="X1068" s="7">
        <v>2068</v>
      </c>
      <c r="Y1068" s="7">
        <v>2041</v>
      </c>
      <c r="Z1068" s="7">
        <v>2031</v>
      </c>
      <c r="AA1068" s="7">
        <v>1982</v>
      </c>
      <c r="AB1068" s="7">
        <v>1947</v>
      </c>
      <c r="AC1068" s="7">
        <v>1958</v>
      </c>
      <c r="AD1068" s="7">
        <v>2041</v>
      </c>
      <c r="AE1068" s="7">
        <v>2032</v>
      </c>
      <c r="AF1068" s="7">
        <v>2054</v>
      </c>
      <c r="AG1068" s="9">
        <v>8249</v>
      </c>
      <c r="AH1068" s="13">
        <v>0.39070714725524558</v>
      </c>
      <c r="AI1068" s="9">
        <v>4985</v>
      </c>
      <c r="AJ1068" s="13">
        <v>0.23611045327523328</v>
      </c>
      <c r="AK1068" s="9">
        <v>786</v>
      </c>
      <c r="AL1068" s="13">
        <v>3.0117250364012568E-2</v>
      </c>
      <c r="AM1068" s="9">
        <v>2478</v>
      </c>
      <c r="AN1068" s="13">
        <v>9.2173783663145353E-2</v>
      </c>
      <c r="AO1068" s="9">
        <v>3264</v>
      </c>
      <c r="AP1068" s="13">
        <v>0.12506705494673925</v>
      </c>
      <c r="AQ1068" s="9">
        <v>21113</v>
      </c>
      <c r="AR1068" s="9">
        <v>21691</v>
      </c>
      <c r="AS1068" s="9">
        <v>22989</v>
      </c>
      <c r="AT1068" s="9">
        <v>23338</v>
      </c>
      <c r="AU1068" s="9">
        <v>24282</v>
      </c>
      <c r="AV1068" s="9">
        <v>25108</v>
      </c>
      <c r="AW1068" s="9">
        <v>26098</v>
      </c>
      <c r="AX1068" s="9">
        <v>26273</v>
      </c>
      <c r="AY1068" s="9">
        <v>26600</v>
      </c>
      <c r="AZ1068" s="9">
        <v>26884</v>
      </c>
      <c r="BA1068" s="9">
        <v>26545</v>
      </c>
      <c r="BB1068" s="9">
        <v>26851</v>
      </c>
      <c r="BC1068" s="9">
        <v>28873</v>
      </c>
      <c r="BD1068" s="9">
        <v>29547</v>
      </c>
      <c r="BE1068" s="9">
        <v>29969</v>
      </c>
      <c r="BF1068" s="9">
        <v>29362</v>
      </c>
      <c r="BG1068" s="11">
        <v>-33</v>
      </c>
      <c r="BH1068" s="13">
        <v>-0.17741935483870969</v>
      </c>
      <c r="BI1068" s="6">
        <v>-19</v>
      </c>
      <c r="BJ1068" s="13">
        <v>-0.10215053763440861</v>
      </c>
      <c r="BK1068" s="6">
        <v>7</v>
      </c>
      <c r="BL1068" s="13">
        <v>4.1916167664670656E-2</v>
      </c>
      <c r="BM1068" s="11">
        <v>-21</v>
      </c>
      <c r="BN1068" s="13">
        <v>-0.1206896551724138</v>
      </c>
      <c r="BO1068" s="11">
        <v>-14</v>
      </c>
      <c r="BP1068" s="13">
        <v>-8.3832335329341312E-2</v>
      </c>
      <c r="BQ1068" s="6">
        <v>186</v>
      </c>
      <c r="BR1068" s="6">
        <v>181</v>
      </c>
      <c r="BS1068" s="6">
        <v>178</v>
      </c>
      <c r="BT1068" s="6">
        <v>167</v>
      </c>
      <c r="BU1068" s="6">
        <v>169</v>
      </c>
      <c r="BV1068" s="6">
        <v>175</v>
      </c>
      <c r="BW1068" s="6">
        <v>174</v>
      </c>
      <c r="BX1068" s="6">
        <v>170</v>
      </c>
      <c r="BY1068" s="6">
        <v>166</v>
      </c>
      <c r="BZ1068" s="6">
        <v>165</v>
      </c>
      <c r="CA1068" s="6">
        <v>158</v>
      </c>
      <c r="CB1068" s="6">
        <v>154</v>
      </c>
      <c r="CC1068" s="11">
        <v>153</v>
      </c>
      <c r="CD1068" s="11">
        <v>-247</v>
      </c>
      <c r="CE1068" s="11">
        <v>-141</v>
      </c>
      <c r="CF1068" s="11">
        <v>241</v>
      </c>
      <c r="CG1068" s="11">
        <v>100</v>
      </c>
      <c r="CH1068" s="20">
        <v>1.32</v>
      </c>
      <c r="CI1068" s="20">
        <v>1.33</v>
      </c>
      <c r="CJ1068" s="20">
        <v>1.36</v>
      </c>
      <c r="CK1068" s="20">
        <v>1.32</v>
      </c>
      <c r="CL1068" s="20">
        <v>1.33</v>
      </c>
      <c r="CM1068" s="20">
        <v>1.28</v>
      </c>
      <c r="CN1068" s="20">
        <v>1.24</v>
      </c>
      <c r="CO1068" s="20">
        <v>1.26</v>
      </c>
      <c r="CP1068" s="20">
        <v>1.43</v>
      </c>
      <c r="CQ1068" s="20">
        <v>1.39</v>
      </c>
      <c r="CR1068" s="20">
        <v>1.39</v>
      </c>
      <c r="CS1068" s="20">
        <v>1.34</v>
      </c>
      <c r="CT1068" s="20">
        <v>1.34</v>
      </c>
      <c r="CU1068" s="20">
        <v>1.31</v>
      </c>
      <c r="CV1068" s="20">
        <v>1.34</v>
      </c>
      <c r="CW1068" s="20">
        <v>1.32</v>
      </c>
      <c r="CX1068" s="20">
        <v>1.32</v>
      </c>
      <c r="CY1068" s="6" t="s">
        <v>560</v>
      </c>
      <c r="CZ1068" s="6" t="s">
        <v>561</v>
      </c>
      <c r="DA1068" s="6" t="s">
        <v>66</v>
      </c>
      <c r="DB1068" s="6"/>
      <c r="DC1068" s="6">
        <v>30060</v>
      </c>
      <c r="DD1068" s="6"/>
      <c r="DE1068" s="6" t="s">
        <v>563</v>
      </c>
      <c r="DF1068" s="6" t="s">
        <v>363</v>
      </c>
      <c r="DG1068" s="6" t="s">
        <v>364</v>
      </c>
      <c r="DH1068" s="6" t="s">
        <v>365</v>
      </c>
      <c r="DI1068" s="6"/>
      <c r="DJ1068" s="6">
        <v>29</v>
      </c>
      <c r="DK1068" s="6">
        <v>105</v>
      </c>
      <c r="DL1068" s="6">
        <v>5</v>
      </c>
      <c r="DM1068" s="6" t="s">
        <v>392</v>
      </c>
      <c r="DN1068" s="6">
        <v>6</v>
      </c>
      <c r="DO1068" s="6" t="s">
        <v>393</v>
      </c>
      <c r="DP1068" s="6"/>
      <c r="DQ1068" s="6"/>
    </row>
    <row r="1069" spans="1:121" x14ac:dyDescent="0.2">
      <c r="A1069" s="6" t="s">
        <v>794</v>
      </c>
      <c r="B1069" s="6" t="s">
        <v>181</v>
      </c>
      <c r="C1069" s="6" t="s">
        <v>182</v>
      </c>
      <c r="D1069" s="6" t="s">
        <v>66</v>
      </c>
      <c r="E1069" s="6" t="s">
        <v>207</v>
      </c>
      <c r="F1069" s="11">
        <v>-42</v>
      </c>
      <c r="G1069" s="13">
        <v>-0.11351351351400001</v>
      </c>
      <c r="H1069" s="11">
        <v>564.54559234699991</v>
      </c>
      <c r="I1069" s="13">
        <v>1.5241561935435981</v>
      </c>
      <c r="J1069" s="11">
        <v>-635.65743799500001</v>
      </c>
      <c r="K1069" s="13">
        <v>-0.67988797816102797</v>
      </c>
      <c r="L1069" s="11">
        <v>28.295195440999976</v>
      </c>
      <c r="M1069" s="13">
        <v>9.4542034195815611E-2</v>
      </c>
      <c r="N1069" s="11">
        <v>-607.36224255399998</v>
      </c>
      <c r="O1069" s="13">
        <v>-0.64962393644583616</v>
      </c>
      <c r="P1069" s="7">
        <v>370.39877851</v>
      </c>
      <c r="Q1069" s="7">
        <v>365.82539984800002</v>
      </c>
      <c r="R1069" s="7">
        <v>347.02810803400001</v>
      </c>
      <c r="S1069" s="7">
        <v>386.74173254200002</v>
      </c>
      <c r="T1069" s="7">
        <v>423.26830385800002</v>
      </c>
      <c r="U1069" s="7">
        <v>958.55343149400005</v>
      </c>
      <c r="V1069" s="7">
        <v>934.94437085699997</v>
      </c>
      <c r="W1069" s="7">
        <v>342.87850882399999</v>
      </c>
      <c r="X1069" s="7">
        <v>319.67955962399998</v>
      </c>
      <c r="Y1069" s="7">
        <v>299.28693286200001</v>
      </c>
      <c r="Z1069" s="7">
        <v>297.76588161500001</v>
      </c>
      <c r="AA1069" s="7">
        <v>284.11705545400002</v>
      </c>
      <c r="AB1069" s="7">
        <v>326.77346987300001</v>
      </c>
      <c r="AC1069" s="7">
        <v>336.30666315899998</v>
      </c>
      <c r="AD1069" s="7">
        <v>341.82337095999998</v>
      </c>
      <c r="AE1069" s="7">
        <v>329.86003453500001</v>
      </c>
      <c r="AF1069" s="7">
        <v>327.58212830299999</v>
      </c>
      <c r="AG1069" s="9">
        <v>10794.3693456</v>
      </c>
      <c r="AH1069" s="13">
        <v>0.34933017975754116</v>
      </c>
      <c r="AI1069" s="9">
        <v>5837.1283904999982</v>
      </c>
      <c r="AJ1069" s="13">
        <v>0.18890266254900601</v>
      </c>
      <c r="AK1069" s="9">
        <v>-1433.0062648000021</v>
      </c>
      <c r="AL1069" s="13">
        <v>-3.9006826868887394E-2</v>
      </c>
      <c r="AM1069" s="9">
        <v>6390.247219900004</v>
      </c>
      <c r="AN1069" s="13">
        <v>0.18100471637505536</v>
      </c>
      <c r="AO1069" s="9">
        <v>4957.2409551000019</v>
      </c>
      <c r="AP1069" s="13">
        <v>0.13493746987207411</v>
      </c>
      <c r="AQ1069" s="9">
        <v>30900.191197600001</v>
      </c>
      <c r="AR1069" s="9">
        <v>32571.873064399999</v>
      </c>
      <c r="AS1069" s="9">
        <v>34040.953105499997</v>
      </c>
      <c r="AT1069" s="9">
        <v>35445.361676300003</v>
      </c>
      <c r="AU1069" s="9">
        <v>43956.044165799998</v>
      </c>
      <c r="AV1069" s="9">
        <v>33727.437326799998</v>
      </c>
      <c r="AW1069" s="9">
        <v>36737.319588099999</v>
      </c>
      <c r="AX1069" s="9">
        <v>36698.672555500001</v>
      </c>
      <c r="AY1069" s="9">
        <v>36738.4888145</v>
      </c>
      <c r="AZ1069" s="9">
        <v>35304.313323299997</v>
      </c>
      <c r="BA1069" s="9">
        <v>35859.130136799999</v>
      </c>
      <c r="BB1069" s="9">
        <v>37859.646673199997</v>
      </c>
      <c r="BC1069" s="9">
        <v>39501.841271400001</v>
      </c>
      <c r="BD1069" s="9">
        <v>40362.2460383</v>
      </c>
      <c r="BE1069" s="9">
        <v>41249.7322718</v>
      </c>
      <c r="BF1069" s="9">
        <v>41694.560543200001</v>
      </c>
      <c r="BG1069" s="11">
        <v>-1.25</v>
      </c>
      <c r="BH1069" s="13">
        <v>-3.048780487804878E-2</v>
      </c>
      <c r="BI1069" s="6">
        <v>-4</v>
      </c>
      <c r="BJ1069" s="13">
        <v>-9.7560975609756101E-2</v>
      </c>
      <c r="BK1069" s="6">
        <v>2</v>
      </c>
      <c r="BL1069" s="13">
        <v>5.4054054054054057E-2</v>
      </c>
      <c r="BM1069" s="11">
        <v>0.75</v>
      </c>
      <c r="BN1069" s="13">
        <v>1.9230769230769232E-2</v>
      </c>
      <c r="BO1069" s="11">
        <v>2.75</v>
      </c>
      <c r="BP1069" s="13">
        <v>7.4324324324324328E-2</v>
      </c>
      <c r="BQ1069" s="6">
        <v>41</v>
      </c>
      <c r="BR1069" s="6">
        <v>40</v>
      </c>
      <c r="BS1069" s="6">
        <v>32</v>
      </c>
      <c r="BT1069" s="6">
        <v>37</v>
      </c>
      <c r="BU1069" s="6">
        <v>39</v>
      </c>
      <c r="BV1069" s="6">
        <v>41</v>
      </c>
      <c r="BW1069" s="6">
        <v>39</v>
      </c>
      <c r="BX1069" s="6">
        <v>41</v>
      </c>
      <c r="BY1069" s="6">
        <v>38</v>
      </c>
      <c r="BZ1069" s="6">
        <v>37</v>
      </c>
      <c r="CA1069" s="6">
        <v>36</v>
      </c>
      <c r="CB1069" s="6">
        <v>37</v>
      </c>
      <c r="CC1069" s="11">
        <v>39.75</v>
      </c>
      <c r="CD1069" s="11">
        <v>-106.652</v>
      </c>
      <c r="CE1069" s="11">
        <v>23.346399999999999</v>
      </c>
      <c r="CF1069" s="11">
        <v>40.488999999999997</v>
      </c>
      <c r="CG1069" s="11">
        <v>63</v>
      </c>
      <c r="CH1069" s="20">
        <v>0.75363800000000003</v>
      </c>
      <c r="CI1069" s="20">
        <v>0.76275499999999996</v>
      </c>
      <c r="CJ1069" s="20">
        <v>0.75133700000000003</v>
      </c>
      <c r="CK1069" s="20">
        <v>0.81033500000000003</v>
      </c>
      <c r="CL1069" s="20">
        <v>0.843032</v>
      </c>
      <c r="CM1069" s="20">
        <v>1.8214600000000001</v>
      </c>
      <c r="CN1069" s="20">
        <v>1.7859700000000001</v>
      </c>
      <c r="CO1069" s="20">
        <v>0.67332199999999998</v>
      </c>
      <c r="CP1069" s="20">
        <v>0.73407800000000001</v>
      </c>
      <c r="CQ1069" s="20">
        <v>0.68214799999999998</v>
      </c>
      <c r="CR1069" s="20">
        <v>0.67095300000000002</v>
      </c>
      <c r="CS1069" s="20">
        <v>0.62703100000000001</v>
      </c>
      <c r="CT1069" s="20">
        <v>0.72485999999999995</v>
      </c>
      <c r="CU1069" s="20">
        <v>0.71687000000000001</v>
      </c>
      <c r="CV1069" s="20">
        <v>0.69521599999999995</v>
      </c>
      <c r="CW1069" s="20">
        <v>0.65161800000000003</v>
      </c>
      <c r="CX1069" s="20">
        <v>0.637127</v>
      </c>
      <c r="CY1069" s="6" t="s">
        <v>560</v>
      </c>
      <c r="CZ1069" s="6" t="s">
        <v>561</v>
      </c>
      <c r="DA1069" s="6" t="s">
        <v>66</v>
      </c>
      <c r="DB1069" s="6"/>
      <c r="DC1069" s="6">
        <v>30060</v>
      </c>
      <c r="DD1069" s="6"/>
      <c r="DE1069" s="6" t="s">
        <v>563</v>
      </c>
      <c r="DF1069" s="6" t="s">
        <v>363</v>
      </c>
      <c r="DG1069" s="6" t="s">
        <v>364</v>
      </c>
      <c r="DH1069" s="6" t="s">
        <v>365</v>
      </c>
      <c r="DI1069" s="6"/>
      <c r="DJ1069" s="6">
        <v>29</v>
      </c>
      <c r="DK1069" s="6">
        <v>105</v>
      </c>
      <c r="DL1069" s="6">
        <v>5</v>
      </c>
      <c r="DM1069" s="6" t="s">
        <v>392</v>
      </c>
      <c r="DN1069" s="6">
        <v>6</v>
      </c>
      <c r="DO1069" s="6" t="s">
        <v>393</v>
      </c>
      <c r="DP1069" s="6"/>
      <c r="DQ1069" s="6"/>
    </row>
    <row r="1070" spans="1:121" x14ac:dyDescent="0.2">
      <c r="A1070" s="6" t="s">
        <v>314</v>
      </c>
      <c r="B1070" s="6" t="s">
        <v>314</v>
      </c>
      <c r="C1070" s="6" t="s">
        <v>183</v>
      </c>
      <c r="D1070" s="6" t="s">
        <v>66</v>
      </c>
      <c r="E1070" s="6" t="s">
        <v>207</v>
      </c>
      <c r="F1070" s="11">
        <v>-13</v>
      </c>
      <c r="G1070" s="13">
        <v>-8.84353741497E-2</v>
      </c>
      <c r="H1070" s="11">
        <v>33.345247072999996</v>
      </c>
      <c r="I1070" s="13">
        <v>0.22627018069193017</v>
      </c>
      <c r="J1070" s="11">
        <v>-9.1888503259999936</v>
      </c>
      <c r="K1070" s="13">
        <v>-5.0847358201488467E-2</v>
      </c>
      <c r="L1070" s="11">
        <v>-37.05891809900001</v>
      </c>
      <c r="M1070" s="13">
        <v>-0.21605478634231651</v>
      </c>
      <c r="N1070" s="11">
        <v>-46.247768425000004</v>
      </c>
      <c r="O1070" s="13">
        <v>-0.25591632943151116</v>
      </c>
      <c r="P1070" s="7">
        <v>147.36916270200001</v>
      </c>
      <c r="Q1070" s="7">
        <v>158.15293088799999</v>
      </c>
      <c r="R1070" s="7">
        <v>174.26082516700001</v>
      </c>
      <c r="S1070" s="7">
        <v>179.813064881</v>
      </c>
      <c r="T1070" s="7">
        <v>166.603437144</v>
      </c>
      <c r="U1070" s="7">
        <v>176.876211649</v>
      </c>
      <c r="V1070" s="7">
        <v>180.71440977500001</v>
      </c>
      <c r="W1070" s="7">
        <v>182.65132311900001</v>
      </c>
      <c r="X1070" s="7">
        <v>160.40028557799999</v>
      </c>
      <c r="Y1070" s="7">
        <v>171.52555944900001</v>
      </c>
      <c r="Z1070" s="7">
        <v>168.73496334699999</v>
      </c>
      <c r="AA1070" s="7">
        <v>155.27762826099999</v>
      </c>
      <c r="AB1070" s="7">
        <v>145.376142367</v>
      </c>
      <c r="AC1070" s="7">
        <v>139.89715916500001</v>
      </c>
      <c r="AD1070" s="7">
        <v>136.67830628300001</v>
      </c>
      <c r="AE1070" s="7">
        <v>138.701107095</v>
      </c>
      <c r="AF1070" s="7">
        <v>134.46664135</v>
      </c>
      <c r="AG1070" s="9">
        <v>7959.4684401999984</v>
      </c>
      <c r="AH1070" s="13">
        <v>0.3074412331390951</v>
      </c>
      <c r="AI1070" s="9">
        <v>8868.3288734000016</v>
      </c>
      <c r="AJ1070" s="13">
        <v>0.34254673979869815</v>
      </c>
      <c r="AK1070" s="9">
        <v>-4354.2290440000033</v>
      </c>
      <c r="AL1070" s="13">
        <v>-0.12527369992764853</v>
      </c>
      <c r="AM1070" s="9">
        <v>3445.3686108000002</v>
      </c>
      <c r="AN1070" s="13">
        <v>0.11332145506412024</v>
      </c>
      <c r="AO1070" s="9">
        <v>-908.86043320000317</v>
      </c>
      <c r="AP1070" s="13">
        <v>-2.6148442820595402E-2</v>
      </c>
      <c r="AQ1070" s="9">
        <v>25889.397980000002</v>
      </c>
      <c r="AR1070" s="9">
        <v>29205.385175399999</v>
      </c>
      <c r="AS1070" s="9">
        <v>28460.215670199999</v>
      </c>
      <c r="AT1070" s="9">
        <v>30379.596169299999</v>
      </c>
      <c r="AU1070" s="9">
        <v>31100.070001799999</v>
      </c>
      <c r="AV1070" s="9">
        <v>30764.1443296</v>
      </c>
      <c r="AW1070" s="9">
        <v>34757.726853400003</v>
      </c>
      <c r="AX1070" s="9">
        <v>30718.700787900001</v>
      </c>
      <c r="AY1070" s="9">
        <v>32515.540035499998</v>
      </c>
      <c r="AZ1070" s="9">
        <v>30403.4978094</v>
      </c>
      <c r="BA1070" s="9">
        <v>29327.085932499998</v>
      </c>
      <c r="BB1070" s="9">
        <v>31359.180348400001</v>
      </c>
      <c r="BC1070" s="9">
        <v>33807.722791300002</v>
      </c>
      <c r="BD1070" s="9">
        <v>34242.549969899999</v>
      </c>
      <c r="BE1070" s="9">
        <v>33752.608549199998</v>
      </c>
      <c r="BF1070" s="9">
        <v>33848.8664202</v>
      </c>
      <c r="BG1070" s="11">
        <v>2.75</v>
      </c>
      <c r="BH1070" s="13">
        <v>0.27500000000000002</v>
      </c>
      <c r="BI1070" s="6">
        <v>3</v>
      </c>
      <c r="BJ1070" s="13">
        <v>0.3</v>
      </c>
      <c r="BK1070" s="6">
        <v>-1</v>
      </c>
      <c r="BL1070" s="13">
        <v>-7.6923076923076927E-2</v>
      </c>
      <c r="BM1070" s="11">
        <v>0.75</v>
      </c>
      <c r="BN1070" s="13">
        <v>6.25E-2</v>
      </c>
      <c r="BO1070" s="11">
        <v>-0.25</v>
      </c>
      <c r="BP1070" s="13">
        <v>-1.9230769230769232E-2</v>
      </c>
      <c r="BQ1070" s="6">
        <v>10</v>
      </c>
      <c r="BR1070" s="6">
        <v>9</v>
      </c>
      <c r="BS1070" s="6">
        <v>11</v>
      </c>
      <c r="BT1070" s="6">
        <v>13</v>
      </c>
      <c r="BU1070" s="6">
        <v>12</v>
      </c>
      <c r="BV1070" s="6">
        <v>12</v>
      </c>
      <c r="BW1070" s="6">
        <v>12</v>
      </c>
      <c r="BX1070" s="6">
        <v>12</v>
      </c>
      <c r="BY1070" s="6">
        <v>11</v>
      </c>
      <c r="BZ1070" s="6">
        <v>12</v>
      </c>
      <c r="CA1070" s="6">
        <v>11</v>
      </c>
      <c r="CB1070" s="6">
        <v>12</v>
      </c>
      <c r="CC1070" s="11">
        <v>12.75</v>
      </c>
      <c r="CD1070" s="11">
        <v>16.126000000000001</v>
      </c>
      <c r="CE1070" s="11">
        <v>-45.137799999999999</v>
      </c>
      <c r="CF1070" s="11">
        <v>16.109200000000001</v>
      </c>
      <c r="CG1070" s="11">
        <v>-29</v>
      </c>
      <c r="CH1070" s="20">
        <v>0.38076700000000002</v>
      </c>
      <c r="CI1070" s="20">
        <v>0.43055700000000002</v>
      </c>
      <c r="CJ1070" s="20">
        <v>0.514378</v>
      </c>
      <c r="CK1070" s="20">
        <v>0.535389</v>
      </c>
      <c r="CL1070" s="20">
        <v>0.48941699999999999</v>
      </c>
      <c r="CM1070" s="20">
        <v>0.51049599999999995</v>
      </c>
      <c r="CN1070" s="20">
        <v>0.536331</v>
      </c>
      <c r="CO1070" s="20">
        <v>0.56210499999999997</v>
      </c>
      <c r="CP1070" s="20">
        <v>0.57448999999999995</v>
      </c>
      <c r="CQ1070" s="20">
        <v>0.62546599999999997</v>
      </c>
      <c r="CR1070" s="20">
        <v>0.63092300000000001</v>
      </c>
      <c r="CS1070" s="20">
        <v>0.58015000000000005</v>
      </c>
      <c r="CT1070" s="20">
        <v>0.55159899999999995</v>
      </c>
      <c r="CU1070" s="20">
        <v>0.52102899999999996</v>
      </c>
      <c r="CV1070" s="20">
        <v>0.50343400000000005</v>
      </c>
      <c r="CW1070" s="20">
        <v>0.50162200000000001</v>
      </c>
      <c r="CX1070" s="20">
        <v>0.48485</v>
      </c>
      <c r="CY1070" s="6" t="s">
        <v>560</v>
      </c>
      <c r="CZ1070" s="6" t="s">
        <v>561</v>
      </c>
      <c r="DA1070" s="6" t="s">
        <v>66</v>
      </c>
      <c r="DB1070" s="6"/>
      <c r="DC1070" s="6">
        <v>30060</v>
      </c>
      <c r="DD1070" s="6"/>
      <c r="DE1070" s="6" t="s">
        <v>563</v>
      </c>
      <c r="DF1070" s="6" t="s">
        <v>363</v>
      </c>
      <c r="DG1070" s="6" t="s">
        <v>364</v>
      </c>
      <c r="DH1070" s="6" t="s">
        <v>365</v>
      </c>
      <c r="DI1070" s="6"/>
      <c r="DJ1070" s="6">
        <v>29</v>
      </c>
      <c r="DK1070" s="6">
        <v>105</v>
      </c>
      <c r="DL1070" s="6">
        <v>5</v>
      </c>
      <c r="DM1070" s="6" t="s">
        <v>392</v>
      </c>
      <c r="DN1070" s="6">
        <v>6</v>
      </c>
      <c r="DO1070" s="6" t="s">
        <v>393</v>
      </c>
      <c r="DP1070" s="6"/>
      <c r="DQ1070" s="6"/>
    </row>
    <row r="1071" spans="1:121" x14ac:dyDescent="0.2">
      <c r="A1071" s="6" t="s">
        <v>315</v>
      </c>
      <c r="B1071" s="6" t="s">
        <v>315</v>
      </c>
      <c r="C1071" s="6" t="s">
        <v>184</v>
      </c>
      <c r="D1071" s="6" t="s">
        <v>66</v>
      </c>
      <c r="E1071" s="6" t="s">
        <v>207</v>
      </c>
      <c r="F1071" s="11">
        <v>65</v>
      </c>
      <c r="G1071" s="13">
        <v>0.22</v>
      </c>
      <c r="H1071" s="11">
        <v>60</v>
      </c>
      <c r="I1071" s="13">
        <v>0.20338983050847459</v>
      </c>
      <c r="J1071" s="11">
        <v>-7</v>
      </c>
      <c r="K1071" s="13">
        <v>-1.9718309859154931E-2</v>
      </c>
      <c r="L1071" s="11">
        <v>12</v>
      </c>
      <c r="M1071" s="13">
        <v>3.4482758620689655E-2</v>
      </c>
      <c r="N1071" s="11">
        <v>5</v>
      </c>
      <c r="O1071" s="13">
        <v>1.408450704225352E-2</v>
      </c>
      <c r="P1071" s="7">
        <v>295</v>
      </c>
      <c r="Q1071" s="7">
        <v>268</v>
      </c>
      <c r="R1071" s="7">
        <v>294</v>
      </c>
      <c r="S1071" s="7">
        <v>314</v>
      </c>
      <c r="T1071" s="7">
        <v>314</v>
      </c>
      <c r="U1071" s="7">
        <v>320</v>
      </c>
      <c r="V1071" s="7">
        <v>355</v>
      </c>
      <c r="W1071" s="7">
        <v>350</v>
      </c>
      <c r="X1071" s="7">
        <v>352</v>
      </c>
      <c r="Y1071" s="7">
        <v>348</v>
      </c>
      <c r="Z1071" s="7">
        <v>351</v>
      </c>
      <c r="AA1071" s="7">
        <v>362</v>
      </c>
      <c r="AB1071" s="7">
        <v>366</v>
      </c>
      <c r="AC1071" s="7">
        <v>381</v>
      </c>
      <c r="AD1071" s="7">
        <v>374</v>
      </c>
      <c r="AE1071" s="7">
        <v>354</v>
      </c>
      <c r="AF1071" s="7">
        <v>360</v>
      </c>
      <c r="AG1071" s="9">
        <v>21260</v>
      </c>
      <c r="AH1071" s="13">
        <v>0.62314974939179879</v>
      </c>
      <c r="AI1071" s="9">
        <v>9852</v>
      </c>
      <c r="AJ1071" s="13">
        <v>0.28877099393264355</v>
      </c>
      <c r="AK1071" s="9">
        <v>1071</v>
      </c>
      <c r="AL1071" s="13">
        <v>2.4358070458732287E-2</v>
      </c>
      <c r="AM1071" s="9">
        <v>10337</v>
      </c>
      <c r="AN1071" s="13">
        <v>0.22950710479573713</v>
      </c>
      <c r="AO1071" s="9">
        <v>11408</v>
      </c>
      <c r="AP1071" s="13">
        <v>0.25945552548386364</v>
      </c>
      <c r="AQ1071" s="9">
        <v>34117</v>
      </c>
      <c r="AR1071" s="9">
        <v>35439</v>
      </c>
      <c r="AS1071" s="9">
        <v>35262</v>
      </c>
      <c r="AT1071" s="9">
        <v>36077</v>
      </c>
      <c r="AU1071" s="9">
        <v>38662</v>
      </c>
      <c r="AV1071" s="9">
        <v>41775</v>
      </c>
      <c r="AW1071" s="9">
        <v>43969</v>
      </c>
      <c r="AX1071" s="9">
        <v>45886</v>
      </c>
      <c r="AY1071" s="9">
        <v>45928</v>
      </c>
      <c r="AZ1071" s="9">
        <v>45040</v>
      </c>
      <c r="BA1071" s="9">
        <v>45496</v>
      </c>
      <c r="BB1071" s="9">
        <v>46214</v>
      </c>
      <c r="BC1071" s="9">
        <v>49297</v>
      </c>
      <c r="BD1071" s="9">
        <v>50326</v>
      </c>
      <c r="BE1071" s="9">
        <v>53922</v>
      </c>
      <c r="BF1071" s="9">
        <v>55377</v>
      </c>
      <c r="BG1071" s="11">
        <v>1</v>
      </c>
      <c r="BH1071" s="13">
        <v>1.9607843137254902E-2</v>
      </c>
      <c r="BI1071" s="6">
        <v>1</v>
      </c>
      <c r="BJ1071" s="13">
        <v>1.9607843137254902E-2</v>
      </c>
      <c r="BK1071" s="6">
        <v>-3</v>
      </c>
      <c r="BL1071" s="13">
        <v>-5.7692307692307696E-2</v>
      </c>
      <c r="BM1071" s="11">
        <v>3</v>
      </c>
      <c r="BN1071" s="13">
        <v>6.1224489795918366E-2</v>
      </c>
      <c r="BO1071" s="11">
        <v>0</v>
      </c>
      <c r="BP1071" s="13">
        <v>0</v>
      </c>
      <c r="BQ1071" s="6">
        <v>51</v>
      </c>
      <c r="BR1071" s="6">
        <v>48</v>
      </c>
      <c r="BS1071" s="6">
        <v>47</v>
      </c>
      <c r="BT1071" s="6">
        <v>52</v>
      </c>
      <c r="BU1071" s="6">
        <v>51</v>
      </c>
      <c r="BV1071" s="6">
        <v>50</v>
      </c>
      <c r="BW1071" s="6">
        <v>49</v>
      </c>
      <c r="BX1071" s="6">
        <v>50</v>
      </c>
      <c r="BY1071" s="6">
        <v>52</v>
      </c>
      <c r="BZ1071" s="6">
        <v>50</v>
      </c>
      <c r="CA1071" s="6">
        <v>52</v>
      </c>
      <c r="CB1071" s="6">
        <v>50</v>
      </c>
      <c r="CC1071" s="11">
        <v>52</v>
      </c>
      <c r="CD1071" s="11">
        <v>56</v>
      </c>
      <c r="CE1071" s="11">
        <v>-23</v>
      </c>
      <c r="CF1071" s="11">
        <v>32</v>
      </c>
      <c r="CG1071" s="11">
        <v>9</v>
      </c>
      <c r="CH1071" s="20">
        <v>0.47</v>
      </c>
      <c r="CI1071" s="20">
        <v>0.42</v>
      </c>
      <c r="CJ1071" s="20">
        <v>0.47</v>
      </c>
      <c r="CK1071" s="20">
        <v>0.49</v>
      </c>
      <c r="CL1071" s="20">
        <v>0.47</v>
      </c>
      <c r="CM1071" s="20">
        <v>0.46</v>
      </c>
      <c r="CN1071" s="20">
        <v>0.53</v>
      </c>
      <c r="CO1071" s="20">
        <v>0.54</v>
      </c>
      <c r="CP1071" s="20">
        <v>0.62</v>
      </c>
      <c r="CQ1071" s="20">
        <v>0.62</v>
      </c>
      <c r="CR1071" s="20">
        <v>0.63</v>
      </c>
      <c r="CS1071" s="20">
        <v>0.64</v>
      </c>
      <c r="CT1071" s="20">
        <v>0.66</v>
      </c>
      <c r="CU1071" s="20">
        <v>0.69</v>
      </c>
      <c r="CV1071" s="20">
        <v>0.66</v>
      </c>
      <c r="CW1071" s="20">
        <v>0.62</v>
      </c>
      <c r="CX1071" s="20">
        <v>0.62</v>
      </c>
      <c r="CY1071" s="6" t="s">
        <v>560</v>
      </c>
      <c r="CZ1071" s="6" t="s">
        <v>561</v>
      </c>
      <c r="DA1071" s="6" t="s">
        <v>66</v>
      </c>
      <c r="DB1071" s="6"/>
      <c r="DC1071" s="6">
        <v>30060</v>
      </c>
      <c r="DD1071" s="6"/>
      <c r="DE1071" s="6" t="s">
        <v>563</v>
      </c>
      <c r="DF1071" s="6" t="s">
        <v>363</v>
      </c>
      <c r="DG1071" s="6" t="s">
        <v>364</v>
      </c>
      <c r="DH1071" s="6" t="s">
        <v>365</v>
      </c>
      <c r="DI1071" s="6"/>
      <c r="DJ1071" s="6">
        <v>29</v>
      </c>
      <c r="DK1071" s="6">
        <v>105</v>
      </c>
      <c r="DL1071" s="6">
        <v>5</v>
      </c>
      <c r="DM1071" s="6" t="s">
        <v>392</v>
      </c>
      <c r="DN1071" s="6">
        <v>6</v>
      </c>
      <c r="DO1071" s="6" t="s">
        <v>393</v>
      </c>
      <c r="DP1071" s="6"/>
      <c r="DQ1071" s="6"/>
    </row>
    <row r="1072" spans="1:121" x14ac:dyDescent="0.2">
      <c r="A1072" s="6" t="s">
        <v>316</v>
      </c>
      <c r="B1072" s="6" t="s">
        <v>316</v>
      </c>
      <c r="C1072" s="6" t="s">
        <v>185</v>
      </c>
      <c r="D1072" s="6" t="s">
        <v>66</v>
      </c>
      <c r="E1072" s="6" t="s">
        <v>207</v>
      </c>
      <c r="F1072" s="11">
        <v>-53</v>
      </c>
      <c r="G1072" s="13">
        <v>-0.38</v>
      </c>
      <c r="H1072" s="11">
        <v>11</v>
      </c>
      <c r="I1072" s="13">
        <v>7.8014184397163122E-2</v>
      </c>
      <c r="J1072" s="11">
        <v>-31</v>
      </c>
      <c r="K1072" s="13">
        <v>-0.20394736842105263</v>
      </c>
      <c r="L1072" s="11">
        <v>-33</v>
      </c>
      <c r="M1072" s="13">
        <v>-0.27272727272727271</v>
      </c>
      <c r="N1072" s="11">
        <v>-64</v>
      </c>
      <c r="O1072" s="13">
        <v>-0.42105263157894735</v>
      </c>
      <c r="P1072" s="7">
        <v>141</v>
      </c>
      <c r="Q1072" s="7">
        <v>145</v>
      </c>
      <c r="R1072" s="7">
        <v>136</v>
      </c>
      <c r="S1072" s="7">
        <v>123</v>
      </c>
      <c r="T1072" s="7">
        <v>138</v>
      </c>
      <c r="U1072" s="7">
        <v>163</v>
      </c>
      <c r="V1072" s="7">
        <v>152</v>
      </c>
      <c r="W1072" s="7">
        <v>152</v>
      </c>
      <c r="X1072" s="7">
        <v>134</v>
      </c>
      <c r="Y1072" s="7">
        <v>121</v>
      </c>
      <c r="Z1072" s="7">
        <v>124</v>
      </c>
      <c r="AA1072" s="7">
        <v>115</v>
      </c>
      <c r="AB1072" s="7">
        <v>93</v>
      </c>
      <c r="AC1072" s="7">
        <v>93</v>
      </c>
      <c r="AD1072" s="7">
        <v>94</v>
      </c>
      <c r="AE1072" s="7">
        <v>90</v>
      </c>
      <c r="AF1072" s="7">
        <v>88</v>
      </c>
      <c r="AG1072" s="9">
        <v>16373</v>
      </c>
      <c r="AH1072" s="13">
        <v>0.97795962250627166</v>
      </c>
      <c r="AI1072" s="9">
        <v>7849</v>
      </c>
      <c r="AJ1072" s="13">
        <v>0.46882092939911602</v>
      </c>
      <c r="AK1072" s="9">
        <v>790</v>
      </c>
      <c r="AL1072" s="13">
        <v>3.2125574397137167E-2</v>
      </c>
      <c r="AM1072" s="9">
        <v>7734</v>
      </c>
      <c r="AN1072" s="13">
        <v>0.3047161262361609</v>
      </c>
      <c r="AO1072" s="9">
        <v>8524</v>
      </c>
      <c r="AP1072" s="13">
        <v>0.34663088121670532</v>
      </c>
      <c r="AQ1072" s="9">
        <v>16742</v>
      </c>
      <c r="AR1072" s="9">
        <v>17781</v>
      </c>
      <c r="AS1072" s="9">
        <v>19063</v>
      </c>
      <c r="AT1072" s="9">
        <v>19665</v>
      </c>
      <c r="AU1072" s="9">
        <v>21882</v>
      </c>
      <c r="AV1072" s="9">
        <v>23262</v>
      </c>
      <c r="AW1072" s="9">
        <v>24591</v>
      </c>
      <c r="AX1072" s="9">
        <v>23732</v>
      </c>
      <c r="AY1072" s="9">
        <v>24474</v>
      </c>
      <c r="AZ1072" s="9">
        <v>25381</v>
      </c>
      <c r="BA1072" s="9">
        <v>22113</v>
      </c>
      <c r="BB1072" s="9">
        <v>26339</v>
      </c>
      <c r="BC1072" s="9">
        <v>29296</v>
      </c>
      <c r="BD1072" s="9">
        <v>30091</v>
      </c>
      <c r="BE1072" s="9">
        <v>32833</v>
      </c>
      <c r="BF1072" s="9">
        <v>33115</v>
      </c>
      <c r="BG1072" s="11">
        <v>-1</v>
      </c>
      <c r="BH1072" s="13">
        <v>-3.5714285714285712E-2</v>
      </c>
      <c r="BI1072" s="6">
        <v>8</v>
      </c>
      <c r="BJ1072" s="13">
        <v>0.2857142857142857</v>
      </c>
      <c r="BK1072" s="6">
        <v>-6</v>
      </c>
      <c r="BL1072" s="13">
        <v>-0.16666666666666666</v>
      </c>
      <c r="BM1072" s="11">
        <v>-3</v>
      </c>
      <c r="BN1072" s="13">
        <v>-0.1</v>
      </c>
      <c r="BO1072" s="11">
        <v>-9</v>
      </c>
      <c r="BP1072" s="13">
        <v>-0.25</v>
      </c>
      <c r="BQ1072" s="6">
        <v>28</v>
      </c>
      <c r="BR1072" s="6">
        <v>34</v>
      </c>
      <c r="BS1072" s="6">
        <v>35</v>
      </c>
      <c r="BT1072" s="6">
        <v>36</v>
      </c>
      <c r="BU1072" s="6">
        <v>36</v>
      </c>
      <c r="BV1072" s="6">
        <v>36</v>
      </c>
      <c r="BW1072" s="6">
        <v>30</v>
      </c>
      <c r="BX1072" s="6">
        <v>31</v>
      </c>
      <c r="BY1072" s="6">
        <v>31</v>
      </c>
      <c r="BZ1072" s="6">
        <v>30</v>
      </c>
      <c r="CA1072" s="6">
        <v>27</v>
      </c>
      <c r="CB1072" s="6">
        <v>27</v>
      </c>
      <c r="CC1072" s="11">
        <v>27</v>
      </c>
      <c r="CD1072" s="11">
        <v>-62</v>
      </c>
      <c r="CE1072" s="11">
        <v>-7</v>
      </c>
      <c r="CF1072" s="11">
        <v>15</v>
      </c>
      <c r="CG1072" s="11">
        <v>8</v>
      </c>
      <c r="CH1072" s="20">
        <v>0.54</v>
      </c>
      <c r="CI1072" s="20">
        <v>0.55000000000000004</v>
      </c>
      <c r="CJ1072" s="20">
        <v>0.52</v>
      </c>
      <c r="CK1072" s="20">
        <v>0.45</v>
      </c>
      <c r="CL1072" s="20">
        <v>0.48</v>
      </c>
      <c r="CM1072" s="20">
        <v>0.54</v>
      </c>
      <c r="CN1072" s="20">
        <v>0.52</v>
      </c>
      <c r="CO1072" s="20">
        <v>0.55000000000000004</v>
      </c>
      <c r="CP1072" s="20">
        <v>0.56999999999999995</v>
      </c>
      <c r="CQ1072" s="20">
        <v>0.52</v>
      </c>
      <c r="CR1072" s="20">
        <v>0.55000000000000004</v>
      </c>
      <c r="CS1072" s="20">
        <v>0.5</v>
      </c>
      <c r="CT1072" s="20">
        <v>0.41</v>
      </c>
      <c r="CU1072" s="20">
        <v>0.4</v>
      </c>
      <c r="CV1072" s="20">
        <v>0.39</v>
      </c>
      <c r="CW1072" s="20">
        <v>0.37</v>
      </c>
      <c r="CX1072" s="20">
        <v>0.36</v>
      </c>
      <c r="CY1072" s="6" t="s">
        <v>560</v>
      </c>
      <c r="CZ1072" s="6" t="s">
        <v>561</v>
      </c>
      <c r="DA1072" s="6" t="s">
        <v>66</v>
      </c>
      <c r="DB1072" s="6"/>
      <c r="DC1072" s="6">
        <v>30060</v>
      </c>
      <c r="DD1072" s="6"/>
      <c r="DE1072" s="6" t="s">
        <v>563</v>
      </c>
      <c r="DF1072" s="6" t="s">
        <v>363</v>
      </c>
      <c r="DG1072" s="6" t="s">
        <v>364</v>
      </c>
      <c r="DH1072" s="6" t="s">
        <v>365</v>
      </c>
      <c r="DI1072" s="6"/>
      <c r="DJ1072" s="6">
        <v>29</v>
      </c>
      <c r="DK1072" s="6">
        <v>105</v>
      </c>
      <c r="DL1072" s="6">
        <v>5</v>
      </c>
      <c r="DM1072" s="6" t="s">
        <v>392</v>
      </c>
      <c r="DN1072" s="6">
        <v>6</v>
      </c>
      <c r="DO1072" s="6" t="s">
        <v>393</v>
      </c>
      <c r="DP1072" s="6"/>
      <c r="DQ1072" s="6"/>
    </row>
    <row r="1073" spans="1:121" x14ac:dyDescent="0.2">
      <c r="A1073" s="6" t="s">
        <v>317</v>
      </c>
      <c r="B1073" s="6" t="s">
        <v>317</v>
      </c>
      <c r="C1073" s="6" t="s">
        <v>186</v>
      </c>
      <c r="D1073" s="6" t="s">
        <v>66</v>
      </c>
      <c r="E1073" s="6" t="s">
        <v>207</v>
      </c>
      <c r="F1073" s="11">
        <v>-27</v>
      </c>
      <c r="G1073" s="13">
        <v>-0.12</v>
      </c>
      <c r="H1073" s="11">
        <v>68</v>
      </c>
      <c r="I1073" s="13">
        <v>0.29694323144104806</v>
      </c>
      <c r="J1073" s="11">
        <v>-68</v>
      </c>
      <c r="K1073" s="13">
        <v>-0.22895622895622897</v>
      </c>
      <c r="L1073" s="11">
        <v>-27</v>
      </c>
      <c r="M1073" s="13">
        <v>-0.11790393013100436</v>
      </c>
      <c r="N1073" s="11">
        <v>-95</v>
      </c>
      <c r="O1073" s="13">
        <v>-0.31986531986531985</v>
      </c>
      <c r="P1073" s="7">
        <v>229</v>
      </c>
      <c r="Q1073" s="7">
        <v>252</v>
      </c>
      <c r="R1073" s="7">
        <v>262</v>
      </c>
      <c r="S1073" s="7">
        <v>241</v>
      </c>
      <c r="T1073" s="7">
        <v>313</v>
      </c>
      <c r="U1073" s="7">
        <v>314</v>
      </c>
      <c r="V1073" s="7">
        <v>297</v>
      </c>
      <c r="W1073" s="7">
        <v>234</v>
      </c>
      <c r="X1073" s="7">
        <v>224</v>
      </c>
      <c r="Y1073" s="7">
        <v>229</v>
      </c>
      <c r="Z1073" s="7">
        <v>201</v>
      </c>
      <c r="AA1073" s="7">
        <v>203</v>
      </c>
      <c r="AB1073" s="7">
        <v>193</v>
      </c>
      <c r="AC1073" s="7">
        <v>192</v>
      </c>
      <c r="AD1073" s="7">
        <v>193</v>
      </c>
      <c r="AE1073" s="7">
        <v>199</v>
      </c>
      <c r="AF1073" s="7">
        <v>202</v>
      </c>
      <c r="AG1073" s="9">
        <v>10843</v>
      </c>
      <c r="AH1073" s="13">
        <v>0.42431713234718638</v>
      </c>
      <c r="AI1073" s="9">
        <v>3724</v>
      </c>
      <c r="AJ1073" s="13">
        <v>0.14573060968928545</v>
      </c>
      <c r="AK1073" s="9">
        <v>920</v>
      </c>
      <c r="AL1073" s="13">
        <v>3.1422911401051981E-2</v>
      </c>
      <c r="AM1073" s="9">
        <v>6199</v>
      </c>
      <c r="AN1073" s="13">
        <v>0.20527849526458705</v>
      </c>
      <c r="AO1073" s="9">
        <v>7119</v>
      </c>
      <c r="AP1073" s="13">
        <v>0.24315185463487943</v>
      </c>
      <c r="AQ1073" s="9">
        <v>25554</v>
      </c>
      <c r="AR1073" s="9">
        <v>26679</v>
      </c>
      <c r="AS1073" s="9">
        <v>26468</v>
      </c>
      <c r="AT1073" s="9">
        <v>27858</v>
      </c>
      <c r="AU1073" s="9">
        <v>27438</v>
      </c>
      <c r="AV1073" s="9">
        <v>29331</v>
      </c>
      <c r="AW1073" s="9">
        <v>29278</v>
      </c>
      <c r="AX1073" s="9">
        <v>30037</v>
      </c>
      <c r="AY1073" s="9">
        <v>30870</v>
      </c>
      <c r="AZ1073" s="9">
        <v>30198</v>
      </c>
      <c r="BA1073" s="9">
        <v>30008</v>
      </c>
      <c r="BB1073" s="9">
        <v>32155</v>
      </c>
      <c r="BC1073" s="9">
        <v>34345</v>
      </c>
      <c r="BD1073" s="9">
        <v>33786</v>
      </c>
      <c r="BE1073" s="9">
        <v>37236</v>
      </c>
      <c r="BF1073" s="9">
        <v>36397</v>
      </c>
      <c r="BG1073" s="11">
        <v>-6</v>
      </c>
      <c r="BH1073" s="13">
        <v>-0.13043478260869565</v>
      </c>
      <c r="BI1073" s="6">
        <v>-3</v>
      </c>
      <c r="BJ1073" s="13">
        <v>-6.5217391304347824E-2</v>
      </c>
      <c r="BK1073" s="6">
        <v>0</v>
      </c>
      <c r="BL1073" s="13">
        <v>0</v>
      </c>
      <c r="BM1073" s="11">
        <v>-3</v>
      </c>
      <c r="BN1073" s="13">
        <v>-6.9767441860465115E-2</v>
      </c>
      <c r="BO1073" s="11">
        <v>-3</v>
      </c>
      <c r="BP1073" s="13">
        <v>-6.9767441860465115E-2</v>
      </c>
      <c r="BQ1073" s="6">
        <v>46</v>
      </c>
      <c r="BR1073" s="6">
        <v>43</v>
      </c>
      <c r="BS1073" s="6">
        <v>43</v>
      </c>
      <c r="BT1073" s="6">
        <v>43</v>
      </c>
      <c r="BU1073" s="6">
        <v>44</v>
      </c>
      <c r="BV1073" s="6">
        <v>44</v>
      </c>
      <c r="BW1073" s="6">
        <v>43</v>
      </c>
      <c r="BX1073" s="6">
        <v>40</v>
      </c>
      <c r="BY1073" s="6">
        <v>42</v>
      </c>
      <c r="BZ1073" s="6">
        <v>45</v>
      </c>
      <c r="CA1073" s="6">
        <v>43</v>
      </c>
      <c r="CB1073" s="6">
        <v>42</v>
      </c>
      <c r="CC1073" s="11">
        <v>40</v>
      </c>
      <c r="CD1073" s="11">
        <v>-98</v>
      </c>
      <c r="CE1073" s="11">
        <v>46</v>
      </c>
      <c r="CF1073" s="11">
        <v>25</v>
      </c>
      <c r="CG1073" s="11">
        <v>71</v>
      </c>
      <c r="CH1073" s="20">
        <v>0.28000000000000003</v>
      </c>
      <c r="CI1073" s="20">
        <v>0.31</v>
      </c>
      <c r="CJ1073" s="20">
        <v>0.33</v>
      </c>
      <c r="CK1073" s="20">
        <v>0.28999999999999998</v>
      </c>
      <c r="CL1073" s="20">
        <v>0.36</v>
      </c>
      <c r="CM1073" s="20">
        <v>0.34</v>
      </c>
      <c r="CN1073" s="20">
        <v>0.32</v>
      </c>
      <c r="CO1073" s="20">
        <v>0.25</v>
      </c>
      <c r="CP1073" s="20">
        <v>0.27</v>
      </c>
      <c r="CQ1073" s="20">
        <v>0.27</v>
      </c>
      <c r="CR1073" s="20">
        <v>0.24</v>
      </c>
      <c r="CS1073" s="20">
        <v>0.23</v>
      </c>
      <c r="CT1073" s="20">
        <v>0.22</v>
      </c>
      <c r="CU1073" s="20">
        <v>0.21</v>
      </c>
      <c r="CV1073" s="20">
        <v>0.21</v>
      </c>
      <c r="CW1073" s="20">
        <v>0.21</v>
      </c>
      <c r="CX1073" s="20">
        <v>0.21</v>
      </c>
      <c r="CY1073" s="6" t="s">
        <v>560</v>
      </c>
      <c r="CZ1073" s="6" t="s">
        <v>561</v>
      </c>
      <c r="DA1073" s="6" t="s">
        <v>66</v>
      </c>
      <c r="DB1073" s="6"/>
      <c r="DC1073" s="6">
        <v>30060</v>
      </c>
      <c r="DD1073" s="6"/>
      <c r="DE1073" s="6" t="s">
        <v>563</v>
      </c>
      <c r="DF1073" s="6" t="s">
        <v>363</v>
      </c>
      <c r="DG1073" s="6" t="s">
        <v>364</v>
      </c>
      <c r="DH1073" s="6" t="s">
        <v>365</v>
      </c>
      <c r="DI1073" s="6"/>
      <c r="DJ1073" s="6">
        <v>29</v>
      </c>
      <c r="DK1073" s="6">
        <v>105</v>
      </c>
      <c r="DL1073" s="6">
        <v>5</v>
      </c>
      <c r="DM1073" s="6" t="s">
        <v>392</v>
      </c>
      <c r="DN1073" s="6">
        <v>6</v>
      </c>
      <c r="DO1073" s="6" t="s">
        <v>393</v>
      </c>
      <c r="DP1073" s="6"/>
      <c r="DQ1073" s="6"/>
    </row>
    <row r="1074" spans="1:121" x14ac:dyDescent="0.2">
      <c r="A1074" s="6" t="s">
        <v>318</v>
      </c>
      <c r="B1074" s="6" t="s">
        <v>318</v>
      </c>
      <c r="C1074" s="6" t="s">
        <v>187</v>
      </c>
      <c r="D1074" s="6" t="s">
        <v>66</v>
      </c>
      <c r="E1074" s="6" t="s">
        <v>207</v>
      </c>
      <c r="F1074" s="11">
        <v>1</v>
      </c>
      <c r="G1074" s="13">
        <v>3.7037037037000002E-2</v>
      </c>
      <c r="H1074" s="11">
        <v>34.040631000000005</v>
      </c>
      <c r="I1074" s="13">
        <v>1.2597908993119318</v>
      </c>
      <c r="J1074" s="11">
        <v>-33.077916999999999</v>
      </c>
      <c r="K1074" s="13">
        <v>-0.54171487694969245</v>
      </c>
      <c r="L1074" s="11">
        <v>0.31039557860000144</v>
      </c>
      <c r="M1074" s="13">
        <v>1.1092064251125676E-2</v>
      </c>
      <c r="N1074" s="11">
        <v>-32.767521421400005</v>
      </c>
      <c r="O1074" s="13">
        <v>-0.5366315489194835</v>
      </c>
      <c r="P1074" s="7">
        <v>27.020858</v>
      </c>
      <c r="Q1074" s="7">
        <v>33.006602999999998</v>
      </c>
      <c r="R1074" s="7">
        <v>32.516610999999997</v>
      </c>
      <c r="S1074" s="7">
        <v>61.702497000000001</v>
      </c>
      <c r="T1074" s="7">
        <v>43.599876000000002</v>
      </c>
      <c r="U1074" s="7">
        <v>61.170484999999999</v>
      </c>
      <c r="V1074" s="7">
        <v>61.061489000000002</v>
      </c>
      <c r="W1074" s="7">
        <v>61.957422000000001</v>
      </c>
      <c r="X1074" s="7">
        <v>33.953318000000003</v>
      </c>
      <c r="Y1074" s="7">
        <v>27.983571999999999</v>
      </c>
      <c r="Z1074" s="7">
        <v>25.983685999999999</v>
      </c>
      <c r="AA1074" s="7">
        <v>25.766753999999999</v>
      </c>
      <c r="AB1074" s="7">
        <v>26.096048</v>
      </c>
      <c r="AC1074" s="7">
        <v>24.949729000000001</v>
      </c>
      <c r="AD1074" s="7">
        <v>25.202021999999999</v>
      </c>
      <c r="AE1074" s="7">
        <v>30.127565749999999</v>
      </c>
      <c r="AF1074" s="7">
        <v>28.2939675786</v>
      </c>
      <c r="AG1074" s="9">
        <v>50430.429632499996</v>
      </c>
      <c r="AH1074" s="13">
        <v>1.5067417955619684</v>
      </c>
      <c r="AI1074" s="9">
        <v>111.31384249999974</v>
      </c>
      <c r="AJ1074" s="13">
        <v>3.3257939728370562E-3</v>
      </c>
      <c r="AK1074" s="9">
        <v>54427.5649577</v>
      </c>
      <c r="AL1074" s="13">
        <v>1.6207763638091557</v>
      </c>
      <c r="AM1074" s="9">
        <v>-4108.4491677000042</v>
      </c>
      <c r="AN1074" s="13">
        <v>-4.6682289174166003E-2</v>
      </c>
      <c r="AO1074" s="9">
        <v>50319.115789999996</v>
      </c>
      <c r="AP1074" s="13">
        <v>1.4984325237329972</v>
      </c>
      <c r="AQ1074" s="9">
        <v>33469.855141100001</v>
      </c>
      <c r="AR1074" s="9">
        <v>28891.0475582</v>
      </c>
      <c r="AS1074" s="9">
        <v>33071.549349599998</v>
      </c>
      <c r="AT1074" s="9">
        <v>37245.048726000001</v>
      </c>
      <c r="AU1074" s="9">
        <v>41193.025578300003</v>
      </c>
      <c r="AV1074" s="9">
        <v>32552.857501999999</v>
      </c>
      <c r="AW1074" s="9">
        <v>33581.168983600001</v>
      </c>
      <c r="AX1074" s="9">
        <v>34787.816548800001</v>
      </c>
      <c r="AY1074" s="9">
        <v>62087.893798600002</v>
      </c>
      <c r="AZ1074" s="9">
        <v>88008.733941300001</v>
      </c>
      <c r="BA1074" s="9">
        <v>85556.221615300004</v>
      </c>
      <c r="BB1074" s="9">
        <v>94471.630798300001</v>
      </c>
      <c r="BC1074" s="9">
        <v>97265.217507699999</v>
      </c>
      <c r="BD1074" s="9">
        <v>95580.918814100005</v>
      </c>
      <c r="BE1074" s="9">
        <v>81335.950579600001</v>
      </c>
      <c r="BF1074" s="9">
        <v>83900.284773599997</v>
      </c>
      <c r="BG1074" s="11">
        <v>-0.75</v>
      </c>
      <c r="BH1074" s="13">
        <v>-0.1875</v>
      </c>
      <c r="BI1074" s="6">
        <v>1</v>
      </c>
      <c r="BJ1074" s="13">
        <v>0.25</v>
      </c>
      <c r="BK1074" s="6">
        <v>0</v>
      </c>
      <c r="BL1074" s="13">
        <v>0</v>
      </c>
      <c r="BM1074" s="11">
        <v>-1.75</v>
      </c>
      <c r="BN1074" s="13">
        <v>-0.35</v>
      </c>
      <c r="BO1074" s="11">
        <v>-1.75</v>
      </c>
      <c r="BP1074" s="13">
        <v>-0.35</v>
      </c>
      <c r="BQ1074" s="6">
        <v>4</v>
      </c>
      <c r="BR1074" s="6">
        <v>4</v>
      </c>
      <c r="BS1074" s="6">
        <v>5</v>
      </c>
      <c r="BT1074" s="6">
        <v>5</v>
      </c>
      <c r="BU1074" s="6">
        <v>6</v>
      </c>
      <c r="BV1074" s="6">
        <v>5</v>
      </c>
      <c r="BW1074" s="6">
        <v>5</v>
      </c>
      <c r="BX1074" s="6">
        <v>4</v>
      </c>
      <c r="BY1074" s="6">
        <v>6</v>
      </c>
      <c r="BZ1074" s="6">
        <v>5</v>
      </c>
      <c r="CA1074" s="6">
        <v>4</v>
      </c>
      <c r="CB1074" s="6">
        <v>4</v>
      </c>
      <c r="CC1074" s="11">
        <v>3.25</v>
      </c>
      <c r="CD1074" s="11">
        <v>-7.4659800000000001</v>
      </c>
      <c r="CE1074" s="11">
        <v>5.78538</v>
      </c>
      <c r="CF1074" s="11">
        <v>2.9537100000000001</v>
      </c>
      <c r="CG1074" s="11">
        <v>9</v>
      </c>
      <c r="CH1074" s="20">
        <v>0.150425</v>
      </c>
      <c r="CI1074" s="20">
        <v>0.18506700000000001</v>
      </c>
      <c r="CJ1074" s="20">
        <v>0.192167</v>
      </c>
      <c r="CK1074" s="20">
        <v>0.35216500000000001</v>
      </c>
      <c r="CL1074" s="20">
        <v>0.23592399999999999</v>
      </c>
      <c r="CM1074" s="20">
        <v>0.31604599999999999</v>
      </c>
      <c r="CN1074" s="20">
        <v>0.313363</v>
      </c>
      <c r="CO1074" s="20">
        <v>0.314803</v>
      </c>
      <c r="CP1074" s="20">
        <v>0.19336200000000001</v>
      </c>
      <c r="CQ1074" s="20">
        <v>0.15624099999999999</v>
      </c>
      <c r="CR1074" s="20">
        <v>0.142647</v>
      </c>
      <c r="CS1074" s="20">
        <v>0.135375</v>
      </c>
      <c r="CT1074" s="20">
        <v>0.13478999999999999</v>
      </c>
      <c r="CU1074" s="20">
        <v>0.124234</v>
      </c>
      <c r="CV1074" s="20">
        <v>0.122741</v>
      </c>
      <c r="CW1074" s="20">
        <v>0.144423</v>
      </c>
      <c r="CX1074" s="20">
        <v>0.133378</v>
      </c>
      <c r="CY1074" s="6" t="s">
        <v>560</v>
      </c>
      <c r="CZ1074" s="6" t="s">
        <v>561</v>
      </c>
      <c r="DA1074" s="6" t="s">
        <v>66</v>
      </c>
      <c r="DB1074" s="6"/>
      <c r="DC1074" s="6">
        <v>30060</v>
      </c>
      <c r="DD1074" s="6"/>
      <c r="DE1074" s="6" t="s">
        <v>563</v>
      </c>
      <c r="DF1074" s="6" t="s">
        <v>363</v>
      </c>
      <c r="DG1074" s="6" t="s">
        <v>364</v>
      </c>
      <c r="DH1074" s="6" t="s">
        <v>365</v>
      </c>
      <c r="DI1074" s="6"/>
      <c r="DJ1074" s="6">
        <v>29</v>
      </c>
      <c r="DK1074" s="6">
        <v>105</v>
      </c>
      <c r="DL1074" s="6">
        <v>5</v>
      </c>
      <c r="DM1074" s="6" t="s">
        <v>392</v>
      </c>
      <c r="DN1074" s="6">
        <v>6</v>
      </c>
      <c r="DO1074" s="6" t="s">
        <v>393</v>
      </c>
      <c r="DP1074" s="6"/>
      <c r="DQ1074" s="6"/>
    </row>
    <row r="1075" spans="1:121" x14ac:dyDescent="0.2">
      <c r="A1075" s="6" t="s">
        <v>319</v>
      </c>
      <c r="B1075" s="6" t="s">
        <v>319</v>
      </c>
      <c r="C1075" s="6" t="s">
        <v>188</v>
      </c>
      <c r="D1075" s="6" t="s">
        <v>66</v>
      </c>
      <c r="E1075" s="6" t="s">
        <v>207</v>
      </c>
      <c r="F1075" s="11">
        <v>307</v>
      </c>
      <c r="G1075" s="13">
        <v>0.65598290598300002</v>
      </c>
      <c r="H1075" s="11">
        <v>113.27096843300001</v>
      </c>
      <c r="I1075" s="13">
        <v>0.2418809501284529</v>
      </c>
      <c r="J1075" s="11">
        <v>-57.369670768999981</v>
      </c>
      <c r="K1075" s="13">
        <v>-9.8647354872255996E-2</v>
      </c>
      <c r="L1075" s="11">
        <v>251.11388876799992</v>
      </c>
      <c r="M1075" s="13">
        <v>0.47904805704110498</v>
      </c>
      <c r="N1075" s="11">
        <v>193.74421799899994</v>
      </c>
      <c r="O1075" s="13">
        <v>0.33314387848505034</v>
      </c>
      <c r="P1075" s="7">
        <v>468.29222546400001</v>
      </c>
      <c r="Q1075" s="7">
        <v>566.88745055100003</v>
      </c>
      <c r="R1075" s="7">
        <v>554.60302380600001</v>
      </c>
      <c r="S1075" s="7">
        <v>783.94630427899995</v>
      </c>
      <c r="T1075" s="7">
        <v>598.41413218100001</v>
      </c>
      <c r="U1075" s="7">
        <v>685.663636053</v>
      </c>
      <c r="V1075" s="7">
        <v>581.56319389700002</v>
      </c>
      <c r="W1075" s="7">
        <v>537.78298604199995</v>
      </c>
      <c r="X1075" s="7">
        <v>415.64376967599998</v>
      </c>
      <c r="Y1075" s="7">
        <v>524.19352312800004</v>
      </c>
      <c r="Z1075" s="7">
        <v>480.88149756299998</v>
      </c>
      <c r="AA1075" s="7">
        <v>518.10790884899995</v>
      </c>
      <c r="AB1075" s="7">
        <v>538.80139690700003</v>
      </c>
      <c r="AC1075" s="7">
        <v>623.60209244299995</v>
      </c>
      <c r="AD1075" s="7">
        <v>730.13321277299997</v>
      </c>
      <c r="AE1075" s="7">
        <v>728.95007201500005</v>
      </c>
      <c r="AF1075" s="7">
        <v>775.30741189599996</v>
      </c>
      <c r="AG1075" s="9">
        <v>7043.6766662999999</v>
      </c>
      <c r="AH1075" s="13">
        <v>0.44994978243685346</v>
      </c>
      <c r="AI1075" s="9">
        <v>1041.7867526999999</v>
      </c>
      <c r="AJ1075" s="13">
        <v>6.6549295904747063E-2</v>
      </c>
      <c r="AK1075" s="9">
        <v>6732.0384292000017</v>
      </c>
      <c r="AL1075" s="13">
        <v>0.40320906499436576</v>
      </c>
      <c r="AM1075" s="9">
        <v>-730.1485156000017</v>
      </c>
      <c r="AN1075" s="13">
        <v>-3.1165387126855876E-2</v>
      </c>
      <c r="AO1075" s="9">
        <v>6001.8899136</v>
      </c>
      <c r="AP1075" s="13">
        <v>0.35947751126390293</v>
      </c>
      <c r="AQ1075" s="9">
        <v>15654.361756</v>
      </c>
      <c r="AR1075" s="9">
        <v>15994.5248013</v>
      </c>
      <c r="AS1075" s="9">
        <v>16709.492541899999</v>
      </c>
      <c r="AT1075" s="9">
        <v>17436.410552599998</v>
      </c>
      <c r="AU1075" s="9">
        <v>17729.175016100002</v>
      </c>
      <c r="AV1075" s="9">
        <v>15854.6428082</v>
      </c>
      <c r="AW1075" s="9">
        <v>16696.1485087</v>
      </c>
      <c r="AX1075" s="9">
        <v>20827.288358099999</v>
      </c>
      <c r="AY1075" s="9">
        <v>21414.4988677</v>
      </c>
      <c r="AZ1075" s="9">
        <v>23428.186937900002</v>
      </c>
      <c r="BA1075" s="9">
        <v>24275.994525400001</v>
      </c>
      <c r="BB1075" s="9">
        <v>24455.5458554</v>
      </c>
      <c r="BC1075" s="9">
        <v>21448.237891600002</v>
      </c>
      <c r="BD1075" s="9">
        <v>20957.557925500001</v>
      </c>
      <c r="BE1075" s="9">
        <v>20606.266403199999</v>
      </c>
      <c r="BF1075" s="9">
        <v>22698.0384223</v>
      </c>
      <c r="BG1075" s="11">
        <v>5.75</v>
      </c>
      <c r="BH1075" s="13">
        <v>0.23958333333333334</v>
      </c>
      <c r="BI1075" s="6">
        <v>-4</v>
      </c>
      <c r="BJ1075" s="13">
        <v>-0.16666666666666666</v>
      </c>
      <c r="BK1075" s="6">
        <v>4</v>
      </c>
      <c r="BL1075" s="13">
        <v>0.2</v>
      </c>
      <c r="BM1075" s="11">
        <v>5.75</v>
      </c>
      <c r="BN1075" s="13">
        <v>0.23958333333333334</v>
      </c>
      <c r="BO1075" s="11">
        <v>9.75</v>
      </c>
      <c r="BP1075" s="13">
        <v>0.48749999999999999</v>
      </c>
      <c r="BQ1075" s="6">
        <v>24</v>
      </c>
      <c r="BR1075" s="6">
        <v>21</v>
      </c>
      <c r="BS1075" s="6">
        <v>19</v>
      </c>
      <c r="BT1075" s="6">
        <v>20</v>
      </c>
      <c r="BU1075" s="6">
        <v>22</v>
      </c>
      <c r="BV1075" s="6">
        <v>24</v>
      </c>
      <c r="BW1075" s="6">
        <v>24</v>
      </c>
      <c r="BX1075" s="6">
        <v>25</v>
      </c>
      <c r="BY1075" s="6">
        <v>28</v>
      </c>
      <c r="BZ1075" s="6">
        <v>30</v>
      </c>
      <c r="CA1075" s="6">
        <v>30</v>
      </c>
      <c r="CB1075" s="6">
        <v>30</v>
      </c>
      <c r="CC1075" s="11">
        <v>29.75</v>
      </c>
      <c r="CD1075" s="11">
        <v>213.69200000000001</v>
      </c>
      <c r="CE1075" s="11">
        <v>42.133400000000002</v>
      </c>
      <c r="CF1075" s="11">
        <v>51.19</v>
      </c>
      <c r="CG1075" s="11">
        <v>93</v>
      </c>
      <c r="CH1075" s="20">
        <v>0.53146800000000005</v>
      </c>
      <c r="CI1075" s="20">
        <v>0.64166400000000001</v>
      </c>
      <c r="CJ1075" s="20">
        <v>0.64990999999999999</v>
      </c>
      <c r="CK1075" s="20">
        <v>0.87683999999999995</v>
      </c>
      <c r="CL1075" s="20">
        <v>0.63009199999999999</v>
      </c>
      <c r="CM1075" s="20">
        <v>0.68620099999999995</v>
      </c>
      <c r="CN1075" s="20">
        <v>0.59024699999999997</v>
      </c>
      <c r="CO1075" s="20">
        <v>0.58229900000000001</v>
      </c>
      <c r="CP1075" s="20">
        <v>0.54303299999999999</v>
      </c>
      <c r="CQ1075" s="20">
        <v>0.65264100000000003</v>
      </c>
      <c r="CR1075" s="20">
        <v>0.58548100000000003</v>
      </c>
      <c r="CS1075" s="20">
        <v>0.61144600000000005</v>
      </c>
      <c r="CT1075" s="20">
        <v>0.63225500000000001</v>
      </c>
      <c r="CU1075" s="20">
        <v>0.70455100000000004</v>
      </c>
      <c r="CV1075" s="20">
        <v>0.80463899999999999</v>
      </c>
      <c r="CW1075" s="20">
        <v>0.78714499999999998</v>
      </c>
      <c r="CX1075" s="20">
        <v>0.82220199999999999</v>
      </c>
      <c r="CY1075" s="6" t="s">
        <v>560</v>
      </c>
      <c r="CZ1075" s="6" t="s">
        <v>561</v>
      </c>
      <c r="DA1075" s="6" t="s">
        <v>66</v>
      </c>
      <c r="DB1075" s="6"/>
      <c r="DC1075" s="6">
        <v>30060</v>
      </c>
      <c r="DD1075" s="6"/>
      <c r="DE1075" s="6" t="s">
        <v>563</v>
      </c>
      <c r="DF1075" s="6" t="s">
        <v>363</v>
      </c>
      <c r="DG1075" s="6" t="s">
        <v>364</v>
      </c>
      <c r="DH1075" s="6" t="s">
        <v>365</v>
      </c>
      <c r="DI1075" s="6"/>
      <c r="DJ1075" s="6">
        <v>29</v>
      </c>
      <c r="DK1075" s="6">
        <v>105</v>
      </c>
      <c r="DL1075" s="6">
        <v>5</v>
      </c>
      <c r="DM1075" s="6" t="s">
        <v>392</v>
      </c>
      <c r="DN1075" s="6">
        <v>6</v>
      </c>
      <c r="DO1075" s="6" t="s">
        <v>393</v>
      </c>
      <c r="DP1075" s="6"/>
      <c r="DQ1075" s="6"/>
    </row>
    <row r="1076" spans="1:121" x14ac:dyDescent="0.2">
      <c r="A1076" s="6" t="s">
        <v>320</v>
      </c>
      <c r="B1076" s="6" t="s">
        <v>320</v>
      </c>
      <c r="C1076" s="6" t="s">
        <v>189</v>
      </c>
      <c r="D1076" s="6" t="s">
        <v>66</v>
      </c>
      <c r="E1076" s="6" t="s">
        <v>207</v>
      </c>
      <c r="F1076" s="11">
        <v>10</v>
      </c>
      <c r="G1076" s="13">
        <v>0.33333333333300003</v>
      </c>
      <c r="H1076" s="11">
        <v>-6.9566865717000006</v>
      </c>
      <c r="I1076" s="13">
        <v>-0.23010182807716231</v>
      </c>
      <c r="J1076" s="11">
        <v>26.761310884899999</v>
      </c>
      <c r="K1076" s="13">
        <v>1.1497190485914717</v>
      </c>
      <c r="L1076" s="11">
        <v>-9.7024042624999964</v>
      </c>
      <c r="M1076" s="13">
        <v>-0.19390187333144912</v>
      </c>
      <c r="N1076" s="11">
        <v>17.058906622400002</v>
      </c>
      <c r="O1076" s="13">
        <v>0.73288449793328481</v>
      </c>
      <c r="P1076" s="7">
        <v>30.233078241200001</v>
      </c>
      <c r="Q1076" s="7">
        <v>16.3671690418</v>
      </c>
      <c r="R1076" s="7">
        <v>15.266312144400001</v>
      </c>
      <c r="S1076" s="7">
        <v>13.932477928200001</v>
      </c>
      <c r="T1076" s="7">
        <v>15.1110015118</v>
      </c>
      <c r="U1076" s="7">
        <v>22.289567201000001</v>
      </c>
      <c r="V1076" s="7">
        <v>23.276391669500001</v>
      </c>
      <c r="W1076" s="7">
        <v>54.984592777300001</v>
      </c>
      <c r="X1076" s="7">
        <v>55.832491892</v>
      </c>
      <c r="Y1076" s="7">
        <v>50.037702554399999</v>
      </c>
      <c r="Z1076" s="7">
        <v>64.436834201099998</v>
      </c>
      <c r="AA1076" s="7">
        <v>47.3988422551</v>
      </c>
      <c r="AB1076" s="7">
        <v>40.118750090500001</v>
      </c>
      <c r="AC1076" s="7">
        <v>33.973612348000003</v>
      </c>
      <c r="AD1076" s="7">
        <v>45.453383351900001</v>
      </c>
      <c r="AE1076" s="7">
        <v>37.3699798321</v>
      </c>
      <c r="AF1076" s="7">
        <v>40.335298291900003</v>
      </c>
      <c r="AG1076" s="9">
        <v>11060.222738179998</v>
      </c>
      <c r="AH1076" s="13">
        <v>1.1720547869400919</v>
      </c>
      <c r="AI1076" s="9">
        <v>4483.3822231799986</v>
      </c>
      <c r="AJ1076" s="13">
        <v>0.47510522353412576</v>
      </c>
      <c r="AK1076" s="9">
        <v>14638.995996400001</v>
      </c>
      <c r="AL1076" s="13">
        <v>1.0516526751442683</v>
      </c>
      <c r="AM1076" s="9">
        <v>-8062.155481400001</v>
      </c>
      <c r="AN1076" s="13">
        <v>-0.28229836802279895</v>
      </c>
      <c r="AO1076" s="9">
        <v>6576.8405149999999</v>
      </c>
      <c r="AP1076" s="13">
        <v>0.47247447320143166</v>
      </c>
      <c r="AQ1076" s="9">
        <v>9436.6089891200008</v>
      </c>
      <c r="AR1076" s="9">
        <v>16053.0729051</v>
      </c>
      <c r="AS1076" s="9">
        <v>21991.4936748</v>
      </c>
      <c r="AT1076" s="9">
        <v>29034.982397100001</v>
      </c>
      <c r="AU1076" s="9">
        <v>17261.801921300001</v>
      </c>
      <c r="AV1076" s="9">
        <v>13655.042824</v>
      </c>
      <c r="AW1076" s="9">
        <v>13919.991212299999</v>
      </c>
      <c r="AX1076" s="9">
        <v>20803.825794699998</v>
      </c>
      <c r="AY1076" s="9">
        <v>18660.5123614</v>
      </c>
      <c r="AZ1076" s="9">
        <v>28558.9872087</v>
      </c>
      <c r="BA1076" s="9">
        <v>21123.070462</v>
      </c>
      <c r="BB1076" s="9">
        <v>20631.2096136</v>
      </c>
      <c r="BC1076" s="9">
        <v>22725.664871199999</v>
      </c>
      <c r="BD1076" s="9">
        <v>16454.877272900001</v>
      </c>
      <c r="BE1076" s="9">
        <v>19569.137422700001</v>
      </c>
      <c r="BF1076" s="9">
        <v>20496.831727299999</v>
      </c>
      <c r="BG1076" s="11">
        <v>5.5</v>
      </c>
      <c r="BH1076" s="13">
        <v>1.8333333333333333</v>
      </c>
      <c r="BI1076" s="6">
        <v>3</v>
      </c>
      <c r="BJ1076" s="13">
        <v>1</v>
      </c>
      <c r="BK1076" s="6">
        <v>-1</v>
      </c>
      <c r="BL1076" s="13">
        <v>-0.16666666666666666</v>
      </c>
      <c r="BM1076" s="11">
        <v>3.5</v>
      </c>
      <c r="BN1076" s="13">
        <v>0.7</v>
      </c>
      <c r="BO1076" s="11">
        <v>2.5</v>
      </c>
      <c r="BP1076" s="13">
        <v>0.41666666666666669</v>
      </c>
      <c r="BQ1076" s="6">
        <v>3</v>
      </c>
      <c r="BR1076" s="6">
        <v>4</v>
      </c>
      <c r="BS1076" s="6">
        <v>5</v>
      </c>
      <c r="BT1076" s="6">
        <v>6</v>
      </c>
      <c r="BU1076" s="6">
        <v>6</v>
      </c>
      <c r="BV1076" s="6">
        <v>6</v>
      </c>
      <c r="BW1076" s="6">
        <v>5</v>
      </c>
      <c r="BX1076" s="6">
        <v>8</v>
      </c>
      <c r="BY1076" s="6">
        <v>10</v>
      </c>
      <c r="BZ1076" s="6">
        <v>8</v>
      </c>
      <c r="CA1076" s="6">
        <v>8</v>
      </c>
      <c r="CB1076" s="6">
        <v>9</v>
      </c>
      <c r="CC1076" s="11">
        <v>8.5</v>
      </c>
      <c r="CD1076" s="11">
        <v>-4.1501700000000001</v>
      </c>
      <c r="CE1076" s="11">
        <v>10.9475</v>
      </c>
      <c r="CF1076" s="11">
        <v>3.30484</v>
      </c>
      <c r="CG1076" s="11">
        <v>14</v>
      </c>
      <c r="CH1076" s="20">
        <v>0.102844</v>
      </c>
      <c r="CI1076" s="20">
        <v>5.3064899999999998E-2</v>
      </c>
      <c r="CJ1076" s="20">
        <v>4.9763300000000003E-2</v>
      </c>
      <c r="CK1076" s="20">
        <v>4.31823E-2</v>
      </c>
      <c r="CL1076" s="20">
        <v>4.5077100000000002E-2</v>
      </c>
      <c r="CM1076" s="20">
        <v>6.3507800000000003E-2</v>
      </c>
      <c r="CN1076" s="20">
        <v>6.6207799999999997E-2</v>
      </c>
      <c r="CO1076" s="20">
        <v>0.15507799999999999</v>
      </c>
      <c r="CP1076" s="20">
        <v>0.168211</v>
      </c>
      <c r="CQ1076" s="20">
        <v>0.14474000000000001</v>
      </c>
      <c r="CR1076" s="20">
        <v>0.18360599999999999</v>
      </c>
      <c r="CS1076" s="20">
        <v>0.13217599999999999</v>
      </c>
      <c r="CT1076" s="20">
        <v>0.112693</v>
      </c>
      <c r="CU1076" s="20">
        <v>9.2983499999999997E-2</v>
      </c>
      <c r="CV1076" s="20">
        <v>0.122658</v>
      </c>
      <c r="CW1076" s="20">
        <v>9.8940500000000001E-2</v>
      </c>
      <c r="CX1076" s="20">
        <v>0.10449899999999999</v>
      </c>
      <c r="CY1076" s="6" t="s">
        <v>560</v>
      </c>
      <c r="CZ1076" s="6" t="s">
        <v>561</v>
      </c>
      <c r="DA1076" s="6" t="s">
        <v>66</v>
      </c>
      <c r="DB1076" s="6"/>
      <c r="DC1076" s="6">
        <v>30060</v>
      </c>
      <c r="DD1076" s="6"/>
      <c r="DE1076" s="6" t="s">
        <v>563</v>
      </c>
      <c r="DF1076" s="6" t="s">
        <v>363</v>
      </c>
      <c r="DG1076" s="6" t="s">
        <v>364</v>
      </c>
      <c r="DH1076" s="6" t="s">
        <v>365</v>
      </c>
      <c r="DI1076" s="6"/>
      <c r="DJ1076" s="6">
        <v>29</v>
      </c>
      <c r="DK1076" s="6">
        <v>105</v>
      </c>
      <c r="DL1076" s="6">
        <v>5</v>
      </c>
      <c r="DM1076" s="6" t="s">
        <v>392</v>
      </c>
      <c r="DN1076" s="6">
        <v>6</v>
      </c>
      <c r="DO1076" s="6" t="s">
        <v>393</v>
      </c>
      <c r="DP1076" s="6"/>
      <c r="DQ1076" s="6"/>
    </row>
    <row r="1077" spans="1:121" x14ac:dyDescent="0.2">
      <c r="A1077" s="6" t="s">
        <v>321</v>
      </c>
      <c r="B1077" s="6" t="s">
        <v>321</v>
      </c>
      <c r="C1077" s="6" t="s">
        <v>190</v>
      </c>
      <c r="D1077" s="6" t="s">
        <v>66</v>
      </c>
      <c r="E1077" s="6" t="s">
        <v>207</v>
      </c>
      <c r="F1077" s="11">
        <v>313</v>
      </c>
      <c r="G1077" s="13">
        <v>0.26660988074999997</v>
      </c>
      <c r="H1077" s="11">
        <v>84.470427010000094</v>
      </c>
      <c r="I1077" s="13">
        <v>7.194925091437071E-2</v>
      </c>
      <c r="J1077" s="11">
        <v>169.82806871000003</v>
      </c>
      <c r="K1077" s="13">
        <v>0.13494501092481498</v>
      </c>
      <c r="L1077" s="11">
        <v>58.801951570000028</v>
      </c>
      <c r="M1077" s="13">
        <v>4.116842781061044E-2</v>
      </c>
      <c r="N1077" s="11">
        <v>228.63002028000005</v>
      </c>
      <c r="O1077" s="13">
        <v>0.1816689126760857</v>
      </c>
      <c r="P1077" s="7">
        <v>1174.0278868299999</v>
      </c>
      <c r="Q1077" s="7">
        <v>1170.1258768099999</v>
      </c>
      <c r="R1077" s="7">
        <v>1207.7512750599999</v>
      </c>
      <c r="S1077" s="7">
        <v>1261.2556927200001</v>
      </c>
      <c r="T1077" s="7">
        <v>1254.3638749300001</v>
      </c>
      <c r="U1077" s="7">
        <v>1313.62753226</v>
      </c>
      <c r="V1077" s="7">
        <v>1258.49831384</v>
      </c>
      <c r="W1077" s="7">
        <v>1316.8935860300001</v>
      </c>
      <c r="X1077" s="7">
        <v>1355.9933293900001</v>
      </c>
      <c r="Y1077" s="7">
        <v>1428.3263825500001</v>
      </c>
      <c r="Z1077" s="7">
        <v>1473.2108887700001</v>
      </c>
      <c r="AA1077" s="7">
        <v>1506.2894094400001</v>
      </c>
      <c r="AB1077" s="7">
        <v>1394.64686155</v>
      </c>
      <c r="AC1077" s="7">
        <v>1340.5164799700001</v>
      </c>
      <c r="AD1077" s="7">
        <v>1377.4212598399999</v>
      </c>
      <c r="AE1077" s="7">
        <v>1450.8073690399999</v>
      </c>
      <c r="AF1077" s="7">
        <v>1487.1283341200001</v>
      </c>
      <c r="AG1077" s="9">
        <v>14855.661341699997</v>
      </c>
      <c r="AH1077" s="13">
        <v>0.55200153102800187</v>
      </c>
      <c r="AI1077" s="9">
        <v>10515.568969300002</v>
      </c>
      <c r="AJ1077" s="13">
        <v>0.39073387829531009</v>
      </c>
      <c r="AK1077" s="9">
        <v>1545.5336992999946</v>
      </c>
      <c r="AL1077" s="13">
        <v>4.1293599058346481E-2</v>
      </c>
      <c r="AM1077" s="9">
        <v>2794.5586731000003</v>
      </c>
      <c r="AN1077" s="13">
        <v>7.1704149878715581E-2</v>
      </c>
      <c r="AO1077" s="9">
        <v>4340.0923723999949</v>
      </c>
      <c r="AP1077" s="13">
        <v>0.11595867135297332</v>
      </c>
      <c r="AQ1077" s="9">
        <v>26912.355322700001</v>
      </c>
      <c r="AR1077" s="9">
        <v>29945.967111000002</v>
      </c>
      <c r="AS1077" s="9">
        <v>30863.275607700001</v>
      </c>
      <c r="AT1077" s="9">
        <v>32085.260038100001</v>
      </c>
      <c r="AU1077" s="9">
        <v>34113.226453700001</v>
      </c>
      <c r="AV1077" s="9">
        <v>34912.233762299998</v>
      </c>
      <c r="AW1077" s="9">
        <v>37427.924292000003</v>
      </c>
      <c r="AX1077" s="9">
        <v>37029.160169900002</v>
      </c>
      <c r="AY1077" s="9">
        <v>37258.353868099999</v>
      </c>
      <c r="AZ1077" s="9">
        <v>38973.457991299998</v>
      </c>
      <c r="BA1077" s="9">
        <v>40980.956712300002</v>
      </c>
      <c r="BB1077" s="9">
        <v>39556.922961900003</v>
      </c>
      <c r="BC1077" s="9">
        <v>41285.975753699997</v>
      </c>
      <c r="BD1077" s="9">
        <v>40842.762540999996</v>
      </c>
      <c r="BE1077" s="9">
        <v>40892.167017699998</v>
      </c>
      <c r="BF1077" s="9">
        <v>41768.016664399998</v>
      </c>
      <c r="BG1077" s="11">
        <v>36.5</v>
      </c>
      <c r="BH1077" s="13">
        <v>0.59836065573770492</v>
      </c>
      <c r="BI1077" s="6">
        <v>2</v>
      </c>
      <c r="BJ1077" s="13">
        <v>3.2786885245901641E-2</v>
      </c>
      <c r="BK1077" s="6">
        <v>-2</v>
      </c>
      <c r="BL1077" s="13">
        <v>-3.1746031746031744E-2</v>
      </c>
      <c r="BM1077" s="11">
        <v>36.5</v>
      </c>
      <c r="BN1077" s="13">
        <v>0.59836065573770492</v>
      </c>
      <c r="BO1077" s="11">
        <v>34.5</v>
      </c>
      <c r="BP1077" s="13">
        <v>0.54761904761904767</v>
      </c>
      <c r="BQ1077" s="6">
        <v>61</v>
      </c>
      <c r="BR1077" s="6">
        <v>62</v>
      </c>
      <c r="BS1077" s="6">
        <v>63</v>
      </c>
      <c r="BT1077" s="6">
        <v>63</v>
      </c>
      <c r="BU1077" s="6">
        <v>62</v>
      </c>
      <c r="BV1077" s="6">
        <v>58</v>
      </c>
      <c r="BW1077" s="6">
        <v>61</v>
      </c>
      <c r="BX1077" s="6">
        <v>62</v>
      </c>
      <c r="BY1077" s="6">
        <v>61</v>
      </c>
      <c r="BZ1077" s="6">
        <v>89</v>
      </c>
      <c r="CA1077" s="6">
        <v>85</v>
      </c>
      <c r="CB1077" s="6">
        <v>96</v>
      </c>
      <c r="CC1077" s="11">
        <v>97.5</v>
      </c>
      <c r="CD1077" s="11">
        <v>-242.77699999999999</v>
      </c>
      <c r="CE1077" s="11">
        <v>427.54199999999997</v>
      </c>
      <c r="CF1077" s="11">
        <v>128.33500000000001</v>
      </c>
      <c r="CG1077" s="11">
        <v>556</v>
      </c>
      <c r="CH1077" s="20">
        <v>0.80865200000000004</v>
      </c>
      <c r="CI1077" s="20">
        <v>0.77374600000000004</v>
      </c>
      <c r="CJ1077" s="20">
        <v>0.80155100000000001</v>
      </c>
      <c r="CK1077" s="20">
        <v>0.80882299999999996</v>
      </c>
      <c r="CL1077" s="20">
        <v>0.76583400000000001</v>
      </c>
      <c r="CM1077" s="20">
        <v>0.76360499999999998</v>
      </c>
      <c r="CN1077" s="20">
        <v>0.72871300000000006</v>
      </c>
      <c r="CO1077" s="20">
        <v>0.75863000000000003</v>
      </c>
      <c r="CP1077" s="20">
        <v>0.84085399999999999</v>
      </c>
      <c r="CQ1077" s="20">
        <v>0.85573200000000005</v>
      </c>
      <c r="CR1077" s="20">
        <v>0.88495000000000001</v>
      </c>
      <c r="CS1077" s="20">
        <v>0.87093500000000001</v>
      </c>
      <c r="CT1077" s="20">
        <v>0.80800399999999994</v>
      </c>
      <c r="CU1077" s="20">
        <v>0.758274</v>
      </c>
      <c r="CV1077" s="20">
        <v>0.76056000000000001</v>
      </c>
      <c r="CW1077" s="20">
        <v>0.78123200000000004</v>
      </c>
      <c r="CX1077" s="20">
        <v>0.77903100000000003</v>
      </c>
      <c r="CY1077" s="6" t="s">
        <v>560</v>
      </c>
      <c r="CZ1077" s="6" t="s">
        <v>561</v>
      </c>
      <c r="DA1077" s="6" t="s">
        <v>66</v>
      </c>
      <c r="DB1077" s="6"/>
      <c r="DC1077" s="6">
        <v>30060</v>
      </c>
      <c r="DD1077" s="6"/>
      <c r="DE1077" s="6" t="s">
        <v>563</v>
      </c>
      <c r="DF1077" s="6" t="s">
        <v>363</v>
      </c>
      <c r="DG1077" s="6" t="s">
        <v>364</v>
      </c>
      <c r="DH1077" s="6" t="s">
        <v>365</v>
      </c>
      <c r="DI1077" s="6"/>
      <c r="DJ1077" s="6">
        <v>29</v>
      </c>
      <c r="DK1077" s="6">
        <v>105</v>
      </c>
      <c r="DL1077" s="6">
        <v>5</v>
      </c>
      <c r="DM1077" s="6" t="s">
        <v>392</v>
      </c>
      <c r="DN1077" s="6">
        <v>6</v>
      </c>
      <c r="DO1077" s="6" t="s">
        <v>393</v>
      </c>
      <c r="DP1077" s="6"/>
      <c r="DQ1077" s="6"/>
    </row>
    <row r="1078" spans="1:121" x14ac:dyDescent="0.2">
      <c r="A1078" s="6" t="s">
        <v>322</v>
      </c>
      <c r="B1078" s="6" t="s">
        <v>322</v>
      </c>
      <c r="C1078" s="6" t="s">
        <v>191</v>
      </c>
      <c r="D1078" s="6" t="s">
        <v>66</v>
      </c>
      <c r="E1078" s="6" t="s">
        <v>207</v>
      </c>
      <c r="F1078" s="11">
        <v>-30</v>
      </c>
      <c r="G1078" s="13">
        <v>-0.33</v>
      </c>
      <c r="H1078" s="11">
        <v>-16</v>
      </c>
      <c r="I1078" s="13">
        <v>-0.17777777777777778</v>
      </c>
      <c r="J1078" s="11">
        <v>-4</v>
      </c>
      <c r="K1078" s="13">
        <v>-5.4054054054054057E-2</v>
      </c>
      <c r="L1078" s="11">
        <v>-10</v>
      </c>
      <c r="M1078" s="13">
        <v>-0.14285714285714285</v>
      </c>
      <c r="N1078" s="11">
        <v>-14</v>
      </c>
      <c r="O1078" s="13">
        <v>-0.1891891891891892</v>
      </c>
      <c r="P1078" s="7">
        <v>90</v>
      </c>
      <c r="Q1078" s="7">
        <v>70</v>
      </c>
      <c r="R1078" s="7">
        <v>77</v>
      </c>
      <c r="S1078" s="7">
        <v>67</v>
      </c>
      <c r="T1078" s="7">
        <v>70</v>
      </c>
      <c r="U1078" s="7">
        <v>71</v>
      </c>
      <c r="V1078" s="7">
        <v>74</v>
      </c>
      <c r="W1078" s="7">
        <v>76</v>
      </c>
      <c r="X1078" s="7">
        <v>60</v>
      </c>
      <c r="Y1078" s="7">
        <v>70</v>
      </c>
      <c r="Z1078" s="7">
        <v>76</v>
      </c>
      <c r="AA1078" s="7">
        <v>69</v>
      </c>
      <c r="AB1078" s="7">
        <v>75</v>
      </c>
      <c r="AC1078" s="7">
        <v>72</v>
      </c>
      <c r="AD1078" s="7">
        <v>54</v>
      </c>
      <c r="AE1078" s="7">
        <v>60</v>
      </c>
      <c r="AF1078" s="7">
        <v>60</v>
      </c>
      <c r="AG1078" s="9">
        <v>7610</v>
      </c>
      <c r="AH1078" s="13">
        <v>0.74027237354085595</v>
      </c>
      <c r="AI1078" s="9">
        <v>6825</v>
      </c>
      <c r="AJ1078" s="13">
        <v>0.66391050583657585</v>
      </c>
      <c r="AK1078" s="9">
        <v>-1892</v>
      </c>
      <c r="AL1078" s="13">
        <v>-0.11061093247588424</v>
      </c>
      <c r="AM1078" s="9">
        <v>2677</v>
      </c>
      <c r="AN1078" s="13">
        <v>0.17596792217182672</v>
      </c>
      <c r="AO1078" s="9">
        <v>785</v>
      </c>
      <c r="AP1078" s="13">
        <v>4.5893013738672904E-2</v>
      </c>
      <c r="AQ1078" s="9">
        <v>10280</v>
      </c>
      <c r="AR1078" s="9">
        <v>13023</v>
      </c>
      <c r="AS1078" s="9">
        <v>10619</v>
      </c>
      <c r="AT1078" s="9">
        <v>12167</v>
      </c>
      <c r="AU1078" s="9">
        <v>14995</v>
      </c>
      <c r="AV1078" s="9">
        <v>17165</v>
      </c>
      <c r="AW1078" s="9">
        <v>17105</v>
      </c>
      <c r="AX1078" s="9">
        <v>16685</v>
      </c>
      <c r="AY1078" s="9">
        <v>17436</v>
      </c>
      <c r="AZ1078" s="9">
        <v>15213</v>
      </c>
      <c r="BA1078" s="9">
        <v>13248</v>
      </c>
      <c r="BB1078" s="9">
        <v>17055</v>
      </c>
      <c r="BC1078" s="9">
        <v>14980</v>
      </c>
      <c r="BD1078" s="9">
        <v>15636</v>
      </c>
      <c r="BE1078" s="9">
        <v>19549</v>
      </c>
      <c r="BF1078" s="9">
        <v>17890</v>
      </c>
      <c r="BG1078" s="11">
        <v>-1</v>
      </c>
      <c r="BH1078" s="13">
        <v>-0.1111111111111111</v>
      </c>
      <c r="BI1078" s="6">
        <v>-2</v>
      </c>
      <c r="BJ1078" s="13">
        <v>-0.22222222222222221</v>
      </c>
      <c r="BK1078" s="6">
        <v>4</v>
      </c>
      <c r="BL1078" s="13">
        <v>0.5714285714285714</v>
      </c>
      <c r="BM1078" s="11">
        <v>-3</v>
      </c>
      <c r="BN1078" s="13">
        <v>-0.27272727272727271</v>
      </c>
      <c r="BO1078" s="11">
        <v>1</v>
      </c>
      <c r="BP1078" s="13">
        <v>0.14285714285714285</v>
      </c>
      <c r="BQ1078" s="6">
        <v>9</v>
      </c>
      <c r="BR1078" s="6">
        <v>8</v>
      </c>
      <c r="BS1078" s="6">
        <v>7</v>
      </c>
      <c r="BT1078" s="6">
        <v>7</v>
      </c>
      <c r="BU1078" s="6">
        <v>9</v>
      </c>
      <c r="BV1078" s="6">
        <v>10</v>
      </c>
      <c r="BW1078" s="6">
        <v>11</v>
      </c>
      <c r="BX1078" s="6">
        <v>11</v>
      </c>
      <c r="BY1078" s="6">
        <v>9</v>
      </c>
      <c r="BZ1078" s="6">
        <v>8</v>
      </c>
      <c r="CA1078" s="6">
        <v>8</v>
      </c>
      <c r="CB1078" s="6">
        <v>9</v>
      </c>
      <c r="CC1078" s="11">
        <v>8</v>
      </c>
      <c r="CD1078" s="11">
        <v>-57</v>
      </c>
      <c r="CE1078" s="11">
        <v>16</v>
      </c>
      <c r="CF1078" s="11">
        <v>10</v>
      </c>
      <c r="CG1078" s="11">
        <v>26</v>
      </c>
      <c r="CH1078" s="20">
        <v>0.41</v>
      </c>
      <c r="CI1078" s="20">
        <v>0.31</v>
      </c>
      <c r="CJ1078" s="20">
        <v>0.35</v>
      </c>
      <c r="CK1078" s="20">
        <v>0.28999999999999998</v>
      </c>
      <c r="CL1078" s="20">
        <v>0.28999999999999998</v>
      </c>
      <c r="CM1078" s="20">
        <v>0.28000000000000003</v>
      </c>
      <c r="CN1078" s="20">
        <v>0.3</v>
      </c>
      <c r="CO1078" s="20">
        <v>0.3</v>
      </c>
      <c r="CP1078" s="20">
        <v>0.27</v>
      </c>
      <c r="CQ1078" s="20">
        <v>0.31</v>
      </c>
      <c r="CR1078" s="20">
        <v>0.34</v>
      </c>
      <c r="CS1078" s="20">
        <v>0.3</v>
      </c>
      <c r="CT1078" s="20">
        <v>0.33</v>
      </c>
      <c r="CU1078" s="20">
        <v>0.3</v>
      </c>
      <c r="CV1078" s="20">
        <v>0.22</v>
      </c>
      <c r="CW1078" s="20">
        <v>0.24</v>
      </c>
      <c r="CX1078" s="20">
        <v>0.23</v>
      </c>
      <c r="CY1078" s="6" t="s">
        <v>560</v>
      </c>
      <c r="CZ1078" s="6" t="s">
        <v>561</v>
      </c>
      <c r="DA1078" s="6" t="s">
        <v>66</v>
      </c>
      <c r="DB1078" s="6"/>
      <c r="DC1078" s="6">
        <v>30060</v>
      </c>
      <c r="DD1078" s="6"/>
      <c r="DE1078" s="6" t="s">
        <v>563</v>
      </c>
      <c r="DF1078" s="6" t="s">
        <v>363</v>
      </c>
      <c r="DG1078" s="6" t="s">
        <v>364</v>
      </c>
      <c r="DH1078" s="6" t="s">
        <v>365</v>
      </c>
      <c r="DI1078" s="6"/>
      <c r="DJ1078" s="6">
        <v>29</v>
      </c>
      <c r="DK1078" s="6">
        <v>105</v>
      </c>
      <c r="DL1078" s="6">
        <v>5</v>
      </c>
      <c r="DM1078" s="6" t="s">
        <v>392</v>
      </c>
      <c r="DN1078" s="6">
        <v>6</v>
      </c>
      <c r="DO1078" s="6" t="s">
        <v>393</v>
      </c>
      <c r="DP1078" s="6"/>
      <c r="DQ1078" s="6"/>
    </row>
    <row r="1079" spans="1:121" x14ac:dyDescent="0.2">
      <c r="A1079" s="6" t="s">
        <v>323</v>
      </c>
      <c r="B1079" s="6" t="s">
        <v>323</v>
      </c>
      <c r="C1079" s="6" t="s">
        <v>192</v>
      </c>
      <c r="D1079" s="6" t="s">
        <v>66</v>
      </c>
      <c r="E1079" s="6" t="s">
        <v>207</v>
      </c>
      <c r="F1079" s="11">
        <v>136</v>
      </c>
      <c r="G1079" s="13">
        <v>0.14137214137199999</v>
      </c>
      <c r="H1079" s="11">
        <v>229.64828552499989</v>
      </c>
      <c r="I1079" s="13">
        <v>0.23865154896556623</v>
      </c>
      <c r="J1079" s="11">
        <v>-128.1288965199999</v>
      </c>
      <c r="K1079" s="13">
        <v>-0.10749765385465744</v>
      </c>
      <c r="L1079" s="11">
        <v>33.788786659999914</v>
      </c>
      <c r="M1079" s="13">
        <v>3.1762533071256122E-2</v>
      </c>
      <c r="N1079" s="11">
        <v>-94.340109859999984</v>
      </c>
      <c r="O1079" s="13">
        <v>-7.9149518569042315E-2</v>
      </c>
      <c r="P1079" s="7">
        <v>962.27443953500006</v>
      </c>
      <c r="Q1079" s="7">
        <v>969.53023664800003</v>
      </c>
      <c r="R1079" s="7">
        <v>967.01755276400002</v>
      </c>
      <c r="S1079" s="7">
        <v>1011.60570659</v>
      </c>
      <c r="T1079" s="7">
        <v>1053.79404774</v>
      </c>
      <c r="U1079" s="7">
        <v>1156.9277960100001</v>
      </c>
      <c r="V1079" s="7">
        <v>1191.9227250599999</v>
      </c>
      <c r="W1079" s="7">
        <v>1209.42365277</v>
      </c>
      <c r="X1079" s="7">
        <v>1067.4039465000001</v>
      </c>
      <c r="Y1079" s="7">
        <v>1063.79382854</v>
      </c>
      <c r="Z1079" s="7">
        <v>1082.48459452</v>
      </c>
      <c r="AA1079" s="7">
        <v>1014.82006372</v>
      </c>
      <c r="AB1079" s="7">
        <v>1032.7354867900001</v>
      </c>
      <c r="AC1079" s="7">
        <v>1061.8807697699999</v>
      </c>
      <c r="AD1079" s="7">
        <v>1026.9532919599999</v>
      </c>
      <c r="AE1079" s="7">
        <v>1096.85743241</v>
      </c>
      <c r="AF1079" s="7">
        <v>1097.5826152</v>
      </c>
      <c r="AG1079" s="9">
        <v>3913.406774699999</v>
      </c>
      <c r="AH1079" s="13">
        <v>0.34023282232691948</v>
      </c>
      <c r="AI1079" s="9">
        <v>1405.638132</v>
      </c>
      <c r="AJ1079" s="13">
        <v>0.12220662362842696</v>
      </c>
      <c r="AK1079" s="9">
        <v>325.11077369999839</v>
      </c>
      <c r="AL1079" s="13">
        <v>2.5187191791005797E-2</v>
      </c>
      <c r="AM1079" s="9">
        <v>2182.6578690000006</v>
      </c>
      <c r="AN1079" s="13">
        <v>0.16494185761355307</v>
      </c>
      <c r="AO1079" s="9">
        <v>2507.768642699999</v>
      </c>
      <c r="AP1079" s="13">
        <v>0.19428347160663617</v>
      </c>
      <c r="AQ1079" s="9">
        <v>11502.143584900001</v>
      </c>
      <c r="AR1079" s="9">
        <v>11566.4265911</v>
      </c>
      <c r="AS1079" s="9">
        <v>12249.874757899999</v>
      </c>
      <c r="AT1079" s="9">
        <v>12955.4559792</v>
      </c>
      <c r="AU1079" s="9">
        <v>12624.4168415</v>
      </c>
      <c r="AV1079" s="9">
        <v>13345.101612799999</v>
      </c>
      <c r="AW1079" s="9">
        <v>12907.781716900001</v>
      </c>
      <c r="AX1079" s="9">
        <v>12873.730101700001</v>
      </c>
      <c r="AY1079" s="9">
        <v>12741.442868100001</v>
      </c>
      <c r="AZ1079" s="9">
        <v>13232.892490599999</v>
      </c>
      <c r="BA1079" s="9">
        <v>13304.384293499999</v>
      </c>
      <c r="BB1079" s="9">
        <v>14566.8183142</v>
      </c>
      <c r="BC1079" s="9">
        <v>14128.887256599999</v>
      </c>
      <c r="BD1079" s="9">
        <v>14475.337476799999</v>
      </c>
      <c r="BE1079" s="9">
        <v>15385.068985399999</v>
      </c>
      <c r="BF1079" s="9">
        <v>15415.5503596</v>
      </c>
      <c r="BG1079" s="11">
        <v>11</v>
      </c>
      <c r="BH1079" s="13">
        <v>0.18333333333333332</v>
      </c>
      <c r="BI1079" s="6">
        <v>7</v>
      </c>
      <c r="BJ1079" s="13">
        <v>0.11666666666666667</v>
      </c>
      <c r="BK1079" s="6">
        <v>4</v>
      </c>
      <c r="BL1079" s="13">
        <v>5.9701492537313432E-2</v>
      </c>
      <c r="BM1079" s="11">
        <v>0</v>
      </c>
      <c r="BN1079" s="13">
        <v>0</v>
      </c>
      <c r="BO1079" s="11">
        <v>4</v>
      </c>
      <c r="BP1079" s="13">
        <v>5.9701492537313432E-2</v>
      </c>
      <c r="BQ1079" s="6">
        <v>60</v>
      </c>
      <c r="BR1079" s="6">
        <v>56</v>
      </c>
      <c r="BS1079" s="6">
        <v>63</v>
      </c>
      <c r="BT1079" s="6">
        <v>67</v>
      </c>
      <c r="BU1079" s="6">
        <v>68</v>
      </c>
      <c r="BV1079" s="6">
        <v>71</v>
      </c>
      <c r="BW1079" s="6">
        <v>71</v>
      </c>
      <c r="BX1079" s="6">
        <v>73</v>
      </c>
      <c r="BY1079" s="6">
        <v>71</v>
      </c>
      <c r="BZ1079" s="6">
        <v>70</v>
      </c>
      <c r="CA1079" s="6">
        <v>69</v>
      </c>
      <c r="CB1079" s="6">
        <v>68</v>
      </c>
      <c r="CC1079" s="11">
        <v>71</v>
      </c>
      <c r="CD1079" s="11">
        <v>-188.70699999999999</v>
      </c>
      <c r="CE1079" s="11">
        <v>218.827</v>
      </c>
      <c r="CF1079" s="11">
        <v>105.188</v>
      </c>
      <c r="CG1079" s="11">
        <v>324</v>
      </c>
      <c r="CH1079" s="20">
        <v>0.89311300000000005</v>
      </c>
      <c r="CI1079" s="20">
        <v>0.88584499999999999</v>
      </c>
      <c r="CJ1079" s="20">
        <v>0.89763999999999999</v>
      </c>
      <c r="CK1079" s="20">
        <v>0.90261499999999995</v>
      </c>
      <c r="CL1079" s="20">
        <v>0.89450099999999999</v>
      </c>
      <c r="CM1079" s="20">
        <v>0.93871000000000004</v>
      </c>
      <c r="CN1079" s="20">
        <v>0.96874400000000005</v>
      </c>
      <c r="CO1079" s="20">
        <v>1.00034</v>
      </c>
      <c r="CP1079" s="20">
        <v>0.99745399999999995</v>
      </c>
      <c r="CQ1079" s="20">
        <v>0.97300399999999998</v>
      </c>
      <c r="CR1079" s="20">
        <v>0.98184199999999999</v>
      </c>
      <c r="CS1079" s="20">
        <v>0.89149</v>
      </c>
      <c r="CT1079" s="20">
        <v>0.89935100000000001</v>
      </c>
      <c r="CU1079" s="20">
        <v>0.89335200000000003</v>
      </c>
      <c r="CV1079" s="20">
        <v>0.83527700000000005</v>
      </c>
      <c r="CW1079" s="20">
        <v>0.86798299999999995</v>
      </c>
      <c r="CX1079" s="20">
        <v>0.85402800000000001</v>
      </c>
      <c r="CY1079" s="6" t="s">
        <v>560</v>
      </c>
      <c r="CZ1079" s="6" t="s">
        <v>561</v>
      </c>
      <c r="DA1079" s="6" t="s">
        <v>66</v>
      </c>
      <c r="DB1079" s="6"/>
      <c r="DC1079" s="6">
        <v>30060</v>
      </c>
      <c r="DD1079" s="6"/>
      <c r="DE1079" s="6" t="s">
        <v>563</v>
      </c>
      <c r="DF1079" s="6" t="s">
        <v>363</v>
      </c>
      <c r="DG1079" s="6" t="s">
        <v>364</v>
      </c>
      <c r="DH1079" s="6" t="s">
        <v>365</v>
      </c>
      <c r="DI1079" s="6"/>
      <c r="DJ1079" s="6">
        <v>29</v>
      </c>
      <c r="DK1079" s="6">
        <v>105</v>
      </c>
      <c r="DL1079" s="6">
        <v>5</v>
      </c>
      <c r="DM1079" s="6" t="s">
        <v>392</v>
      </c>
      <c r="DN1079" s="6">
        <v>6</v>
      </c>
      <c r="DO1079" s="6" t="s">
        <v>393</v>
      </c>
      <c r="DP1079" s="6"/>
      <c r="DQ1079" s="6"/>
    </row>
    <row r="1080" spans="1:121" x14ac:dyDescent="0.2">
      <c r="A1080" s="6" t="s">
        <v>325</v>
      </c>
      <c r="B1080" s="6" t="s">
        <v>325</v>
      </c>
      <c r="C1080" s="6" t="s">
        <v>193</v>
      </c>
      <c r="D1080" s="6" t="s">
        <v>66</v>
      </c>
      <c r="E1080" s="6" t="s">
        <v>207</v>
      </c>
      <c r="F1080" s="11">
        <v>60</v>
      </c>
      <c r="G1080" s="13">
        <v>0.104166666667</v>
      </c>
      <c r="H1080" s="11">
        <v>108.77730207499997</v>
      </c>
      <c r="I1080" s="13">
        <v>0.18900424391251933</v>
      </c>
      <c r="J1080" s="11">
        <v>-42.415170782000018</v>
      </c>
      <c r="K1080" s="13">
        <v>-6.1982785299861634E-2</v>
      </c>
      <c r="L1080" s="11">
        <v>-6.3412810099999888</v>
      </c>
      <c r="M1080" s="13">
        <v>-9.8790699035188126E-3</v>
      </c>
      <c r="N1080" s="11">
        <v>-48.756451792000007</v>
      </c>
      <c r="O1080" s="13">
        <v>-7.1249522934588319E-2</v>
      </c>
      <c r="P1080" s="7">
        <v>575.52835758200001</v>
      </c>
      <c r="Q1080" s="7">
        <v>612.32651900099995</v>
      </c>
      <c r="R1080" s="7">
        <v>651.60859029899996</v>
      </c>
      <c r="S1080" s="7">
        <v>665.99823690000005</v>
      </c>
      <c r="T1080" s="7">
        <v>684.13166697500003</v>
      </c>
      <c r="U1080" s="7">
        <v>673.48042050499998</v>
      </c>
      <c r="V1080" s="7">
        <v>684.30565965699998</v>
      </c>
      <c r="W1080" s="7">
        <v>638.42609068800004</v>
      </c>
      <c r="X1080" s="7">
        <v>632.15793726699997</v>
      </c>
      <c r="Y1080" s="7">
        <v>641.89048887499996</v>
      </c>
      <c r="Z1080" s="7">
        <v>589.36104462599997</v>
      </c>
      <c r="AA1080" s="7">
        <v>630.00285001500004</v>
      </c>
      <c r="AB1080" s="7">
        <v>668.33000942800004</v>
      </c>
      <c r="AC1080" s="7">
        <v>623.34350389199994</v>
      </c>
      <c r="AD1080" s="7">
        <v>630.03018274800002</v>
      </c>
      <c r="AE1080" s="7">
        <v>630.20542461900004</v>
      </c>
      <c r="AF1080" s="7">
        <v>635.54920786499997</v>
      </c>
      <c r="AG1080" s="9">
        <v>2504.918941699998</v>
      </c>
      <c r="AH1080" s="13">
        <v>0.15193652002347446</v>
      </c>
      <c r="AI1080" s="9">
        <v>1045.0940334000006</v>
      </c>
      <c r="AJ1080" s="13">
        <v>6.3390454632567567E-2</v>
      </c>
      <c r="AK1080" s="9">
        <v>-138.97037780000028</v>
      </c>
      <c r="AL1080" s="13">
        <v>-7.9268014250570232E-3</v>
      </c>
      <c r="AM1080" s="9">
        <v>1598.7952860999976</v>
      </c>
      <c r="AN1080" s="13">
        <v>9.1923146700466807E-2</v>
      </c>
      <c r="AO1080" s="9">
        <v>1459.8249082999973</v>
      </c>
      <c r="AP1080" s="13">
        <v>8.3267688745148782E-2</v>
      </c>
      <c r="AQ1080" s="9">
        <v>16486.615208200001</v>
      </c>
      <c r="AR1080" s="9">
        <v>16014.3069531</v>
      </c>
      <c r="AS1080" s="9">
        <v>16371.663425999999</v>
      </c>
      <c r="AT1080" s="9">
        <v>17402.240129500002</v>
      </c>
      <c r="AU1080" s="9">
        <v>17227.4097846</v>
      </c>
      <c r="AV1080" s="9">
        <v>17870.540320399999</v>
      </c>
      <c r="AW1080" s="9">
        <v>17531.709241600001</v>
      </c>
      <c r="AX1080" s="9">
        <v>18225.2573156</v>
      </c>
      <c r="AY1080" s="9">
        <v>17350.733142000001</v>
      </c>
      <c r="AZ1080" s="9">
        <v>17392.738863800001</v>
      </c>
      <c r="BA1080" s="9">
        <v>18150.1040025</v>
      </c>
      <c r="BB1080" s="9">
        <v>17105.627036999998</v>
      </c>
      <c r="BC1080" s="9">
        <v>16786.284902700001</v>
      </c>
      <c r="BD1080" s="9">
        <v>18668.065758699999</v>
      </c>
      <c r="BE1080" s="9">
        <v>18522.512644900002</v>
      </c>
      <c r="BF1080" s="9">
        <v>18991.534149899999</v>
      </c>
      <c r="BG1080" s="11">
        <v>-58.25</v>
      </c>
      <c r="BH1080" s="13">
        <v>-0.51548672566371678</v>
      </c>
      <c r="BI1080" s="6">
        <v>-10</v>
      </c>
      <c r="BJ1080" s="13">
        <v>-8.8495575221238937E-2</v>
      </c>
      <c r="BK1080" s="6">
        <v>-18</v>
      </c>
      <c r="BL1080" s="13">
        <v>-0.17475728155339806</v>
      </c>
      <c r="BM1080" s="11">
        <v>-30.25</v>
      </c>
      <c r="BN1080" s="13">
        <v>-0.35588235294117648</v>
      </c>
      <c r="BO1080" s="11">
        <v>-48.25</v>
      </c>
      <c r="BP1080" s="13">
        <v>-0.46844660194174759</v>
      </c>
      <c r="BQ1080" s="6">
        <v>113</v>
      </c>
      <c r="BR1080" s="6">
        <v>108</v>
      </c>
      <c r="BS1080" s="6">
        <v>107</v>
      </c>
      <c r="BT1080" s="6">
        <v>103</v>
      </c>
      <c r="BU1080" s="6">
        <v>94</v>
      </c>
      <c r="BV1080" s="6">
        <v>85</v>
      </c>
      <c r="BW1080" s="6">
        <v>85</v>
      </c>
      <c r="BX1080" s="6">
        <v>88</v>
      </c>
      <c r="BY1080" s="6">
        <v>82</v>
      </c>
      <c r="BZ1080" s="6">
        <v>54</v>
      </c>
      <c r="CA1080" s="6">
        <v>52</v>
      </c>
      <c r="CB1080" s="6">
        <v>53</v>
      </c>
      <c r="CC1080" s="11">
        <v>54.75</v>
      </c>
      <c r="CD1080" s="11">
        <v>2.4087399999999999</v>
      </c>
      <c r="CE1080" s="11">
        <v>-5.3000699999999998</v>
      </c>
      <c r="CF1080" s="11">
        <v>62.912199999999999</v>
      </c>
      <c r="CG1080" s="11">
        <v>58</v>
      </c>
      <c r="CH1080" s="20">
        <v>0.78639599999999998</v>
      </c>
      <c r="CI1080" s="20">
        <v>0.820241</v>
      </c>
      <c r="CJ1080" s="20">
        <v>0.89187399999999994</v>
      </c>
      <c r="CK1080" s="20">
        <v>0.89208299999999996</v>
      </c>
      <c r="CL1080" s="20">
        <v>0.88623099999999999</v>
      </c>
      <c r="CM1080" s="20">
        <v>0.84173699999999996</v>
      </c>
      <c r="CN1080" s="20">
        <v>0.86095600000000005</v>
      </c>
      <c r="CO1080" s="20">
        <v>0.81664800000000004</v>
      </c>
      <c r="CP1080" s="20">
        <v>0.89495599999999997</v>
      </c>
      <c r="CQ1080" s="20">
        <v>0.89605900000000005</v>
      </c>
      <c r="CR1080" s="20">
        <v>0.82777500000000004</v>
      </c>
      <c r="CS1080" s="20">
        <v>0.863626</v>
      </c>
      <c r="CT1080" s="20">
        <v>0.99071600000000004</v>
      </c>
      <c r="CU1080" s="20">
        <v>0.90217499999999995</v>
      </c>
      <c r="CV1080" s="20">
        <v>0.89901900000000001</v>
      </c>
      <c r="CW1080" s="20">
        <v>0.88422000000000001</v>
      </c>
      <c r="CX1080" s="20">
        <v>0.88462099999999999</v>
      </c>
      <c r="CY1080" s="6" t="s">
        <v>560</v>
      </c>
      <c r="CZ1080" s="6" t="s">
        <v>561</v>
      </c>
      <c r="DA1080" s="6" t="s">
        <v>66</v>
      </c>
      <c r="DB1080" s="6"/>
      <c r="DC1080" s="6">
        <v>30060</v>
      </c>
      <c r="DD1080" s="6"/>
      <c r="DE1080" s="6" t="s">
        <v>563</v>
      </c>
      <c r="DF1080" s="6" t="s">
        <v>363</v>
      </c>
      <c r="DG1080" s="6" t="s">
        <v>364</v>
      </c>
      <c r="DH1080" s="6" t="s">
        <v>365</v>
      </c>
      <c r="DI1080" s="6"/>
      <c r="DJ1080" s="6">
        <v>29</v>
      </c>
      <c r="DK1080" s="6">
        <v>105</v>
      </c>
      <c r="DL1080" s="6">
        <v>5</v>
      </c>
      <c r="DM1080" s="6" t="s">
        <v>392</v>
      </c>
      <c r="DN1080" s="6">
        <v>6</v>
      </c>
      <c r="DO1080" s="6" t="s">
        <v>393</v>
      </c>
      <c r="DP1080" s="6"/>
      <c r="DQ1080" s="6"/>
    </row>
    <row r="1081" spans="1:121" x14ac:dyDescent="0.2">
      <c r="A1081" s="6" t="s">
        <v>327</v>
      </c>
      <c r="B1081" s="6" t="s">
        <v>327</v>
      </c>
      <c r="C1081" s="6" t="s">
        <v>194</v>
      </c>
      <c r="D1081" s="6" t="s">
        <v>66</v>
      </c>
      <c r="E1081" s="6" t="s">
        <v>207</v>
      </c>
      <c r="F1081" s="11">
        <v>-8</v>
      </c>
      <c r="G1081" s="13">
        <v>-4.8309178744E-3</v>
      </c>
      <c r="H1081" s="11">
        <v>70.28439800000001</v>
      </c>
      <c r="I1081" s="13">
        <v>4.2435795635420298E-2</v>
      </c>
      <c r="J1081" s="11">
        <v>17.747167999999874</v>
      </c>
      <c r="K1081" s="13">
        <v>1.0279054397921109E-2</v>
      </c>
      <c r="L1081" s="11">
        <v>-96.254974469999979</v>
      </c>
      <c r="M1081" s="13">
        <v>-5.5183080174825608E-2</v>
      </c>
      <c r="N1081" s="11">
        <v>-78.507806470000105</v>
      </c>
      <c r="O1081" s="13">
        <v>-4.5471255659866365E-2</v>
      </c>
      <c r="P1081" s="7">
        <v>1656.2526270000001</v>
      </c>
      <c r="Q1081" s="7">
        <v>1654.6960469999999</v>
      </c>
      <c r="R1081" s="7">
        <v>1647.87247</v>
      </c>
      <c r="S1081" s="7">
        <v>1644.4908230000001</v>
      </c>
      <c r="T1081" s="7">
        <v>1648.913114</v>
      </c>
      <c r="U1081" s="7">
        <v>1693.0515439999999</v>
      </c>
      <c r="V1081" s="7">
        <v>1726.5370250000001</v>
      </c>
      <c r="W1081" s="7">
        <v>1801.570643</v>
      </c>
      <c r="X1081" s="7">
        <v>1785.547521</v>
      </c>
      <c r="Y1081" s="7">
        <v>1744.284193</v>
      </c>
      <c r="Z1081" s="7">
        <v>1715.3934870000001</v>
      </c>
      <c r="AA1081" s="7">
        <v>1694.6223279999999</v>
      </c>
      <c r="AB1081" s="7">
        <v>1690.085861</v>
      </c>
      <c r="AC1081" s="7">
        <v>1711.5249080000001</v>
      </c>
      <c r="AD1081" s="7">
        <v>1708.850913</v>
      </c>
      <c r="AE1081" s="7">
        <v>1651.3746305</v>
      </c>
      <c r="AF1081" s="7">
        <v>1648.02921853</v>
      </c>
      <c r="AG1081" s="9">
        <v>15187.301227400003</v>
      </c>
      <c r="AH1081" s="13">
        <v>0.48432760596029695</v>
      </c>
      <c r="AI1081" s="9">
        <v>9986.3777698000013</v>
      </c>
      <c r="AJ1081" s="13">
        <v>0.31846859195340932</v>
      </c>
      <c r="AK1081" s="9">
        <v>1620.5151202999987</v>
      </c>
      <c r="AL1081" s="13">
        <v>3.9196015066606173E-2</v>
      </c>
      <c r="AM1081" s="9">
        <v>3580.408337300003</v>
      </c>
      <c r="AN1081" s="13">
        <v>8.333432372523468E-2</v>
      </c>
      <c r="AO1081" s="9">
        <v>5200.9234576000017</v>
      </c>
      <c r="AP1081" s="13">
        <v>0.12579671220014058</v>
      </c>
      <c r="AQ1081" s="9">
        <v>31357.4965385</v>
      </c>
      <c r="AR1081" s="9">
        <v>33035.461807500003</v>
      </c>
      <c r="AS1081" s="9">
        <v>35143.892895800003</v>
      </c>
      <c r="AT1081" s="9">
        <v>36705.536344400003</v>
      </c>
      <c r="AU1081" s="9">
        <v>38030.541573900002</v>
      </c>
      <c r="AV1081" s="9">
        <v>41183.008091700001</v>
      </c>
      <c r="AW1081" s="9">
        <v>41343.874308300001</v>
      </c>
      <c r="AX1081" s="9">
        <v>41371.732563899997</v>
      </c>
      <c r="AY1081" s="9">
        <v>42895.543749199998</v>
      </c>
      <c r="AZ1081" s="9">
        <v>42964.3894286</v>
      </c>
      <c r="BA1081" s="9">
        <v>43065.6890986</v>
      </c>
      <c r="BB1081" s="9">
        <v>42783.517734000001</v>
      </c>
      <c r="BC1081" s="9">
        <v>43800.5264962</v>
      </c>
      <c r="BD1081" s="9">
        <v>43506.381464500002</v>
      </c>
      <c r="BE1081" s="9">
        <v>44715.277045299998</v>
      </c>
      <c r="BF1081" s="9">
        <v>46544.797765900003</v>
      </c>
      <c r="BG1081" s="11">
        <v>2</v>
      </c>
      <c r="BH1081" s="13">
        <v>3.0303030303030304E-2</v>
      </c>
      <c r="BI1081" s="6">
        <v>6</v>
      </c>
      <c r="BJ1081" s="13">
        <v>9.0909090909090912E-2</v>
      </c>
      <c r="BK1081" s="6">
        <v>-2</v>
      </c>
      <c r="BL1081" s="13">
        <v>-2.7777777777777776E-2</v>
      </c>
      <c r="BM1081" s="11">
        <v>-2</v>
      </c>
      <c r="BN1081" s="13">
        <v>-2.8571428571428571E-2</v>
      </c>
      <c r="BO1081" s="11">
        <v>-4</v>
      </c>
      <c r="BP1081" s="13">
        <v>-5.5555555555555552E-2</v>
      </c>
      <c r="BQ1081" s="6">
        <v>66</v>
      </c>
      <c r="BR1081" s="6">
        <v>66</v>
      </c>
      <c r="BS1081" s="6">
        <v>68</v>
      </c>
      <c r="BT1081" s="6">
        <v>72</v>
      </c>
      <c r="BU1081" s="6">
        <v>70</v>
      </c>
      <c r="BV1081" s="6">
        <v>70</v>
      </c>
      <c r="BW1081" s="6">
        <v>70</v>
      </c>
      <c r="BX1081" s="6">
        <v>69</v>
      </c>
      <c r="BY1081" s="6">
        <v>69</v>
      </c>
      <c r="BZ1081" s="6">
        <v>70</v>
      </c>
      <c r="CA1081" s="6">
        <v>69</v>
      </c>
      <c r="CB1081" s="6">
        <v>68</v>
      </c>
      <c r="CC1081" s="11">
        <v>68</v>
      </c>
      <c r="CD1081" s="11">
        <v>-92.174599999999998</v>
      </c>
      <c r="CE1081" s="11">
        <v>-97.097200000000001</v>
      </c>
      <c r="CF1081" s="11">
        <v>181.048</v>
      </c>
      <c r="CG1081" s="11">
        <v>84</v>
      </c>
      <c r="CH1081" s="20">
        <v>0.681284</v>
      </c>
      <c r="CI1081" s="20">
        <v>0.66595700000000002</v>
      </c>
      <c r="CJ1081" s="20">
        <v>0.68265699999999996</v>
      </c>
      <c r="CK1081" s="20">
        <v>0.67152199999999995</v>
      </c>
      <c r="CL1081" s="20">
        <v>0.65268400000000004</v>
      </c>
      <c r="CM1081" s="20">
        <v>0.650841</v>
      </c>
      <c r="CN1081" s="20">
        <v>0.67292200000000002</v>
      </c>
      <c r="CO1081" s="20">
        <v>0.70675100000000002</v>
      </c>
      <c r="CP1081" s="20">
        <v>0.76657399999999998</v>
      </c>
      <c r="CQ1081" s="20">
        <v>0.73418399999999995</v>
      </c>
      <c r="CR1081" s="20">
        <v>0.74350499999999997</v>
      </c>
      <c r="CS1081" s="20">
        <v>0.74119299999999999</v>
      </c>
      <c r="CT1081" s="20">
        <v>0.75925799999999999</v>
      </c>
      <c r="CU1081" s="20">
        <v>0.764899</v>
      </c>
      <c r="CV1081" s="20">
        <v>0.75942500000000002</v>
      </c>
      <c r="CW1081" s="20">
        <v>0.72524599999999995</v>
      </c>
      <c r="CX1081" s="20">
        <v>0.72303600000000001</v>
      </c>
      <c r="CY1081" s="6" t="s">
        <v>560</v>
      </c>
      <c r="CZ1081" s="6" t="s">
        <v>561</v>
      </c>
      <c r="DA1081" s="6" t="s">
        <v>66</v>
      </c>
      <c r="DB1081" s="6"/>
      <c r="DC1081" s="6">
        <v>30060</v>
      </c>
      <c r="DD1081" s="6"/>
      <c r="DE1081" s="6" t="s">
        <v>563</v>
      </c>
      <c r="DF1081" s="6" t="s">
        <v>363</v>
      </c>
      <c r="DG1081" s="6" t="s">
        <v>364</v>
      </c>
      <c r="DH1081" s="6" t="s">
        <v>365</v>
      </c>
      <c r="DI1081" s="6"/>
      <c r="DJ1081" s="6">
        <v>29</v>
      </c>
      <c r="DK1081" s="6">
        <v>105</v>
      </c>
      <c r="DL1081" s="6">
        <v>5</v>
      </c>
      <c r="DM1081" s="6" t="s">
        <v>392</v>
      </c>
      <c r="DN1081" s="6">
        <v>6</v>
      </c>
      <c r="DO1081" s="6" t="s">
        <v>393</v>
      </c>
      <c r="DP1081" s="6"/>
      <c r="DQ1081" s="6"/>
    </row>
    <row r="1082" spans="1:121" x14ac:dyDescent="0.2">
      <c r="A1082" s="6" t="s">
        <v>1</v>
      </c>
      <c r="B1082" s="6" t="s">
        <v>1</v>
      </c>
      <c r="C1082" s="6" t="s">
        <v>2</v>
      </c>
      <c r="D1082" s="6" t="s">
        <v>128</v>
      </c>
      <c r="E1082" s="6" t="s">
        <v>269</v>
      </c>
      <c r="F1082" s="11">
        <v>-34</v>
      </c>
      <c r="G1082" s="13">
        <v>-5.9649122807E-2</v>
      </c>
      <c r="H1082" s="11">
        <v>-309.67179848799998</v>
      </c>
      <c r="I1082" s="13">
        <v>-0.54353696618737934</v>
      </c>
      <c r="J1082" s="11">
        <v>205.773041003</v>
      </c>
      <c r="K1082" s="13">
        <v>0.79124375082736909</v>
      </c>
      <c r="L1082" s="11">
        <v>70.294359404999966</v>
      </c>
      <c r="M1082" s="13">
        <v>0.15089943249470197</v>
      </c>
      <c r="N1082" s="11">
        <v>276.06740040799997</v>
      </c>
      <c r="O1082" s="13">
        <v>1.0615414162869006</v>
      </c>
      <c r="P1082" s="7">
        <v>569.73456775199998</v>
      </c>
      <c r="Q1082" s="7">
        <v>522.59625137800003</v>
      </c>
      <c r="R1082" s="7">
        <v>534.80966409200005</v>
      </c>
      <c r="S1082" s="7">
        <v>474.16847177400001</v>
      </c>
      <c r="T1082" s="7">
        <v>415.624503129</v>
      </c>
      <c r="U1082" s="7">
        <v>474.83053606099998</v>
      </c>
      <c r="V1082" s="7">
        <v>260.062769264</v>
      </c>
      <c r="W1082" s="7">
        <v>425.125900011</v>
      </c>
      <c r="X1082" s="7">
        <v>387.89645219200003</v>
      </c>
      <c r="Y1082" s="7">
        <v>465.835810267</v>
      </c>
      <c r="Z1082" s="7">
        <v>346.23533226000001</v>
      </c>
      <c r="AA1082" s="7">
        <v>469.06540563200002</v>
      </c>
      <c r="AB1082" s="7">
        <v>400.77490397000003</v>
      </c>
      <c r="AC1082" s="7">
        <v>516.27394879600001</v>
      </c>
      <c r="AD1082" s="7">
        <v>508.47054202300001</v>
      </c>
      <c r="AE1082" s="7">
        <v>522.37183884399997</v>
      </c>
      <c r="AF1082" s="7">
        <v>536.13016967199997</v>
      </c>
      <c r="AG1082" s="9">
        <v>11610.518963299997</v>
      </c>
      <c r="AH1082" s="13">
        <v>0.58717197793791276</v>
      </c>
      <c r="AI1082" s="9">
        <v>1191.4986170999982</v>
      </c>
      <c r="AJ1082" s="13">
        <v>6.025696197769663E-2</v>
      </c>
      <c r="AK1082" s="9">
        <v>3825.3021431999987</v>
      </c>
      <c r="AL1082" s="13">
        <v>0.18246026447524155</v>
      </c>
      <c r="AM1082" s="9">
        <v>6593.7182030000004</v>
      </c>
      <c r="AN1082" s="13">
        <v>0.26597840867715539</v>
      </c>
      <c r="AO1082" s="9">
        <v>10419.020346199999</v>
      </c>
      <c r="AP1082" s="13">
        <v>0.4969691639443346</v>
      </c>
      <c r="AQ1082" s="9">
        <v>19773.625785200002</v>
      </c>
      <c r="AR1082" s="9">
        <v>20526.9414526</v>
      </c>
      <c r="AS1082" s="9">
        <v>20646.290576799998</v>
      </c>
      <c r="AT1082" s="9">
        <v>20278.013046299999</v>
      </c>
      <c r="AU1082" s="9">
        <v>21173.256094299999</v>
      </c>
      <c r="AV1082" s="9">
        <v>20764.0694563</v>
      </c>
      <c r="AW1082" s="9">
        <v>20965.1244023</v>
      </c>
      <c r="AX1082" s="9">
        <v>23851.0137344</v>
      </c>
      <c r="AY1082" s="9">
        <v>23171.766829299999</v>
      </c>
      <c r="AZ1082" s="9">
        <v>24790.426545499999</v>
      </c>
      <c r="BA1082" s="9">
        <v>25940.0019464</v>
      </c>
      <c r="BB1082" s="9">
        <v>30070.327706799999</v>
      </c>
      <c r="BC1082" s="9">
        <v>30460.859382099999</v>
      </c>
      <c r="BD1082" s="9">
        <v>30421.384664599998</v>
      </c>
      <c r="BE1082" s="9">
        <v>31536.4596361</v>
      </c>
      <c r="BF1082" s="9">
        <v>31384.144748499999</v>
      </c>
      <c r="BG1082" s="11">
        <v>10.25</v>
      </c>
      <c r="BH1082" s="13">
        <v>0.78846153846153844</v>
      </c>
      <c r="BI1082" s="6">
        <v>-2</v>
      </c>
      <c r="BJ1082" s="13">
        <v>-0.15384615384615385</v>
      </c>
      <c r="BK1082" s="6">
        <v>2</v>
      </c>
      <c r="BL1082" s="13">
        <v>0.18181818181818182</v>
      </c>
      <c r="BM1082" s="11">
        <v>10.25</v>
      </c>
      <c r="BN1082" s="13">
        <v>0.78846153846153844</v>
      </c>
      <c r="BO1082" s="11">
        <v>12.25</v>
      </c>
      <c r="BP1082" s="13">
        <v>1.1136363636363635</v>
      </c>
      <c r="BQ1082" s="6">
        <v>13</v>
      </c>
      <c r="BR1082" s="6">
        <v>12</v>
      </c>
      <c r="BS1082" s="6">
        <v>11</v>
      </c>
      <c r="BT1082" s="6">
        <v>11</v>
      </c>
      <c r="BU1082" s="6">
        <v>11</v>
      </c>
      <c r="BV1082" s="6">
        <v>11</v>
      </c>
      <c r="BW1082" s="6">
        <v>13</v>
      </c>
      <c r="BX1082" s="6">
        <v>13</v>
      </c>
      <c r="BY1082" s="6">
        <v>15</v>
      </c>
      <c r="BZ1082" s="6">
        <v>18</v>
      </c>
      <c r="CA1082" s="6">
        <v>17</v>
      </c>
      <c r="CB1082" s="6">
        <v>21</v>
      </c>
      <c r="CC1082" s="11">
        <v>23.25</v>
      </c>
      <c r="CD1082" s="11">
        <v>-43.938400000000001</v>
      </c>
      <c r="CE1082" s="11">
        <v>-51.944800000000001</v>
      </c>
      <c r="CF1082" s="11">
        <v>62.278799999999997</v>
      </c>
      <c r="CG1082" s="11">
        <v>10</v>
      </c>
      <c r="CH1082" s="20">
        <v>3.8092700000000002</v>
      </c>
      <c r="CI1082" s="20">
        <v>3.5552999999999999</v>
      </c>
      <c r="CJ1082" s="20">
        <v>3.6260500000000002</v>
      </c>
      <c r="CK1082" s="20">
        <v>3.2255699999999998</v>
      </c>
      <c r="CL1082" s="20">
        <v>2.8719899999999998</v>
      </c>
      <c r="CM1082" s="20">
        <v>3.3090199999999999</v>
      </c>
      <c r="CN1082" s="20">
        <v>1.8884799999999999</v>
      </c>
      <c r="CO1082" s="20">
        <v>3.1951299999999998</v>
      </c>
      <c r="CP1082" s="20">
        <v>2.88747</v>
      </c>
      <c r="CQ1082" s="20">
        <v>3.46462</v>
      </c>
      <c r="CR1082" s="20">
        <v>2.62453</v>
      </c>
      <c r="CS1082" s="20">
        <v>3.4293999999999998</v>
      </c>
      <c r="CT1082" s="20">
        <v>3.19001</v>
      </c>
      <c r="CU1082" s="20">
        <v>4.0685200000000004</v>
      </c>
      <c r="CV1082" s="20">
        <v>3.97045</v>
      </c>
      <c r="CW1082" s="20">
        <v>4.0793100000000004</v>
      </c>
      <c r="CX1082" s="20">
        <v>4.1955099999999996</v>
      </c>
      <c r="CY1082" s="6" t="s">
        <v>565</v>
      </c>
      <c r="CZ1082" s="6" t="s">
        <v>566</v>
      </c>
      <c r="DA1082" s="6" t="s">
        <v>128</v>
      </c>
      <c r="DB1082" s="6"/>
      <c r="DC1082" s="6">
        <v>28140</v>
      </c>
      <c r="DD1082" s="6">
        <v>312</v>
      </c>
      <c r="DE1082" s="6" t="s">
        <v>402</v>
      </c>
      <c r="DF1082" s="6" t="s">
        <v>375</v>
      </c>
      <c r="DG1082" s="6" t="s">
        <v>376</v>
      </c>
      <c r="DH1082" s="6" t="s">
        <v>328</v>
      </c>
      <c r="DI1082" s="6" t="s">
        <v>377</v>
      </c>
      <c r="DJ1082" s="6">
        <v>29</v>
      </c>
      <c r="DK1082" s="6">
        <v>107</v>
      </c>
      <c r="DL1082" s="6">
        <v>1</v>
      </c>
      <c r="DM1082" s="6" t="s">
        <v>404</v>
      </c>
      <c r="DN1082" s="6">
        <v>1</v>
      </c>
      <c r="DO1082" s="6" t="s">
        <v>405</v>
      </c>
      <c r="DP1082" s="6"/>
      <c r="DQ1082" s="6"/>
    </row>
    <row r="1083" spans="1:121" x14ac:dyDescent="0.2">
      <c r="A1083" s="6" t="s">
        <v>310</v>
      </c>
      <c r="B1083" s="6" t="s">
        <v>310</v>
      </c>
      <c r="C1083" s="6" t="s">
        <v>173</v>
      </c>
      <c r="D1083" s="6" t="s">
        <v>128</v>
      </c>
      <c r="E1083" s="6" t="s">
        <v>269</v>
      </c>
      <c r="F1083" s="11">
        <v>0</v>
      </c>
      <c r="G1083" s="13">
        <v>0</v>
      </c>
      <c r="H1083" s="11">
        <v>0</v>
      </c>
      <c r="I1083" s="13"/>
      <c r="J1083" s="11">
        <v>0</v>
      </c>
      <c r="K1083" s="13"/>
      <c r="L1083" s="11">
        <v>0</v>
      </c>
      <c r="M1083" s="13"/>
      <c r="N1083" s="11">
        <v>0</v>
      </c>
      <c r="O1083" s="13"/>
      <c r="P1083" s="7">
        <v>0</v>
      </c>
      <c r="Q1083" s="7">
        <v>5</v>
      </c>
      <c r="R1083" s="7">
        <v>0</v>
      </c>
      <c r="S1083" s="7">
        <v>0</v>
      </c>
      <c r="T1083" s="7">
        <v>0</v>
      </c>
      <c r="U1083" s="7">
        <v>0</v>
      </c>
      <c r="V1083" s="7">
        <v>0</v>
      </c>
      <c r="W1083" s="7">
        <v>0</v>
      </c>
      <c r="X1083" s="7">
        <v>0</v>
      </c>
      <c r="Y1083" s="7">
        <v>0</v>
      </c>
      <c r="Z1083" s="7">
        <v>0</v>
      </c>
      <c r="AA1083" s="7">
        <v>0</v>
      </c>
      <c r="AB1083" s="7">
        <v>0</v>
      </c>
      <c r="AC1083" s="7">
        <v>0</v>
      </c>
      <c r="AD1083" s="7">
        <v>0</v>
      </c>
      <c r="AE1083" s="7">
        <v>0</v>
      </c>
      <c r="AF1083" s="7">
        <v>0</v>
      </c>
      <c r="AG1083" s="9">
        <v>0</v>
      </c>
      <c r="AH1083" s="13"/>
      <c r="AI1083" s="9">
        <v>0</v>
      </c>
      <c r="AJ1083" s="13"/>
      <c r="AK1083" s="9">
        <v>0</v>
      </c>
      <c r="AL1083" s="13"/>
      <c r="AM1083" s="9">
        <v>0</v>
      </c>
      <c r="AN1083" s="13"/>
      <c r="AO1083" s="9">
        <v>0</v>
      </c>
      <c r="AP1083" s="13"/>
      <c r="AQ1083" s="9">
        <v>0</v>
      </c>
      <c r="AR1083" s="9">
        <v>1</v>
      </c>
      <c r="AS1083" s="9">
        <v>0</v>
      </c>
      <c r="AT1083" s="9">
        <v>0</v>
      </c>
      <c r="AU1083" s="9">
        <v>0</v>
      </c>
      <c r="AV1083" s="9">
        <v>0</v>
      </c>
      <c r="AW1083" s="9">
        <v>0</v>
      </c>
      <c r="AX1083" s="9">
        <v>0</v>
      </c>
      <c r="AY1083" s="9">
        <v>0</v>
      </c>
      <c r="AZ1083" s="9">
        <v>0</v>
      </c>
      <c r="BA1083" s="9">
        <v>0</v>
      </c>
      <c r="BB1083" s="9">
        <v>0</v>
      </c>
      <c r="BC1083" s="9">
        <v>0</v>
      </c>
      <c r="BD1083" s="9">
        <v>0</v>
      </c>
      <c r="BE1083" s="9">
        <v>0</v>
      </c>
      <c r="BF1083" s="9">
        <v>0</v>
      </c>
      <c r="BG1083" s="11">
        <v>0</v>
      </c>
      <c r="BH1083" s="13" t="e">
        <v>#DIV/0!</v>
      </c>
      <c r="BI1083" s="6">
        <v>0</v>
      </c>
      <c r="BJ1083" s="13" t="e">
        <v>#DIV/0!</v>
      </c>
      <c r="BK1083" s="6">
        <v>0</v>
      </c>
      <c r="BL1083" s="13" t="e">
        <v>#DIV/0!</v>
      </c>
      <c r="BM1083" s="11">
        <v>0</v>
      </c>
      <c r="BN1083" s="13" t="e">
        <v>#DIV/0!</v>
      </c>
      <c r="BO1083" s="11">
        <v>0</v>
      </c>
      <c r="BP1083" s="13" t="e">
        <v>#DIV/0!</v>
      </c>
      <c r="BQ1083" s="6">
        <v>0</v>
      </c>
      <c r="BR1083" s="6">
        <v>0</v>
      </c>
      <c r="BS1083" s="6">
        <v>0</v>
      </c>
      <c r="BT1083" s="6">
        <v>0</v>
      </c>
      <c r="BU1083" s="6">
        <v>0</v>
      </c>
      <c r="BV1083" s="6">
        <v>0</v>
      </c>
      <c r="BW1083" s="6">
        <v>0</v>
      </c>
      <c r="BX1083" s="6">
        <v>0</v>
      </c>
      <c r="BY1083" s="6">
        <v>0</v>
      </c>
      <c r="BZ1083" s="6">
        <v>0</v>
      </c>
      <c r="CA1083" s="6">
        <v>0</v>
      </c>
      <c r="CB1083" s="6">
        <v>0</v>
      </c>
      <c r="CC1083" s="11">
        <v>0</v>
      </c>
      <c r="CD1083" s="11">
        <v>0</v>
      </c>
      <c r="CE1083" s="11">
        <v>0</v>
      </c>
      <c r="CF1083" s="11">
        <v>0</v>
      </c>
      <c r="CG1083" s="11">
        <v>0</v>
      </c>
      <c r="CH1083" s="20">
        <v>0</v>
      </c>
      <c r="CI1083" s="20">
        <v>8.3057599999999995E-2</v>
      </c>
      <c r="CJ1083" s="20">
        <v>0</v>
      </c>
      <c r="CK1083" s="20">
        <v>0</v>
      </c>
      <c r="CL1083" s="20">
        <v>0</v>
      </c>
      <c r="CM1083" s="20">
        <v>0</v>
      </c>
      <c r="CN1083" s="20">
        <v>0</v>
      </c>
      <c r="CO1083" s="20">
        <v>0</v>
      </c>
      <c r="CP1083" s="20">
        <v>0</v>
      </c>
      <c r="CQ1083" s="20">
        <v>0</v>
      </c>
      <c r="CR1083" s="20">
        <v>0</v>
      </c>
      <c r="CS1083" s="20">
        <v>0</v>
      </c>
      <c r="CT1083" s="20">
        <v>0</v>
      </c>
      <c r="CU1083" s="20">
        <v>0</v>
      </c>
      <c r="CV1083" s="20">
        <v>0</v>
      </c>
      <c r="CW1083" s="20">
        <v>0</v>
      </c>
      <c r="CX1083" s="20">
        <v>0</v>
      </c>
      <c r="CY1083" s="6" t="s">
        <v>565</v>
      </c>
      <c r="CZ1083" s="6" t="s">
        <v>566</v>
      </c>
      <c r="DA1083" s="6" t="s">
        <v>128</v>
      </c>
      <c r="DB1083" s="6"/>
      <c r="DC1083" s="6">
        <v>28140</v>
      </c>
      <c r="DD1083" s="6">
        <v>312</v>
      </c>
      <c r="DE1083" s="6" t="s">
        <v>402</v>
      </c>
      <c r="DF1083" s="6" t="s">
        <v>375</v>
      </c>
      <c r="DG1083" s="6" t="s">
        <v>376</v>
      </c>
      <c r="DH1083" s="6" t="s">
        <v>328</v>
      </c>
      <c r="DI1083" s="6" t="s">
        <v>377</v>
      </c>
      <c r="DJ1083" s="6">
        <v>29</v>
      </c>
      <c r="DK1083" s="6">
        <v>107</v>
      </c>
      <c r="DL1083" s="6">
        <v>1</v>
      </c>
      <c r="DM1083" s="6" t="s">
        <v>404</v>
      </c>
      <c r="DN1083" s="6">
        <v>1</v>
      </c>
      <c r="DO1083" s="6" t="s">
        <v>405</v>
      </c>
      <c r="DP1083" s="6"/>
      <c r="DQ1083" s="6"/>
    </row>
    <row r="1084" spans="1:121" x14ac:dyDescent="0.2">
      <c r="A1084" s="6" t="s">
        <v>311</v>
      </c>
      <c r="B1084" s="6" t="s">
        <v>311</v>
      </c>
      <c r="C1084" s="6" t="s">
        <v>174</v>
      </c>
      <c r="D1084" s="6" t="s">
        <v>128</v>
      </c>
      <c r="E1084" s="6" t="s">
        <v>269</v>
      </c>
      <c r="F1084" s="11">
        <v>22</v>
      </c>
      <c r="G1084" s="13">
        <v>1</v>
      </c>
      <c r="H1084" s="11">
        <v>27.324566000000001</v>
      </c>
      <c r="I1084" s="13">
        <v>1.2463623317002115</v>
      </c>
      <c r="J1084" s="11">
        <v>-16.114170000000001</v>
      </c>
      <c r="K1084" s="13">
        <v>-0.32720443029393737</v>
      </c>
      <c r="L1084" s="11">
        <v>10.794290055200001</v>
      </c>
      <c r="M1084" s="13">
        <v>0.32577833185634431</v>
      </c>
      <c r="N1084" s="11">
        <v>-5.3198799448000003</v>
      </c>
      <c r="O1084" s="13">
        <v>-0.10802221191475744</v>
      </c>
      <c r="P1084" s="7">
        <v>21.923452999999999</v>
      </c>
      <c r="Q1084" s="7">
        <v>56.944299999999998</v>
      </c>
      <c r="R1084" s="7">
        <v>55.887993999999999</v>
      </c>
      <c r="S1084" s="7">
        <v>56.803108999999999</v>
      </c>
      <c r="T1084" s="7">
        <v>58.319293000000002</v>
      </c>
      <c r="U1084" s="7">
        <v>57.666531999999997</v>
      </c>
      <c r="V1084" s="7">
        <v>49.248018999999999</v>
      </c>
      <c r="W1084" s="7">
        <v>44.930340000000001</v>
      </c>
      <c r="X1084" s="7">
        <v>43.236153000000002</v>
      </c>
      <c r="Y1084" s="7">
        <v>33.133848999999998</v>
      </c>
      <c r="Z1084" s="7">
        <v>33.929952</v>
      </c>
      <c r="AA1084" s="7">
        <v>52.793852000000001</v>
      </c>
      <c r="AB1084" s="7">
        <v>39.257039753999997</v>
      </c>
      <c r="AC1084" s="7">
        <v>49.146714771900001</v>
      </c>
      <c r="AD1084" s="7">
        <v>55.012907182699998</v>
      </c>
      <c r="AE1084" s="7">
        <v>42.467421695500001</v>
      </c>
      <c r="AF1084" s="7">
        <v>43.928139055199999</v>
      </c>
      <c r="AG1084" s="9">
        <v>44865.124304500001</v>
      </c>
      <c r="AH1084" s="13">
        <v>0.50085104403471614</v>
      </c>
      <c r="AI1084" s="9">
        <v>13637.746614499993</v>
      </c>
      <c r="AJ1084" s="13">
        <v>0.15224474992635059</v>
      </c>
      <c r="AK1084" s="9">
        <v>62813.52997399999</v>
      </c>
      <c r="AL1084" s="13">
        <v>0.60856668019106019</v>
      </c>
      <c r="AM1084" s="9">
        <v>-31586.152283999982</v>
      </c>
      <c r="AN1084" s="13">
        <v>-0.19024472618634655</v>
      </c>
      <c r="AO1084" s="9">
        <v>31227.377690000008</v>
      </c>
      <c r="AP1084" s="13">
        <v>0.30254535256563142</v>
      </c>
      <c r="AQ1084" s="9">
        <v>89577.779339500004</v>
      </c>
      <c r="AR1084" s="9">
        <v>60119.061690900002</v>
      </c>
      <c r="AS1084" s="9">
        <v>59566.747600900002</v>
      </c>
      <c r="AT1084" s="9">
        <v>61264.632067699997</v>
      </c>
      <c r="AU1084" s="9">
        <v>85431.226538699993</v>
      </c>
      <c r="AV1084" s="9">
        <v>70127.929693700004</v>
      </c>
      <c r="AW1084" s="9">
        <v>103215.525954</v>
      </c>
      <c r="AX1084" s="9">
        <v>112511.825878</v>
      </c>
      <c r="AY1084" s="9">
        <v>66201.727814700003</v>
      </c>
      <c r="AZ1084" s="9">
        <v>166029.05592799999</v>
      </c>
      <c r="BA1084" s="9">
        <v>137388.924161</v>
      </c>
      <c r="BB1084" s="9">
        <v>73138.839572900004</v>
      </c>
      <c r="BC1084" s="9">
        <v>139553.51921900001</v>
      </c>
      <c r="BD1084" s="9">
        <v>126124.11884</v>
      </c>
      <c r="BE1084" s="9">
        <v>130838.505196</v>
      </c>
      <c r="BF1084" s="9">
        <v>134442.90364400001</v>
      </c>
      <c r="BG1084" s="11">
        <v>-2</v>
      </c>
      <c r="BH1084" s="13">
        <v>-0.66666666666666663</v>
      </c>
      <c r="BI1084" s="6">
        <v>0</v>
      </c>
      <c r="BJ1084" s="13">
        <v>0</v>
      </c>
      <c r="BK1084" s="6">
        <v>-1</v>
      </c>
      <c r="BL1084" s="13">
        <v>-0.33333333333333331</v>
      </c>
      <c r="BM1084" s="11">
        <v>-1</v>
      </c>
      <c r="BN1084" s="13">
        <v>-0.5</v>
      </c>
      <c r="BO1084" s="11">
        <v>-2</v>
      </c>
      <c r="BP1084" s="13">
        <v>-0.66666666666666663</v>
      </c>
      <c r="BQ1084" s="6">
        <v>3</v>
      </c>
      <c r="BR1084" s="6">
        <v>3</v>
      </c>
      <c r="BS1084" s="6">
        <v>3</v>
      </c>
      <c r="BT1084" s="6">
        <v>3</v>
      </c>
      <c r="BU1084" s="6">
        <v>2</v>
      </c>
      <c r="BV1084" s="6">
        <v>2</v>
      </c>
      <c r="BW1084" s="6">
        <v>2</v>
      </c>
      <c r="BX1084" s="6">
        <v>2</v>
      </c>
      <c r="BY1084" s="6">
        <v>2</v>
      </c>
      <c r="BZ1084" s="6">
        <v>1</v>
      </c>
      <c r="CA1084" s="6">
        <v>1</v>
      </c>
      <c r="CB1084" s="6">
        <v>1</v>
      </c>
      <c r="CC1084" s="11">
        <v>1</v>
      </c>
      <c r="CD1084" s="11">
        <v>23.1783</v>
      </c>
      <c r="CE1084" s="11">
        <v>-3.5701000000000001</v>
      </c>
      <c r="CF1084" s="11">
        <v>2.3965000000000001</v>
      </c>
      <c r="CG1084" s="11">
        <v>-2</v>
      </c>
      <c r="CH1084" s="20">
        <v>0.47153600000000001</v>
      </c>
      <c r="CI1084" s="20">
        <v>1.25038</v>
      </c>
      <c r="CJ1084" s="20">
        <v>1.26288</v>
      </c>
      <c r="CK1084" s="20">
        <v>1.3228599999999999</v>
      </c>
      <c r="CL1084" s="20">
        <v>1.42194</v>
      </c>
      <c r="CM1084" s="20">
        <v>1.4254199999999999</v>
      </c>
      <c r="CN1084" s="20">
        <v>1.2513700000000001</v>
      </c>
      <c r="CO1084" s="20">
        <v>1.13161</v>
      </c>
      <c r="CP1084" s="20">
        <v>1.06372</v>
      </c>
      <c r="CQ1084" s="20">
        <v>0.82301999999999997</v>
      </c>
      <c r="CR1084" s="20">
        <v>0.86634100000000003</v>
      </c>
      <c r="CS1084" s="20">
        <v>1.31724</v>
      </c>
      <c r="CT1084" s="20">
        <v>1.0795699999999999</v>
      </c>
      <c r="CU1084" s="20">
        <v>1.34812</v>
      </c>
      <c r="CV1084" s="20">
        <v>1.4974700000000001</v>
      </c>
      <c r="CW1084" s="20">
        <v>1.15459</v>
      </c>
      <c r="CX1084" s="20">
        <v>1.1895800000000001</v>
      </c>
      <c r="CY1084" s="6" t="s">
        <v>565</v>
      </c>
      <c r="CZ1084" s="6" t="s">
        <v>566</v>
      </c>
      <c r="DA1084" s="6" t="s">
        <v>128</v>
      </c>
      <c r="DB1084" s="6"/>
      <c r="DC1084" s="6">
        <v>28140</v>
      </c>
      <c r="DD1084" s="6">
        <v>312</v>
      </c>
      <c r="DE1084" s="6" t="s">
        <v>402</v>
      </c>
      <c r="DF1084" s="6" t="s">
        <v>375</v>
      </c>
      <c r="DG1084" s="6" t="s">
        <v>376</v>
      </c>
      <c r="DH1084" s="6" t="s">
        <v>328</v>
      </c>
      <c r="DI1084" s="6" t="s">
        <v>377</v>
      </c>
      <c r="DJ1084" s="6">
        <v>29</v>
      </c>
      <c r="DK1084" s="6">
        <v>107</v>
      </c>
      <c r="DL1084" s="6">
        <v>1</v>
      </c>
      <c r="DM1084" s="6" t="s">
        <v>404</v>
      </c>
      <c r="DN1084" s="6">
        <v>1</v>
      </c>
      <c r="DO1084" s="6" t="s">
        <v>405</v>
      </c>
      <c r="DP1084" s="6"/>
      <c r="DQ1084" s="6"/>
    </row>
    <row r="1085" spans="1:121" x14ac:dyDescent="0.2">
      <c r="A1085" s="6" t="s">
        <v>312</v>
      </c>
      <c r="B1085" s="6" t="s">
        <v>312</v>
      </c>
      <c r="C1085" s="6" t="s">
        <v>175</v>
      </c>
      <c r="D1085" s="6" t="s">
        <v>128</v>
      </c>
      <c r="E1085" s="6" t="s">
        <v>269</v>
      </c>
      <c r="F1085" s="11">
        <v>36</v>
      </c>
      <c r="G1085" s="13">
        <v>4.6875E-2</v>
      </c>
      <c r="H1085" s="11">
        <v>103.780669859</v>
      </c>
      <c r="I1085" s="13">
        <v>0.13520709093786093</v>
      </c>
      <c r="J1085" s="11">
        <v>-145.47310812000001</v>
      </c>
      <c r="K1085" s="13">
        <v>-0.16695161398533753</v>
      </c>
      <c r="L1085" s="11">
        <v>78.392317943999956</v>
      </c>
      <c r="M1085" s="13">
        <v>0.10799687347565144</v>
      </c>
      <c r="N1085" s="11">
        <v>-67.08079017600005</v>
      </c>
      <c r="O1085" s="13">
        <v>-7.6984992841816383E-2</v>
      </c>
      <c r="P1085" s="7">
        <v>767.56824763500003</v>
      </c>
      <c r="Q1085" s="7">
        <v>823.95102023599998</v>
      </c>
      <c r="R1085" s="7">
        <v>880.97329849000005</v>
      </c>
      <c r="S1085" s="7">
        <v>883.47214418900001</v>
      </c>
      <c r="T1085" s="7">
        <v>904.25572272099998</v>
      </c>
      <c r="U1085" s="7">
        <v>889.46802845299999</v>
      </c>
      <c r="V1085" s="7">
        <v>871.34891749400003</v>
      </c>
      <c r="W1085" s="7">
        <v>843.75858226800005</v>
      </c>
      <c r="X1085" s="7">
        <v>779.54243785100005</v>
      </c>
      <c r="Y1085" s="7">
        <v>725.87580937400003</v>
      </c>
      <c r="Z1085" s="7">
        <v>722.33026884799995</v>
      </c>
      <c r="AA1085" s="7">
        <v>752.59700321299999</v>
      </c>
      <c r="AB1085" s="7">
        <v>757.35496803900003</v>
      </c>
      <c r="AC1085" s="7">
        <v>743.82283310800005</v>
      </c>
      <c r="AD1085" s="7">
        <v>792.16622558500001</v>
      </c>
      <c r="AE1085" s="7">
        <v>793.92683478599997</v>
      </c>
      <c r="AF1085" s="7">
        <v>804.26812731799998</v>
      </c>
      <c r="AG1085" s="9">
        <v>12478.624554500002</v>
      </c>
      <c r="AH1085" s="13">
        <v>0.44630602283060195</v>
      </c>
      <c r="AI1085" s="9">
        <v>3430.7631414999996</v>
      </c>
      <c r="AJ1085" s="13">
        <v>0.12270344750491918</v>
      </c>
      <c r="AK1085" s="9">
        <v>3728.7743559999981</v>
      </c>
      <c r="AL1085" s="13">
        <v>0.11878649728498124</v>
      </c>
      <c r="AM1085" s="9">
        <v>5319.0870570000043</v>
      </c>
      <c r="AN1085" s="13">
        <v>0.15145752489829592</v>
      </c>
      <c r="AO1085" s="9">
        <v>9047.8614130000024</v>
      </c>
      <c r="AP1085" s="13">
        <v>0.2882351310533986</v>
      </c>
      <c r="AQ1085" s="9">
        <v>27959.7942133</v>
      </c>
      <c r="AR1085" s="9">
        <v>28979.267443199999</v>
      </c>
      <c r="AS1085" s="9">
        <v>31429.585511500001</v>
      </c>
      <c r="AT1085" s="9">
        <v>29704.6545424</v>
      </c>
      <c r="AU1085" s="9">
        <v>31053.470349800002</v>
      </c>
      <c r="AV1085" s="9">
        <v>31455.792626099999</v>
      </c>
      <c r="AW1085" s="9">
        <v>31390.557354799999</v>
      </c>
      <c r="AX1085" s="9">
        <v>31686.281427599999</v>
      </c>
      <c r="AY1085" s="9">
        <v>31590.052650599999</v>
      </c>
      <c r="AZ1085" s="9">
        <v>35119.331710799997</v>
      </c>
      <c r="BA1085" s="9">
        <v>34264.450688999998</v>
      </c>
      <c r="BB1085" s="9">
        <v>36491.461944800001</v>
      </c>
      <c r="BC1085" s="9">
        <v>36307.534435499998</v>
      </c>
      <c r="BD1085" s="9">
        <v>36786.8960372</v>
      </c>
      <c r="BE1085" s="9">
        <v>40027.796891500002</v>
      </c>
      <c r="BF1085" s="9">
        <v>40438.418767800002</v>
      </c>
      <c r="BG1085" s="11">
        <v>-21.25</v>
      </c>
      <c r="BH1085" s="13">
        <v>-0.18640350877192982</v>
      </c>
      <c r="BI1085" s="6">
        <v>15</v>
      </c>
      <c r="BJ1085" s="13">
        <v>0.13157894736842105</v>
      </c>
      <c r="BK1085" s="6">
        <v>-18</v>
      </c>
      <c r="BL1085" s="13">
        <v>-0.13953488372093023</v>
      </c>
      <c r="BM1085" s="11">
        <v>-18.25</v>
      </c>
      <c r="BN1085" s="13">
        <v>-0.16441441441441443</v>
      </c>
      <c r="BO1085" s="11">
        <v>-36.25</v>
      </c>
      <c r="BP1085" s="13">
        <v>-0.2810077519379845</v>
      </c>
      <c r="BQ1085" s="6">
        <v>114</v>
      </c>
      <c r="BR1085" s="6">
        <v>121</v>
      </c>
      <c r="BS1085" s="6">
        <v>132</v>
      </c>
      <c r="BT1085" s="6">
        <v>129</v>
      </c>
      <c r="BU1085" s="6">
        <v>121</v>
      </c>
      <c r="BV1085" s="6">
        <v>112</v>
      </c>
      <c r="BW1085" s="6">
        <v>111</v>
      </c>
      <c r="BX1085" s="6">
        <v>105</v>
      </c>
      <c r="BY1085" s="6">
        <v>100</v>
      </c>
      <c r="BZ1085" s="6">
        <v>95</v>
      </c>
      <c r="CA1085" s="6">
        <v>93</v>
      </c>
      <c r="CB1085" s="6">
        <v>94</v>
      </c>
      <c r="CC1085" s="11">
        <v>92.75</v>
      </c>
      <c r="CD1085" s="11">
        <v>45.767499999999998</v>
      </c>
      <c r="CE1085" s="11">
        <v>-92.971999999999994</v>
      </c>
      <c r="CF1085" s="11">
        <v>83.904499999999999</v>
      </c>
      <c r="CG1085" s="11">
        <v>-9</v>
      </c>
      <c r="CH1085" s="20">
        <v>1.13822</v>
      </c>
      <c r="CI1085" s="20">
        <v>1.23875</v>
      </c>
      <c r="CJ1085" s="20">
        <v>1.3025100000000001</v>
      </c>
      <c r="CK1085" s="20">
        <v>1.2622</v>
      </c>
      <c r="CL1085" s="20">
        <v>1.2609900000000001</v>
      </c>
      <c r="CM1085" s="20">
        <v>1.1975899999999999</v>
      </c>
      <c r="CN1085" s="20">
        <v>1.22224</v>
      </c>
      <c r="CO1085" s="20">
        <v>1.25901</v>
      </c>
      <c r="CP1085" s="20">
        <v>1.3106500000000001</v>
      </c>
      <c r="CQ1085" s="20">
        <v>1.3182199999999999</v>
      </c>
      <c r="CR1085" s="20">
        <v>1.3626199999999999</v>
      </c>
      <c r="CS1085" s="20">
        <v>1.37425</v>
      </c>
      <c r="CT1085" s="20">
        <v>1.4873400000000001</v>
      </c>
      <c r="CU1085" s="20">
        <v>1.41286</v>
      </c>
      <c r="CV1085" s="20">
        <v>1.4518</v>
      </c>
      <c r="CW1085" s="20">
        <v>1.4233</v>
      </c>
      <c r="CX1085" s="20">
        <v>1.43821</v>
      </c>
      <c r="CY1085" s="6" t="s">
        <v>565</v>
      </c>
      <c r="CZ1085" s="6" t="s">
        <v>566</v>
      </c>
      <c r="DA1085" s="6" t="s">
        <v>128</v>
      </c>
      <c r="DB1085" s="6"/>
      <c r="DC1085" s="6">
        <v>28140</v>
      </c>
      <c r="DD1085" s="6">
        <v>312</v>
      </c>
      <c r="DE1085" s="6" t="s">
        <v>402</v>
      </c>
      <c r="DF1085" s="6" t="s">
        <v>375</v>
      </c>
      <c r="DG1085" s="6" t="s">
        <v>376</v>
      </c>
      <c r="DH1085" s="6" t="s">
        <v>328</v>
      </c>
      <c r="DI1085" s="6" t="s">
        <v>377</v>
      </c>
      <c r="DJ1085" s="6">
        <v>29</v>
      </c>
      <c r="DK1085" s="6">
        <v>107</v>
      </c>
      <c r="DL1085" s="6">
        <v>1</v>
      </c>
      <c r="DM1085" s="6" t="s">
        <v>404</v>
      </c>
      <c r="DN1085" s="6">
        <v>1</v>
      </c>
      <c r="DO1085" s="6" t="s">
        <v>405</v>
      </c>
      <c r="DP1085" s="6"/>
      <c r="DQ1085" s="6"/>
    </row>
    <row r="1086" spans="1:121" x14ac:dyDescent="0.2">
      <c r="A1086" s="6" t="s">
        <v>792</v>
      </c>
      <c r="B1086" s="6" t="s">
        <v>176</v>
      </c>
      <c r="C1086" s="6" t="s">
        <v>177</v>
      </c>
      <c r="D1086" s="6" t="s">
        <v>128</v>
      </c>
      <c r="E1086" s="6" t="s">
        <v>269</v>
      </c>
      <c r="F1086" s="11">
        <v>-167</v>
      </c>
      <c r="G1086" s="13">
        <v>-0.14069081718599999</v>
      </c>
      <c r="H1086" s="11">
        <v>99.622977420000097</v>
      </c>
      <c r="I1086" s="13">
        <v>8.3905425451208243E-2</v>
      </c>
      <c r="J1086" s="11">
        <v>-398.88058071400008</v>
      </c>
      <c r="K1086" s="13">
        <v>-0.30994314096554815</v>
      </c>
      <c r="L1086" s="11">
        <v>131.97844026400003</v>
      </c>
      <c r="M1086" s="13">
        <v>0.14861315388114629</v>
      </c>
      <c r="N1086" s="11">
        <v>-266.90214045000005</v>
      </c>
      <c r="O1086" s="13">
        <v>-0.20739161478712065</v>
      </c>
      <c r="P1086" s="7">
        <v>1187.3246203599999</v>
      </c>
      <c r="Q1086" s="7">
        <v>1128.9556420500001</v>
      </c>
      <c r="R1086" s="7">
        <v>1174.39608546</v>
      </c>
      <c r="S1086" s="7">
        <v>1286.77427332</v>
      </c>
      <c r="T1086" s="7">
        <v>1238.8070731299999</v>
      </c>
      <c r="U1086" s="7">
        <v>1373.0584278900001</v>
      </c>
      <c r="V1086" s="7">
        <v>1286.94759778</v>
      </c>
      <c r="W1086" s="7">
        <v>1191.8800156899999</v>
      </c>
      <c r="X1086" s="7">
        <v>1013.1135047400001</v>
      </c>
      <c r="Y1086" s="7">
        <v>888.06701706599995</v>
      </c>
      <c r="Z1086" s="7">
        <v>925.301375753</v>
      </c>
      <c r="AA1086" s="7">
        <v>902.44066759199995</v>
      </c>
      <c r="AB1086" s="7">
        <v>869.91965467199998</v>
      </c>
      <c r="AC1086" s="7">
        <v>874.23998765199997</v>
      </c>
      <c r="AD1086" s="7">
        <v>947.91443318300003</v>
      </c>
      <c r="AE1086" s="7">
        <v>1000.2943176</v>
      </c>
      <c r="AF1086" s="7">
        <v>1020.04545733</v>
      </c>
      <c r="AG1086" s="9">
        <v>18237.601984199999</v>
      </c>
      <c r="AH1086" s="13">
        <v>0.63704878159192202</v>
      </c>
      <c r="AI1086" s="9">
        <v>7265.4260990000002</v>
      </c>
      <c r="AJ1086" s="13">
        <v>0.25378505617810421</v>
      </c>
      <c r="AK1086" s="9">
        <v>3573.2946803000013</v>
      </c>
      <c r="AL1086" s="13">
        <v>9.955216278423612E-2</v>
      </c>
      <c r="AM1086" s="9">
        <v>7398.8812048999971</v>
      </c>
      <c r="AN1086" s="13">
        <v>0.18747013151491945</v>
      </c>
      <c r="AO1086" s="9">
        <v>10972.175885199998</v>
      </c>
      <c r="AP1086" s="13">
        <v>0.30568535134891095</v>
      </c>
      <c r="AQ1086" s="9">
        <v>28628.2660154</v>
      </c>
      <c r="AR1086" s="9">
        <v>29864.049785499999</v>
      </c>
      <c r="AS1086" s="9">
        <v>31954.112734300001</v>
      </c>
      <c r="AT1086" s="9">
        <v>32792.247967399999</v>
      </c>
      <c r="AU1086" s="9">
        <v>32930.281744499996</v>
      </c>
      <c r="AV1086" s="9">
        <v>35152.572239399997</v>
      </c>
      <c r="AW1086" s="9">
        <v>35893.692114400001</v>
      </c>
      <c r="AX1086" s="9">
        <v>38863.579284899999</v>
      </c>
      <c r="AY1086" s="9">
        <v>38275.073243699997</v>
      </c>
      <c r="AZ1086" s="9">
        <v>39466.986794700002</v>
      </c>
      <c r="BA1086" s="9">
        <v>38875.964077199998</v>
      </c>
      <c r="BB1086" s="9">
        <v>40773.552707700001</v>
      </c>
      <c r="BC1086" s="9">
        <v>43245.958607699999</v>
      </c>
      <c r="BD1086" s="9">
        <v>44636.774674100001</v>
      </c>
      <c r="BE1086" s="9">
        <v>46063.9257316</v>
      </c>
      <c r="BF1086" s="9">
        <v>46865.867999599999</v>
      </c>
      <c r="BG1086" s="11">
        <v>-6.25</v>
      </c>
      <c r="BH1086" s="13">
        <v>-0.1358695652173913</v>
      </c>
      <c r="BI1086" s="6">
        <v>-6</v>
      </c>
      <c r="BJ1086" s="13">
        <v>-0.13043478260869565</v>
      </c>
      <c r="BK1086" s="6">
        <v>5</v>
      </c>
      <c r="BL1086" s="13">
        <v>0.125</v>
      </c>
      <c r="BM1086" s="11">
        <v>-5.25</v>
      </c>
      <c r="BN1086" s="13">
        <v>-0.11666666666666667</v>
      </c>
      <c r="BO1086" s="11">
        <v>-0.25</v>
      </c>
      <c r="BP1086" s="13">
        <v>-6.2500000000000003E-3</v>
      </c>
      <c r="BQ1086" s="6">
        <v>46</v>
      </c>
      <c r="BR1086" s="6">
        <v>44</v>
      </c>
      <c r="BS1086" s="6">
        <v>42</v>
      </c>
      <c r="BT1086" s="6">
        <v>40</v>
      </c>
      <c r="BU1086" s="6">
        <v>43</v>
      </c>
      <c r="BV1086" s="6">
        <v>44</v>
      </c>
      <c r="BW1086" s="6">
        <v>45</v>
      </c>
      <c r="BX1086" s="6">
        <v>47</v>
      </c>
      <c r="BY1086" s="6">
        <v>50</v>
      </c>
      <c r="BZ1086" s="6">
        <v>46</v>
      </c>
      <c r="CA1086" s="6">
        <v>44</v>
      </c>
      <c r="CB1086" s="6">
        <v>41</v>
      </c>
      <c r="CC1086" s="11">
        <v>39.75</v>
      </c>
      <c r="CD1086" s="11">
        <v>122.03100000000001</v>
      </c>
      <c r="CE1086" s="11">
        <v>-419.09899999999999</v>
      </c>
      <c r="CF1086" s="11">
        <v>129.78899999999999</v>
      </c>
      <c r="CG1086" s="11">
        <v>-289</v>
      </c>
      <c r="CH1086" s="20">
        <v>0.91967100000000002</v>
      </c>
      <c r="CI1086" s="20">
        <v>0.94742999999999999</v>
      </c>
      <c r="CJ1086" s="20">
        <v>1.03606</v>
      </c>
      <c r="CK1086" s="20">
        <v>1.1618599999999999</v>
      </c>
      <c r="CL1086" s="20">
        <v>1.14967</v>
      </c>
      <c r="CM1086" s="20">
        <v>1.28956</v>
      </c>
      <c r="CN1086" s="20">
        <v>1.27485</v>
      </c>
      <c r="CO1086" s="20">
        <v>1.2288300000000001</v>
      </c>
      <c r="CP1086" s="20">
        <v>1.1595599999999999</v>
      </c>
      <c r="CQ1086" s="20">
        <v>1.03861</v>
      </c>
      <c r="CR1086" s="20">
        <v>1.0906100000000001</v>
      </c>
      <c r="CS1086" s="20">
        <v>1.0222199999999999</v>
      </c>
      <c r="CT1086" s="20">
        <v>1.07646</v>
      </c>
      <c r="CU1086" s="20">
        <v>1.0719700000000001</v>
      </c>
      <c r="CV1086" s="20">
        <v>1.1528700000000001</v>
      </c>
      <c r="CW1086" s="20">
        <v>1.2160200000000001</v>
      </c>
      <c r="CX1086" s="20">
        <v>1.2448600000000001</v>
      </c>
      <c r="CY1086" s="6" t="s">
        <v>565</v>
      </c>
      <c r="CZ1086" s="6" t="s">
        <v>566</v>
      </c>
      <c r="DA1086" s="6" t="s">
        <v>128</v>
      </c>
      <c r="DB1086" s="6"/>
      <c r="DC1086" s="6">
        <v>28140</v>
      </c>
      <c r="DD1086" s="6">
        <v>312</v>
      </c>
      <c r="DE1086" s="6" t="s">
        <v>402</v>
      </c>
      <c r="DF1086" s="6" t="s">
        <v>375</v>
      </c>
      <c r="DG1086" s="6" t="s">
        <v>376</v>
      </c>
      <c r="DH1086" s="6" t="s">
        <v>328</v>
      </c>
      <c r="DI1086" s="6" t="s">
        <v>377</v>
      </c>
      <c r="DJ1086" s="6">
        <v>29</v>
      </c>
      <c r="DK1086" s="6">
        <v>107</v>
      </c>
      <c r="DL1086" s="6">
        <v>1</v>
      </c>
      <c r="DM1086" s="6" t="s">
        <v>404</v>
      </c>
      <c r="DN1086" s="6">
        <v>1</v>
      </c>
      <c r="DO1086" s="6" t="s">
        <v>405</v>
      </c>
      <c r="DP1086" s="6"/>
      <c r="DQ1086" s="6"/>
    </row>
    <row r="1087" spans="1:121" x14ac:dyDescent="0.2">
      <c r="A1087" s="6" t="s">
        <v>313</v>
      </c>
      <c r="B1087" s="6" t="s">
        <v>313</v>
      </c>
      <c r="C1087" s="6" t="s">
        <v>178</v>
      </c>
      <c r="D1087" s="6" t="s">
        <v>128</v>
      </c>
      <c r="E1087" s="6" t="s">
        <v>269</v>
      </c>
      <c r="F1087" s="11">
        <v>-13</v>
      </c>
      <c r="G1087" s="13">
        <v>-4.1009463722399997E-2</v>
      </c>
      <c r="H1087" s="11">
        <v>48.266513610999993</v>
      </c>
      <c r="I1087" s="13">
        <v>0.15209960585111573</v>
      </c>
      <c r="J1087" s="11">
        <v>-15.221011928999985</v>
      </c>
      <c r="K1087" s="13">
        <v>-4.1632803521379338E-2</v>
      </c>
      <c r="L1087" s="11">
        <v>-46.040681696000036</v>
      </c>
      <c r="M1087" s="13">
        <v>-0.13140198804205797</v>
      </c>
      <c r="N1087" s="11">
        <v>-61.261693625000021</v>
      </c>
      <c r="O1087" s="13">
        <v>-0.16756415841296363</v>
      </c>
      <c r="P1087" s="7">
        <v>317.334902618</v>
      </c>
      <c r="Q1087" s="7">
        <v>281.13039141100001</v>
      </c>
      <c r="R1087" s="7">
        <v>271.90286982100002</v>
      </c>
      <c r="S1087" s="7">
        <v>309.81930296500002</v>
      </c>
      <c r="T1087" s="7">
        <v>319.87324541100003</v>
      </c>
      <c r="U1087" s="7">
        <v>334.98937303700001</v>
      </c>
      <c r="V1087" s="7">
        <v>365.60141622899999</v>
      </c>
      <c r="W1087" s="7">
        <v>371.034382489</v>
      </c>
      <c r="X1087" s="7">
        <v>334.66367253099997</v>
      </c>
      <c r="Y1087" s="7">
        <v>350.38040430000001</v>
      </c>
      <c r="Z1087" s="7">
        <v>338.56916521099998</v>
      </c>
      <c r="AA1087" s="7">
        <v>313.34931720600002</v>
      </c>
      <c r="AB1087" s="7">
        <v>332.22605964899998</v>
      </c>
      <c r="AC1087" s="7">
        <v>329.68182463900001</v>
      </c>
      <c r="AD1087" s="7">
        <v>298.35812234500003</v>
      </c>
      <c r="AE1087" s="7">
        <v>302.18308693099999</v>
      </c>
      <c r="AF1087" s="7">
        <v>304.33972260399997</v>
      </c>
      <c r="AG1087" s="9">
        <v>17179.534750999999</v>
      </c>
      <c r="AH1087" s="13">
        <v>0.53856155474334677</v>
      </c>
      <c r="AI1087" s="9">
        <v>9592.6648058999999</v>
      </c>
      <c r="AJ1087" s="13">
        <v>0.3007206275883908</v>
      </c>
      <c r="AK1087" s="9">
        <v>-2993.6077508000017</v>
      </c>
      <c r="AL1087" s="13">
        <v>-7.2149747702793227E-2</v>
      </c>
      <c r="AM1087" s="9">
        <v>10580.477695900001</v>
      </c>
      <c r="AN1087" s="13">
        <v>0.27483200614153119</v>
      </c>
      <c r="AO1087" s="9">
        <v>7586.8699450999993</v>
      </c>
      <c r="AP1087" s="13">
        <v>0.182853198534974</v>
      </c>
      <c r="AQ1087" s="9">
        <v>31898.9252012</v>
      </c>
      <c r="AR1087" s="9">
        <v>31510.265255099999</v>
      </c>
      <c r="AS1087" s="9">
        <v>30270.150471500001</v>
      </c>
      <c r="AT1087" s="9">
        <v>34692.028472600003</v>
      </c>
      <c r="AU1087" s="9">
        <v>35713.980684599999</v>
      </c>
      <c r="AV1087" s="9">
        <v>35566.376787900001</v>
      </c>
      <c r="AW1087" s="9">
        <v>41491.5900071</v>
      </c>
      <c r="AX1087" s="9">
        <v>41874.250662500002</v>
      </c>
      <c r="AY1087" s="9">
        <v>37904.3217688</v>
      </c>
      <c r="AZ1087" s="9">
        <v>38497.982256299998</v>
      </c>
      <c r="BA1087" s="9">
        <v>42676.794360100001</v>
      </c>
      <c r="BB1087" s="9">
        <v>41165.852921999998</v>
      </c>
      <c r="BC1087" s="9">
        <v>44557.250005399997</v>
      </c>
      <c r="BD1087" s="9">
        <v>45351.293219699997</v>
      </c>
      <c r="BE1087" s="9">
        <v>49193.447214300002</v>
      </c>
      <c r="BF1087" s="9">
        <v>49078.459952199999</v>
      </c>
      <c r="BG1087" s="11">
        <v>8.75</v>
      </c>
      <c r="BH1087" s="13">
        <v>0.24305555555555555</v>
      </c>
      <c r="BI1087" s="6">
        <v>2</v>
      </c>
      <c r="BJ1087" s="13">
        <v>5.5555555555555552E-2</v>
      </c>
      <c r="BK1087" s="6">
        <v>2</v>
      </c>
      <c r="BL1087" s="13">
        <v>5.2631578947368418E-2</v>
      </c>
      <c r="BM1087" s="11">
        <v>4.75</v>
      </c>
      <c r="BN1087" s="13">
        <v>0.11874999999999999</v>
      </c>
      <c r="BO1087" s="11">
        <v>6.75</v>
      </c>
      <c r="BP1087" s="13">
        <v>0.17763157894736842</v>
      </c>
      <c r="BQ1087" s="6">
        <v>36</v>
      </c>
      <c r="BR1087" s="6">
        <v>36</v>
      </c>
      <c r="BS1087" s="6">
        <v>37</v>
      </c>
      <c r="BT1087" s="6">
        <v>38</v>
      </c>
      <c r="BU1087" s="6">
        <v>36</v>
      </c>
      <c r="BV1087" s="6">
        <v>36</v>
      </c>
      <c r="BW1087" s="6">
        <v>40</v>
      </c>
      <c r="BX1087" s="6">
        <v>39</v>
      </c>
      <c r="BY1087" s="6">
        <v>39</v>
      </c>
      <c r="BZ1087" s="6">
        <v>39</v>
      </c>
      <c r="CA1087" s="6">
        <v>37</v>
      </c>
      <c r="CB1087" s="6">
        <v>41</v>
      </c>
      <c r="CC1087" s="11">
        <v>44.75</v>
      </c>
      <c r="CD1087" s="11">
        <v>-21.736000000000001</v>
      </c>
      <c r="CE1087" s="11">
        <v>-25.947700000000001</v>
      </c>
      <c r="CF1087" s="11">
        <v>34.688499999999998</v>
      </c>
      <c r="CG1087" s="11">
        <v>9</v>
      </c>
      <c r="CH1087" s="20">
        <v>0.69029399999999996</v>
      </c>
      <c r="CI1087" s="20">
        <v>0.62927999999999995</v>
      </c>
      <c r="CJ1087" s="20">
        <v>0.61160000000000003</v>
      </c>
      <c r="CK1087" s="20">
        <v>0.69637300000000002</v>
      </c>
      <c r="CL1087" s="20">
        <v>0.72145400000000004</v>
      </c>
      <c r="CM1087" s="20">
        <v>0.74394400000000005</v>
      </c>
      <c r="CN1087" s="20">
        <v>0.82605099999999998</v>
      </c>
      <c r="CO1087" s="20">
        <v>0.850163</v>
      </c>
      <c r="CP1087" s="20">
        <v>0.80470799999999998</v>
      </c>
      <c r="CQ1087" s="20">
        <v>0.852298</v>
      </c>
      <c r="CR1087" s="20">
        <v>0.83364899999999997</v>
      </c>
      <c r="CS1087" s="20">
        <v>0.74061900000000003</v>
      </c>
      <c r="CT1087" s="20">
        <v>0.85294899999999996</v>
      </c>
      <c r="CU1087" s="20">
        <v>0.83977100000000005</v>
      </c>
      <c r="CV1087" s="20">
        <v>0.75430299999999995</v>
      </c>
      <c r="CW1087" s="20">
        <v>0.76559100000000002</v>
      </c>
      <c r="CX1087" s="20">
        <v>0.76776199999999994</v>
      </c>
      <c r="CY1087" s="6" t="s">
        <v>565</v>
      </c>
      <c r="CZ1087" s="6" t="s">
        <v>566</v>
      </c>
      <c r="DA1087" s="6" t="s">
        <v>128</v>
      </c>
      <c r="DB1087" s="6"/>
      <c r="DC1087" s="6">
        <v>28140</v>
      </c>
      <c r="DD1087" s="6">
        <v>312</v>
      </c>
      <c r="DE1087" s="6" t="s">
        <v>402</v>
      </c>
      <c r="DF1087" s="6" t="s">
        <v>375</v>
      </c>
      <c r="DG1087" s="6" t="s">
        <v>376</v>
      </c>
      <c r="DH1087" s="6" t="s">
        <v>328</v>
      </c>
      <c r="DI1087" s="6" t="s">
        <v>377</v>
      </c>
      <c r="DJ1087" s="6">
        <v>29</v>
      </c>
      <c r="DK1087" s="6">
        <v>107</v>
      </c>
      <c r="DL1087" s="6">
        <v>1</v>
      </c>
      <c r="DM1087" s="6" t="s">
        <v>404</v>
      </c>
      <c r="DN1087" s="6">
        <v>1</v>
      </c>
      <c r="DO1087" s="6" t="s">
        <v>405</v>
      </c>
      <c r="DP1087" s="6"/>
      <c r="DQ1087" s="6"/>
    </row>
    <row r="1088" spans="1:121" x14ac:dyDescent="0.2">
      <c r="A1088" s="6" t="s">
        <v>793</v>
      </c>
      <c r="B1088" s="6" t="s">
        <v>179</v>
      </c>
      <c r="C1088" s="6" t="s">
        <v>180</v>
      </c>
      <c r="D1088" s="6" t="s">
        <v>128</v>
      </c>
      <c r="E1088" s="6" t="s">
        <v>269</v>
      </c>
      <c r="F1088" s="11">
        <v>-661</v>
      </c>
      <c r="G1088" s="13">
        <v>-0.38</v>
      </c>
      <c r="H1088" s="11">
        <v>-307</v>
      </c>
      <c r="I1088" s="13">
        <v>-0.17472965281730221</v>
      </c>
      <c r="J1088" s="11">
        <v>-227</v>
      </c>
      <c r="K1088" s="13">
        <v>-0.15655172413793103</v>
      </c>
      <c r="L1088" s="11">
        <v>-127</v>
      </c>
      <c r="M1088" s="13">
        <v>-0.10384300899427636</v>
      </c>
      <c r="N1088" s="11">
        <v>-354</v>
      </c>
      <c r="O1088" s="13">
        <v>-0.24413793103448275</v>
      </c>
      <c r="P1088" s="7">
        <v>1757</v>
      </c>
      <c r="Q1088" s="7">
        <v>1729</v>
      </c>
      <c r="R1088" s="7">
        <v>1624</v>
      </c>
      <c r="S1088" s="7">
        <v>1549</v>
      </c>
      <c r="T1088" s="7">
        <v>1555</v>
      </c>
      <c r="U1088" s="7">
        <v>1464</v>
      </c>
      <c r="V1088" s="7">
        <v>1450</v>
      </c>
      <c r="W1088" s="7">
        <v>1427</v>
      </c>
      <c r="X1088" s="7">
        <v>1354</v>
      </c>
      <c r="Y1088" s="7">
        <v>1223</v>
      </c>
      <c r="Z1088" s="7">
        <v>1207</v>
      </c>
      <c r="AA1088" s="7">
        <v>1176</v>
      </c>
      <c r="AB1088" s="7">
        <v>1153</v>
      </c>
      <c r="AC1088" s="7">
        <v>1151</v>
      </c>
      <c r="AD1088" s="7">
        <v>1114</v>
      </c>
      <c r="AE1088" s="7">
        <v>1115</v>
      </c>
      <c r="AF1088" s="7">
        <v>1096</v>
      </c>
      <c r="AG1088" s="9">
        <v>9744</v>
      </c>
      <c r="AH1088" s="13">
        <v>0.51482009827230935</v>
      </c>
      <c r="AI1088" s="9">
        <v>3957</v>
      </c>
      <c r="AJ1088" s="13">
        <v>0.20906641306070692</v>
      </c>
      <c r="AK1088" s="9">
        <v>2211</v>
      </c>
      <c r="AL1088" s="13">
        <v>9.6617724174095435E-2</v>
      </c>
      <c r="AM1088" s="9">
        <v>3576</v>
      </c>
      <c r="AN1088" s="13">
        <v>0.14249850567842198</v>
      </c>
      <c r="AO1088" s="9">
        <v>5787</v>
      </c>
      <c r="AP1088" s="13">
        <v>0.25288411116937598</v>
      </c>
      <c r="AQ1088" s="9">
        <v>18927</v>
      </c>
      <c r="AR1088" s="9">
        <v>19940</v>
      </c>
      <c r="AS1088" s="9">
        <v>20734</v>
      </c>
      <c r="AT1088" s="9">
        <v>22010</v>
      </c>
      <c r="AU1088" s="9">
        <v>21828</v>
      </c>
      <c r="AV1088" s="9">
        <v>22793</v>
      </c>
      <c r="AW1088" s="9">
        <v>22884</v>
      </c>
      <c r="AX1088" s="9">
        <v>24159</v>
      </c>
      <c r="AY1088" s="9">
        <v>24195</v>
      </c>
      <c r="AZ1088" s="9">
        <v>25095</v>
      </c>
      <c r="BA1088" s="9">
        <v>25638</v>
      </c>
      <c r="BB1088" s="9">
        <v>26491</v>
      </c>
      <c r="BC1088" s="9">
        <v>26759</v>
      </c>
      <c r="BD1088" s="9">
        <v>27549</v>
      </c>
      <c r="BE1088" s="9">
        <v>27328</v>
      </c>
      <c r="BF1088" s="9">
        <v>28671</v>
      </c>
      <c r="BG1088" s="11">
        <v>-63</v>
      </c>
      <c r="BH1088" s="13">
        <v>-0.38414634146341464</v>
      </c>
      <c r="BI1088" s="6">
        <v>-23</v>
      </c>
      <c r="BJ1088" s="13">
        <v>-0.1402439024390244</v>
      </c>
      <c r="BK1088" s="6">
        <v>-28</v>
      </c>
      <c r="BL1088" s="13">
        <v>-0.19858156028368795</v>
      </c>
      <c r="BM1088" s="11">
        <v>-12</v>
      </c>
      <c r="BN1088" s="13">
        <v>-0.10619469026548672</v>
      </c>
      <c r="BO1088" s="11">
        <v>-40</v>
      </c>
      <c r="BP1088" s="13">
        <v>-0.28368794326241137</v>
      </c>
      <c r="BQ1088" s="6">
        <v>164</v>
      </c>
      <c r="BR1088" s="6">
        <v>147</v>
      </c>
      <c r="BS1088" s="6">
        <v>140</v>
      </c>
      <c r="BT1088" s="6">
        <v>141</v>
      </c>
      <c r="BU1088" s="6">
        <v>131</v>
      </c>
      <c r="BV1088" s="6">
        <v>124</v>
      </c>
      <c r="BW1088" s="6">
        <v>113</v>
      </c>
      <c r="BX1088" s="6">
        <v>108</v>
      </c>
      <c r="BY1088" s="6">
        <v>101</v>
      </c>
      <c r="BZ1088" s="6">
        <v>104</v>
      </c>
      <c r="CA1088" s="6">
        <v>100</v>
      </c>
      <c r="CB1088" s="6">
        <v>102</v>
      </c>
      <c r="CC1088" s="11">
        <v>101</v>
      </c>
      <c r="CD1088" s="11">
        <v>-741</v>
      </c>
      <c r="CE1088" s="11">
        <v>-113</v>
      </c>
      <c r="CF1088" s="11">
        <v>192</v>
      </c>
      <c r="CG1088" s="11">
        <v>79</v>
      </c>
      <c r="CH1088" s="20">
        <v>1.42</v>
      </c>
      <c r="CI1088" s="20">
        <v>1.42</v>
      </c>
      <c r="CJ1088" s="20">
        <v>1.34</v>
      </c>
      <c r="CK1088" s="20">
        <v>1.28</v>
      </c>
      <c r="CL1088" s="20">
        <v>1.3</v>
      </c>
      <c r="CM1088" s="20">
        <v>1.22</v>
      </c>
      <c r="CN1088" s="20">
        <v>1.24</v>
      </c>
      <c r="CO1088" s="20">
        <v>1.25</v>
      </c>
      <c r="CP1088" s="20">
        <v>1.22</v>
      </c>
      <c r="CQ1088" s="20">
        <v>1.1100000000000001</v>
      </c>
      <c r="CR1088" s="20">
        <v>1.1100000000000001</v>
      </c>
      <c r="CS1088" s="20">
        <v>1.04</v>
      </c>
      <c r="CT1088" s="20">
        <v>1.1100000000000001</v>
      </c>
      <c r="CU1088" s="20">
        <v>1.0900000000000001</v>
      </c>
      <c r="CV1088" s="20">
        <v>1.04</v>
      </c>
      <c r="CW1088" s="20">
        <v>1.03</v>
      </c>
      <c r="CX1088" s="20">
        <v>1.01</v>
      </c>
      <c r="CY1088" s="6" t="s">
        <v>565</v>
      </c>
      <c r="CZ1088" s="6" t="s">
        <v>566</v>
      </c>
      <c r="DA1088" s="6" t="s">
        <v>128</v>
      </c>
      <c r="DB1088" s="6"/>
      <c r="DC1088" s="6">
        <v>28140</v>
      </c>
      <c r="DD1088" s="6">
        <v>312</v>
      </c>
      <c r="DE1088" s="6" t="s">
        <v>402</v>
      </c>
      <c r="DF1088" s="6" t="s">
        <v>375</v>
      </c>
      <c r="DG1088" s="6" t="s">
        <v>376</v>
      </c>
      <c r="DH1088" s="6" t="s">
        <v>328</v>
      </c>
      <c r="DI1088" s="6" t="s">
        <v>377</v>
      </c>
      <c r="DJ1088" s="6">
        <v>29</v>
      </c>
      <c r="DK1088" s="6">
        <v>107</v>
      </c>
      <c r="DL1088" s="6">
        <v>1</v>
      </c>
      <c r="DM1088" s="6" t="s">
        <v>404</v>
      </c>
      <c r="DN1088" s="6">
        <v>1</v>
      </c>
      <c r="DO1088" s="6" t="s">
        <v>405</v>
      </c>
      <c r="DP1088" s="6"/>
      <c r="DQ1088" s="6"/>
    </row>
    <row r="1089" spans="1:121" x14ac:dyDescent="0.2">
      <c r="A1089" s="6" t="s">
        <v>794</v>
      </c>
      <c r="B1089" s="6" t="s">
        <v>181</v>
      </c>
      <c r="C1089" s="6" t="s">
        <v>182</v>
      </c>
      <c r="D1089" s="6" t="s">
        <v>128</v>
      </c>
      <c r="E1089" s="6" t="s">
        <v>269</v>
      </c>
      <c r="F1089" s="11">
        <v>60</v>
      </c>
      <c r="G1089" s="13">
        <v>0.17964071856300001</v>
      </c>
      <c r="H1089" s="11">
        <v>83.252700023999978</v>
      </c>
      <c r="I1089" s="13">
        <v>0.2493989506440753</v>
      </c>
      <c r="J1089" s="11">
        <v>-7.7014662999999928E-2</v>
      </c>
      <c r="K1089" s="13">
        <v>-1.8465819115748237E-4</v>
      </c>
      <c r="L1089" s="11">
        <v>-23.193475372000023</v>
      </c>
      <c r="M1089" s="13">
        <v>-5.5621307088735361E-2</v>
      </c>
      <c r="N1089" s="11">
        <v>-23.270490035000023</v>
      </c>
      <c r="O1089" s="13">
        <v>-5.5795694349936024E-2</v>
      </c>
      <c r="P1089" s="7">
        <v>333.81335330000002</v>
      </c>
      <c r="Q1089" s="7">
        <v>307.93001465499998</v>
      </c>
      <c r="R1089" s="7">
        <v>331.61238719400001</v>
      </c>
      <c r="S1089" s="7">
        <v>329.44418311800001</v>
      </c>
      <c r="T1089" s="7">
        <v>386.91923754300001</v>
      </c>
      <c r="U1089" s="7">
        <v>407.27807313900001</v>
      </c>
      <c r="V1089" s="7">
        <v>417.06605332399999</v>
      </c>
      <c r="W1089" s="7">
        <v>388.40555398700002</v>
      </c>
      <c r="X1089" s="7">
        <v>429.78985417899997</v>
      </c>
      <c r="Y1089" s="7">
        <v>416.989038661</v>
      </c>
      <c r="Z1089" s="7">
        <v>415.19992452999998</v>
      </c>
      <c r="AA1089" s="7">
        <v>442.322765731</v>
      </c>
      <c r="AB1089" s="7">
        <v>395.72308474599998</v>
      </c>
      <c r="AC1089" s="7">
        <v>347.22251266699999</v>
      </c>
      <c r="AD1089" s="7">
        <v>378.675207774</v>
      </c>
      <c r="AE1089" s="7">
        <v>393.16492225100001</v>
      </c>
      <c r="AF1089" s="7">
        <v>393.79556328899997</v>
      </c>
      <c r="AG1089" s="9">
        <v>12749.052809599998</v>
      </c>
      <c r="AH1089" s="13">
        <v>0.33973004832773945</v>
      </c>
      <c r="AI1089" s="9">
        <v>-4810.9641442000029</v>
      </c>
      <c r="AJ1089" s="13">
        <v>-0.12820004008308511</v>
      </c>
      <c r="AK1089" s="9">
        <v>590.10514139999941</v>
      </c>
      <c r="AL1089" s="13">
        <v>1.803717814524225E-2</v>
      </c>
      <c r="AM1089" s="9">
        <v>16969.911812400002</v>
      </c>
      <c r="AN1089" s="13">
        <v>0.50951285186760387</v>
      </c>
      <c r="AO1089" s="9">
        <v>17560.016953800001</v>
      </c>
      <c r="AP1089" s="13">
        <v>0.53674020408927259</v>
      </c>
      <c r="AQ1089" s="9">
        <v>37527.009672400003</v>
      </c>
      <c r="AR1089" s="9">
        <v>39781.079328500004</v>
      </c>
      <c r="AS1089" s="9">
        <v>36931.480983100002</v>
      </c>
      <c r="AT1089" s="9">
        <v>35561.670215799997</v>
      </c>
      <c r="AU1089" s="9">
        <v>31120.668024099999</v>
      </c>
      <c r="AV1089" s="9">
        <v>34848.019095800002</v>
      </c>
      <c r="AW1089" s="9">
        <v>32716.0455282</v>
      </c>
      <c r="AX1089" s="9">
        <v>38102.609730999997</v>
      </c>
      <c r="AY1089" s="9">
        <v>40657.404930199998</v>
      </c>
      <c r="AZ1089" s="9">
        <v>33306.1506696</v>
      </c>
      <c r="BA1089" s="9">
        <v>39277.513442199997</v>
      </c>
      <c r="BB1089" s="9">
        <v>42881.118241099997</v>
      </c>
      <c r="BC1089" s="9">
        <v>41511.9237899</v>
      </c>
      <c r="BD1089" s="9">
        <v>49530.688604100003</v>
      </c>
      <c r="BE1089" s="9">
        <v>47040.730184300002</v>
      </c>
      <c r="BF1089" s="9">
        <v>50276.062482000001</v>
      </c>
      <c r="BG1089" s="11">
        <v>2.75</v>
      </c>
      <c r="BH1089" s="13">
        <v>8.8709677419354843E-2</v>
      </c>
      <c r="BI1089" s="6">
        <v>4</v>
      </c>
      <c r="BJ1089" s="13">
        <v>0.12903225806451613</v>
      </c>
      <c r="BK1089" s="6">
        <v>-6</v>
      </c>
      <c r="BL1089" s="13">
        <v>-0.17142857142857143</v>
      </c>
      <c r="BM1089" s="11">
        <v>4.75</v>
      </c>
      <c r="BN1089" s="13">
        <v>0.16379310344827586</v>
      </c>
      <c r="BO1089" s="11">
        <v>-1.25</v>
      </c>
      <c r="BP1089" s="13">
        <v>-3.5714285714285712E-2</v>
      </c>
      <c r="BQ1089" s="6">
        <v>31</v>
      </c>
      <c r="BR1089" s="6">
        <v>35</v>
      </c>
      <c r="BS1089" s="6">
        <v>35</v>
      </c>
      <c r="BT1089" s="6">
        <v>35</v>
      </c>
      <c r="BU1089" s="6">
        <v>34</v>
      </c>
      <c r="BV1089" s="6">
        <v>32</v>
      </c>
      <c r="BW1089" s="6">
        <v>29</v>
      </c>
      <c r="BX1089" s="6">
        <v>29</v>
      </c>
      <c r="BY1089" s="6">
        <v>31</v>
      </c>
      <c r="BZ1089" s="6">
        <v>33</v>
      </c>
      <c r="CA1089" s="6">
        <v>35</v>
      </c>
      <c r="CB1089" s="6">
        <v>33</v>
      </c>
      <c r="CC1089" s="11">
        <v>33.75</v>
      </c>
      <c r="CD1089" s="11">
        <v>2.452</v>
      </c>
      <c r="CE1089" s="11">
        <v>21.040400000000002</v>
      </c>
      <c r="CF1089" s="11">
        <v>36.489800000000002</v>
      </c>
      <c r="CG1089" s="11">
        <v>57</v>
      </c>
      <c r="CH1089" s="20">
        <v>0.91730100000000003</v>
      </c>
      <c r="CI1089" s="20">
        <v>0.87811099999999997</v>
      </c>
      <c r="CJ1089" s="20">
        <v>0.95226500000000003</v>
      </c>
      <c r="CK1089" s="20">
        <v>0.93623800000000001</v>
      </c>
      <c r="CL1089" s="20">
        <v>1.09676</v>
      </c>
      <c r="CM1089" s="20">
        <v>1.13347</v>
      </c>
      <c r="CN1089" s="20">
        <v>1.1783600000000001</v>
      </c>
      <c r="CO1089" s="20">
        <v>1.113</v>
      </c>
      <c r="CP1089" s="20">
        <v>1.28867</v>
      </c>
      <c r="CQ1089" s="20">
        <v>1.25719</v>
      </c>
      <c r="CR1089" s="20">
        <v>1.2506999999999999</v>
      </c>
      <c r="CS1089" s="20">
        <v>1.27399</v>
      </c>
      <c r="CT1089" s="20">
        <v>1.23064</v>
      </c>
      <c r="CU1089" s="20">
        <v>1.04745</v>
      </c>
      <c r="CV1089" s="20">
        <v>1.0949800000000001</v>
      </c>
      <c r="CW1089" s="20">
        <v>1.11016</v>
      </c>
      <c r="CX1089" s="20">
        <v>1.09996</v>
      </c>
      <c r="CY1089" s="6" t="s">
        <v>565</v>
      </c>
      <c r="CZ1089" s="6" t="s">
        <v>566</v>
      </c>
      <c r="DA1089" s="6" t="s">
        <v>128</v>
      </c>
      <c r="DB1089" s="6"/>
      <c r="DC1089" s="6">
        <v>28140</v>
      </c>
      <c r="DD1089" s="6">
        <v>312</v>
      </c>
      <c r="DE1089" s="6" t="s">
        <v>402</v>
      </c>
      <c r="DF1089" s="6" t="s">
        <v>375</v>
      </c>
      <c r="DG1089" s="6" t="s">
        <v>376</v>
      </c>
      <c r="DH1089" s="6" t="s">
        <v>328</v>
      </c>
      <c r="DI1089" s="6" t="s">
        <v>377</v>
      </c>
      <c r="DJ1089" s="6">
        <v>29</v>
      </c>
      <c r="DK1089" s="6">
        <v>107</v>
      </c>
      <c r="DL1089" s="6">
        <v>1</v>
      </c>
      <c r="DM1089" s="6" t="s">
        <v>404</v>
      </c>
      <c r="DN1089" s="6">
        <v>1</v>
      </c>
      <c r="DO1089" s="6" t="s">
        <v>405</v>
      </c>
      <c r="DP1089" s="6"/>
      <c r="DQ1089" s="6"/>
    </row>
    <row r="1090" spans="1:121" x14ac:dyDescent="0.2">
      <c r="A1090" s="6" t="s">
        <v>314</v>
      </c>
      <c r="B1090" s="6" t="s">
        <v>314</v>
      </c>
      <c r="C1090" s="6" t="s">
        <v>183</v>
      </c>
      <c r="D1090" s="6" t="s">
        <v>128</v>
      </c>
      <c r="E1090" s="6" t="s">
        <v>269</v>
      </c>
      <c r="F1090" s="11">
        <v>-58</v>
      </c>
      <c r="G1090" s="13">
        <v>-0.43939393939400001</v>
      </c>
      <c r="H1090" s="11">
        <v>-17.975120038999989</v>
      </c>
      <c r="I1090" s="13">
        <v>-0.13621252301753822</v>
      </c>
      <c r="J1090" s="11">
        <v>-18.152631325299993</v>
      </c>
      <c r="K1090" s="13">
        <v>-0.15924944295930402</v>
      </c>
      <c r="L1090" s="11">
        <v>-21.682676691300003</v>
      </c>
      <c r="M1090" s="13">
        <v>-0.22624764374141548</v>
      </c>
      <c r="N1090" s="11">
        <v>-39.835308016599996</v>
      </c>
      <c r="O1090" s="13">
        <v>-0.34946727546404405</v>
      </c>
      <c r="P1090" s="7">
        <v>131.96378453899999</v>
      </c>
      <c r="Q1090" s="7">
        <v>127.38873389699999</v>
      </c>
      <c r="R1090" s="7">
        <v>128.94681875000001</v>
      </c>
      <c r="S1090" s="7">
        <v>136.56730315799999</v>
      </c>
      <c r="T1090" s="7">
        <v>132.66464262900001</v>
      </c>
      <c r="U1090" s="7">
        <v>126.233161655</v>
      </c>
      <c r="V1090" s="7">
        <v>113.9886645</v>
      </c>
      <c r="W1090" s="7">
        <v>101.048383886</v>
      </c>
      <c r="X1090" s="7">
        <v>94.375930824299999</v>
      </c>
      <c r="Y1090" s="7">
        <v>95.836033174700006</v>
      </c>
      <c r="Z1090" s="7">
        <v>90.652270004599998</v>
      </c>
      <c r="AA1090" s="7">
        <v>88.318882798100006</v>
      </c>
      <c r="AB1090" s="7">
        <v>91.461511957799999</v>
      </c>
      <c r="AC1090" s="7">
        <v>85.3398503879</v>
      </c>
      <c r="AD1090" s="7">
        <v>80.709400549899996</v>
      </c>
      <c r="AE1090" s="7">
        <v>77.008119299200004</v>
      </c>
      <c r="AF1090" s="7">
        <v>74.153356483400003</v>
      </c>
      <c r="AG1090" s="9">
        <v>9666.5457774999959</v>
      </c>
      <c r="AH1090" s="13">
        <v>0.21358448099375693</v>
      </c>
      <c r="AI1090" s="9">
        <v>-1497.6366268999991</v>
      </c>
      <c r="AJ1090" s="13">
        <v>-3.3090614686604604E-2</v>
      </c>
      <c r="AK1090" s="9">
        <v>17206.0962869</v>
      </c>
      <c r="AL1090" s="13">
        <v>0.39318320184447197</v>
      </c>
      <c r="AM1090" s="9">
        <v>-6041.9138825000045</v>
      </c>
      <c r="AN1090" s="13">
        <v>-9.9101198680025968E-2</v>
      </c>
      <c r="AO1090" s="9">
        <v>11164.182404399995</v>
      </c>
      <c r="AP1090" s="13">
        <v>0.25511707656080823</v>
      </c>
      <c r="AQ1090" s="9">
        <v>45258.652372700002</v>
      </c>
      <c r="AR1090" s="9">
        <v>42790.389969999997</v>
      </c>
      <c r="AS1090" s="9">
        <v>39066.102492600003</v>
      </c>
      <c r="AT1090" s="9">
        <v>40358.533214800002</v>
      </c>
      <c r="AU1090" s="9">
        <v>46511.786330000003</v>
      </c>
      <c r="AV1090" s="9">
        <v>40847.726176700002</v>
      </c>
      <c r="AW1090" s="9">
        <v>43761.015745800003</v>
      </c>
      <c r="AX1090" s="9">
        <v>49573.455454199997</v>
      </c>
      <c r="AY1090" s="9">
        <v>55095.091392299997</v>
      </c>
      <c r="AZ1090" s="9">
        <v>60967.112032700003</v>
      </c>
      <c r="BA1090" s="9">
        <v>50541.152382300003</v>
      </c>
      <c r="BB1090" s="9">
        <v>45075.331017600001</v>
      </c>
      <c r="BC1090" s="9">
        <v>46414.724001199997</v>
      </c>
      <c r="BD1090" s="9">
        <v>46679.4403246</v>
      </c>
      <c r="BE1090" s="9">
        <v>50520.145972600003</v>
      </c>
      <c r="BF1090" s="9">
        <v>54925.198150199998</v>
      </c>
      <c r="BG1090" s="11">
        <v>-6</v>
      </c>
      <c r="BH1090" s="13">
        <v>-0.33333333333333331</v>
      </c>
      <c r="BI1090" s="6">
        <v>-2</v>
      </c>
      <c r="BJ1090" s="13">
        <v>-0.1111111111111111</v>
      </c>
      <c r="BK1090" s="6">
        <v>-4</v>
      </c>
      <c r="BL1090" s="13">
        <v>-0.25</v>
      </c>
      <c r="BM1090" s="11">
        <v>0</v>
      </c>
      <c r="BN1090" s="13">
        <v>0</v>
      </c>
      <c r="BO1090" s="11">
        <v>-4</v>
      </c>
      <c r="BP1090" s="13">
        <v>-0.25</v>
      </c>
      <c r="BQ1090" s="6">
        <v>18</v>
      </c>
      <c r="BR1090" s="6">
        <v>19</v>
      </c>
      <c r="BS1090" s="6">
        <v>17</v>
      </c>
      <c r="BT1090" s="6">
        <v>16</v>
      </c>
      <c r="BU1090" s="6">
        <v>15</v>
      </c>
      <c r="BV1090" s="6">
        <v>13</v>
      </c>
      <c r="BW1090" s="6">
        <v>12</v>
      </c>
      <c r="BX1090" s="6">
        <v>12</v>
      </c>
      <c r="BY1090" s="6">
        <v>14</v>
      </c>
      <c r="BZ1090" s="6">
        <v>12</v>
      </c>
      <c r="CA1090" s="6">
        <v>12</v>
      </c>
      <c r="CB1090" s="6">
        <v>12</v>
      </c>
      <c r="CC1090" s="11">
        <v>12</v>
      </c>
      <c r="CD1090" s="11">
        <v>-31.816400000000002</v>
      </c>
      <c r="CE1090" s="11">
        <v>-40.419199999999996</v>
      </c>
      <c r="CF1090" s="11">
        <v>14.4252</v>
      </c>
      <c r="CG1090" s="11">
        <v>-26</v>
      </c>
      <c r="CH1090" s="20">
        <v>0.46049299999999999</v>
      </c>
      <c r="CI1090" s="20">
        <v>0.47431899999999999</v>
      </c>
      <c r="CJ1090" s="20">
        <v>0.50483500000000003</v>
      </c>
      <c r="CK1090" s="20">
        <v>0.55151300000000003</v>
      </c>
      <c r="CL1090" s="20">
        <v>0.554643</v>
      </c>
      <c r="CM1090" s="20">
        <v>0.53359699999999999</v>
      </c>
      <c r="CN1090" s="20">
        <v>0.50036700000000001</v>
      </c>
      <c r="CO1090" s="20">
        <v>0.453787</v>
      </c>
      <c r="CP1090" s="20">
        <v>0.44136199999999998</v>
      </c>
      <c r="CQ1090" s="20">
        <v>0.46226299999999998</v>
      </c>
      <c r="CR1090" s="20">
        <v>0.45313700000000001</v>
      </c>
      <c r="CS1090" s="20">
        <v>0.430647</v>
      </c>
      <c r="CT1090" s="20">
        <v>0.48651899999999998</v>
      </c>
      <c r="CU1090" s="20">
        <v>0.44980599999999998</v>
      </c>
      <c r="CV1090" s="20">
        <v>0.422657</v>
      </c>
      <c r="CW1090" s="20">
        <v>0.39808900000000003</v>
      </c>
      <c r="CX1090" s="20">
        <v>0.383994</v>
      </c>
      <c r="CY1090" s="6" t="s">
        <v>565</v>
      </c>
      <c r="CZ1090" s="6" t="s">
        <v>566</v>
      </c>
      <c r="DA1090" s="6" t="s">
        <v>128</v>
      </c>
      <c r="DB1090" s="6"/>
      <c r="DC1090" s="6">
        <v>28140</v>
      </c>
      <c r="DD1090" s="6">
        <v>312</v>
      </c>
      <c r="DE1090" s="6" t="s">
        <v>402</v>
      </c>
      <c r="DF1090" s="6" t="s">
        <v>375</v>
      </c>
      <c r="DG1090" s="6" t="s">
        <v>376</v>
      </c>
      <c r="DH1090" s="6" t="s">
        <v>328</v>
      </c>
      <c r="DI1090" s="6" t="s">
        <v>377</v>
      </c>
      <c r="DJ1090" s="6">
        <v>29</v>
      </c>
      <c r="DK1090" s="6">
        <v>107</v>
      </c>
      <c r="DL1090" s="6">
        <v>1</v>
      </c>
      <c r="DM1090" s="6" t="s">
        <v>404</v>
      </c>
      <c r="DN1090" s="6">
        <v>1</v>
      </c>
      <c r="DO1090" s="6" t="s">
        <v>405</v>
      </c>
      <c r="DP1090" s="6"/>
      <c r="DQ1090" s="6"/>
    </row>
    <row r="1091" spans="1:121" x14ac:dyDescent="0.2">
      <c r="A1091" s="6" t="s">
        <v>315</v>
      </c>
      <c r="B1091" s="6" t="s">
        <v>315</v>
      </c>
      <c r="C1091" s="6" t="s">
        <v>184</v>
      </c>
      <c r="D1091" s="6" t="s">
        <v>128</v>
      </c>
      <c r="E1091" s="6" t="s">
        <v>269</v>
      </c>
      <c r="F1091" s="11">
        <v>-20</v>
      </c>
      <c r="G1091" s="13">
        <v>-0.06</v>
      </c>
      <c r="H1091" s="11">
        <v>30</v>
      </c>
      <c r="I1091" s="13">
        <v>9.584664536741215E-2</v>
      </c>
      <c r="J1091" s="11">
        <v>-16</v>
      </c>
      <c r="K1091" s="13">
        <v>-4.6647230320699715E-2</v>
      </c>
      <c r="L1091" s="11">
        <v>-34</v>
      </c>
      <c r="M1091" s="13">
        <v>-0.10397553516819572</v>
      </c>
      <c r="N1091" s="11">
        <v>-50</v>
      </c>
      <c r="O1091" s="13">
        <v>-0.1457725947521866</v>
      </c>
      <c r="P1091" s="7">
        <v>313</v>
      </c>
      <c r="Q1091" s="7">
        <v>327</v>
      </c>
      <c r="R1091" s="7">
        <v>334</v>
      </c>
      <c r="S1091" s="7">
        <v>333</v>
      </c>
      <c r="T1091" s="7">
        <v>340</v>
      </c>
      <c r="U1091" s="7">
        <v>339</v>
      </c>
      <c r="V1091" s="7">
        <v>343</v>
      </c>
      <c r="W1091" s="7">
        <v>331</v>
      </c>
      <c r="X1091" s="7">
        <v>337</v>
      </c>
      <c r="Y1091" s="7">
        <v>327</v>
      </c>
      <c r="Z1091" s="7">
        <v>318</v>
      </c>
      <c r="AA1091" s="7">
        <v>297</v>
      </c>
      <c r="AB1091" s="7">
        <v>280</v>
      </c>
      <c r="AC1091" s="7">
        <v>288</v>
      </c>
      <c r="AD1091" s="7">
        <v>290</v>
      </c>
      <c r="AE1091" s="7">
        <v>295</v>
      </c>
      <c r="AF1091" s="7">
        <v>293</v>
      </c>
      <c r="AG1091" s="9">
        <v>17575</v>
      </c>
      <c r="AH1091" s="13">
        <v>0.54455598934126537</v>
      </c>
      <c r="AI1091" s="9">
        <v>4950</v>
      </c>
      <c r="AJ1091" s="13">
        <v>0.15337423312883436</v>
      </c>
      <c r="AK1091" s="9">
        <v>4305</v>
      </c>
      <c r="AL1091" s="13">
        <v>0.11565119277885236</v>
      </c>
      <c r="AM1091" s="9">
        <v>8320</v>
      </c>
      <c r="AN1091" s="13">
        <v>0.20034192973584725</v>
      </c>
      <c r="AO1091" s="9">
        <v>12625</v>
      </c>
      <c r="AP1091" s="13">
        <v>0.33916290565226737</v>
      </c>
      <c r="AQ1091" s="9">
        <v>32274</v>
      </c>
      <c r="AR1091" s="9">
        <v>33238</v>
      </c>
      <c r="AS1091" s="9">
        <v>32823</v>
      </c>
      <c r="AT1091" s="9">
        <v>34198</v>
      </c>
      <c r="AU1091" s="9">
        <v>35313</v>
      </c>
      <c r="AV1091" s="9">
        <v>35943</v>
      </c>
      <c r="AW1091" s="9">
        <v>37224</v>
      </c>
      <c r="AX1091" s="9">
        <v>40118</v>
      </c>
      <c r="AY1091" s="9">
        <v>40879</v>
      </c>
      <c r="AZ1091" s="9">
        <v>41529</v>
      </c>
      <c r="BA1091" s="9">
        <v>42048</v>
      </c>
      <c r="BB1091" s="9">
        <v>43628</v>
      </c>
      <c r="BC1091" s="9">
        <v>46075</v>
      </c>
      <c r="BD1091" s="9">
        <v>46117</v>
      </c>
      <c r="BE1091" s="9">
        <v>46609</v>
      </c>
      <c r="BF1091" s="9">
        <v>49849</v>
      </c>
      <c r="BG1091" s="11">
        <v>-2</v>
      </c>
      <c r="BH1091" s="13">
        <v>-3.7735849056603772E-2</v>
      </c>
      <c r="BI1091" s="6">
        <v>5</v>
      </c>
      <c r="BJ1091" s="13">
        <v>9.4339622641509441E-2</v>
      </c>
      <c r="BK1091" s="6">
        <v>-1</v>
      </c>
      <c r="BL1091" s="13">
        <v>-1.7241379310344827E-2</v>
      </c>
      <c r="BM1091" s="11">
        <v>-6</v>
      </c>
      <c r="BN1091" s="13">
        <v>-0.10526315789473684</v>
      </c>
      <c r="BO1091" s="11">
        <v>-7</v>
      </c>
      <c r="BP1091" s="13">
        <v>-0.1206896551724138</v>
      </c>
      <c r="BQ1091" s="6">
        <v>53</v>
      </c>
      <c r="BR1091" s="6">
        <v>57</v>
      </c>
      <c r="BS1091" s="6">
        <v>58</v>
      </c>
      <c r="BT1091" s="6">
        <v>58</v>
      </c>
      <c r="BU1091" s="6">
        <v>58</v>
      </c>
      <c r="BV1091" s="6">
        <v>57</v>
      </c>
      <c r="BW1091" s="6">
        <v>57</v>
      </c>
      <c r="BX1091" s="6">
        <v>53</v>
      </c>
      <c r="BY1091" s="6">
        <v>54</v>
      </c>
      <c r="BZ1091" s="6">
        <v>55</v>
      </c>
      <c r="CA1091" s="6">
        <v>55</v>
      </c>
      <c r="CB1091" s="6">
        <v>54</v>
      </c>
      <c r="CC1091" s="11">
        <v>51</v>
      </c>
      <c r="CD1091" s="11">
        <v>-29</v>
      </c>
      <c r="CE1091" s="11">
        <v>-25</v>
      </c>
      <c r="CF1091" s="11">
        <v>34</v>
      </c>
      <c r="CG1091" s="11">
        <v>9</v>
      </c>
      <c r="CH1091" s="20">
        <v>0.67</v>
      </c>
      <c r="CI1091" s="20">
        <v>0.71</v>
      </c>
      <c r="CJ1091" s="20">
        <v>0.71</v>
      </c>
      <c r="CK1091" s="20">
        <v>0.71</v>
      </c>
      <c r="CL1091" s="20">
        <v>0.73</v>
      </c>
      <c r="CM1091" s="20">
        <v>0.72</v>
      </c>
      <c r="CN1091" s="20">
        <v>0.75</v>
      </c>
      <c r="CO1091" s="20">
        <v>0.75</v>
      </c>
      <c r="CP1091" s="20">
        <v>0.78</v>
      </c>
      <c r="CQ1091" s="20">
        <v>0.77</v>
      </c>
      <c r="CR1091" s="20">
        <v>0.76</v>
      </c>
      <c r="CS1091" s="20">
        <v>0.69</v>
      </c>
      <c r="CT1091" s="20">
        <v>0.71</v>
      </c>
      <c r="CU1091" s="20">
        <v>0.73</v>
      </c>
      <c r="CV1091" s="20">
        <v>0.73</v>
      </c>
      <c r="CW1091" s="20">
        <v>0.73</v>
      </c>
      <c r="CX1091" s="20">
        <v>0.72</v>
      </c>
      <c r="CY1091" s="6" t="s">
        <v>565</v>
      </c>
      <c r="CZ1091" s="6" t="s">
        <v>566</v>
      </c>
      <c r="DA1091" s="6" t="s">
        <v>128</v>
      </c>
      <c r="DB1091" s="6"/>
      <c r="DC1091" s="6">
        <v>28140</v>
      </c>
      <c r="DD1091" s="6">
        <v>312</v>
      </c>
      <c r="DE1091" s="6" t="s">
        <v>402</v>
      </c>
      <c r="DF1091" s="6" t="s">
        <v>375</v>
      </c>
      <c r="DG1091" s="6" t="s">
        <v>376</v>
      </c>
      <c r="DH1091" s="6" t="s">
        <v>328</v>
      </c>
      <c r="DI1091" s="6" t="s">
        <v>377</v>
      </c>
      <c r="DJ1091" s="6">
        <v>29</v>
      </c>
      <c r="DK1091" s="6">
        <v>107</v>
      </c>
      <c r="DL1091" s="6">
        <v>1</v>
      </c>
      <c r="DM1091" s="6" t="s">
        <v>404</v>
      </c>
      <c r="DN1091" s="6">
        <v>1</v>
      </c>
      <c r="DO1091" s="6" t="s">
        <v>405</v>
      </c>
      <c r="DP1091" s="6"/>
      <c r="DQ1091" s="6"/>
    </row>
    <row r="1092" spans="1:121" x14ac:dyDescent="0.2">
      <c r="A1092" s="6" t="s">
        <v>316</v>
      </c>
      <c r="B1092" s="6" t="s">
        <v>316</v>
      </c>
      <c r="C1092" s="6" t="s">
        <v>185</v>
      </c>
      <c r="D1092" s="6" t="s">
        <v>128</v>
      </c>
      <c r="E1092" s="6" t="s">
        <v>269</v>
      </c>
      <c r="F1092" s="11">
        <v>-56</v>
      </c>
      <c r="G1092" s="13">
        <v>-0.25</v>
      </c>
      <c r="H1092" s="11">
        <v>16</v>
      </c>
      <c r="I1092" s="13">
        <v>7.2398190045248875E-2</v>
      </c>
      <c r="J1092" s="11">
        <v>-35</v>
      </c>
      <c r="K1092" s="13">
        <v>-0.14767932489451477</v>
      </c>
      <c r="L1092" s="11">
        <v>-37</v>
      </c>
      <c r="M1092" s="13">
        <v>-0.18316831683168316</v>
      </c>
      <c r="N1092" s="11">
        <v>-72</v>
      </c>
      <c r="O1092" s="13">
        <v>-0.30379746835443039</v>
      </c>
      <c r="P1092" s="7">
        <v>221</v>
      </c>
      <c r="Q1092" s="7">
        <v>218</v>
      </c>
      <c r="R1092" s="7">
        <v>206</v>
      </c>
      <c r="S1092" s="7">
        <v>217</v>
      </c>
      <c r="T1092" s="7">
        <v>224</v>
      </c>
      <c r="U1092" s="7">
        <v>230</v>
      </c>
      <c r="V1092" s="7">
        <v>237</v>
      </c>
      <c r="W1092" s="7">
        <v>241</v>
      </c>
      <c r="X1092" s="7">
        <v>227</v>
      </c>
      <c r="Y1092" s="7">
        <v>202</v>
      </c>
      <c r="Z1092" s="7">
        <v>178</v>
      </c>
      <c r="AA1092" s="7">
        <v>169</v>
      </c>
      <c r="AB1092" s="7">
        <v>169</v>
      </c>
      <c r="AC1092" s="7">
        <v>178</v>
      </c>
      <c r="AD1092" s="7">
        <v>174</v>
      </c>
      <c r="AE1092" s="7">
        <v>168</v>
      </c>
      <c r="AF1092" s="7">
        <v>165</v>
      </c>
      <c r="AG1092" s="9">
        <v>5372</v>
      </c>
      <c r="AH1092" s="13">
        <v>0.28217249711104109</v>
      </c>
      <c r="AI1092" s="9">
        <v>2133</v>
      </c>
      <c r="AJ1092" s="13">
        <v>0.11203907973526632</v>
      </c>
      <c r="AK1092" s="9">
        <v>29</v>
      </c>
      <c r="AL1092" s="13">
        <v>1.3697983090076046E-3</v>
      </c>
      <c r="AM1092" s="9">
        <v>3210</v>
      </c>
      <c r="AN1092" s="13">
        <v>0.15141509433962264</v>
      </c>
      <c r="AO1092" s="9">
        <v>3239</v>
      </c>
      <c r="AP1092" s="13">
        <v>0.1529923007888149</v>
      </c>
      <c r="AQ1092" s="9">
        <v>19038</v>
      </c>
      <c r="AR1092" s="9">
        <v>20539</v>
      </c>
      <c r="AS1092" s="9">
        <v>20601</v>
      </c>
      <c r="AT1092" s="9">
        <v>19604</v>
      </c>
      <c r="AU1092" s="9">
        <v>19474</v>
      </c>
      <c r="AV1092" s="9">
        <v>20400</v>
      </c>
      <c r="AW1092" s="9">
        <v>21171</v>
      </c>
      <c r="AX1092" s="9">
        <v>20986</v>
      </c>
      <c r="AY1092" s="9">
        <v>20431</v>
      </c>
      <c r="AZ1092" s="9">
        <v>21200</v>
      </c>
      <c r="BA1092" s="9">
        <v>22357</v>
      </c>
      <c r="BB1092" s="9">
        <v>23482</v>
      </c>
      <c r="BC1092" s="9">
        <v>24302</v>
      </c>
      <c r="BD1092" s="9">
        <v>26065</v>
      </c>
      <c r="BE1092" s="9">
        <v>25283</v>
      </c>
      <c r="BF1092" s="9">
        <v>24410</v>
      </c>
      <c r="BG1092" s="11">
        <v>-9</v>
      </c>
      <c r="BH1092" s="13">
        <v>-0.375</v>
      </c>
      <c r="BI1092" s="6">
        <v>2</v>
      </c>
      <c r="BJ1092" s="13">
        <v>8.3333333333333329E-2</v>
      </c>
      <c r="BK1092" s="6">
        <v>-5</v>
      </c>
      <c r="BL1092" s="13">
        <v>-0.19230769230769232</v>
      </c>
      <c r="BM1092" s="11">
        <v>-6</v>
      </c>
      <c r="BN1092" s="13">
        <v>-0.2857142857142857</v>
      </c>
      <c r="BO1092" s="11">
        <v>-11</v>
      </c>
      <c r="BP1092" s="13">
        <v>-0.42307692307692307</v>
      </c>
      <c r="BQ1092" s="6">
        <v>24</v>
      </c>
      <c r="BR1092" s="6">
        <v>24</v>
      </c>
      <c r="BS1092" s="6">
        <v>28</v>
      </c>
      <c r="BT1092" s="6">
        <v>26</v>
      </c>
      <c r="BU1092" s="6">
        <v>26</v>
      </c>
      <c r="BV1092" s="6">
        <v>25</v>
      </c>
      <c r="BW1092" s="6">
        <v>21</v>
      </c>
      <c r="BX1092" s="6">
        <v>15</v>
      </c>
      <c r="BY1092" s="6">
        <v>15</v>
      </c>
      <c r="BZ1092" s="6">
        <v>15</v>
      </c>
      <c r="CA1092" s="6">
        <v>14</v>
      </c>
      <c r="CB1092" s="6">
        <v>16</v>
      </c>
      <c r="CC1092" s="11">
        <v>15</v>
      </c>
      <c r="CD1092" s="11">
        <v>-70</v>
      </c>
      <c r="CE1092" s="11">
        <v>-11</v>
      </c>
      <c r="CF1092" s="11">
        <v>24</v>
      </c>
      <c r="CG1092" s="11">
        <v>13</v>
      </c>
      <c r="CH1092" s="20">
        <v>1.1499999999999999</v>
      </c>
      <c r="CI1092" s="20">
        <v>1.1399999999999999</v>
      </c>
      <c r="CJ1092" s="20">
        <v>1.05</v>
      </c>
      <c r="CK1092" s="20">
        <v>1.0900000000000001</v>
      </c>
      <c r="CL1092" s="20">
        <v>1.1100000000000001</v>
      </c>
      <c r="CM1092" s="20">
        <v>1.1299999999999999</v>
      </c>
      <c r="CN1092" s="20">
        <v>1.21</v>
      </c>
      <c r="CO1092" s="20">
        <v>1.27</v>
      </c>
      <c r="CP1092" s="20">
        <v>1.25</v>
      </c>
      <c r="CQ1092" s="20">
        <v>1.1499999999999999</v>
      </c>
      <c r="CR1092" s="20">
        <v>1.05</v>
      </c>
      <c r="CS1092" s="20">
        <v>0.96</v>
      </c>
      <c r="CT1092" s="20">
        <v>1.04</v>
      </c>
      <c r="CU1092" s="20">
        <v>1.07</v>
      </c>
      <c r="CV1092" s="20">
        <v>1.03</v>
      </c>
      <c r="CW1092" s="20">
        <v>0.99</v>
      </c>
      <c r="CX1092" s="20">
        <v>0.96</v>
      </c>
      <c r="CY1092" s="6" t="s">
        <v>565</v>
      </c>
      <c r="CZ1092" s="6" t="s">
        <v>566</v>
      </c>
      <c r="DA1092" s="6" t="s">
        <v>128</v>
      </c>
      <c r="DB1092" s="6"/>
      <c r="DC1092" s="6">
        <v>28140</v>
      </c>
      <c r="DD1092" s="6">
        <v>312</v>
      </c>
      <c r="DE1092" s="6" t="s">
        <v>402</v>
      </c>
      <c r="DF1092" s="6" t="s">
        <v>375</v>
      </c>
      <c r="DG1092" s="6" t="s">
        <v>376</v>
      </c>
      <c r="DH1092" s="6" t="s">
        <v>328</v>
      </c>
      <c r="DI1092" s="6" t="s">
        <v>377</v>
      </c>
      <c r="DJ1092" s="6">
        <v>29</v>
      </c>
      <c r="DK1092" s="6">
        <v>107</v>
      </c>
      <c r="DL1092" s="6">
        <v>1</v>
      </c>
      <c r="DM1092" s="6" t="s">
        <v>404</v>
      </c>
      <c r="DN1092" s="6">
        <v>1</v>
      </c>
      <c r="DO1092" s="6" t="s">
        <v>405</v>
      </c>
      <c r="DP1092" s="6"/>
      <c r="DQ1092" s="6"/>
    </row>
    <row r="1093" spans="1:121" x14ac:dyDescent="0.2">
      <c r="A1093" s="6" t="s">
        <v>317</v>
      </c>
      <c r="B1093" s="6" t="s">
        <v>317</v>
      </c>
      <c r="C1093" s="6" t="s">
        <v>186</v>
      </c>
      <c r="D1093" s="6" t="s">
        <v>128</v>
      </c>
      <c r="E1093" s="6" t="s">
        <v>269</v>
      </c>
      <c r="F1093" s="11">
        <v>108</v>
      </c>
      <c r="G1093" s="13">
        <v>0.6</v>
      </c>
      <c r="H1093" s="11">
        <v>51</v>
      </c>
      <c r="I1093" s="13">
        <v>0.28491620111731841</v>
      </c>
      <c r="J1093" s="11">
        <v>0</v>
      </c>
      <c r="K1093" s="13">
        <v>0</v>
      </c>
      <c r="L1093" s="11">
        <v>57</v>
      </c>
      <c r="M1093" s="13">
        <v>0.24782608695652175</v>
      </c>
      <c r="N1093" s="11">
        <v>57</v>
      </c>
      <c r="O1093" s="13">
        <v>0.24782608695652175</v>
      </c>
      <c r="P1093" s="7">
        <v>179</v>
      </c>
      <c r="Q1093" s="7">
        <v>182</v>
      </c>
      <c r="R1093" s="7">
        <v>200</v>
      </c>
      <c r="S1093" s="7">
        <v>240</v>
      </c>
      <c r="T1093" s="7">
        <v>217</v>
      </c>
      <c r="U1093" s="7">
        <v>226</v>
      </c>
      <c r="V1093" s="7">
        <v>230</v>
      </c>
      <c r="W1093" s="7">
        <v>234</v>
      </c>
      <c r="X1093" s="7">
        <v>230</v>
      </c>
      <c r="Y1093" s="7">
        <v>230</v>
      </c>
      <c r="Z1093" s="7">
        <v>260</v>
      </c>
      <c r="AA1093" s="7">
        <v>271</v>
      </c>
      <c r="AB1093" s="7">
        <v>260</v>
      </c>
      <c r="AC1093" s="7">
        <v>271</v>
      </c>
      <c r="AD1093" s="7">
        <v>275</v>
      </c>
      <c r="AE1093" s="7">
        <v>278</v>
      </c>
      <c r="AF1093" s="7">
        <v>287</v>
      </c>
      <c r="AG1093" s="9">
        <v>31022</v>
      </c>
      <c r="AH1093" s="13">
        <v>1.0674052919519663</v>
      </c>
      <c r="AI1093" s="9">
        <v>14783</v>
      </c>
      <c r="AJ1093" s="13">
        <v>0.50865361456146996</v>
      </c>
      <c r="AK1093" s="9">
        <v>-39</v>
      </c>
      <c r="AL1093" s="13">
        <v>-8.8947680518177243E-4</v>
      </c>
      <c r="AM1093" s="9">
        <v>16278</v>
      </c>
      <c r="AN1093" s="13">
        <v>0.37158444997374845</v>
      </c>
      <c r="AO1093" s="9">
        <v>16239</v>
      </c>
      <c r="AP1093" s="13">
        <v>0.37036445741914886</v>
      </c>
      <c r="AQ1093" s="9">
        <v>29063</v>
      </c>
      <c r="AR1093" s="9">
        <v>31211</v>
      </c>
      <c r="AS1093" s="9">
        <v>31327</v>
      </c>
      <c r="AT1093" s="9">
        <v>35399</v>
      </c>
      <c r="AU1093" s="9">
        <v>34700</v>
      </c>
      <c r="AV1093" s="9">
        <v>38377</v>
      </c>
      <c r="AW1093" s="9">
        <v>43846</v>
      </c>
      <c r="AX1093" s="9">
        <v>42584</v>
      </c>
      <c r="AY1093" s="9">
        <v>41799</v>
      </c>
      <c r="AZ1093" s="9">
        <v>43807</v>
      </c>
      <c r="BA1093" s="9">
        <v>55861</v>
      </c>
      <c r="BB1093" s="9">
        <v>52307</v>
      </c>
      <c r="BC1093" s="9">
        <v>53613</v>
      </c>
      <c r="BD1093" s="9">
        <v>55414</v>
      </c>
      <c r="BE1093" s="9">
        <v>60423</v>
      </c>
      <c r="BF1093" s="9">
        <v>60085</v>
      </c>
      <c r="BG1093" s="11">
        <v>1</v>
      </c>
      <c r="BH1093" s="13">
        <v>2.0833333333333332E-2</v>
      </c>
      <c r="BI1093" s="6">
        <v>0</v>
      </c>
      <c r="BJ1093" s="13">
        <v>0</v>
      </c>
      <c r="BK1093" s="6">
        <v>2</v>
      </c>
      <c r="BL1093" s="13">
        <v>4.1666666666666664E-2</v>
      </c>
      <c r="BM1093" s="11">
        <v>-1</v>
      </c>
      <c r="BN1093" s="13">
        <v>-0.02</v>
      </c>
      <c r="BO1093" s="11">
        <v>1</v>
      </c>
      <c r="BP1093" s="13">
        <v>2.0833333333333332E-2</v>
      </c>
      <c r="BQ1093" s="6">
        <v>48</v>
      </c>
      <c r="BR1093" s="6">
        <v>44</v>
      </c>
      <c r="BS1093" s="6">
        <v>47</v>
      </c>
      <c r="BT1093" s="6">
        <v>48</v>
      </c>
      <c r="BU1093" s="6">
        <v>49</v>
      </c>
      <c r="BV1093" s="6">
        <v>46</v>
      </c>
      <c r="BW1093" s="6">
        <v>50</v>
      </c>
      <c r="BX1093" s="6">
        <v>48</v>
      </c>
      <c r="BY1093" s="6">
        <v>51</v>
      </c>
      <c r="BZ1093" s="6">
        <v>53</v>
      </c>
      <c r="CA1093" s="6">
        <v>55</v>
      </c>
      <c r="CB1093" s="6">
        <v>50</v>
      </c>
      <c r="CC1093" s="11">
        <v>49</v>
      </c>
      <c r="CD1093" s="11">
        <v>53</v>
      </c>
      <c r="CE1093" s="11">
        <v>36</v>
      </c>
      <c r="CF1093" s="11">
        <v>20</v>
      </c>
      <c r="CG1093" s="11">
        <v>56</v>
      </c>
      <c r="CH1093" s="20">
        <v>0.28999999999999998</v>
      </c>
      <c r="CI1093" s="20">
        <v>0.31</v>
      </c>
      <c r="CJ1093" s="20">
        <v>0.34</v>
      </c>
      <c r="CK1093" s="20">
        <v>0.4</v>
      </c>
      <c r="CL1093" s="20">
        <v>0.35</v>
      </c>
      <c r="CM1093" s="20">
        <v>0.35</v>
      </c>
      <c r="CN1093" s="20">
        <v>0.36</v>
      </c>
      <c r="CO1093" s="20">
        <v>0.36</v>
      </c>
      <c r="CP1093" s="20">
        <v>0.36</v>
      </c>
      <c r="CQ1093" s="20">
        <v>0.37</v>
      </c>
      <c r="CR1093" s="20">
        <v>0.41</v>
      </c>
      <c r="CS1093" s="20">
        <v>0.41</v>
      </c>
      <c r="CT1093" s="20">
        <v>0.42</v>
      </c>
      <c r="CU1093" s="20">
        <v>0.43</v>
      </c>
      <c r="CV1093" s="20">
        <v>0.42</v>
      </c>
      <c r="CW1093" s="20">
        <v>0.42</v>
      </c>
      <c r="CX1093" s="20">
        <v>0.43</v>
      </c>
      <c r="CY1093" s="6" t="s">
        <v>565</v>
      </c>
      <c r="CZ1093" s="6" t="s">
        <v>566</v>
      </c>
      <c r="DA1093" s="6" t="s">
        <v>128</v>
      </c>
      <c r="DB1093" s="6"/>
      <c r="DC1093" s="6">
        <v>28140</v>
      </c>
      <c r="DD1093" s="6">
        <v>312</v>
      </c>
      <c r="DE1093" s="6" t="s">
        <v>402</v>
      </c>
      <c r="DF1093" s="6" t="s">
        <v>375</v>
      </c>
      <c r="DG1093" s="6" t="s">
        <v>376</v>
      </c>
      <c r="DH1093" s="6" t="s">
        <v>328</v>
      </c>
      <c r="DI1093" s="6" t="s">
        <v>377</v>
      </c>
      <c r="DJ1093" s="6">
        <v>29</v>
      </c>
      <c r="DK1093" s="6">
        <v>107</v>
      </c>
      <c r="DL1093" s="6">
        <v>1</v>
      </c>
      <c r="DM1093" s="6" t="s">
        <v>404</v>
      </c>
      <c r="DN1093" s="6">
        <v>1</v>
      </c>
      <c r="DO1093" s="6" t="s">
        <v>405</v>
      </c>
      <c r="DP1093" s="6"/>
      <c r="DQ1093" s="6"/>
    </row>
    <row r="1094" spans="1:121" x14ac:dyDescent="0.2">
      <c r="A1094" s="6" t="s">
        <v>318</v>
      </c>
      <c r="B1094" s="6" t="s">
        <v>318</v>
      </c>
      <c r="C1094" s="6" t="s">
        <v>187</v>
      </c>
      <c r="D1094" s="6" t="s">
        <v>128</v>
      </c>
      <c r="E1094" s="6" t="s">
        <v>269</v>
      </c>
      <c r="F1094" s="11">
        <v>1</v>
      </c>
      <c r="G1094" s="13">
        <v>1</v>
      </c>
      <c r="H1094" s="11">
        <v>-6.1866509999999995</v>
      </c>
      <c r="I1094" s="13">
        <v>-0.55303870657983334</v>
      </c>
      <c r="J1094" s="11">
        <v>0</v>
      </c>
      <c r="K1094" s="13">
        <v>0</v>
      </c>
      <c r="L1094" s="11">
        <v>0</v>
      </c>
      <c r="M1094" s="13">
        <v>0</v>
      </c>
      <c r="N1094" s="11">
        <v>0</v>
      </c>
      <c r="O1094" s="13">
        <v>0</v>
      </c>
      <c r="P1094" s="7">
        <v>11.186650999999999</v>
      </c>
      <c r="Q1094" s="7">
        <v>11.003987</v>
      </c>
      <c r="R1094" s="7">
        <v>19.241361999999999</v>
      </c>
      <c r="S1094" s="7">
        <v>5</v>
      </c>
      <c r="T1094" s="7">
        <v>5</v>
      </c>
      <c r="U1094" s="7">
        <v>5</v>
      </c>
      <c r="V1094" s="7">
        <v>5</v>
      </c>
      <c r="W1094" s="7">
        <v>5</v>
      </c>
      <c r="X1094" s="7">
        <v>5</v>
      </c>
      <c r="Y1094" s="7">
        <v>5</v>
      </c>
      <c r="Z1094" s="7">
        <v>5</v>
      </c>
      <c r="AA1094" s="7">
        <v>5</v>
      </c>
      <c r="AB1094" s="7">
        <v>5</v>
      </c>
      <c r="AC1094" s="7">
        <v>5</v>
      </c>
      <c r="AD1094" s="7">
        <v>5</v>
      </c>
      <c r="AE1094" s="7">
        <v>5</v>
      </c>
      <c r="AF1094" s="7">
        <v>5</v>
      </c>
      <c r="AG1094" s="9">
        <v>-51659.254091199997</v>
      </c>
      <c r="AH1094" s="13">
        <v>-0.99998064275877852</v>
      </c>
      <c r="AI1094" s="9">
        <v>-51659.254091199997</v>
      </c>
      <c r="AJ1094" s="13">
        <v>-0.99998064275877852</v>
      </c>
      <c r="AK1094" s="9">
        <v>0</v>
      </c>
      <c r="AL1094" s="13">
        <v>0</v>
      </c>
      <c r="AM1094" s="9">
        <v>0</v>
      </c>
      <c r="AN1094" s="13">
        <v>0</v>
      </c>
      <c r="AO1094" s="9">
        <v>0</v>
      </c>
      <c r="AP1094" s="13">
        <v>0</v>
      </c>
      <c r="AQ1094" s="9">
        <v>51660.254091199997</v>
      </c>
      <c r="AR1094" s="9">
        <v>51897.986219300001</v>
      </c>
      <c r="AS1094" s="9">
        <v>59636.095564099996</v>
      </c>
      <c r="AT1094" s="9">
        <v>1</v>
      </c>
      <c r="AU1094" s="9">
        <v>1</v>
      </c>
      <c r="AV1094" s="9">
        <v>1</v>
      </c>
      <c r="AW1094" s="9">
        <v>1</v>
      </c>
      <c r="AX1094" s="9">
        <v>1</v>
      </c>
      <c r="AY1094" s="9">
        <v>1</v>
      </c>
      <c r="AZ1094" s="9">
        <v>1</v>
      </c>
      <c r="BA1094" s="9">
        <v>1</v>
      </c>
      <c r="BB1094" s="9">
        <v>1</v>
      </c>
      <c r="BC1094" s="9">
        <v>1</v>
      </c>
      <c r="BD1094" s="9">
        <v>1</v>
      </c>
      <c r="BE1094" s="9">
        <v>1</v>
      </c>
      <c r="BF1094" s="9">
        <v>1</v>
      </c>
      <c r="BG1094" s="11">
        <v>-0.5</v>
      </c>
      <c r="BH1094" s="13">
        <v>-0.16666666666666666</v>
      </c>
      <c r="BI1094" s="6">
        <v>-1</v>
      </c>
      <c r="BJ1094" s="13">
        <v>-0.33333333333333331</v>
      </c>
      <c r="BK1094" s="6">
        <v>2</v>
      </c>
      <c r="BL1094" s="13">
        <v>1</v>
      </c>
      <c r="BM1094" s="11">
        <v>-1.5</v>
      </c>
      <c r="BN1094" s="13">
        <v>-0.375</v>
      </c>
      <c r="BO1094" s="11">
        <v>0.5</v>
      </c>
      <c r="BP1094" s="13">
        <v>0.25</v>
      </c>
      <c r="BQ1094" s="6">
        <v>3</v>
      </c>
      <c r="BR1094" s="6">
        <v>4</v>
      </c>
      <c r="BS1094" s="6">
        <v>2</v>
      </c>
      <c r="BT1094" s="6">
        <v>2</v>
      </c>
      <c r="BU1094" s="6">
        <v>2</v>
      </c>
      <c r="BV1094" s="6">
        <v>3</v>
      </c>
      <c r="BW1094" s="6">
        <v>4</v>
      </c>
      <c r="BX1094" s="6">
        <v>2</v>
      </c>
      <c r="BY1094" s="6">
        <v>1</v>
      </c>
      <c r="BZ1094" s="6">
        <v>1</v>
      </c>
      <c r="CA1094" s="6">
        <v>2</v>
      </c>
      <c r="CB1094" s="6">
        <v>3</v>
      </c>
      <c r="CC1094" s="11">
        <v>2.5</v>
      </c>
      <c r="CD1094" s="11">
        <v>-11.072699999999999</v>
      </c>
      <c r="CE1094" s="11">
        <v>2.3951500000000001</v>
      </c>
      <c r="CF1094" s="11">
        <v>1.2228399999999999</v>
      </c>
      <c r="CG1094" s="11">
        <v>3</v>
      </c>
      <c r="CH1094" s="20">
        <v>8.4107500000000002E-2</v>
      </c>
      <c r="CI1094" s="20">
        <v>8.4384799999999996E-2</v>
      </c>
      <c r="CJ1094" s="20">
        <v>0.15082300000000001</v>
      </c>
      <c r="CK1094" s="20">
        <v>2.29077E-2</v>
      </c>
      <c r="CL1094" s="20">
        <v>3.8670999999999997E-2</v>
      </c>
      <c r="CM1094" s="20">
        <v>3.4217200000000003E-2</v>
      </c>
      <c r="CN1094" s="20">
        <v>3.5423700000000002E-2</v>
      </c>
      <c r="CO1094" s="20">
        <v>2.8196100000000002E-2</v>
      </c>
      <c r="CP1094" s="20">
        <v>2.9293799999999998E-2</v>
      </c>
      <c r="CQ1094" s="20">
        <v>1.8810500000000001E-2</v>
      </c>
      <c r="CR1094" s="20">
        <v>4.3007999999999998E-2</v>
      </c>
      <c r="CS1094" s="20">
        <v>4.7552200000000003E-2</v>
      </c>
      <c r="CT1094" s="20">
        <v>5.5925200000000001E-2</v>
      </c>
      <c r="CU1094" s="20">
        <v>1.8580300000000001E-2</v>
      </c>
      <c r="CV1094" s="20">
        <v>1.88877E-2</v>
      </c>
      <c r="CW1094" s="20">
        <v>2.6024200000000001E-2</v>
      </c>
      <c r="CX1094" s="20">
        <v>2.5264999999999999E-2</v>
      </c>
      <c r="CY1094" s="6" t="s">
        <v>565</v>
      </c>
      <c r="CZ1094" s="6" t="s">
        <v>566</v>
      </c>
      <c r="DA1094" s="6" t="s">
        <v>128</v>
      </c>
      <c r="DB1094" s="6"/>
      <c r="DC1094" s="6">
        <v>28140</v>
      </c>
      <c r="DD1094" s="6">
        <v>312</v>
      </c>
      <c r="DE1094" s="6" t="s">
        <v>402</v>
      </c>
      <c r="DF1094" s="6" t="s">
        <v>375</v>
      </c>
      <c r="DG1094" s="6" t="s">
        <v>376</v>
      </c>
      <c r="DH1094" s="6" t="s">
        <v>328</v>
      </c>
      <c r="DI1094" s="6" t="s">
        <v>377</v>
      </c>
      <c r="DJ1094" s="6">
        <v>29</v>
      </c>
      <c r="DK1094" s="6">
        <v>107</v>
      </c>
      <c r="DL1094" s="6">
        <v>1</v>
      </c>
      <c r="DM1094" s="6" t="s">
        <v>404</v>
      </c>
      <c r="DN1094" s="6">
        <v>1</v>
      </c>
      <c r="DO1094" s="6" t="s">
        <v>405</v>
      </c>
      <c r="DP1094" s="6"/>
      <c r="DQ1094" s="6"/>
    </row>
    <row r="1095" spans="1:121" x14ac:dyDescent="0.2">
      <c r="A1095" s="6" t="s">
        <v>319</v>
      </c>
      <c r="B1095" s="6" t="s">
        <v>319</v>
      </c>
      <c r="C1095" s="6" t="s">
        <v>188</v>
      </c>
      <c r="D1095" s="6" t="s">
        <v>128</v>
      </c>
      <c r="E1095" s="6" t="s">
        <v>269</v>
      </c>
      <c r="F1095" s="11">
        <v>37</v>
      </c>
      <c r="G1095" s="13">
        <v>0.121710526316</v>
      </c>
      <c r="H1095" s="11">
        <v>-59.721587256999982</v>
      </c>
      <c r="I1095" s="13">
        <v>-0.1961556433938719</v>
      </c>
      <c r="J1095" s="11">
        <v>-36.928339351000005</v>
      </c>
      <c r="K1095" s="13">
        <v>-0.15088889445095532</v>
      </c>
      <c r="L1095" s="11">
        <v>132.96908814300002</v>
      </c>
      <c r="M1095" s="13">
        <v>0.63985809382032821</v>
      </c>
      <c r="N1095" s="11">
        <v>96.040748792000016</v>
      </c>
      <c r="O1095" s="13">
        <v>0.39242171898732786</v>
      </c>
      <c r="P1095" s="7">
        <v>304.46020427299999</v>
      </c>
      <c r="Q1095" s="7">
        <v>324.25056936700003</v>
      </c>
      <c r="R1095" s="7">
        <v>286.68785961399999</v>
      </c>
      <c r="S1095" s="7">
        <v>282.823343728</v>
      </c>
      <c r="T1095" s="7">
        <v>270.14252208400001</v>
      </c>
      <c r="U1095" s="7">
        <v>243.04436584699999</v>
      </c>
      <c r="V1095" s="7">
        <v>244.73861701600001</v>
      </c>
      <c r="W1095" s="7">
        <v>192.92839261699999</v>
      </c>
      <c r="X1095" s="7">
        <v>186.707392255</v>
      </c>
      <c r="Y1095" s="7">
        <v>207.810277665</v>
      </c>
      <c r="Z1095" s="7">
        <v>208.084204051</v>
      </c>
      <c r="AA1095" s="7">
        <v>196.65412811100001</v>
      </c>
      <c r="AB1095" s="7">
        <v>223.515505292</v>
      </c>
      <c r="AC1095" s="7">
        <v>276.74585683599997</v>
      </c>
      <c r="AD1095" s="7">
        <v>302.87354237099998</v>
      </c>
      <c r="AE1095" s="7">
        <v>315.77903391400002</v>
      </c>
      <c r="AF1095" s="7">
        <v>340.77936580800002</v>
      </c>
      <c r="AG1095" s="9">
        <v>9955.868435999997</v>
      </c>
      <c r="AH1095" s="13">
        <v>0.56588413631848733</v>
      </c>
      <c r="AI1095" s="9">
        <v>-3971.8568547000013</v>
      </c>
      <c r="AJ1095" s="13">
        <v>-0.22575738121200045</v>
      </c>
      <c r="AK1095" s="9">
        <v>10575.139403299998</v>
      </c>
      <c r="AL1095" s="13">
        <v>0.77634971471545888</v>
      </c>
      <c r="AM1095" s="9">
        <v>3352.5858874000005</v>
      </c>
      <c r="AN1095" s="13">
        <v>0.13855517100292539</v>
      </c>
      <c r="AO1095" s="9">
        <v>13927.725290699998</v>
      </c>
      <c r="AP1095" s="13">
        <v>1.022472153198857</v>
      </c>
      <c r="AQ1095" s="9">
        <v>17593.475054400002</v>
      </c>
      <c r="AR1095" s="9">
        <v>17421.343099400001</v>
      </c>
      <c r="AS1095" s="9">
        <v>18287.284569300002</v>
      </c>
      <c r="AT1095" s="9">
        <v>17389.101400700001</v>
      </c>
      <c r="AU1095" s="9">
        <v>17323.976371000001</v>
      </c>
      <c r="AV1095" s="9">
        <v>12812.8396902</v>
      </c>
      <c r="AW1095" s="9">
        <v>13621.6181997</v>
      </c>
      <c r="AX1095" s="9">
        <v>16184.961350199999</v>
      </c>
      <c r="AY1095" s="9">
        <v>18151.550175</v>
      </c>
      <c r="AZ1095" s="9">
        <v>24196.757602999998</v>
      </c>
      <c r="BA1095" s="9">
        <v>19304.408834999998</v>
      </c>
      <c r="BB1095" s="9">
        <v>21211.178451100001</v>
      </c>
      <c r="BC1095" s="9">
        <v>21083.176735000001</v>
      </c>
      <c r="BD1095" s="9">
        <v>26380.805162699999</v>
      </c>
      <c r="BE1095" s="9">
        <v>26764.143952099999</v>
      </c>
      <c r="BF1095" s="9">
        <v>27549.343490399999</v>
      </c>
      <c r="BG1095" s="11">
        <v>6.5</v>
      </c>
      <c r="BH1095" s="13">
        <v>0.29545454545454547</v>
      </c>
      <c r="BI1095" s="6">
        <v>-2</v>
      </c>
      <c r="BJ1095" s="13">
        <v>-9.0909090909090912E-2</v>
      </c>
      <c r="BK1095" s="6">
        <v>1</v>
      </c>
      <c r="BL1095" s="13">
        <v>0.05</v>
      </c>
      <c r="BM1095" s="11">
        <v>7.5</v>
      </c>
      <c r="BN1095" s="13">
        <v>0.35714285714285715</v>
      </c>
      <c r="BO1095" s="11">
        <v>8.5</v>
      </c>
      <c r="BP1095" s="13">
        <v>0.42499999999999999</v>
      </c>
      <c r="BQ1095" s="6">
        <v>22</v>
      </c>
      <c r="BR1095" s="6">
        <v>23</v>
      </c>
      <c r="BS1095" s="6">
        <v>22</v>
      </c>
      <c r="BT1095" s="6">
        <v>20</v>
      </c>
      <c r="BU1095" s="6">
        <v>19</v>
      </c>
      <c r="BV1095" s="6">
        <v>21</v>
      </c>
      <c r="BW1095" s="6">
        <v>21</v>
      </c>
      <c r="BX1095" s="6">
        <v>24</v>
      </c>
      <c r="BY1095" s="6">
        <v>24</v>
      </c>
      <c r="BZ1095" s="6">
        <v>25</v>
      </c>
      <c r="CA1095" s="6">
        <v>27</v>
      </c>
      <c r="CB1095" s="6">
        <v>29</v>
      </c>
      <c r="CC1095" s="11">
        <v>28.5</v>
      </c>
      <c r="CD1095" s="11">
        <v>-24.3551</v>
      </c>
      <c r="CE1095" s="11">
        <v>27.3931</v>
      </c>
      <c r="CF1095" s="11">
        <v>33.281199999999998</v>
      </c>
      <c r="CG1095" s="11">
        <v>60</v>
      </c>
      <c r="CH1095" s="20">
        <v>0.466665</v>
      </c>
      <c r="CI1095" s="20">
        <v>0.50197000000000003</v>
      </c>
      <c r="CJ1095" s="20">
        <v>0.44559199999999999</v>
      </c>
      <c r="CK1095" s="20">
        <v>0.42905199999999999</v>
      </c>
      <c r="CL1095" s="20">
        <v>0.40481699999999998</v>
      </c>
      <c r="CM1095" s="20">
        <v>0.35624</v>
      </c>
      <c r="CN1095" s="20">
        <v>0.36738900000000002</v>
      </c>
      <c r="CO1095" s="20">
        <v>0.30483399999999999</v>
      </c>
      <c r="CP1095" s="20">
        <v>0.31851000000000002</v>
      </c>
      <c r="CQ1095" s="20">
        <v>0.34224399999999999</v>
      </c>
      <c r="CR1095" s="20">
        <v>0.33868300000000001</v>
      </c>
      <c r="CS1095" s="20">
        <v>0.30288500000000002</v>
      </c>
      <c r="CT1095" s="20">
        <v>0.36770700000000001</v>
      </c>
      <c r="CU1095" s="20">
        <v>0.442494</v>
      </c>
      <c r="CV1095" s="20">
        <v>0.474549</v>
      </c>
      <c r="CW1095" s="20">
        <v>0.487402</v>
      </c>
      <c r="CX1095" s="20">
        <v>0.51901299999999995</v>
      </c>
      <c r="CY1095" s="6" t="s">
        <v>565</v>
      </c>
      <c r="CZ1095" s="6" t="s">
        <v>566</v>
      </c>
      <c r="DA1095" s="6" t="s">
        <v>128</v>
      </c>
      <c r="DB1095" s="6"/>
      <c r="DC1095" s="6">
        <v>28140</v>
      </c>
      <c r="DD1095" s="6">
        <v>312</v>
      </c>
      <c r="DE1095" s="6" t="s">
        <v>402</v>
      </c>
      <c r="DF1095" s="6" t="s">
        <v>375</v>
      </c>
      <c r="DG1095" s="6" t="s">
        <v>376</v>
      </c>
      <c r="DH1095" s="6" t="s">
        <v>328</v>
      </c>
      <c r="DI1095" s="6" t="s">
        <v>377</v>
      </c>
      <c r="DJ1095" s="6">
        <v>29</v>
      </c>
      <c r="DK1095" s="6">
        <v>107</v>
      </c>
      <c r="DL1095" s="6">
        <v>1</v>
      </c>
      <c r="DM1095" s="6" t="s">
        <v>404</v>
      </c>
      <c r="DN1095" s="6">
        <v>1</v>
      </c>
      <c r="DO1095" s="6" t="s">
        <v>405</v>
      </c>
      <c r="DP1095" s="6"/>
      <c r="DQ1095" s="6"/>
    </row>
    <row r="1096" spans="1:121" x14ac:dyDescent="0.2">
      <c r="A1096" s="6" t="s">
        <v>320</v>
      </c>
      <c r="B1096" s="6" t="s">
        <v>320</v>
      </c>
      <c r="C1096" s="6" t="s">
        <v>189</v>
      </c>
      <c r="D1096" s="6" t="s">
        <v>128</v>
      </c>
      <c r="E1096" s="6" t="s">
        <v>269</v>
      </c>
      <c r="F1096" s="11">
        <v>37</v>
      </c>
      <c r="G1096" s="13">
        <v>0.18407960199000001</v>
      </c>
      <c r="H1096" s="11">
        <v>8.7218500430000176</v>
      </c>
      <c r="I1096" s="13">
        <v>4.3456954550978227E-2</v>
      </c>
      <c r="J1096" s="11">
        <v>28.746174276999994</v>
      </c>
      <c r="K1096" s="13">
        <v>0.13726385403063185</v>
      </c>
      <c r="L1096" s="11">
        <v>-0.24371448900001269</v>
      </c>
      <c r="M1096" s="13">
        <v>-1.0232841504603349E-3</v>
      </c>
      <c r="N1096" s="11">
        <v>28.502459787999982</v>
      </c>
      <c r="O1096" s="13">
        <v>0.13610010995391086</v>
      </c>
      <c r="P1096" s="7">
        <v>200.70090352899999</v>
      </c>
      <c r="Q1096" s="7">
        <v>258.101838423</v>
      </c>
      <c r="R1096" s="7">
        <v>216.08686400799999</v>
      </c>
      <c r="S1096" s="7">
        <v>242.915999462</v>
      </c>
      <c r="T1096" s="7">
        <v>233.87602981000001</v>
      </c>
      <c r="U1096" s="7">
        <v>233.93587622300001</v>
      </c>
      <c r="V1096" s="7">
        <v>209.422753572</v>
      </c>
      <c r="W1096" s="7">
        <v>261.79494405700001</v>
      </c>
      <c r="X1096" s="7">
        <v>238.55442568300001</v>
      </c>
      <c r="Y1096" s="7">
        <v>238.168927849</v>
      </c>
      <c r="Z1096" s="7">
        <v>240.815800201</v>
      </c>
      <c r="AA1096" s="7">
        <v>267.98065255799997</v>
      </c>
      <c r="AB1096" s="7">
        <v>268.69224763900002</v>
      </c>
      <c r="AC1096" s="7">
        <v>259.08547097600001</v>
      </c>
      <c r="AD1096" s="7">
        <v>242.250937131</v>
      </c>
      <c r="AE1096" s="7">
        <v>239.24892245500001</v>
      </c>
      <c r="AF1096" s="7">
        <v>237.92521335999999</v>
      </c>
      <c r="AG1096" s="9">
        <v>10453.2649322</v>
      </c>
      <c r="AH1096" s="13">
        <v>0.55735863938513031</v>
      </c>
      <c r="AI1096" s="9">
        <v>7010.3315344000002</v>
      </c>
      <c r="AJ1096" s="13">
        <v>0.37378454205403278</v>
      </c>
      <c r="AK1096" s="9">
        <v>755.21376779999991</v>
      </c>
      <c r="AL1096" s="13">
        <v>2.9311230667143796E-2</v>
      </c>
      <c r="AM1096" s="9">
        <v>2687.7196299999996</v>
      </c>
      <c r="AN1096" s="13">
        <v>0.1013447851692213</v>
      </c>
      <c r="AO1096" s="9">
        <v>3442.9333977999995</v>
      </c>
      <c r="AP1096" s="13">
        <v>0.13362655621137229</v>
      </c>
      <c r="AQ1096" s="9">
        <v>18755.0065497</v>
      </c>
      <c r="AR1096" s="9">
        <v>16168.333461300001</v>
      </c>
      <c r="AS1096" s="9">
        <v>19202.330857699999</v>
      </c>
      <c r="AT1096" s="9">
        <v>18902.948981599999</v>
      </c>
      <c r="AU1096" s="9">
        <v>20911.6412303</v>
      </c>
      <c r="AV1096" s="9">
        <v>20848.3572355</v>
      </c>
      <c r="AW1096" s="9">
        <v>25765.3380841</v>
      </c>
      <c r="AX1096" s="9">
        <v>25541.643352999999</v>
      </c>
      <c r="AY1096" s="9">
        <v>26560.437978599999</v>
      </c>
      <c r="AZ1096" s="9">
        <v>26520.5518519</v>
      </c>
      <c r="BA1096" s="9">
        <v>24876.589912899999</v>
      </c>
      <c r="BB1096" s="9">
        <v>24855.341968500001</v>
      </c>
      <c r="BC1096" s="9">
        <v>27786.249183299999</v>
      </c>
      <c r="BD1096" s="9">
        <v>28052.855650199999</v>
      </c>
      <c r="BE1096" s="9">
        <v>27109.89055</v>
      </c>
      <c r="BF1096" s="9">
        <v>29208.271481899999</v>
      </c>
      <c r="BG1096" s="11">
        <v>0</v>
      </c>
      <c r="BH1096" s="13">
        <v>0</v>
      </c>
      <c r="BI1096" s="6">
        <v>-1</v>
      </c>
      <c r="BJ1096" s="13">
        <v>-0.33333333333333331</v>
      </c>
      <c r="BK1096" s="6">
        <v>1</v>
      </c>
      <c r="BL1096" s="13">
        <v>0.5</v>
      </c>
      <c r="BM1096" s="11">
        <v>0</v>
      </c>
      <c r="BN1096" s="13">
        <v>0</v>
      </c>
      <c r="BO1096" s="11">
        <v>1</v>
      </c>
      <c r="BP1096" s="13">
        <v>0.5</v>
      </c>
      <c r="BQ1096" s="6">
        <v>3</v>
      </c>
      <c r="BR1096" s="6">
        <v>2</v>
      </c>
      <c r="BS1096" s="6">
        <v>2</v>
      </c>
      <c r="BT1096" s="6">
        <v>2</v>
      </c>
      <c r="BU1096" s="6">
        <v>2</v>
      </c>
      <c r="BV1096" s="6">
        <v>3</v>
      </c>
      <c r="BW1096" s="6">
        <v>3</v>
      </c>
      <c r="BX1096" s="6">
        <v>2</v>
      </c>
      <c r="BY1096" s="6">
        <v>3</v>
      </c>
      <c r="BZ1096" s="6">
        <v>3</v>
      </c>
      <c r="CA1096" s="6">
        <v>3</v>
      </c>
      <c r="CB1096" s="6">
        <v>3</v>
      </c>
      <c r="CC1096" s="11">
        <v>3</v>
      </c>
      <c r="CD1096" s="11">
        <v>-57.389499999999998</v>
      </c>
      <c r="CE1096" s="11">
        <v>72.674800000000005</v>
      </c>
      <c r="CF1096" s="11">
        <v>21.939</v>
      </c>
      <c r="CG1096" s="11">
        <v>95</v>
      </c>
      <c r="CH1096" s="20">
        <v>0.92206500000000002</v>
      </c>
      <c r="CI1096" s="20">
        <v>1.14449</v>
      </c>
      <c r="CJ1096" s="20">
        <v>0.93424399999999996</v>
      </c>
      <c r="CK1096" s="20">
        <v>1.0211600000000001</v>
      </c>
      <c r="CL1096" s="20">
        <v>0.99291399999999996</v>
      </c>
      <c r="CM1096" s="20">
        <v>0.97620200000000001</v>
      </c>
      <c r="CN1096" s="20">
        <v>0.88105800000000001</v>
      </c>
      <c r="CO1096" s="20">
        <v>1.07745</v>
      </c>
      <c r="CP1096" s="20">
        <v>0.93845299999999998</v>
      </c>
      <c r="CQ1096" s="20">
        <v>0.91130299999999997</v>
      </c>
      <c r="CR1096" s="20">
        <v>0.91731099999999999</v>
      </c>
      <c r="CS1096" s="20">
        <v>0.97527200000000003</v>
      </c>
      <c r="CT1096" s="20">
        <v>1.0581199999999999</v>
      </c>
      <c r="CU1096" s="20">
        <v>1.00353</v>
      </c>
      <c r="CV1096" s="20">
        <v>0.92942599999999997</v>
      </c>
      <c r="CW1096" s="20">
        <v>0.90541700000000003</v>
      </c>
      <c r="CX1096" s="20">
        <v>0.88525699999999996</v>
      </c>
      <c r="CY1096" s="6" t="s">
        <v>565</v>
      </c>
      <c r="CZ1096" s="6" t="s">
        <v>566</v>
      </c>
      <c r="DA1096" s="6" t="s">
        <v>128</v>
      </c>
      <c r="DB1096" s="6"/>
      <c r="DC1096" s="6">
        <v>28140</v>
      </c>
      <c r="DD1096" s="6">
        <v>312</v>
      </c>
      <c r="DE1096" s="6" t="s">
        <v>402</v>
      </c>
      <c r="DF1096" s="6" t="s">
        <v>375</v>
      </c>
      <c r="DG1096" s="6" t="s">
        <v>376</v>
      </c>
      <c r="DH1096" s="6" t="s">
        <v>328</v>
      </c>
      <c r="DI1096" s="6" t="s">
        <v>377</v>
      </c>
      <c r="DJ1096" s="6">
        <v>29</v>
      </c>
      <c r="DK1096" s="6">
        <v>107</v>
      </c>
      <c r="DL1096" s="6">
        <v>1</v>
      </c>
      <c r="DM1096" s="6" t="s">
        <v>404</v>
      </c>
      <c r="DN1096" s="6">
        <v>1</v>
      </c>
      <c r="DO1096" s="6" t="s">
        <v>405</v>
      </c>
      <c r="DP1096" s="6"/>
      <c r="DQ1096" s="6"/>
    </row>
    <row r="1097" spans="1:121" x14ac:dyDescent="0.2">
      <c r="A1097" s="6" t="s">
        <v>321</v>
      </c>
      <c r="B1097" s="6" t="s">
        <v>321</v>
      </c>
      <c r="C1097" s="6" t="s">
        <v>190</v>
      </c>
      <c r="D1097" s="6" t="s">
        <v>128</v>
      </c>
      <c r="E1097" s="6" t="s">
        <v>269</v>
      </c>
      <c r="F1097" s="11">
        <v>284</v>
      </c>
      <c r="G1097" s="13">
        <v>0.310382513661</v>
      </c>
      <c r="H1097" s="11">
        <v>25.594163004000052</v>
      </c>
      <c r="I1097" s="13">
        <v>2.7967062596951288E-2</v>
      </c>
      <c r="J1097" s="11">
        <v>90.752368909999973</v>
      </c>
      <c r="K1097" s="13">
        <v>9.6468315181919825E-2</v>
      </c>
      <c r="L1097" s="11">
        <v>167.34783908000009</v>
      </c>
      <c r="M1097" s="13">
        <v>0.16223731337772018</v>
      </c>
      <c r="N1097" s="11">
        <v>258.10020799000006</v>
      </c>
      <c r="O1097" s="13">
        <v>0.2743563888408298</v>
      </c>
      <c r="P1097" s="7">
        <v>915.15377831599994</v>
      </c>
      <c r="Q1097" s="7">
        <v>917.90342801500003</v>
      </c>
      <c r="R1097" s="7">
        <v>960.75129763200005</v>
      </c>
      <c r="S1097" s="7">
        <v>989.95827416600002</v>
      </c>
      <c r="T1097" s="7">
        <v>979.76033503300005</v>
      </c>
      <c r="U1097" s="7">
        <v>957.14735800400001</v>
      </c>
      <c r="V1097" s="7">
        <v>940.74794132</v>
      </c>
      <c r="W1097" s="7">
        <v>926.76950580300002</v>
      </c>
      <c r="X1097" s="7">
        <v>1006.73599682</v>
      </c>
      <c r="Y1097" s="7">
        <v>1031.50031023</v>
      </c>
      <c r="Z1097" s="7">
        <v>991.69591886900002</v>
      </c>
      <c r="AA1097" s="7">
        <v>1168.0051920200001</v>
      </c>
      <c r="AB1097" s="7">
        <v>1151.6744659200001</v>
      </c>
      <c r="AC1097" s="7">
        <v>1172.3470691499999</v>
      </c>
      <c r="AD1097" s="7">
        <v>1198.5727020300001</v>
      </c>
      <c r="AE1097" s="7">
        <v>1169.0920344599999</v>
      </c>
      <c r="AF1097" s="7">
        <v>1198.8481493100001</v>
      </c>
      <c r="AG1097" s="9">
        <v>13196.500134800001</v>
      </c>
      <c r="AH1097" s="13">
        <v>0.5454170798202761</v>
      </c>
      <c r="AI1097" s="9">
        <v>7209.2804619000017</v>
      </c>
      <c r="AJ1097" s="13">
        <v>0.29796269139313447</v>
      </c>
      <c r="AK1097" s="9">
        <v>7528.1090953000021</v>
      </c>
      <c r="AL1097" s="13">
        <v>0.23971414532475877</v>
      </c>
      <c r="AM1097" s="9">
        <v>-1540.8894224000032</v>
      </c>
      <c r="AN1097" s="13">
        <v>-3.9578349139721761E-2</v>
      </c>
      <c r="AO1097" s="9">
        <v>5987.2196728999988</v>
      </c>
      <c r="AP1097" s="13">
        <v>0.19064830604764371</v>
      </c>
      <c r="AQ1097" s="9">
        <v>24195.245479199999</v>
      </c>
      <c r="AR1097" s="9">
        <v>25084.1472182</v>
      </c>
      <c r="AS1097" s="9">
        <v>26572.253570199999</v>
      </c>
      <c r="AT1097" s="9">
        <v>27963.427549399999</v>
      </c>
      <c r="AU1097" s="9">
        <v>29397.634651100001</v>
      </c>
      <c r="AV1097" s="9">
        <v>30765.882355099999</v>
      </c>
      <c r="AW1097" s="9">
        <v>31404.525941100001</v>
      </c>
      <c r="AX1097" s="9">
        <v>34517.2291138</v>
      </c>
      <c r="AY1097" s="9">
        <v>38240.127630299998</v>
      </c>
      <c r="AZ1097" s="9">
        <v>38932.635036400003</v>
      </c>
      <c r="BA1097" s="9">
        <v>40437.513200300004</v>
      </c>
      <c r="BB1097" s="9">
        <v>37573.009258600003</v>
      </c>
      <c r="BC1097" s="9">
        <v>37471.013228399999</v>
      </c>
      <c r="BD1097" s="9">
        <v>36804.467200699997</v>
      </c>
      <c r="BE1097" s="9">
        <v>36856.475485800001</v>
      </c>
      <c r="BF1097" s="9">
        <v>37391.745613999999</v>
      </c>
      <c r="BG1097" s="11">
        <v>83.25</v>
      </c>
      <c r="BH1097" s="13">
        <v>1.3875</v>
      </c>
      <c r="BI1097" s="6">
        <v>4</v>
      </c>
      <c r="BJ1097" s="13">
        <v>6.6666666666666666E-2</v>
      </c>
      <c r="BK1097" s="6">
        <v>7</v>
      </c>
      <c r="BL1097" s="13">
        <v>0.109375</v>
      </c>
      <c r="BM1097" s="11">
        <v>72.25</v>
      </c>
      <c r="BN1097" s="13">
        <v>1.017605633802817</v>
      </c>
      <c r="BO1097" s="11">
        <v>79.25</v>
      </c>
      <c r="BP1097" s="13">
        <v>1.23828125</v>
      </c>
      <c r="BQ1097" s="6">
        <v>60</v>
      </c>
      <c r="BR1097" s="6">
        <v>58</v>
      </c>
      <c r="BS1097" s="6">
        <v>63</v>
      </c>
      <c r="BT1097" s="6">
        <v>64</v>
      </c>
      <c r="BU1097" s="6">
        <v>61</v>
      </c>
      <c r="BV1097" s="6">
        <v>68</v>
      </c>
      <c r="BW1097" s="6">
        <v>71</v>
      </c>
      <c r="BX1097" s="6">
        <v>72</v>
      </c>
      <c r="BY1097" s="6">
        <v>76</v>
      </c>
      <c r="BZ1097" s="6">
        <v>139</v>
      </c>
      <c r="CA1097" s="6">
        <v>145</v>
      </c>
      <c r="CB1097" s="6">
        <v>144</v>
      </c>
      <c r="CC1097" s="11">
        <v>143.25</v>
      </c>
      <c r="CD1097" s="11">
        <v>-149.61099999999999</v>
      </c>
      <c r="CE1097" s="11">
        <v>333.26799999999997</v>
      </c>
      <c r="CF1097" s="11">
        <v>100.03700000000001</v>
      </c>
      <c r="CG1097" s="11">
        <v>433</v>
      </c>
      <c r="CH1097" s="20">
        <v>0.85131900000000005</v>
      </c>
      <c r="CI1097" s="20">
        <v>0.83013599999999999</v>
      </c>
      <c r="CJ1097" s="20">
        <v>0.84570999999999996</v>
      </c>
      <c r="CK1097" s="20">
        <v>0.86104899999999995</v>
      </c>
      <c r="CL1097" s="20">
        <v>0.85132300000000005</v>
      </c>
      <c r="CM1097" s="20">
        <v>0.81487699999999996</v>
      </c>
      <c r="CN1097" s="20">
        <v>0.80568300000000004</v>
      </c>
      <c r="CO1097" s="20">
        <v>0.77907400000000004</v>
      </c>
      <c r="CP1097" s="20">
        <v>0.81514500000000001</v>
      </c>
      <c r="CQ1097" s="20">
        <v>0.81745800000000002</v>
      </c>
      <c r="CR1097" s="20">
        <v>0.79636300000000004</v>
      </c>
      <c r="CS1097" s="20">
        <v>0.88137100000000002</v>
      </c>
      <c r="CT1097" s="20">
        <v>0.93542599999999998</v>
      </c>
      <c r="CU1097" s="20">
        <v>0.93849400000000005</v>
      </c>
      <c r="CV1097" s="20">
        <v>0.94091800000000003</v>
      </c>
      <c r="CW1097" s="20">
        <v>0.89984299999999995</v>
      </c>
      <c r="CX1097" s="20">
        <v>0.90192600000000001</v>
      </c>
      <c r="CY1097" s="6" t="s">
        <v>565</v>
      </c>
      <c r="CZ1097" s="6" t="s">
        <v>566</v>
      </c>
      <c r="DA1097" s="6" t="s">
        <v>128</v>
      </c>
      <c r="DB1097" s="6"/>
      <c r="DC1097" s="6">
        <v>28140</v>
      </c>
      <c r="DD1097" s="6">
        <v>312</v>
      </c>
      <c r="DE1097" s="6" t="s">
        <v>402</v>
      </c>
      <c r="DF1097" s="6" t="s">
        <v>375</v>
      </c>
      <c r="DG1097" s="6" t="s">
        <v>376</v>
      </c>
      <c r="DH1097" s="6" t="s">
        <v>328</v>
      </c>
      <c r="DI1097" s="6" t="s">
        <v>377</v>
      </c>
      <c r="DJ1097" s="6">
        <v>29</v>
      </c>
      <c r="DK1097" s="6">
        <v>107</v>
      </c>
      <c r="DL1097" s="6">
        <v>1</v>
      </c>
      <c r="DM1097" s="6" t="s">
        <v>404</v>
      </c>
      <c r="DN1097" s="6">
        <v>1</v>
      </c>
      <c r="DO1097" s="6" t="s">
        <v>405</v>
      </c>
      <c r="DP1097" s="6"/>
      <c r="DQ1097" s="6"/>
    </row>
    <row r="1098" spans="1:121" x14ac:dyDescent="0.2">
      <c r="A1098" s="6" t="s">
        <v>322</v>
      </c>
      <c r="B1098" s="6" t="s">
        <v>322</v>
      </c>
      <c r="C1098" s="6" t="s">
        <v>191</v>
      </c>
      <c r="D1098" s="6" t="s">
        <v>128</v>
      </c>
      <c r="E1098" s="6" t="s">
        <v>269</v>
      </c>
      <c r="F1098" s="11">
        <v>-50</v>
      </c>
      <c r="G1098" s="13">
        <v>-0.54</v>
      </c>
      <c r="H1098" s="11">
        <v>-34</v>
      </c>
      <c r="I1098" s="13">
        <v>-0.36559139784946237</v>
      </c>
      <c r="J1098" s="11">
        <v>-16</v>
      </c>
      <c r="K1098" s="13">
        <v>-0.2711864406779661</v>
      </c>
      <c r="L1098" s="11">
        <v>0</v>
      </c>
      <c r="M1098" s="13">
        <v>0</v>
      </c>
      <c r="N1098" s="11">
        <v>-16</v>
      </c>
      <c r="O1098" s="13">
        <v>-0.2711864406779661</v>
      </c>
      <c r="P1098" s="7">
        <v>93</v>
      </c>
      <c r="Q1098" s="7">
        <v>104</v>
      </c>
      <c r="R1098" s="7">
        <v>100</v>
      </c>
      <c r="S1098" s="7">
        <v>54</v>
      </c>
      <c r="T1098" s="7">
        <v>52</v>
      </c>
      <c r="U1098" s="7">
        <v>53</v>
      </c>
      <c r="V1098" s="7">
        <v>59</v>
      </c>
      <c r="W1098" s="7">
        <v>51</v>
      </c>
      <c r="X1098" s="7">
        <v>48</v>
      </c>
      <c r="Y1098" s="7">
        <v>43</v>
      </c>
      <c r="Z1098" s="7">
        <v>47</v>
      </c>
      <c r="AA1098" s="7">
        <v>47</v>
      </c>
      <c r="AB1098" s="7">
        <v>43</v>
      </c>
      <c r="AC1098" s="7">
        <v>39</v>
      </c>
      <c r="AD1098" s="7">
        <v>42</v>
      </c>
      <c r="AE1098" s="7">
        <v>42</v>
      </c>
      <c r="AF1098" s="7">
        <v>43</v>
      </c>
      <c r="AG1098" s="9">
        <v>3351</v>
      </c>
      <c r="AH1098" s="13">
        <v>0.30494130494130495</v>
      </c>
      <c r="AI1098" s="9">
        <v>3683</v>
      </c>
      <c r="AJ1098" s="13">
        <v>0.33515333515333517</v>
      </c>
      <c r="AK1098" s="9">
        <v>3316</v>
      </c>
      <c r="AL1098" s="13">
        <v>0.22600872410032716</v>
      </c>
      <c r="AM1098" s="9">
        <v>-3648</v>
      </c>
      <c r="AN1098" s="13">
        <v>-0.2028018679119413</v>
      </c>
      <c r="AO1098" s="9">
        <v>-332</v>
      </c>
      <c r="AP1098" s="13">
        <v>-2.2628135223555071E-2</v>
      </c>
      <c r="AQ1098" s="9">
        <v>10989</v>
      </c>
      <c r="AR1098" s="9">
        <v>13821</v>
      </c>
      <c r="AS1098" s="9">
        <v>10304</v>
      </c>
      <c r="AT1098" s="9">
        <v>26663</v>
      </c>
      <c r="AU1098" s="9">
        <v>24212</v>
      </c>
      <c r="AV1098" s="9">
        <v>16897</v>
      </c>
      <c r="AW1098" s="9">
        <v>14672</v>
      </c>
      <c r="AX1098" s="9">
        <v>15894</v>
      </c>
      <c r="AY1098" s="9">
        <v>15525</v>
      </c>
      <c r="AZ1098" s="9">
        <v>17988</v>
      </c>
      <c r="BA1098" s="9">
        <v>13978</v>
      </c>
      <c r="BB1098" s="9">
        <v>14268</v>
      </c>
      <c r="BC1098" s="9">
        <v>15559</v>
      </c>
      <c r="BD1098" s="9">
        <v>16066</v>
      </c>
      <c r="BE1098" s="9">
        <v>13924</v>
      </c>
      <c r="BF1098" s="9">
        <v>14340</v>
      </c>
      <c r="BG1098" s="11">
        <v>-5</v>
      </c>
      <c r="BH1098" s="13">
        <v>-0.38461538461538464</v>
      </c>
      <c r="BI1098" s="6">
        <v>-1</v>
      </c>
      <c r="BJ1098" s="13">
        <v>-7.6923076923076927E-2</v>
      </c>
      <c r="BK1098" s="6">
        <v>-5</v>
      </c>
      <c r="BL1098" s="13">
        <v>-0.41666666666666669</v>
      </c>
      <c r="BM1098" s="11">
        <v>1</v>
      </c>
      <c r="BN1098" s="13">
        <v>0.14285714285714285</v>
      </c>
      <c r="BO1098" s="11">
        <v>-4</v>
      </c>
      <c r="BP1098" s="13">
        <v>-0.33333333333333331</v>
      </c>
      <c r="BQ1098" s="6">
        <v>13</v>
      </c>
      <c r="BR1098" s="6">
        <v>13</v>
      </c>
      <c r="BS1098" s="6">
        <v>13</v>
      </c>
      <c r="BT1098" s="6">
        <v>12</v>
      </c>
      <c r="BU1098" s="6">
        <v>10</v>
      </c>
      <c r="BV1098" s="6">
        <v>9</v>
      </c>
      <c r="BW1098" s="6">
        <v>7</v>
      </c>
      <c r="BX1098" s="6">
        <v>7</v>
      </c>
      <c r="BY1098" s="6">
        <v>6</v>
      </c>
      <c r="BZ1098" s="6">
        <v>6</v>
      </c>
      <c r="CA1098" s="6">
        <v>6</v>
      </c>
      <c r="CB1098" s="6">
        <v>7</v>
      </c>
      <c r="CC1098" s="11">
        <v>8</v>
      </c>
      <c r="CD1098" s="11">
        <v>-77</v>
      </c>
      <c r="CE1098" s="11">
        <v>17</v>
      </c>
      <c r="CF1098" s="11">
        <v>10</v>
      </c>
      <c r="CG1098" s="11">
        <v>27</v>
      </c>
      <c r="CH1098" s="20">
        <v>0.56999999999999995</v>
      </c>
      <c r="CI1098" s="20">
        <v>0.63</v>
      </c>
      <c r="CJ1098" s="20">
        <v>0.59</v>
      </c>
      <c r="CK1098" s="20">
        <v>0.31</v>
      </c>
      <c r="CL1098" s="20">
        <v>0.31</v>
      </c>
      <c r="CM1098" s="20">
        <v>0.31</v>
      </c>
      <c r="CN1098" s="20">
        <v>0.35</v>
      </c>
      <c r="CO1098" s="20">
        <v>0.3</v>
      </c>
      <c r="CP1098" s="20">
        <v>0.28000000000000003</v>
      </c>
      <c r="CQ1098" s="20">
        <v>0.25</v>
      </c>
      <c r="CR1098" s="20">
        <v>0.28000000000000003</v>
      </c>
      <c r="CS1098" s="20">
        <v>0.27</v>
      </c>
      <c r="CT1098" s="20">
        <v>0.26</v>
      </c>
      <c r="CU1098" s="20">
        <v>0.23</v>
      </c>
      <c r="CV1098" s="20">
        <v>0.25</v>
      </c>
      <c r="CW1098" s="20">
        <v>0.24</v>
      </c>
      <c r="CX1098" s="20">
        <v>0.24</v>
      </c>
      <c r="CY1098" s="6" t="s">
        <v>565</v>
      </c>
      <c r="CZ1098" s="6" t="s">
        <v>566</v>
      </c>
      <c r="DA1098" s="6" t="s">
        <v>128</v>
      </c>
      <c r="DB1098" s="6"/>
      <c r="DC1098" s="6">
        <v>28140</v>
      </c>
      <c r="DD1098" s="6">
        <v>312</v>
      </c>
      <c r="DE1098" s="6" t="s">
        <v>402</v>
      </c>
      <c r="DF1098" s="6" t="s">
        <v>375</v>
      </c>
      <c r="DG1098" s="6" t="s">
        <v>376</v>
      </c>
      <c r="DH1098" s="6" t="s">
        <v>328</v>
      </c>
      <c r="DI1098" s="6" t="s">
        <v>377</v>
      </c>
      <c r="DJ1098" s="6">
        <v>29</v>
      </c>
      <c r="DK1098" s="6">
        <v>107</v>
      </c>
      <c r="DL1098" s="6">
        <v>1</v>
      </c>
      <c r="DM1098" s="6" t="s">
        <v>404</v>
      </c>
      <c r="DN1098" s="6">
        <v>1</v>
      </c>
      <c r="DO1098" s="6" t="s">
        <v>405</v>
      </c>
      <c r="DP1098" s="6"/>
      <c r="DQ1098" s="6"/>
    </row>
    <row r="1099" spans="1:121" x14ac:dyDescent="0.2">
      <c r="A1099" s="6" t="s">
        <v>323</v>
      </c>
      <c r="B1099" s="6" t="s">
        <v>323</v>
      </c>
      <c r="C1099" s="6" t="s">
        <v>192</v>
      </c>
      <c r="D1099" s="6" t="s">
        <v>128</v>
      </c>
      <c r="E1099" s="6" t="s">
        <v>269</v>
      </c>
      <c r="F1099" s="11">
        <v>-218</v>
      </c>
      <c r="G1099" s="13">
        <v>-0.22427983539099999</v>
      </c>
      <c r="H1099" s="11">
        <v>-209.56014978099995</v>
      </c>
      <c r="I1099" s="13">
        <v>-0.21554206916877311</v>
      </c>
      <c r="J1099" s="11">
        <v>120.88882039399994</v>
      </c>
      <c r="K1099" s="13">
        <v>0.15850385502702585</v>
      </c>
      <c r="L1099" s="11">
        <v>-129.20066107499997</v>
      </c>
      <c r="M1099" s="13">
        <v>-0.14622476833180895</v>
      </c>
      <c r="N1099" s="11">
        <v>-8.3118406810000351</v>
      </c>
      <c r="O1099" s="13">
        <v>-1.0898102785808592E-2</v>
      </c>
      <c r="P1099" s="7">
        <v>972.24709120199998</v>
      </c>
      <c r="Q1099" s="7">
        <v>838.57778188999998</v>
      </c>
      <c r="R1099" s="7">
        <v>804.86562862400001</v>
      </c>
      <c r="S1099" s="7">
        <v>729.64290602999995</v>
      </c>
      <c r="T1099" s="7">
        <v>718.22555576499997</v>
      </c>
      <c r="U1099" s="7">
        <v>727.320854564</v>
      </c>
      <c r="V1099" s="7">
        <v>762.68694142100003</v>
      </c>
      <c r="W1099" s="7">
        <v>735.06646032100002</v>
      </c>
      <c r="X1099" s="7">
        <v>757.08253644900003</v>
      </c>
      <c r="Y1099" s="7">
        <v>883.57576181499996</v>
      </c>
      <c r="Z1099" s="7">
        <v>1151.6980187500001</v>
      </c>
      <c r="AA1099" s="7">
        <v>1334.93306482</v>
      </c>
      <c r="AB1099" s="7">
        <v>708.96357412700002</v>
      </c>
      <c r="AC1099" s="7">
        <v>715.01167854699997</v>
      </c>
      <c r="AD1099" s="7">
        <v>729.43423649900001</v>
      </c>
      <c r="AE1099" s="7">
        <v>759.22737739199999</v>
      </c>
      <c r="AF1099" s="7">
        <v>754.37510073999999</v>
      </c>
      <c r="AG1099" s="9">
        <v>3353.4681589000011</v>
      </c>
      <c r="AH1099" s="13">
        <v>0.32582469459792279</v>
      </c>
      <c r="AI1099" s="9">
        <v>1144.3814252000011</v>
      </c>
      <c r="AJ1099" s="13">
        <v>0.11118868905307674</v>
      </c>
      <c r="AK1099" s="9">
        <v>-279.88682060000065</v>
      </c>
      <c r="AL1099" s="13">
        <v>-2.4472844263861072E-2</v>
      </c>
      <c r="AM1099" s="9">
        <v>2488.9735543000006</v>
      </c>
      <c r="AN1099" s="13">
        <v>0.22309144506157411</v>
      </c>
      <c r="AO1099" s="9">
        <v>2209.0867337</v>
      </c>
      <c r="AP1099" s="13">
        <v>0.19315891860612144</v>
      </c>
      <c r="AQ1099" s="9">
        <v>10292.246764899999</v>
      </c>
      <c r="AR1099" s="9">
        <v>10142.649044600001</v>
      </c>
      <c r="AS1099" s="9">
        <v>10439.007278700001</v>
      </c>
      <c r="AT1099" s="9">
        <v>11063.9323582</v>
      </c>
      <c r="AU1099" s="9">
        <v>11357.263959600001</v>
      </c>
      <c r="AV1099" s="9">
        <v>11180.4210097</v>
      </c>
      <c r="AW1099" s="9">
        <v>11436.6281901</v>
      </c>
      <c r="AX1099" s="9">
        <v>11531.734078199999</v>
      </c>
      <c r="AY1099" s="9">
        <v>11343.9996393</v>
      </c>
      <c r="AZ1099" s="9">
        <v>11156.7413695</v>
      </c>
      <c r="BA1099" s="9">
        <v>10642.139721</v>
      </c>
      <c r="BB1099" s="9">
        <v>10353.281674600001</v>
      </c>
      <c r="BC1099" s="9">
        <v>12311.665942</v>
      </c>
      <c r="BD1099" s="9">
        <v>12561.8060644</v>
      </c>
      <c r="BE1099" s="9">
        <v>13417.3496968</v>
      </c>
      <c r="BF1099" s="9">
        <v>13645.7149238</v>
      </c>
      <c r="BG1099" s="11">
        <v>-6</v>
      </c>
      <c r="BH1099" s="13">
        <v>-9.5238095238095233E-2</v>
      </c>
      <c r="BI1099" s="6">
        <v>-3</v>
      </c>
      <c r="BJ1099" s="13">
        <v>-4.7619047619047616E-2</v>
      </c>
      <c r="BK1099" s="6">
        <v>-5</v>
      </c>
      <c r="BL1099" s="13">
        <v>-8.3333333333333329E-2</v>
      </c>
      <c r="BM1099" s="11">
        <v>2</v>
      </c>
      <c r="BN1099" s="13">
        <v>3.6363636363636362E-2</v>
      </c>
      <c r="BO1099" s="11">
        <v>-3</v>
      </c>
      <c r="BP1099" s="13">
        <v>-0.05</v>
      </c>
      <c r="BQ1099" s="6">
        <v>63</v>
      </c>
      <c r="BR1099" s="6">
        <v>57</v>
      </c>
      <c r="BS1099" s="6">
        <v>55</v>
      </c>
      <c r="BT1099" s="6">
        <v>60</v>
      </c>
      <c r="BU1099" s="6">
        <v>59</v>
      </c>
      <c r="BV1099" s="6">
        <v>56</v>
      </c>
      <c r="BW1099" s="6">
        <v>55</v>
      </c>
      <c r="BX1099" s="6">
        <v>56</v>
      </c>
      <c r="BY1099" s="6">
        <v>55</v>
      </c>
      <c r="BZ1099" s="6">
        <v>56</v>
      </c>
      <c r="CA1099" s="6">
        <v>61</v>
      </c>
      <c r="CB1099" s="6">
        <v>58</v>
      </c>
      <c r="CC1099" s="11">
        <v>57</v>
      </c>
      <c r="CD1099" s="11">
        <v>-545.245</v>
      </c>
      <c r="CE1099" s="11">
        <v>221.09399999999999</v>
      </c>
      <c r="CF1099" s="11">
        <v>106.27800000000001</v>
      </c>
      <c r="CG1099" s="11">
        <v>327</v>
      </c>
      <c r="CH1099" s="20">
        <v>1.21871</v>
      </c>
      <c r="CI1099" s="20">
        <v>1.0479099999999999</v>
      </c>
      <c r="CJ1099" s="20">
        <v>0.99094199999999999</v>
      </c>
      <c r="CK1099" s="20">
        <v>0.88300299999999998</v>
      </c>
      <c r="CL1099" s="20">
        <v>0.86765999999999999</v>
      </c>
      <c r="CM1099" s="20">
        <v>0.86430700000000005</v>
      </c>
      <c r="CN1099" s="20">
        <v>0.91684100000000002</v>
      </c>
      <c r="CO1099" s="20">
        <v>0.88720299999999996</v>
      </c>
      <c r="CP1099" s="20">
        <v>0.92376999999999998</v>
      </c>
      <c r="CQ1099" s="20">
        <v>1.0690200000000001</v>
      </c>
      <c r="CR1099" s="20">
        <v>1.39649</v>
      </c>
      <c r="CS1099" s="20">
        <v>1.5304599999999999</v>
      </c>
      <c r="CT1099" s="20">
        <v>0.86555499999999996</v>
      </c>
      <c r="CU1099" s="20">
        <v>0.85129699999999997</v>
      </c>
      <c r="CV1099" s="20">
        <v>0.843503</v>
      </c>
      <c r="CW1099" s="20">
        <v>0.85877700000000001</v>
      </c>
      <c r="CX1099" s="20">
        <v>0.84299000000000002</v>
      </c>
      <c r="CY1099" s="6" t="s">
        <v>565</v>
      </c>
      <c r="CZ1099" s="6" t="s">
        <v>566</v>
      </c>
      <c r="DA1099" s="6" t="s">
        <v>128</v>
      </c>
      <c r="DB1099" s="6"/>
      <c r="DC1099" s="6">
        <v>28140</v>
      </c>
      <c r="DD1099" s="6">
        <v>312</v>
      </c>
      <c r="DE1099" s="6" t="s">
        <v>402</v>
      </c>
      <c r="DF1099" s="6" t="s">
        <v>375</v>
      </c>
      <c r="DG1099" s="6" t="s">
        <v>376</v>
      </c>
      <c r="DH1099" s="6" t="s">
        <v>328</v>
      </c>
      <c r="DI1099" s="6" t="s">
        <v>377</v>
      </c>
      <c r="DJ1099" s="6">
        <v>29</v>
      </c>
      <c r="DK1099" s="6">
        <v>107</v>
      </c>
      <c r="DL1099" s="6">
        <v>1</v>
      </c>
      <c r="DM1099" s="6" t="s">
        <v>404</v>
      </c>
      <c r="DN1099" s="6">
        <v>1</v>
      </c>
      <c r="DO1099" s="6" t="s">
        <v>405</v>
      </c>
      <c r="DP1099" s="6"/>
      <c r="DQ1099" s="6"/>
    </row>
    <row r="1100" spans="1:121" x14ac:dyDescent="0.2">
      <c r="A1100" s="6" t="s">
        <v>325</v>
      </c>
      <c r="B1100" s="6" t="s">
        <v>325</v>
      </c>
      <c r="C1100" s="6" t="s">
        <v>193</v>
      </c>
      <c r="D1100" s="6" t="s">
        <v>128</v>
      </c>
      <c r="E1100" s="6" t="s">
        <v>269</v>
      </c>
      <c r="F1100" s="11">
        <v>-58</v>
      </c>
      <c r="G1100" s="13">
        <v>-0.105263157895</v>
      </c>
      <c r="H1100" s="11">
        <v>91.662199751999992</v>
      </c>
      <c r="I1100" s="13">
        <v>0.16632544739528568</v>
      </c>
      <c r="J1100" s="11">
        <v>-71.677328458999909</v>
      </c>
      <c r="K1100" s="13">
        <v>-0.11151427971356012</v>
      </c>
      <c r="L1100" s="11">
        <v>-77.959087658000044</v>
      </c>
      <c r="M1100" s="13">
        <v>-0.13651015799377372</v>
      </c>
      <c r="N1100" s="11">
        <v>-149.63641611699995</v>
      </c>
      <c r="O1100" s="13">
        <v>-0.23280160576507383</v>
      </c>
      <c r="P1100" s="7">
        <v>551.10147717899997</v>
      </c>
      <c r="Q1100" s="7">
        <v>555.40976503499996</v>
      </c>
      <c r="R1100" s="7">
        <v>565.11497468499999</v>
      </c>
      <c r="S1100" s="7">
        <v>611.75750012200001</v>
      </c>
      <c r="T1100" s="7">
        <v>637.86847822499999</v>
      </c>
      <c r="U1100" s="7">
        <v>644.51031258700004</v>
      </c>
      <c r="V1100" s="7">
        <v>642.76367693099996</v>
      </c>
      <c r="W1100" s="7">
        <v>569.90912729499996</v>
      </c>
      <c r="X1100" s="7">
        <v>569.82243076899999</v>
      </c>
      <c r="Y1100" s="7">
        <v>571.08634847200005</v>
      </c>
      <c r="Z1100" s="7">
        <v>539.37096512300002</v>
      </c>
      <c r="AA1100" s="7">
        <v>535.88436029599995</v>
      </c>
      <c r="AB1100" s="7">
        <v>466.63216665599998</v>
      </c>
      <c r="AC1100" s="7">
        <v>490.40363885900001</v>
      </c>
      <c r="AD1100" s="7">
        <v>499.84272760900001</v>
      </c>
      <c r="AE1100" s="7">
        <v>492.25023293300001</v>
      </c>
      <c r="AF1100" s="7">
        <v>493.12726081400001</v>
      </c>
      <c r="AG1100" s="9">
        <v>6241.7880251999995</v>
      </c>
      <c r="AH1100" s="13">
        <v>0.40506826036469967</v>
      </c>
      <c r="AI1100" s="9">
        <v>2468.5266263999983</v>
      </c>
      <c r="AJ1100" s="13">
        <v>0.1601979724692347</v>
      </c>
      <c r="AK1100" s="9">
        <v>-791.01274239999839</v>
      </c>
      <c r="AL1100" s="13">
        <v>-4.4245649692425087E-2</v>
      </c>
      <c r="AM1100" s="9">
        <v>4564.2741411999996</v>
      </c>
      <c r="AN1100" s="13">
        <v>0.26712376961090434</v>
      </c>
      <c r="AO1100" s="9">
        <v>3773.2613988000012</v>
      </c>
      <c r="AP1100" s="13">
        <v>0.21105905518375512</v>
      </c>
      <c r="AQ1100" s="9">
        <v>15409.225150300001</v>
      </c>
      <c r="AR1100" s="9">
        <v>15598.467020399999</v>
      </c>
      <c r="AS1100" s="9">
        <v>16157.682386099999</v>
      </c>
      <c r="AT1100" s="9">
        <v>16063.8871132</v>
      </c>
      <c r="AU1100" s="9">
        <v>16731.266611700001</v>
      </c>
      <c r="AV1100" s="9">
        <v>16757.163745900001</v>
      </c>
      <c r="AW1100" s="9">
        <v>17877.751776699999</v>
      </c>
      <c r="AX1100" s="9">
        <v>18813.667557799999</v>
      </c>
      <c r="AY1100" s="9">
        <v>15917.223847900001</v>
      </c>
      <c r="AZ1100" s="9">
        <v>17086.739034300001</v>
      </c>
      <c r="BA1100" s="9">
        <v>17738.265057500001</v>
      </c>
      <c r="BB1100" s="9">
        <v>18896.8227668</v>
      </c>
      <c r="BC1100" s="9">
        <v>20854.1726304</v>
      </c>
      <c r="BD1100" s="9">
        <v>20871.232173600001</v>
      </c>
      <c r="BE1100" s="9">
        <v>21433.175006000001</v>
      </c>
      <c r="BF1100" s="9">
        <v>21651.0131755</v>
      </c>
      <c r="BG1100" s="11">
        <v>-30.5</v>
      </c>
      <c r="BH1100" s="13">
        <v>-0.39102564102564102</v>
      </c>
      <c r="BI1100" s="6">
        <v>-1</v>
      </c>
      <c r="BJ1100" s="13">
        <v>-1.282051282051282E-2</v>
      </c>
      <c r="BK1100" s="6">
        <v>27</v>
      </c>
      <c r="BL1100" s="13">
        <v>0.35064935064935066</v>
      </c>
      <c r="BM1100" s="11">
        <v>-56.5</v>
      </c>
      <c r="BN1100" s="13">
        <v>-0.54326923076923073</v>
      </c>
      <c r="BO1100" s="11">
        <v>-29.5</v>
      </c>
      <c r="BP1100" s="13">
        <v>-0.38311688311688313</v>
      </c>
      <c r="BQ1100" s="6">
        <v>78</v>
      </c>
      <c r="BR1100" s="6">
        <v>70</v>
      </c>
      <c r="BS1100" s="6">
        <v>73</v>
      </c>
      <c r="BT1100" s="6">
        <v>77</v>
      </c>
      <c r="BU1100" s="6">
        <v>72</v>
      </c>
      <c r="BV1100" s="6">
        <v>84</v>
      </c>
      <c r="BW1100" s="6">
        <v>104</v>
      </c>
      <c r="BX1100" s="6">
        <v>108</v>
      </c>
      <c r="BY1100" s="6">
        <v>114</v>
      </c>
      <c r="BZ1100" s="6">
        <v>44</v>
      </c>
      <c r="CA1100" s="6">
        <v>49</v>
      </c>
      <c r="CB1100" s="6">
        <v>49</v>
      </c>
      <c r="CC1100" s="11">
        <v>47.5</v>
      </c>
      <c r="CD1100" s="11">
        <v>-113.14100000000001</v>
      </c>
      <c r="CE1100" s="11">
        <v>-5.0751200000000001</v>
      </c>
      <c r="CF1100" s="11">
        <v>60.241999999999997</v>
      </c>
      <c r="CG1100" s="11">
        <v>55</v>
      </c>
      <c r="CH1100" s="20">
        <v>1.0169999999999999</v>
      </c>
      <c r="CI1100" s="20">
        <v>1.01756</v>
      </c>
      <c r="CJ1100" s="20">
        <v>1.0259100000000001</v>
      </c>
      <c r="CK1100" s="20">
        <v>1.1113999999999999</v>
      </c>
      <c r="CL1100" s="20">
        <v>1.1759900000000001</v>
      </c>
      <c r="CM1100" s="20">
        <v>1.17977</v>
      </c>
      <c r="CN1100" s="20">
        <v>1.1960999999999999</v>
      </c>
      <c r="CO1100" s="20">
        <v>1.06379</v>
      </c>
      <c r="CP1100" s="20">
        <v>1.05335</v>
      </c>
      <c r="CQ1100" s="20">
        <v>1.05454</v>
      </c>
      <c r="CR1100" s="20">
        <v>1.01274</v>
      </c>
      <c r="CS1100" s="20">
        <v>0.95871799999999996</v>
      </c>
      <c r="CT1100" s="20">
        <v>0.96975800000000001</v>
      </c>
      <c r="CU1100" s="20">
        <v>1.00447</v>
      </c>
      <c r="CV1100" s="20">
        <v>1.0140499999999999</v>
      </c>
      <c r="CW1100" s="20">
        <v>0.98721400000000004</v>
      </c>
      <c r="CX1100" s="20">
        <v>0.98575100000000004</v>
      </c>
      <c r="CY1100" s="6" t="s">
        <v>565</v>
      </c>
      <c r="CZ1100" s="6" t="s">
        <v>566</v>
      </c>
      <c r="DA1100" s="6" t="s">
        <v>128</v>
      </c>
      <c r="DB1100" s="6"/>
      <c r="DC1100" s="6">
        <v>28140</v>
      </c>
      <c r="DD1100" s="6">
        <v>312</v>
      </c>
      <c r="DE1100" s="6" t="s">
        <v>402</v>
      </c>
      <c r="DF1100" s="6" t="s">
        <v>375</v>
      </c>
      <c r="DG1100" s="6" t="s">
        <v>376</v>
      </c>
      <c r="DH1100" s="6" t="s">
        <v>328</v>
      </c>
      <c r="DI1100" s="6" t="s">
        <v>377</v>
      </c>
      <c r="DJ1100" s="6">
        <v>29</v>
      </c>
      <c r="DK1100" s="6">
        <v>107</v>
      </c>
      <c r="DL1100" s="6">
        <v>1</v>
      </c>
      <c r="DM1100" s="6" t="s">
        <v>404</v>
      </c>
      <c r="DN1100" s="6">
        <v>1</v>
      </c>
      <c r="DO1100" s="6" t="s">
        <v>405</v>
      </c>
      <c r="DP1100" s="6"/>
      <c r="DQ1100" s="6"/>
    </row>
    <row r="1101" spans="1:121" x14ac:dyDescent="0.2">
      <c r="A1101" s="6" t="s">
        <v>327</v>
      </c>
      <c r="B1101" s="6" t="s">
        <v>327</v>
      </c>
      <c r="C1101" s="6" t="s">
        <v>194</v>
      </c>
      <c r="D1101" s="6" t="s">
        <v>128</v>
      </c>
      <c r="E1101" s="6" t="s">
        <v>269</v>
      </c>
      <c r="F1101" s="11">
        <v>-17</v>
      </c>
      <c r="G1101" s="13">
        <v>-7.1578947368400002E-3</v>
      </c>
      <c r="H1101" s="11">
        <v>55.101890999999796</v>
      </c>
      <c r="I1101" s="13">
        <v>2.3203483554947515E-2</v>
      </c>
      <c r="J1101" s="11">
        <v>162.15747600000032</v>
      </c>
      <c r="K1101" s="13">
        <v>6.6736227536103476E-2</v>
      </c>
      <c r="L1101" s="11">
        <v>-234.06817553000019</v>
      </c>
      <c r="M1101" s="13">
        <v>-9.0304626945111627E-2</v>
      </c>
      <c r="N1101" s="11">
        <v>-71.910699529999874</v>
      </c>
      <c r="O1101" s="13">
        <v>-2.9594989540380066E-2</v>
      </c>
      <c r="P1101" s="7">
        <v>2374.7249360000001</v>
      </c>
      <c r="Q1101" s="7">
        <v>2359.30402</v>
      </c>
      <c r="R1101" s="7">
        <v>2372.7565829999999</v>
      </c>
      <c r="S1101" s="7">
        <v>2379.8634149999998</v>
      </c>
      <c r="T1101" s="7">
        <v>2367.0568309999999</v>
      </c>
      <c r="U1101" s="7">
        <v>2390.5968539999999</v>
      </c>
      <c r="V1101" s="7">
        <v>2429.8268269999999</v>
      </c>
      <c r="W1101" s="7">
        <v>2442.9306569999999</v>
      </c>
      <c r="X1101" s="7">
        <v>2500.7220630000002</v>
      </c>
      <c r="Y1101" s="7">
        <v>2591.9843030000002</v>
      </c>
      <c r="Z1101" s="7">
        <v>2349.9558929999998</v>
      </c>
      <c r="AA1101" s="7">
        <v>2315.7071080000001</v>
      </c>
      <c r="AB1101" s="7">
        <v>2320.1015219999999</v>
      </c>
      <c r="AC1101" s="7">
        <v>2296.302467</v>
      </c>
      <c r="AD1101" s="7">
        <v>2315.6872819999999</v>
      </c>
      <c r="AE1101" s="7">
        <v>2362.7991912500001</v>
      </c>
      <c r="AF1101" s="7">
        <v>2357.91612747</v>
      </c>
      <c r="AG1101" s="9">
        <v>11286.996493599996</v>
      </c>
      <c r="AH1101" s="13">
        <v>0.34947154495417626</v>
      </c>
      <c r="AI1101" s="9">
        <v>7850.840778400001</v>
      </c>
      <c r="AJ1101" s="13">
        <v>0.24308020805822089</v>
      </c>
      <c r="AK1101" s="9">
        <v>577.11409999999887</v>
      </c>
      <c r="AL1101" s="13">
        <v>1.4374606441107884E-2</v>
      </c>
      <c r="AM1101" s="9">
        <v>2859.0416151999962</v>
      </c>
      <c r="AN1101" s="13">
        <v>7.0203115552943021E-2</v>
      </c>
      <c r="AO1101" s="9">
        <v>3436.155715199995</v>
      </c>
      <c r="AP1101" s="13">
        <v>8.558686415106409E-2</v>
      </c>
      <c r="AQ1101" s="9">
        <v>32297.326224600001</v>
      </c>
      <c r="AR1101" s="9">
        <v>32800.833599600002</v>
      </c>
      <c r="AS1101" s="9">
        <v>34722.1774945</v>
      </c>
      <c r="AT1101" s="9">
        <v>36348.751436999999</v>
      </c>
      <c r="AU1101" s="9">
        <v>37597.980589500003</v>
      </c>
      <c r="AV1101" s="9">
        <v>39218.542462400001</v>
      </c>
      <c r="AW1101" s="9">
        <v>40148.167003000002</v>
      </c>
      <c r="AX1101" s="9">
        <v>41055.575360700001</v>
      </c>
      <c r="AY1101" s="9">
        <v>40717.053981500001</v>
      </c>
      <c r="AZ1101" s="9">
        <v>40725.281103000001</v>
      </c>
      <c r="BA1101" s="9">
        <v>41313.399409700003</v>
      </c>
      <c r="BB1101" s="9">
        <v>41581.201122500002</v>
      </c>
      <c r="BC1101" s="9">
        <v>42933.283806500003</v>
      </c>
      <c r="BD1101" s="9">
        <v>42928.829346799997</v>
      </c>
      <c r="BE1101" s="9">
        <v>43227.208756599997</v>
      </c>
      <c r="BF1101" s="9">
        <v>43584.322718199997</v>
      </c>
      <c r="BG1101" s="11">
        <v>3.25</v>
      </c>
      <c r="BH1101" s="13">
        <v>3.0660377358490566E-2</v>
      </c>
      <c r="BI1101" s="6">
        <v>2</v>
      </c>
      <c r="BJ1101" s="13">
        <v>1.8867924528301886E-2</v>
      </c>
      <c r="BK1101" s="6">
        <v>4</v>
      </c>
      <c r="BL1101" s="13">
        <v>3.7037037037037035E-2</v>
      </c>
      <c r="BM1101" s="11">
        <v>-2.75</v>
      </c>
      <c r="BN1101" s="13">
        <v>-2.4553571428571428E-2</v>
      </c>
      <c r="BO1101" s="11">
        <v>1.25</v>
      </c>
      <c r="BP1101" s="13">
        <v>1.1574074074074073E-2</v>
      </c>
      <c r="BQ1101" s="6">
        <v>106</v>
      </c>
      <c r="BR1101" s="6">
        <v>105</v>
      </c>
      <c r="BS1101" s="6">
        <v>107</v>
      </c>
      <c r="BT1101" s="6">
        <v>108</v>
      </c>
      <c r="BU1101" s="6">
        <v>107</v>
      </c>
      <c r="BV1101" s="6">
        <v>111</v>
      </c>
      <c r="BW1101" s="6">
        <v>112</v>
      </c>
      <c r="BX1101" s="6">
        <v>114</v>
      </c>
      <c r="BY1101" s="6">
        <v>110</v>
      </c>
      <c r="BZ1101" s="6">
        <v>110</v>
      </c>
      <c r="CA1101" s="6">
        <v>108</v>
      </c>
      <c r="CB1101" s="6">
        <v>108</v>
      </c>
      <c r="CC1101" s="11">
        <v>109.25</v>
      </c>
      <c r="CD1101" s="11">
        <v>-137.17699999999999</v>
      </c>
      <c r="CE1101" s="11">
        <v>-139.21700000000001</v>
      </c>
      <c r="CF1101" s="11">
        <v>259.58600000000001</v>
      </c>
      <c r="CG1101" s="11">
        <v>121</v>
      </c>
      <c r="CH1101" s="20">
        <v>1.3192600000000001</v>
      </c>
      <c r="CI1101" s="20">
        <v>1.29867</v>
      </c>
      <c r="CJ1101" s="20">
        <v>1.3037300000000001</v>
      </c>
      <c r="CK1101" s="20">
        <v>1.3180799999999999</v>
      </c>
      <c r="CL1101" s="20">
        <v>1.33345</v>
      </c>
      <c r="CM1101" s="20">
        <v>1.34595</v>
      </c>
      <c r="CN1101" s="20">
        <v>1.40072</v>
      </c>
      <c r="CO1101" s="20">
        <v>1.3984700000000001</v>
      </c>
      <c r="CP1101" s="20">
        <v>1.4018600000000001</v>
      </c>
      <c r="CQ1101" s="20">
        <v>1.44313</v>
      </c>
      <c r="CR1101" s="20">
        <v>1.3616299999999999</v>
      </c>
      <c r="CS1101" s="20">
        <v>1.3218399999999999</v>
      </c>
      <c r="CT1101" s="20">
        <v>1.46123</v>
      </c>
      <c r="CU1101" s="20">
        <v>1.45235</v>
      </c>
      <c r="CV1101" s="20">
        <v>1.46312</v>
      </c>
      <c r="CW1101" s="20">
        <v>1.48325</v>
      </c>
      <c r="CX1101" s="20">
        <v>1.48567</v>
      </c>
      <c r="CY1101" s="6" t="s">
        <v>565</v>
      </c>
      <c r="CZ1101" s="6" t="s">
        <v>566</v>
      </c>
      <c r="DA1101" s="6" t="s">
        <v>128</v>
      </c>
      <c r="DB1101" s="6"/>
      <c r="DC1101" s="6">
        <v>28140</v>
      </c>
      <c r="DD1101" s="6">
        <v>312</v>
      </c>
      <c r="DE1101" s="6" t="s">
        <v>402</v>
      </c>
      <c r="DF1101" s="6" t="s">
        <v>375</v>
      </c>
      <c r="DG1101" s="6" t="s">
        <v>376</v>
      </c>
      <c r="DH1101" s="6" t="s">
        <v>328</v>
      </c>
      <c r="DI1101" s="6" t="s">
        <v>377</v>
      </c>
      <c r="DJ1101" s="6">
        <v>29</v>
      </c>
      <c r="DK1101" s="6">
        <v>107</v>
      </c>
      <c r="DL1101" s="6">
        <v>1</v>
      </c>
      <c r="DM1101" s="6" t="s">
        <v>404</v>
      </c>
      <c r="DN1101" s="6">
        <v>1</v>
      </c>
      <c r="DO1101" s="6" t="s">
        <v>405</v>
      </c>
      <c r="DP1101" s="6"/>
      <c r="DQ1101" s="6"/>
    </row>
    <row r="1102" spans="1:121" x14ac:dyDescent="0.2">
      <c r="A1102" s="6" t="s">
        <v>1</v>
      </c>
      <c r="B1102" s="6" t="s">
        <v>1</v>
      </c>
      <c r="C1102" s="6" t="s">
        <v>2</v>
      </c>
      <c r="D1102" s="6" t="s">
        <v>79</v>
      </c>
      <c r="E1102" s="6" t="s">
        <v>220</v>
      </c>
      <c r="F1102" s="11">
        <v>76</v>
      </c>
      <c r="G1102" s="13">
        <v>9.2909535452300004E-2</v>
      </c>
      <c r="H1102" s="11">
        <v>184.90860368099993</v>
      </c>
      <c r="I1102" s="13">
        <v>0.22593504940306083</v>
      </c>
      <c r="J1102" s="11">
        <v>149.41899904000013</v>
      </c>
      <c r="K1102" s="13">
        <v>0.14892405413234644</v>
      </c>
      <c r="L1102" s="11">
        <v>-258.69343341900003</v>
      </c>
      <c r="M1102" s="13">
        <v>-0.22441563483845048</v>
      </c>
      <c r="N1102" s="11">
        <v>-109.2744343789999</v>
      </c>
      <c r="O1102" s="13">
        <v>-0.10891246685693036</v>
      </c>
      <c r="P1102" s="7">
        <v>818.41486820900002</v>
      </c>
      <c r="Q1102" s="7">
        <v>919.90704830799996</v>
      </c>
      <c r="R1102" s="7">
        <v>1092.1540277300001</v>
      </c>
      <c r="S1102" s="7">
        <v>969.62899535500003</v>
      </c>
      <c r="T1102" s="7">
        <v>933.35767919499995</v>
      </c>
      <c r="U1102" s="7">
        <v>901.75354825700003</v>
      </c>
      <c r="V1102" s="7">
        <v>1003.32347189</v>
      </c>
      <c r="W1102" s="7">
        <v>1000.2377497799999</v>
      </c>
      <c r="X1102" s="7">
        <v>959.65907171599997</v>
      </c>
      <c r="Y1102" s="7">
        <v>1152.7424709300001</v>
      </c>
      <c r="Z1102" s="7">
        <v>1037.7702193099999</v>
      </c>
      <c r="AA1102" s="7">
        <v>1004.00770052</v>
      </c>
      <c r="AB1102" s="7">
        <v>992.40487971300001</v>
      </c>
      <c r="AC1102" s="7">
        <v>1022.65948723</v>
      </c>
      <c r="AD1102" s="7">
        <v>914.12617417000001</v>
      </c>
      <c r="AE1102" s="7">
        <v>905.66507980899996</v>
      </c>
      <c r="AF1102" s="7">
        <v>894.04903751100005</v>
      </c>
      <c r="AG1102" s="9">
        <v>8330.7089128000007</v>
      </c>
      <c r="AH1102" s="13">
        <v>0.40546272482604184</v>
      </c>
      <c r="AI1102" s="9">
        <v>1856.6500515999978</v>
      </c>
      <c r="AJ1102" s="13">
        <v>9.0364745287580206E-2</v>
      </c>
      <c r="AK1102" s="9">
        <v>1838.6296715000026</v>
      </c>
      <c r="AL1102" s="13">
        <v>8.2071323718959088E-2</v>
      </c>
      <c r="AM1102" s="9">
        <v>4635.4291897000003</v>
      </c>
      <c r="AN1102" s="13">
        <v>0.19121908563019491</v>
      </c>
      <c r="AO1102" s="9">
        <v>6474.0588612000029</v>
      </c>
      <c r="AP1102" s="13">
        <v>0.28898401282715314</v>
      </c>
      <c r="AQ1102" s="9">
        <v>20546.177004000001</v>
      </c>
      <c r="AR1102" s="9">
        <v>21153.5117594</v>
      </c>
      <c r="AS1102" s="9">
        <v>21020.076013499998</v>
      </c>
      <c r="AT1102" s="9">
        <v>22141.5404428</v>
      </c>
      <c r="AU1102" s="9">
        <v>21130.709925499999</v>
      </c>
      <c r="AV1102" s="9">
        <v>22370.9584598</v>
      </c>
      <c r="AW1102" s="9">
        <v>22402.827055599999</v>
      </c>
      <c r="AX1102" s="9">
        <v>23220.068709800002</v>
      </c>
      <c r="AY1102" s="9">
        <v>22268.277636499999</v>
      </c>
      <c r="AZ1102" s="9">
        <v>24241.456727100001</v>
      </c>
      <c r="BA1102" s="9">
        <v>24781.755486999999</v>
      </c>
      <c r="BB1102" s="9">
        <v>25763.059166499999</v>
      </c>
      <c r="BC1102" s="9">
        <v>26733.939306699998</v>
      </c>
      <c r="BD1102" s="9">
        <v>27698.085659</v>
      </c>
      <c r="BE1102" s="9">
        <v>28250.188213099998</v>
      </c>
      <c r="BF1102" s="9">
        <v>28876.885916800002</v>
      </c>
      <c r="BG1102" s="11">
        <v>7</v>
      </c>
      <c r="BH1102" s="13">
        <v>0.30434782608695654</v>
      </c>
      <c r="BI1102" s="6">
        <v>5</v>
      </c>
      <c r="BJ1102" s="13">
        <v>0.21739130434782608</v>
      </c>
      <c r="BK1102" s="6">
        <v>4</v>
      </c>
      <c r="BL1102" s="13">
        <v>0.14285714285714285</v>
      </c>
      <c r="BM1102" s="11">
        <v>-2</v>
      </c>
      <c r="BN1102" s="13">
        <v>-6.25E-2</v>
      </c>
      <c r="BO1102" s="11">
        <v>2</v>
      </c>
      <c r="BP1102" s="13">
        <v>7.1428571428571425E-2</v>
      </c>
      <c r="BQ1102" s="6">
        <v>23</v>
      </c>
      <c r="BR1102" s="6">
        <v>25</v>
      </c>
      <c r="BS1102" s="6">
        <v>24</v>
      </c>
      <c r="BT1102" s="6">
        <v>28</v>
      </c>
      <c r="BU1102" s="6">
        <v>23</v>
      </c>
      <c r="BV1102" s="6">
        <v>26</v>
      </c>
      <c r="BW1102" s="6">
        <v>32</v>
      </c>
      <c r="BX1102" s="6">
        <v>32</v>
      </c>
      <c r="BY1102" s="6">
        <v>34</v>
      </c>
      <c r="BZ1102" s="6">
        <v>33</v>
      </c>
      <c r="CA1102" s="6">
        <v>30</v>
      </c>
      <c r="CB1102" s="6">
        <v>30</v>
      </c>
      <c r="CC1102" s="11">
        <v>30</v>
      </c>
      <c r="CD1102" s="11">
        <v>60.789499999999997</v>
      </c>
      <c r="CE1102" s="11">
        <v>-74.617900000000006</v>
      </c>
      <c r="CF1102" s="11">
        <v>89.462599999999995</v>
      </c>
      <c r="CG1102" s="11">
        <v>14</v>
      </c>
      <c r="CH1102" s="20">
        <v>5.9654400000000001</v>
      </c>
      <c r="CI1102" s="20">
        <v>6.66784</v>
      </c>
      <c r="CJ1102" s="20">
        <v>7.6357200000000001</v>
      </c>
      <c r="CK1102" s="20">
        <v>6.7525899999999996</v>
      </c>
      <c r="CL1102" s="20">
        <v>6.4942399999999996</v>
      </c>
      <c r="CM1102" s="20">
        <v>6.15252</v>
      </c>
      <c r="CN1102" s="20">
        <v>6.86991</v>
      </c>
      <c r="CO1102" s="20">
        <v>7.11449</v>
      </c>
      <c r="CP1102" s="20">
        <v>6.9552199999999997</v>
      </c>
      <c r="CQ1102" s="20">
        <v>8.2217800000000008</v>
      </c>
      <c r="CR1102" s="20">
        <v>7.54427</v>
      </c>
      <c r="CS1102" s="20">
        <v>7.2385599999999997</v>
      </c>
      <c r="CT1102" s="20">
        <v>7.20608</v>
      </c>
      <c r="CU1102" s="20">
        <v>7.3978099999999998</v>
      </c>
      <c r="CV1102" s="20">
        <v>6.5098700000000003</v>
      </c>
      <c r="CW1102" s="20">
        <v>6.5760300000000003</v>
      </c>
      <c r="CX1102" s="20">
        <v>6.4056699999999998</v>
      </c>
      <c r="CY1102" s="6" t="s">
        <v>568</v>
      </c>
      <c r="CZ1102" s="6" t="s">
        <v>569</v>
      </c>
      <c r="DA1102" s="6" t="s">
        <v>79</v>
      </c>
      <c r="DB1102" s="6" t="s">
        <v>345</v>
      </c>
      <c r="DC1102" s="6"/>
      <c r="DD1102" s="6"/>
      <c r="DE1102" s="6"/>
      <c r="DF1102" s="6"/>
      <c r="DG1102" s="6"/>
      <c r="DH1102" s="6" t="s">
        <v>333</v>
      </c>
      <c r="DI1102" s="6"/>
      <c r="DJ1102" s="6"/>
      <c r="DK1102" s="6"/>
      <c r="DL1102" s="6">
        <v>6</v>
      </c>
      <c r="DM1102" s="6" t="s">
        <v>396</v>
      </c>
      <c r="DN1102" s="6">
        <v>6</v>
      </c>
      <c r="DO1102" s="6" t="s">
        <v>393</v>
      </c>
      <c r="DP1102" s="6"/>
      <c r="DQ1102" s="6"/>
    </row>
    <row r="1103" spans="1:121" x14ac:dyDescent="0.2">
      <c r="A1103" s="6" t="s">
        <v>310</v>
      </c>
      <c r="B1103" s="6" t="s">
        <v>310</v>
      </c>
      <c r="C1103" s="6" t="s">
        <v>173</v>
      </c>
      <c r="D1103" s="6" t="s">
        <v>79</v>
      </c>
      <c r="E1103" s="6" t="s">
        <v>220</v>
      </c>
      <c r="F1103" s="11">
        <v>-59</v>
      </c>
      <c r="G1103" s="13">
        <v>-0.72839506172799995</v>
      </c>
      <c r="H1103" s="11">
        <v>-9.7281421979000129</v>
      </c>
      <c r="I1103" s="13">
        <v>-0.12046304930341369</v>
      </c>
      <c r="J1103" s="11">
        <v>-40.678301323099994</v>
      </c>
      <c r="K1103" s="13">
        <v>-0.57270722457867451</v>
      </c>
      <c r="L1103" s="11">
        <v>-7.9067911626999994</v>
      </c>
      <c r="M1103" s="13">
        <v>-0.26052210041354201</v>
      </c>
      <c r="N1103" s="11">
        <v>-48.58509248579999</v>
      </c>
      <c r="O1103" s="13">
        <v>-0.68402643592297008</v>
      </c>
      <c r="P1103" s="7">
        <v>80.756234000000006</v>
      </c>
      <c r="Q1103" s="7">
        <v>82.525903526999997</v>
      </c>
      <c r="R1103" s="7">
        <v>32.905412197099999</v>
      </c>
      <c r="S1103" s="7">
        <v>38.565150389199999</v>
      </c>
      <c r="T1103" s="7">
        <v>57.3617870092</v>
      </c>
      <c r="U1103" s="7">
        <v>75.294261187700002</v>
      </c>
      <c r="V1103" s="7">
        <v>71.028091802099993</v>
      </c>
      <c r="W1103" s="7">
        <v>42.247516498000003</v>
      </c>
      <c r="X1103" s="7">
        <v>35.003760418699997</v>
      </c>
      <c r="Y1103" s="7">
        <v>30.349790478999999</v>
      </c>
      <c r="Z1103" s="7">
        <v>28.467931410199999</v>
      </c>
      <c r="AA1103" s="7">
        <v>25.573200421900001</v>
      </c>
      <c r="AB1103" s="7">
        <v>22.241703000000001</v>
      </c>
      <c r="AC1103" s="7">
        <v>22.9336264073</v>
      </c>
      <c r="AD1103" s="7">
        <v>23.594480116900002</v>
      </c>
      <c r="AE1103" s="7">
        <v>25.018330690700001</v>
      </c>
      <c r="AF1103" s="7">
        <v>22.4429993163</v>
      </c>
      <c r="AG1103" s="9">
        <v>36316.7551169</v>
      </c>
      <c r="AH1103" s="13">
        <v>1.2861427981320068</v>
      </c>
      <c r="AI1103" s="9">
        <v>6726.7316197000036</v>
      </c>
      <c r="AJ1103" s="13">
        <v>0.23822440633243736</v>
      </c>
      <c r="AK1103" s="9">
        <v>1631.7998472999971</v>
      </c>
      <c r="AL1103" s="13">
        <v>4.6671276644957641E-2</v>
      </c>
      <c r="AM1103" s="9">
        <v>27958.223649899999</v>
      </c>
      <c r="AN1103" s="13">
        <v>0.76398012597682607</v>
      </c>
      <c r="AO1103" s="9">
        <v>29590.023497199996</v>
      </c>
      <c r="AP1103" s="13">
        <v>0.84630733043249795</v>
      </c>
      <c r="AQ1103" s="9">
        <v>28236.954068899999</v>
      </c>
      <c r="AR1103" s="9">
        <v>29212.110105</v>
      </c>
      <c r="AS1103" s="9">
        <v>44457.933679499998</v>
      </c>
      <c r="AT1103" s="9">
        <v>36292.840218199999</v>
      </c>
      <c r="AU1103" s="9">
        <v>48208.663226800003</v>
      </c>
      <c r="AV1103" s="9">
        <v>32391.7082262</v>
      </c>
      <c r="AW1103" s="9">
        <v>34963.685688600002</v>
      </c>
      <c r="AX1103" s="9">
        <v>46101.346292200004</v>
      </c>
      <c r="AY1103" s="9">
        <v>74562.170649199994</v>
      </c>
      <c r="AZ1103" s="9">
        <v>36595.485535899999</v>
      </c>
      <c r="BA1103" s="9">
        <v>34217.174166999997</v>
      </c>
      <c r="BB1103" s="9">
        <v>37966.125253400001</v>
      </c>
      <c r="BC1103" s="9">
        <v>46746.663823900002</v>
      </c>
      <c r="BD1103" s="9">
        <v>51755.234970799997</v>
      </c>
      <c r="BE1103" s="9">
        <v>80431.530988700004</v>
      </c>
      <c r="BF1103" s="9">
        <v>64553.709185799999</v>
      </c>
      <c r="BG1103" s="11">
        <v>-1</v>
      </c>
      <c r="BH1103" s="13">
        <v>-0.33333333333333331</v>
      </c>
      <c r="BI1103" s="6">
        <v>0</v>
      </c>
      <c r="BJ1103" s="13">
        <v>0</v>
      </c>
      <c r="BK1103" s="6">
        <v>1</v>
      </c>
      <c r="BL1103" s="13">
        <v>0.33333333333333331</v>
      </c>
      <c r="BM1103" s="11">
        <v>-2</v>
      </c>
      <c r="BN1103" s="13">
        <v>-0.5</v>
      </c>
      <c r="BO1103" s="11">
        <v>-1</v>
      </c>
      <c r="BP1103" s="13">
        <v>-0.33333333333333331</v>
      </c>
      <c r="BQ1103" s="6">
        <v>3</v>
      </c>
      <c r="BR1103" s="6">
        <v>3</v>
      </c>
      <c r="BS1103" s="6">
        <v>3</v>
      </c>
      <c r="BT1103" s="6">
        <v>3</v>
      </c>
      <c r="BU1103" s="6">
        <v>3</v>
      </c>
      <c r="BV1103" s="6">
        <v>3</v>
      </c>
      <c r="BW1103" s="6">
        <v>4</v>
      </c>
      <c r="BX1103" s="6">
        <v>4</v>
      </c>
      <c r="BY1103" s="6">
        <v>4</v>
      </c>
      <c r="BZ1103" s="6">
        <v>4</v>
      </c>
      <c r="CA1103" s="6">
        <v>4</v>
      </c>
      <c r="CB1103" s="6">
        <v>2</v>
      </c>
      <c r="CC1103" s="11">
        <v>2</v>
      </c>
      <c r="CD1103" s="11">
        <v>-75.519199999999998</v>
      </c>
      <c r="CE1103" s="11">
        <v>8.3782899999999998</v>
      </c>
      <c r="CF1103" s="11">
        <v>8.8276299999999992</v>
      </c>
      <c r="CG1103" s="11">
        <v>17</v>
      </c>
      <c r="CH1103" s="20">
        <v>2.0746899999999999</v>
      </c>
      <c r="CI1103" s="20">
        <v>2.2023199999999998</v>
      </c>
      <c r="CJ1103" s="20">
        <v>0.85899899999999996</v>
      </c>
      <c r="CK1103" s="20">
        <v>0.97033199999999997</v>
      </c>
      <c r="CL1103" s="20">
        <v>1.3453599999999999</v>
      </c>
      <c r="CM1103" s="20">
        <v>1.57193</v>
      </c>
      <c r="CN1103" s="20">
        <v>1.38096</v>
      </c>
      <c r="CO1103" s="20">
        <v>0.76984300000000006</v>
      </c>
      <c r="CP1103" s="20">
        <v>0.71396400000000004</v>
      </c>
      <c r="CQ1103" s="20">
        <v>0.59739299999999995</v>
      </c>
      <c r="CR1103" s="20">
        <v>0.51414800000000005</v>
      </c>
      <c r="CS1103" s="20">
        <v>0.42507099999999998</v>
      </c>
      <c r="CT1103" s="20">
        <v>0.36952499999999999</v>
      </c>
      <c r="CU1103" s="20">
        <v>0.37251099999999998</v>
      </c>
      <c r="CV1103" s="20">
        <v>0.42645</v>
      </c>
      <c r="CW1103" s="20">
        <v>0.54269400000000001</v>
      </c>
      <c r="CX1103" s="20">
        <v>0.47568100000000002</v>
      </c>
      <c r="CY1103" s="6" t="s">
        <v>568</v>
      </c>
      <c r="CZ1103" s="6" t="s">
        <v>569</v>
      </c>
      <c r="DA1103" s="6" t="s">
        <v>79</v>
      </c>
      <c r="DB1103" s="6" t="s">
        <v>345</v>
      </c>
      <c r="DC1103" s="6"/>
      <c r="DD1103" s="6"/>
      <c r="DE1103" s="6"/>
      <c r="DF1103" s="6"/>
      <c r="DG1103" s="6"/>
      <c r="DH1103" s="6" t="s">
        <v>333</v>
      </c>
      <c r="DI1103" s="6"/>
      <c r="DJ1103" s="6"/>
      <c r="DK1103" s="6"/>
      <c r="DL1103" s="6">
        <v>6</v>
      </c>
      <c r="DM1103" s="6" t="s">
        <v>396</v>
      </c>
      <c r="DN1103" s="6">
        <v>6</v>
      </c>
      <c r="DO1103" s="6" t="s">
        <v>393</v>
      </c>
      <c r="DP1103" s="6"/>
      <c r="DQ1103" s="6"/>
    </row>
    <row r="1104" spans="1:121" x14ac:dyDescent="0.2">
      <c r="A1104" s="6" t="s">
        <v>311</v>
      </c>
      <c r="B1104" s="6" t="s">
        <v>311</v>
      </c>
      <c r="C1104" s="6" t="s">
        <v>174</v>
      </c>
      <c r="D1104" s="6" t="s">
        <v>79</v>
      </c>
      <c r="E1104" s="6" t="s">
        <v>220</v>
      </c>
      <c r="F1104" s="11">
        <v>-10</v>
      </c>
      <c r="G1104" s="13">
        <v>-0.10989010989</v>
      </c>
      <c r="H1104" s="11">
        <v>-1.1468249999999927</v>
      </c>
      <c r="I1104" s="13">
        <v>-1.2564484705428775E-2</v>
      </c>
      <c r="J1104" s="11">
        <v>-20.074189000000004</v>
      </c>
      <c r="K1104" s="13">
        <v>-0.22272901453701999</v>
      </c>
      <c r="L1104" s="11">
        <v>10.962148975899993</v>
      </c>
      <c r="M1104" s="13">
        <v>0.15648115041431243</v>
      </c>
      <c r="N1104" s="11">
        <v>-9.1120400241000112</v>
      </c>
      <c r="O1104" s="13">
        <v>-0.1011007565481066</v>
      </c>
      <c r="P1104" s="7">
        <v>91.275131999999999</v>
      </c>
      <c r="Q1104" s="7">
        <v>91.614334999999997</v>
      </c>
      <c r="R1104" s="7">
        <v>90.264315999999994</v>
      </c>
      <c r="S1104" s="7">
        <v>90.363043000000005</v>
      </c>
      <c r="T1104" s="7">
        <v>89.182750999999996</v>
      </c>
      <c r="U1104" s="7">
        <v>88.527804000000003</v>
      </c>
      <c r="V1104" s="7">
        <v>90.128307000000007</v>
      </c>
      <c r="W1104" s="7">
        <v>84.934207000000001</v>
      </c>
      <c r="X1104" s="7">
        <v>78.034261000000001</v>
      </c>
      <c r="Y1104" s="7">
        <v>70.054118000000003</v>
      </c>
      <c r="Z1104" s="7">
        <v>61.271382677200002</v>
      </c>
      <c r="AA1104" s="7">
        <v>80.192942669299995</v>
      </c>
      <c r="AB1104" s="7">
        <v>75.736742911500002</v>
      </c>
      <c r="AC1104" s="7">
        <v>81.828448874399996</v>
      </c>
      <c r="AD1104" s="7">
        <v>84.411048885599996</v>
      </c>
      <c r="AE1104" s="7">
        <v>82.759232921199995</v>
      </c>
      <c r="AF1104" s="7">
        <v>81.016266975899995</v>
      </c>
      <c r="AG1104" s="9">
        <v>40175.891086899996</v>
      </c>
      <c r="AH1104" s="13">
        <v>0.63262964995821169</v>
      </c>
      <c r="AI1104" s="9">
        <v>24658.503431400008</v>
      </c>
      <c r="AJ1104" s="13">
        <v>0.38828511259546122</v>
      </c>
      <c r="AK1104" s="9">
        <v>9401.2428910999879</v>
      </c>
      <c r="AL1104" s="13">
        <v>0.10663275532225262</v>
      </c>
      <c r="AM1104" s="9">
        <v>6116.1447644</v>
      </c>
      <c r="AN1104" s="13">
        <v>6.2687304137669431E-2</v>
      </c>
      <c r="AO1104" s="9">
        <v>15517.387655499988</v>
      </c>
      <c r="AP1104" s="13">
        <v>0.17600457942384579</v>
      </c>
      <c r="AQ1104" s="9">
        <v>63506.177887099999</v>
      </c>
      <c r="AR1104" s="9">
        <v>67206.497070199999</v>
      </c>
      <c r="AS1104" s="9">
        <v>72716.124767600006</v>
      </c>
      <c r="AT1104" s="9">
        <v>71660.534617600002</v>
      </c>
      <c r="AU1104" s="9">
        <v>73794.014392900004</v>
      </c>
      <c r="AV1104" s="9">
        <v>80169.198716400002</v>
      </c>
      <c r="AW1104" s="9">
        <v>88164.681318500006</v>
      </c>
      <c r="AX1104" s="9">
        <v>87841.108499399998</v>
      </c>
      <c r="AY1104" s="9">
        <v>99386.455051500001</v>
      </c>
      <c r="AZ1104" s="9">
        <v>97565.924209599994</v>
      </c>
      <c r="BA1104" s="9">
        <v>109324.939686</v>
      </c>
      <c r="BB1104" s="9">
        <v>91392.542530000006</v>
      </c>
      <c r="BC1104" s="9">
        <v>98321.4020953</v>
      </c>
      <c r="BD1104" s="9">
        <v>105155.157916</v>
      </c>
      <c r="BE1104" s="9">
        <v>100116.320569</v>
      </c>
      <c r="BF1104" s="9">
        <v>103682.06897399999</v>
      </c>
      <c r="BG1104" s="11">
        <v>0</v>
      </c>
      <c r="BH1104" s="13">
        <v>0</v>
      </c>
      <c r="BI1104" s="6">
        <v>0</v>
      </c>
      <c r="BJ1104" s="13">
        <v>0</v>
      </c>
      <c r="BK1104" s="6">
        <v>0</v>
      </c>
      <c r="BL1104" s="13">
        <v>0</v>
      </c>
      <c r="BM1104" s="11">
        <v>0</v>
      </c>
      <c r="BN1104" s="13">
        <v>0</v>
      </c>
      <c r="BO1104" s="11">
        <v>0</v>
      </c>
      <c r="BP1104" s="13">
        <v>0</v>
      </c>
      <c r="BQ1104" s="6">
        <v>4</v>
      </c>
      <c r="BR1104" s="6">
        <v>4</v>
      </c>
      <c r="BS1104" s="6">
        <v>4</v>
      </c>
      <c r="BT1104" s="6">
        <v>4</v>
      </c>
      <c r="BU1104" s="6">
        <v>4</v>
      </c>
      <c r="BV1104" s="6">
        <v>4</v>
      </c>
      <c r="BW1104" s="6">
        <v>4</v>
      </c>
      <c r="BX1104" s="6">
        <v>4</v>
      </c>
      <c r="BY1104" s="6">
        <v>4</v>
      </c>
      <c r="BZ1104" s="6">
        <v>4</v>
      </c>
      <c r="CA1104" s="6">
        <v>4</v>
      </c>
      <c r="CB1104" s="6">
        <v>5</v>
      </c>
      <c r="CC1104" s="11">
        <v>4</v>
      </c>
      <c r="CD1104" s="11">
        <v>-5.3727499999999999</v>
      </c>
      <c r="CE1104" s="11">
        <v>-14.8636</v>
      </c>
      <c r="CF1104" s="11">
        <v>9.9774700000000003</v>
      </c>
      <c r="CG1104" s="11">
        <v>-5</v>
      </c>
      <c r="CH1104" s="20">
        <v>2.1402199999999998</v>
      </c>
      <c r="CI1104" s="20">
        <v>2.1433200000000001</v>
      </c>
      <c r="CJ1104" s="20">
        <v>2.1032600000000001</v>
      </c>
      <c r="CK1104" s="20">
        <v>2.1543899999999998</v>
      </c>
      <c r="CL1104" s="20">
        <v>2.1895199999999999</v>
      </c>
      <c r="CM1104" s="20">
        <v>2.1424099999999999</v>
      </c>
      <c r="CN1104" s="20">
        <v>2.1594000000000002</v>
      </c>
      <c r="CO1104" s="20">
        <v>2.0244599999999999</v>
      </c>
      <c r="CP1104" s="20">
        <v>1.86921</v>
      </c>
      <c r="CQ1104" s="20">
        <v>1.66872</v>
      </c>
      <c r="CR1104" s="20">
        <v>1.50037</v>
      </c>
      <c r="CS1104" s="20">
        <v>1.97309</v>
      </c>
      <c r="CT1104" s="20">
        <v>1.90002</v>
      </c>
      <c r="CU1104" s="20">
        <v>2.0604200000000001</v>
      </c>
      <c r="CV1104" s="20">
        <v>2.0954799999999998</v>
      </c>
      <c r="CW1104" s="20">
        <v>2.0920800000000002</v>
      </c>
      <c r="CX1104" s="20">
        <v>2.0086900000000001</v>
      </c>
      <c r="CY1104" s="6" t="s">
        <v>568</v>
      </c>
      <c r="CZ1104" s="6" t="s">
        <v>569</v>
      </c>
      <c r="DA1104" s="6" t="s">
        <v>79</v>
      </c>
      <c r="DB1104" s="6" t="s">
        <v>345</v>
      </c>
      <c r="DC1104" s="6"/>
      <c r="DD1104" s="6"/>
      <c r="DE1104" s="6"/>
      <c r="DF1104" s="6"/>
      <c r="DG1104" s="6"/>
      <c r="DH1104" s="6" t="s">
        <v>333</v>
      </c>
      <c r="DI1104" s="6"/>
      <c r="DJ1104" s="6"/>
      <c r="DK1104" s="6"/>
      <c r="DL1104" s="6">
        <v>6</v>
      </c>
      <c r="DM1104" s="6" t="s">
        <v>396</v>
      </c>
      <c r="DN1104" s="6">
        <v>6</v>
      </c>
      <c r="DO1104" s="6" t="s">
        <v>393</v>
      </c>
      <c r="DP1104" s="6"/>
      <c r="DQ1104" s="6"/>
    </row>
    <row r="1105" spans="1:121" x14ac:dyDescent="0.2">
      <c r="A1105" s="6" t="s">
        <v>312</v>
      </c>
      <c r="B1105" s="6" t="s">
        <v>312</v>
      </c>
      <c r="C1105" s="6" t="s">
        <v>175</v>
      </c>
      <c r="D1105" s="6" t="s">
        <v>79</v>
      </c>
      <c r="E1105" s="6" t="s">
        <v>220</v>
      </c>
      <c r="F1105" s="11">
        <v>174</v>
      </c>
      <c r="G1105" s="13">
        <v>0.21641791044799999</v>
      </c>
      <c r="H1105" s="11">
        <v>44.407209058000035</v>
      </c>
      <c r="I1105" s="13">
        <v>5.5228851715772416E-2</v>
      </c>
      <c r="J1105" s="11">
        <v>-114.9180149</v>
      </c>
      <c r="K1105" s="13">
        <v>-0.13544219797014509</v>
      </c>
      <c r="L1105" s="11">
        <v>244.43562294599997</v>
      </c>
      <c r="M1105" s="13">
        <v>0.33322405233116553</v>
      </c>
      <c r="N1105" s="11">
        <v>129.51760804599996</v>
      </c>
      <c r="O1105" s="13">
        <v>0.1526492562967687</v>
      </c>
      <c r="P1105" s="7">
        <v>804.05816305099995</v>
      </c>
      <c r="Q1105" s="7">
        <v>847.64696234799999</v>
      </c>
      <c r="R1105" s="7">
        <v>804.43007896300003</v>
      </c>
      <c r="S1105" s="7">
        <v>833.639102966</v>
      </c>
      <c r="T1105" s="7">
        <v>847.63853804799999</v>
      </c>
      <c r="U1105" s="7">
        <v>820.91901604099996</v>
      </c>
      <c r="V1105" s="7">
        <v>848.46537210899999</v>
      </c>
      <c r="W1105" s="7">
        <v>914.74817983599996</v>
      </c>
      <c r="X1105" s="7">
        <v>821.50779250200003</v>
      </c>
      <c r="Y1105" s="7">
        <v>733.54735720899998</v>
      </c>
      <c r="Z1105" s="7">
        <v>762.36962493199997</v>
      </c>
      <c r="AA1105" s="7">
        <v>837.14726718300005</v>
      </c>
      <c r="AB1105" s="7">
        <v>774.41301741999996</v>
      </c>
      <c r="AC1105" s="7">
        <v>810.98632284300004</v>
      </c>
      <c r="AD1105" s="7">
        <v>929.26714410500006</v>
      </c>
      <c r="AE1105" s="7">
        <v>939.162695654</v>
      </c>
      <c r="AF1105" s="7">
        <v>977.98298015499995</v>
      </c>
      <c r="AG1105" s="9">
        <v>11697.144083700001</v>
      </c>
      <c r="AH1105" s="13">
        <v>0.42944558364206042</v>
      </c>
      <c r="AI1105" s="9">
        <v>711.41470560000016</v>
      </c>
      <c r="AJ1105" s="13">
        <v>2.6118674889511796E-2</v>
      </c>
      <c r="AK1105" s="9">
        <v>2503.2192515999996</v>
      </c>
      <c r="AL1105" s="13">
        <v>8.9563199554430359E-2</v>
      </c>
      <c r="AM1105" s="9">
        <v>8482.5101265000012</v>
      </c>
      <c r="AN1105" s="13">
        <v>0.27854968403059222</v>
      </c>
      <c r="AO1105" s="9">
        <v>10985.729378100001</v>
      </c>
      <c r="AP1105" s="13">
        <v>0.39306068452167803</v>
      </c>
      <c r="AQ1105" s="9">
        <v>27237.7794283</v>
      </c>
      <c r="AR1105" s="9">
        <v>25510.847930100001</v>
      </c>
      <c r="AS1105" s="9">
        <v>27332.5206168</v>
      </c>
      <c r="AT1105" s="9">
        <v>27400.6059866</v>
      </c>
      <c r="AU1105" s="9">
        <v>28643.2807178</v>
      </c>
      <c r="AV1105" s="9">
        <v>27838.4968457</v>
      </c>
      <c r="AW1105" s="9">
        <v>27949.1941339</v>
      </c>
      <c r="AX1105" s="9">
        <v>30782.551708300001</v>
      </c>
      <c r="AY1105" s="9">
        <v>30668.090935799999</v>
      </c>
      <c r="AZ1105" s="9">
        <v>30452.4133855</v>
      </c>
      <c r="BA1105" s="9">
        <v>30181.5558404</v>
      </c>
      <c r="BB1105" s="9">
        <v>31255.755689599999</v>
      </c>
      <c r="BC1105" s="9">
        <v>32809.348028</v>
      </c>
      <c r="BD1105" s="9">
        <v>34586.3612211</v>
      </c>
      <c r="BE1105" s="9">
        <v>36041.993957500003</v>
      </c>
      <c r="BF1105" s="9">
        <v>38934.923512000001</v>
      </c>
      <c r="BG1105" s="11">
        <v>-5</v>
      </c>
      <c r="BH1105" s="13">
        <v>-6.5789473684210523E-2</v>
      </c>
      <c r="BI1105" s="6">
        <v>7</v>
      </c>
      <c r="BJ1105" s="13">
        <v>9.2105263157894732E-2</v>
      </c>
      <c r="BK1105" s="6">
        <v>-9</v>
      </c>
      <c r="BL1105" s="13">
        <v>-0.10843373493975904</v>
      </c>
      <c r="BM1105" s="11">
        <v>-3</v>
      </c>
      <c r="BN1105" s="13">
        <v>-4.0540540540540543E-2</v>
      </c>
      <c r="BO1105" s="11">
        <v>-12</v>
      </c>
      <c r="BP1105" s="13">
        <v>-0.14457831325301204</v>
      </c>
      <c r="BQ1105" s="6">
        <v>76</v>
      </c>
      <c r="BR1105" s="6">
        <v>87</v>
      </c>
      <c r="BS1105" s="6">
        <v>86</v>
      </c>
      <c r="BT1105" s="6">
        <v>83</v>
      </c>
      <c r="BU1105" s="6">
        <v>84</v>
      </c>
      <c r="BV1105" s="6">
        <v>73</v>
      </c>
      <c r="BW1105" s="6">
        <v>74</v>
      </c>
      <c r="BX1105" s="6">
        <v>76</v>
      </c>
      <c r="BY1105" s="6">
        <v>79</v>
      </c>
      <c r="BZ1105" s="6">
        <v>83</v>
      </c>
      <c r="CA1105" s="6">
        <v>77</v>
      </c>
      <c r="CB1105" s="6">
        <v>71</v>
      </c>
      <c r="CC1105" s="11">
        <v>71</v>
      </c>
      <c r="CD1105" s="11">
        <v>183.423</v>
      </c>
      <c r="CE1105" s="11">
        <v>-97.391900000000007</v>
      </c>
      <c r="CF1105" s="11">
        <v>87.893199999999993</v>
      </c>
      <c r="CG1105" s="11">
        <v>-9</v>
      </c>
      <c r="CH1105" s="20">
        <v>1.29986</v>
      </c>
      <c r="CI1105" s="20">
        <v>1.3577699999999999</v>
      </c>
      <c r="CJ1105" s="20">
        <v>1.2264200000000001</v>
      </c>
      <c r="CK1105" s="20">
        <v>1.21929</v>
      </c>
      <c r="CL1105" s="20">
        <v>1.1902299999999999</v>
      </c>
      <c r="CM1105" s="20">
        <v>1.0821400000000001</v>
      </c>
      <c r="CN1105" s="20">
        <v>1.1222099999999999</v>
      </c>
      <c r="CO1105" s="20">
        <v>1.29176</v>
      </c>
      <c r="CP1105" s="20">
        <v>1.3447800000000001</v>
      </c>
      <c r="CQ1105" s="20">
        <v>1.2775099999999999</v>
      </c>
      <c r="CR1105" s="20">
        <v>1.37924</v>
      </c>
      <c r="CS1105" s="20">
        <v>1.50743</v>
      </c>
      <c r="CT1105" s="20">
        <v>1.3874</v>
      </c>
      <c r="CU1105" s="20">
        <v>1.4140299999999999</v>
      </c>
      <c r="CV1105" s="20">
        <v>1.55318</v>
      </c>
      <c r="CW1105" s="20">
        <v>1.56548</v>
      </c>
      <c r="CX1105" s="20">
        <v>1.60118</v>
      </c>
      <c r="CY1105" s="6" t="s">
        <v>568</v>
      </c>
      <c r="CZ1105" s="6" t="s">
        <v>569</v>
      </c>
      <c r="DA1105" s="6" t="s">
        <v>79</v>
      </c>
      <c r="DB1105" s="6" t="s">
        <v>345</v>
      </c>
      <c r="DC1105" s="6"/>
      <c r="DD1105" s="6"/>
      <c r="DE1105" s="6"/>
      <c r="DF1105" s="6"/>
      <c r="DG1105" s="6"/>
      <c r="DH1105" s="6" t="s">
        <v>333</v>
      </c>
      <c r="DI1105" s="6"/>
      <c r="DJ1105" s="6"/>
      <c r="DK1105" s="6"/>
      <c r="DL1105" s="6">
        <v>6</v>
      </c>
      <c r="DM1105" s="6" t="s">
        <v>396</v>
      </c>
      <c r="DN1105" s="6">
        <v>6</v>
      </c>
      <c r="DO1105" s="6" t="s">
        <v>393</v>
      </c>
      <c r="DP1105" s="6"/>
      <c r="DQ1105" s="6"/>
    </row>
    <row r="1106" spans="1:121" x14ac:dyDescent="0.2">
      <c r="A1106" s="6" t="s">
        <v>792</v>
      </c>
      <c r="B1106" s="6" t="s">
        <v>176</v>
      </c>
      <c r="C1106" s="6" t="s">
        <v>177</v>
      </c>
      <c r="D1106" s="6" t="s">
        <v>79</v>
      </c>
      <c r="E1106" s="6" t="s">
        <v>220</v>
      </c>
      <c r="F1106" s="11">
        <v>-78</v>
      </c>
      <c r="G1106" s="13">
        <v>-4.8933500627399998E-2</v>
      </c>
      <c r="H1106" s="11">
        <v>-44.983871910000062</v>
      </c>
      <c r="I1106" s="13">
        <v>-2.822832454196883E-2</v>
      </c>
      <c r="J1106" s="11">
        <v>-268.13173058000007</v>
      </c>
      <c r="K1106" s="13">
        <v>-0.17314591224184628</v>
      </c>
      <c r="L1106" s="11">
        <v>235.77372065000009</v>
      </c>
      <c r="M1106" s="13">
        <v>0.18413254287680464</v>
      </c>
      <c r="N1106" s="11">
        <v>-32.35800992999998</v>
      </c>
      <c r="O1106" s="13">
        <v>-2.0895166474856851E-2</v>
      </c>
      <c r="P1106" s="7">
        <v>1593.57215279</v>
      </c>
      <c r="Q1106" s="7">
        <v>1544.29418259</v>
      </c>
      <c r="R1106" s="7">
        <v>1536.7614198900001</v>
      </c>
      <c r="S1106" s="7">
        <v>1561.80697345</v>
      </c>
      <c r="T1106" s="7">
        <v>1541.90920512</v>
      </c>
      <c r="U1106" s="7">
        <v>1535.98998302</v>
      </c>
      <c r="V1106" s="7">
        <v>1548.58828088</v>
      </c>
      <c r="W1106" s="7">
        <v>1494.6297132699999</v>
      </c>
      <c r="X1106" s="7">
        <v>1308.16270521</v>
      </c>
      <c r="Y1106" s="7">
        <v>1280.4565502999999</v>
      </c>
      <c r="Z1106" s="7">
        <v>1252.61834413</v>
      </c>
      <c r="AA1106" s="7">
        <v>1386.9709314900001</v>
      </c>
      <c r="AB1106" s="7">
        <v>1591.44189241</v>
      </c>
      <c r="AC1106" s="7">
        <v>1601.3045266399999</v>
      </c>
      <c r="AD1106" s="7">
        <v>1572.2321156600001</v>
      </c>
      <c r="AE1106" s="7">
        <v>1471.7149756900001</v>
      </c>
      <c r="AF1106" s="7">
        <v>1516.23027095</v>
      </c>
      <c r="AG1106" s="9">
        <v>28819.783269699998</v>
      </c>
      <c r="AH1106" s="13">
        <v>0.98188176349118028</v>
      </c>
      <c r="AI1106" s="9">
        <v>12739.252317699997</v>
      </c>
      <c r="AJ1106" s="13">
        <v>0.43402267859568766</v>
      </c>
      <c r="AK1106" s="9">
        <v>5614.5513018000056</v>
      </c>
      <c r="AL1106" s="13">
        <v>0.13339130404839761</v>
      </c>
      <c r="AM1106" s="9">
        <v>10465.979650199995</v>
      </c>
      <c r="AN1106" s="13">
        <v>0.2193878002524855</v>
      </c>
      <c r="AO1106" s="9">
        <v>16080.530952000001</v>
      </c>
      <c r="AP1106" s="13">
        <v>0.38204352906887151</v>
      </c>
      <c r="AQ1106" s="9">
        <v>29351.5821775</v>
      </c>
      <c r="AR1106" s="9">
        <v>33910.343288700002</v>
      </c>
      <c r="AS1106" s="9">
        <v>34176.471693300002</v>
      </c>
      <c r="AT1106" s="9">
        <v>35557.683640199997</v>
      </c>
      <c r="AU1106" s="9">
        <v>37259.424798499997</v>
      </c>
      <c r="AV1106" s="9">
        <v>40032.847486600003</v>
      </c>
      <c r="AW1106" s="9">
        <v>42090.834495199997</v>
      </c>
      <c r="AX1106" s="9">
        <v>45469.028933599999</v>
      </c>
      <c r="AY1106" s="9">
        <v>46320.624329300001</v>
      </c>
      <c r="AZ1106" s="9">
        <v>47705.385797000003</v>
      </c>
      <c r="BA1106" s="9">
        <v>47309.954107099999</v>
      </c>
      <c r="BB1106" s="9">
        <v>46130.092145000002</v>
      </c>
      <c r="BC1106" s="9">
        <v>51292.798936200001</v>
      </c>
      <c r="BD1106" s="9">
        <v>52390.6903953</v>
      </c>
      <c r="BE1106" s="9">
        <v>55330.656611899998</v>
      </c>
      <c r="BF1106" s="9">
        <v>58171.365447199998</v>
      </c>
      <c r="BG1106" s="11">
        <v>-7.5</v>
      </c>
      <c r="BH1106" s="13">
        <v>-0.13636363636363635</v>
      </c>
      <c r="BI1106" s="6">
        <v>1</v>
      </c>
      <c r="BJ1106" s="13">
        <v>1.8181818181818181E-2</v>
      </c>
      <c r="BK1106" s="6">
        <v>0</v>
      </c>
      <c r="BL1106" s="13">
        <v>0</v>
      </c>
      <c r="BM1106" s="11">
        <v>-8.5</v>
      </c>
      <c r="BN1106" s="13">
        <v>-0.15178571428571427</v>
      </c>
      <c r="BO1106" s="11">
        <v>-8.5</v>
      </c>
      <c r="BP1106" s="13">
        <v>-0.15178571428571427</v>
      </c>
      <c r="BQ1106" s="6">
        <v>55</v>
      </c>
      <c r="BR1106" s="6">
        <v>55</v>
      </c>
      <c r="BS1106" s="6">
        <v>53</v>
      </c>
      <c r="BT1106" s="6">
        <v>56</v>
      </c>
      <c r="BU1106" s="6">
        <v>55</v>
      </c>
      <c r="BV1106" s="6">
        <v>54</v>
      </c>
      <c r="BW1106" s="6">
        <v>56</v>
      </c>
      <c r="BX1106" s="6">
        <v>49</v>
      </c>
      <c r="BY1106" s="6">
        <v>50</v>
      </c>
      <c r="BZ1106" s="6">
        <v>51</v>
      </c>
      <c r="CA1106" s="6">
        <v>50</v>
      </c>
      <c r="CB1106" s="6">
        <v>49</v>
      </c>
      <c r="CC1106" s="11">
        <v>47.5</v>
      </c>
      <c r="CD1106" s="11">
        <v>310.95699999999999</v>
      </c>
      <c r="CE1106" s="11">
        <v>-562.495</v>
      </c>
      <c r="CF1106" s="11">
        <v>174.197</v>
      </c>
      <c r="CG1106" s="11">
        <v>-388</v>
      </c>
      <c r="CH1106" s="20">
        <v>1.3456600000000001</v>
      </c>
      <c r="CI1106" s="20">
        <v>1.3808</v>
      </c>
      <c r="CJ1106" s="20">
        <v>1.3979999999999999</v>
      </c>
      <c r="CK1106" s="20">
        <v>1.44367</v>
      </c>
      <c r="CL1106" s="20">
        <v>1.4408799999999999</v>
      </c>
      <c r="CM1106" s="20">
        <v>1.4123600000000001</v>
      </c>
      <c r="CN1106" s="20">
        <v>1.4464699999999999</v>
      </c>
      <c r="CO1106" s="20">
        <v>1.45835</v>
      </c>
      <c r="CP1106" s="20">
        <v>1.45777</v>
      </c>
      <c r="CQ1106" s="20">
        <v>1.4360900000000001</v>
      </c>
      <c r="CR1106" s="20">
        <v>1.4159299999999999</v>
      </c>
      <c r="CS1106" s="20">
        <v>1.5492600000000001</v>
      </c>
      <c r="CT1106" s="20">
        <v>1.7965100000000001</v>
      </c>
      <c r="CU1106" s="20">
        <v>1.80236</v>
      </c>
      <c r="CV1106" s="20">
        <v>1.7439</v>
      </c>
      <c r="CW1106" s="20">
        <v>1.66351</v>
      </c>
      <c r="CX1106" s="20">
        <v>1.6941600000000001</v>
      </c>
      <c r="CY1106" s="6" t="s">
        <v>568</v>
      </c>
      <c r="CZ1106" s="6" t="s">
        <v>569</v>
      </c>
      <c r="DA1106" s="6" t="s">
        <v>79</v>
      </c>
      <c r="DB1106" s="6" t="s">
        <v>345</v>
      </c>
      <c r="DC1106" s="6"/>
      <c r="DD1106" s="6"/>
      <c r="DE1106" s="6"/>
      <c r="DF1106" s="6"/>
      <c r="DG1106" s="6"/>
      <c r="DH1106" s="6" t="s">
        <v>333</v>
      </c>
      <c r="DI1106" s="6"/>
      <c r="DJ1106" s="6"/>
      <c r="DK1106" s="6"/>
      <c r="DL1106" s="6">
        <v>6</v>
      </c>
      <c r="DM1106" s="6" t="s">
        <v>396</v>
      </c>
      <c r="DN1106" s="6">
        <v>6</v>
      </c>
      <c r="DO1106" s="6" t="s">
        <v>393</v>
      </c>
      <c r="DP1106" s="6"/>
      <c r="DQ1106" s="6"/>
    </row>
    <row r="1107" spans="1:121" x14ac:dyDescent="0.2">
      <c r="A1107" s="6" t="s">
        <v>313</v>
      </c>
      <c r="B1107" s="6" t="s">
        <v>313</v>
      </c>
      <c r="C1107" s="6" t="s">
        <v>178</v>
      </c>
      <c r="D1107" s="6" t="s">
        <v>79</v>
      </c>
      <c r="E1107" s="6" t="s">
        <v>220</v>
      </c>
      <c r="F1107" s="11">
        <v>101</v>
      </c>
      <c r="G1107" s="13">
        <v>0.68707482993199998</v>
      </c>
      <c r="H1107" s="11">
        <v>98.069495065999973</v>
      </c>
      <c r="I1107" s="13">
        <v>0.66727961097299893</v>
      </c>
      <c r="J1107" s="11">
        <v>-21.792001874999983</v>
      </c>
      <c r="K1107" s="13">
        <v>-8.89329306567785E-2</v>
      </c>
      <c r="L1107" s="11">
        <v>24.898278587999982</v>
      </c>
      <c r="M1107" s="13">
        <v>0.11152813738987331</v>
      </c>
      <c r="N1107" s="11">
        <v>3.1062767129999997</v>
      </c>
      <c r="O1107" s="13">
        <v>1.2676682624321546E-2</v>
      </c>
      <c r="P1107" s="7">
        <v>146.96911677400001</v>
      </c>
      <c r="Q1107" s="7">
        <v>144.41592815499999</v>
      </c>
      <c r="R1107" s="7">
        <v>182.04222370599999</v>
      </c>
      <c r="S1107" s="7">
        <v>190.68658001399999</v>
      </c>
      <c r="T1107" s="7">
        <v>218.73084394700001</v>
      </c>
      <c r="U1107" s="7">
        <v>213.94028451099999</v>
      </c>
      <c r="V1107" s="7">
        <v>245.03861183999999</v>
      </c>
      <c r="W1107" s="7">
        <v>245.179031538</v>
      </c>
      <c r="X1107" s="7">
        <v>217.54779804399999</v>
      </c>
      <c r="Y1107" s="7">
        <v>223.246609965</v>
      </c>
      <c r="Z1107" s="7">
        <v>238.31332463199999</v>
      </c>
      <c r="AA1107" s="7">
        <v>232.90315063599999</v>
      </c>
      <c r="AB1107" s="7">
        <v>220.12528201200001</v>
      </c>
      <c r="AC1107" s="7">
        <v>201.579961255</v>
      </c>
      <c r="AD1107" s="7">
        <v>240.09197617199999</v>
      </c>
      <c r="AE1107" s="7">
        <v>239.94386418400001</v>
      </c>
      <c r="AF1107" s="7">
        <v>248.14488855299999</v>
      </c>
      <c r="AG1107" s="9">
        <v>12672.559582499998</v>
      </c>
      <c r="AH1107" s="13">
        <v>0.40762183265466234</v>
      </c>
      <c r="AI1107" s="9">
        <v>1599.4710225999988</v>
      </c>
      <c r="AJ1107" s="13">
        <v>5.1448115533864247E-2</v>
      </c>
      <c r="AK1107" s="9">
        <v>5283.2496183000003</v>
      </c>
      <c r="AL1107" s="13">
        <v>0.1616241964721819</v>
      </c>
      <c r="AM1107" s="9">
        <v>5789.8389415999991</v>
      </c>
      <c r="AN1107" s="13">
        <v>0.15247761196617507</v>
      </c>
      <c r="AO1107" s="9">
        <v>11073.088559899999</v>
      </c>
      <c r="AP1107" s="13">
        <v>0.3387458799523872</v>
      </c>
      <c r="AQ1107" s="9">
        <v>31089.010860800001</v>
      </c>
      <c r="AR1107" s="9">
        <v>36624.185753099999</v>
      </c>
      <c r="AS1107" s="9">
        <v>30365.195133699999</v>
      </c>
      <c r="AT1107" s="9">
        <v>32086.6765868</v>
      </c>
      <c r="AU1107" s="9">
        <v>31624.107595199999</v>
      </c>
      <c r="AV1107" s="9">
        <v>31691.778311900001</v>
      </c>
      <c r="AW1107" s="9">
        <v>32688.4818834</v>
      </c>
      <c r="AX1107" s="9">
        <v>32504.3108818</v>
      </c>
      <c r="AY1107" s="9">
        <v>34227.6886438</v>
      </c>
      <c r="AZ1107" s="9">
        <v>37971.7315017</v>
      </c>
      <c r="BA1107" s="9">
        <v>39918.501821099999</v>
      </c>
      <c r="BB1107" s="9">
        <v>39914.086945900002</v>
      </c>
      <c r="BC1107" s="9">
        <v>40586.912042999997</v>
      </c>
      <c r="BD1107" s="9">
        <v>43028.768597299997</v>
      </c>
      <c r="BE1107" s="9">
        <v>43132.816423999997</v>
      </c>
      <c r="BF1107" s="9">
        <v>43761.570443299999</v>
      </c>
      <c r="BG1107" s="11">
        <v>3</v>
      </c>
      <c r="BH1107" s="13">
        <v>0.10344827586206896</v>
      </c>
      <c r="BI1107" s="6">
        <v>7</v>
      </c>
      <c r="BJ1107" s="13">
        <v>0.2413793103448276</v>
      </c>
      <c r="BK1107" s="6">
        <v>-2</v>
      </c>
      <c r="BL1107" s="13">
        <v>-5.5555555555555552E-2</v>
      </c>
      <c r="BM1107" s="11">
        <v>-2</v>
      </c>
      <c r="BN1107" s="13">
        <v>-5.8823529411764705E-2</v>
      </c>
      <c r="BO1107" s="11">
        <v>-4</v>
      </c>
      <c r="BP1107" s="13">
        <v>-0.1111111111111111</v>
      </c>
      <c r="BQ1107" s="6">
        <v>29</v>
      </c>
      <c r="BR1107" s="6">
        <v>33</v>
      </c>
      <c r="BS1107" s="6">
        <v>33</v>
      </c>
      <c r="BT1107" s="6">
        <v>36</v>
      </c>
      <c r="BU1107" s="6">
        <v>36</v>
      </c>
      <c r="BV1107" s="6">
        <v>35</v>
      </c>
      <c r="BW1107" s="6">
        <v>34</v>
      </c>
      <c r="BX1107" s="6">
        <v>33</v>
      </c>
      <c r="BY1107" s="6">
        <v>37</v>
      </c>
      <c r="BZ1107" s="6">
        <v>37</v>
      </c>
      <c r="CA1107" s="6">
        <v>34</v>
      </c>
      <c r="CB1107" s="6">
        <v>33</v>
      </c>
      <c r="CC1107" s="11">
        <v>32</v>
      </c>
      <c r="CD1107" s="11">
        <v>97.127600000000001</v>
      </c>
      <c r="CE1107" s="11">
        <v>-12.017300000000001</v>
      </c>
      <c r="CF1107" s="11">
        <v>16.0655</v>
      </c>
      <c r="CG1107" s="11">
        <v>4</v>
      </c>
      <c r="CH1107" s="20">
        <v>0.34853200000000001</v>
      </c>
      <c r="CI1107" s="20">
        <v>0.34441500000000003</v>
      </c>
      <c r="CJ1107" s="20">
        <v>0.422238</v>
      </c>
      <c r="CK1107" s="20">
        <v>0.43877699999999997</v>
      </c>
      <c r="CL1107" s="20">
        <v>0.496751</v>
      </c>
      <c r="CM1107" s="20">
        <v>0.46516400000000002</v>
      </c>
      <c r="CN1107" s="20">
        <v>0.52204799999999996</v>
      </c>
      <c r="CO1107" s="20">
        <v>0.53166800000000003</v>
      </c>
      <c r="CP1107" s="20">
        <v>0.50930299999999995</v>
      </c>
      <c r="CQ1107" s="20">
        <v>0.52077099999999998</v>
      </c>
      <c r="CR1107" s="20">
        <v>0.56275600000000003</v>
      </c>
      <c r="CS1107" s="20">
        <v>0.54283999999999999</v>
      </c>
      <c r="CT1107" s="20">
        <v>0.51555799999999996</v>
      </c>
      <c r="CU1107" s="20">
        <v>0.47133399999999998</v>
      </c>
      <c r="CV1107" s="20">
        <v>0.55357699999999999</v>
      </c>
      <c r="CW1107" s="20">
        <v>0.56523100000000004</v>
      </c>
      <c r="CX1107" s="20">
        <v>0.57314200000000004</v>
      </c>
      <c r="CY1107" s="6" t="s">
        <v>568</v>
      </c>
      <c r="CZ1107" s="6" t="s">
        <v>569</v>
      </c>
      <c r="DA1107" s="6" t="s">
        <v>79</v>
      </c>
      <c r="DB1107" s="6" t="s">
        <v>345</v>
      </c>
      <c r="DC1107" s="6"/>
      <c r="DD1107" s="6"/>
      <c r="DE1107" s="6"/>
      <c r="DF1107" s="6"/>
      <c r="DG1107" s="6"/>
      <c r="DH1107" s="6" t="s">
        <v>333</v>
      </c>
      <c r="DI1107" s="6"/>
      <c r="DJ1107" s="6"/>
      <c r="DK1107" s="6"/>
      <c r="DL1107" s="6">
        <v>6</v>
      </c>
      <c r="DM1107" s="6" t="s">
        <v>396</v>
      </c>
      <c r="DN1107" s="6">
        <v>6</v>
      </c>
      <c r="DO1107" s="6" t="s">
        <v>393</v>
      </c>
      <c r="DP1107" s="6"/>
      <c r="DQ1107" s="6"/>
    </row>
    <row r="1108" spans="1:121" x14ac:dyDescent="0.2">
      <c r="A1108" s="6" t="s">
        <v>793</v>
      </c>
      <c r="B1108" s="6" t="s">
        <v>179</v>
      </c>
      <c r="C1108" s="6" t="s">
        <v>180</v>
      </c>
      <c r="D1108" s="6" t="s">
        <v>79</v>
      </c>
      <c r="E1108" s="6" t="s">
        <v>220</v>
      </c>
      <c r="F1108" s="11">
        <v>-51</v>
      </c>
      <c r="G1108" s="13">
        <v>-0.03</v>
      </c>
      <c r="H1108" s="11">
        <v>-111</v>
      </c>
      <c r="I1108" s="13">
        <v>-7.5050709939148058E-2</v>
      </c>
      <c r="J1108" s="11">
        <v>-58</v>
      </c>
      <c r="K1108" s="13">
        <v>-4.2397660818713448E-2</v>
      </c>
      <c r="L1108" s="11">
        <v>118</v>
      </c>
      <c r="M1108" s="13">
        <v>9.0076335877862596E-2</v>
      </c>
      <c r="N1108" s="11">
        <v>60</v>
      </c>
      <c r="O1108" s="13">
        <v>4.3859649122807015E-2</v>
      </c>
      <c r="P1108" s="7">
        <v>1479</v>
      </c>
      <c r="Q1108" s="7">
        <v>1447</v>
      </c>
      <c r="R1108" s="7">
        <v>1434</v>
      </c>
      <c r="S1108" s="7">
        <v>1391</v>
      </c>
      <c r="T1108" s="7">
        <v>1355</v>
      </c>
      <c r="U1108" s="7">
        <v>1390</v>
      </c>
      <c r="V1108" s="7">
        <v>1368</v>
      </c>
      <c r="W1108" s="7">
        <v>1340</v>
      </c>
      <c r="X1108" s="7">
        <v>1263</v>
      </c>
      <c r="Y1108" s="7">
        <v>1310</v>
      </c>
      <c r="Z1108" s="7">
        <v>1338</v>
      </c>
      <c r="AA1108" s="7">
        <v>1330</v>
      </c>
      <c r="AB1108" s="7">
        <v>1179</v>
      </c>
      <c r="AC1108" s="7">
        <v>1208</v>
      </c>
      <c r="AD1108" s="7">
        <v>1358</v>
      </c>
      <c r="AE1108" s="7">
        <v>1370</v>
      </c>
      <c r="AF1108" s="7">
        <v>1428</v>
      </c>
      <c r="AG1108" s="9">
        <v>6292</v>
      </c>
      <c r="AH1108" s="13">
        <v>0.26706281833616297</v>
      </c>
      <c r="AI1108" s="9">
        <v>3466</v>
      </c>
      <c r="AJ1108" s="13">
        <v>0.14711375212224109</v>
      </c>
      <c r="AK1108" s="9">
        <v>896</v>
      </c>
      <c r="AL1108" s="13">
        <v>3.3153259823873307E-2</v>
      </c>
      <c r="AM1108" s="9">
        <v>1930</v>
      </c>
      <c r="AN1108" s="13">
        <v>6.9121123128715711E-2</v>
      </c>
      <c r="AO1108" s="9">
        <v>2826</v>
      </c>
      <c r="AP1108" s="13">
        <v>0.10456597350699326</v>
      </c>
      <c r="AQ1108" s="9">
        <v>23560</v>
      </c>
      <c r="AR1108" s="9">
        <v>24304</v>
      </c>
      <c r="AS1108" s="9">
        <v>25189</v>
      </c>
      <c r="AT1108" s="9">
        <v>26579</v>
      </c>
      <c r="AU1108" s="9">
        <v>26074</v>
      </c>
      <c r="AV1108" s="9">
        <v>26083</v>
      </c>
      <c r="AW1108" s="9">
        <v>27026</v>
      </c>
      <c r="AX1108" s="9">
        <v>27087</v>
      </c>
      <c r="AY1108" s="9">
        <v>27276</v>
      </c>
      <c r="AZ1108" s="9">
        <v>27922</v>
      </c>
      <c r="BA1108" s="9">
        <v>28839</v>
      </c>
      <c r="BB1108" s="9">
        <v>29842</v>
      </c>
      <c r="BC1108" s="9">
        <v>28376</v>
      </c>
      <c r="BD1108" s="9">
        <v>28434</v>
      </c>
      <c r="BE1108" s="9">
        <v>28660</v>
      </c>
      <c r="BF1108" s="9">
        <v>29852</v>
      </c>
      <c r="BG1108" s="11">
        <v>-18</v>
      </c>
      <c r="BH1108" s="13">
        <v>-0.15126050420168066</v>
      </c>
      <c r="BI1108" s="6">
        <v>-7</v>
      </c>
      <c r="BJ1108" s="13">
        <v>-5.8823529411764705E-2</v>
      </c>
      <c r="BK1108" s="6">
        <v>-4</v>
      </c>
      <c r="BL1108" s="13">
        <v>-3.5714285714285712E-2</v>
      </c>
      <c r="BM1108" s="11">
        <v>-7</v>
      </c>
      <c r="BN1108" s="13">
        <v>-6.4814814814814811E-2</v>
      </c>
      <c r="BO1108" s="11">
        <v>-11</v>
      </c>
      <c r="BP1108" s="13">
        <v>-9.8214285714285712E-2</v>
      </c>
      <c r="BQ1108" s="6">
        <v>119</v>
      </c>
      <c r="BR1108" s="6">
        <v>117</v>
      </c>
      <c r="BS1108" s="6">
        <v>120</v>
      </c>
      <c r="BT1108" s="6">
        <v>112</v>
      </c>
      <c r="BU1108" s="6">
        <v>110</v>
      </c>
      <c r="BV1108" s="6">
        <v>104</v>
      </c>
      <c r="BW1108" s="6">
        <v>108</v>
      </c>
      <c r="BX1108" s="6">
        <v>109</v>
      </c>
      <c r="BY1108" s="6">
        <v>112</v>
      </c>
      <c r="BZ1108" s="6">
        <v>102</v>
      </c>
      <c r="CA1108" s="6">
        <v>95</v>
      </c>
      <c r="CB1108" s="6">
        <v>100</v>
      </c>
      <c r="CC1108" s="11">
        <v>101</v>
      </c>
      <c r="CD1108" s="11">
        <v>-118</v>
      </c>
      <c r="CE1108" s="11">
        <v>-95</v>
      </c>
      <c r="CF1108" s="11">
        <v>162</v>
      </c>
      <c r="CG1108" s="11">
        <v>67</v>
      </c>
      <c r="CH1108" s="20">
        <v>1.31</v>
      </c>
      <c r="CI1108" s="20">
        <v>1.26</v>
      </c>
      <c r="CJ1108" s="20">
        <v>1.22</v>
      </c>
      <c r="CK1108" s="20">
        <v>1.18</v>
      </c>
      <c r="CL1108" s="20">
        <v>1.1399999999999999</v>
      </c>
      <c r="CM1108" s="20">
        <v>1.1399999999999999</v>
      </c>
      <c r="CN1108" s="20">
        <v>1.1100000000000001</v>
      </c>
      <c r="CO1108" s="20">
        <v>1.1100000000000001</v>
      </c>
      <c r="CP1108" s="20">
        <v>1.1100000000000001</v>
      </c>
      <c r="CQ1108" s="20">
        <v>1.1399999999999999</v>
      </c>
      <c r="CR1108" s="20">
        <v>1.18</v>
      </c>
      <c r="CS1108" s="20">
        <v>1.1599999999999999</v>
      </c>
      <c r="CT1108" s="20">
        <v>1.03</v>
      </c>
      <c r="CU1108" s="20">
        <v>1.05</v>
      </c>
      <c r="CV1108" s="20">
        <v>1.1599999999999999</v>
      </c>
      <c r="CW1108" s="20">
        <v>1.18</v>
      </c>
      <c r="CX1108" s="20">
        <v>1.21</v>
      </c>
      <c r="CY1108" s="6" t="s">
        <v>568</v>
      </c>
      <c r="CZ1108" s="6" t="s">
        <v>569</v>
      </c>
      <c r="DA1108" s="6" t="s">
        <v>79</v>
      </c>
      <c r="DB1108" s="6" t="s">
        <v>345</v>
      </c>
      <c r="DC1108" s="6"/>
      <c r="DD1108" s="6"/>
      <c r="DE1108" s="6"/>
      <c r="DF1108" s="6"/>
      <c r="DG1108" s="6"/>
      <c r="DH1108" s="6" t="s">
        <v>333</v>
      </c>
      <c r="DI1108" s="6"/>
      <c r="DJ1108" s="6"/>
      <c r="DK1108" s="6"/>
      <c r="DL1108" s="6">
        <v>6</v>
      </c>
      <c r="DM1108" s="6" t="s">
        <v>396</v>
      </c>
      <c r="DN1108" s="6">
        <v>6</v>
      </c>
      <c r="DO1108" s="6" t="s">
        <v>393</v>
      </c>
      <c r="DP1108" s="6"/>
      <c r="DQ1108" s="6"/>
    </row>
    <row r="1109" spans="1:121" x14ac:dyDescent="0.2">
      <c r="A1109" s="6" t="s">
        <v>794</v>
      </c>
      <c r="B1109" s="6" t="s">
        <v>181</v>
      </c>
      <c r="C1109" s="6" t="s">
        <v>182</v>
      </c>
      <c r="D1109" s="6" t="s">
        <v>79</v>
      </c>
      <c r="E1109" s="6" t="s">
        <v>220</v>
      </c>
      <c r="F1109" s="11">
        <v>-136</v>
      </c>
      <c r="G1109" s="13">
        <v>-0.24372759856599999</v>
      </c>
      <c r="H1109" s="11">
        <v>158.68497352400004</v>
      </c>
      <c r="I1109" s="13">
        <v>0.28430084738022016</v>
      </c>
      <c r="J1109" s="11">
        <v>-108.78880600800005</v>
      </c>
      <c r="K1109" s="13">
        <v>-0.15176086441023498</v>
      </c>
      <c r="L1109" s="11">
        <v>-186.20477571099997</v>
      </c>
      <c r="M1109" s="13">
        <v>-0.30623025140450794</v>
      </c>
      <c r="N1109" s="11">
        <v>-294.99358171900002</v>
      </c>
      <c r="O1109" s="13">
        <v>-0.4115173481530312</v>
      </c>
      <c r="P1109" s="7">
        <v>558.15863718399999</v>
      </c>
      <c r="Q1109" s="7">
        <v>481.94742041000001</v>
      </c>
      <c r="R1109" s="7">
        <v>517.40631456300002</v>
      </c>
      <c r="S1109" s="7">
        <v>596.73386509900001</v>
      </c>
      <c r="T1109" s="7">
        <v>619.73066631999995</v>
      </c>
      <c r="U1109" s="7">
        <v>676.88891619799995</v>
      </c>
      <c r="V1109" s="7">
        <v>716.84361070800003</v>
      </c>
      <c r="W1109" s="7">
        <v>597.22210975400003</v>
      </c>
      <c r="X1109" s="7">
        <v>582.94613804899996</v>
      </c>
      <c r="Y1109" s="7">
        <v>608.05480469999998</v>
      </c>
      <c r="Z1109" s="7">
        <v>539.04265842500001</v>
      </c>
      <c r="AA1109" s="7">
        <v>491.49618021600003</v>
      </c>
      <c r="AB1109" s="7">
        <v>496.21595400400003</v>
      </c>
      <c r="AC1109" s="7">
        <v>412.19472516000002</v>
      </c>
      <c r="AD1109" s="7">
        <v>437.34535471999999</v>
      </c>
      <c r="AE1109" s="7">
        <v>429.79790626900001</v>
      </c>
      <c r="AF1109" s="7">
        <v>421.85002898900001</v>
      </c>
      <c r="AG1109" s="9">
        <v>18639.447822700004</v>
      </c>
      <c r="AH1109" s="13">
        <v>0.57765082080727537</v>
      </c>
      <c r="AI1109" s="9">
        <v>10859.614386400001</v>
      </c>
      <c r="AJ1109" s="13">
        <v>0.33654780032243337</v>
      </c>
      <c r="AK1109" s="9">
        <v>2725.1277240999989</v>
      </c>
      <c r="AL1109" s="13">
        <v>6.3188015896842878E-2</v>
      </c>
      <c r="AM1109" s="9">
        <v>5054.7057122000042</v>
      </c>
      <c r="AN1109" s="13">
        <v>0.11023859254828304</v>
      </c>
      <c r="AO1109" s="9">
        <v>7779.8334363000031</v>
      </c>
      <c r="AP1109" s="13">
        <v>0.18039236638351239</v>
      </c>
      <c r="AQ1109" s="9">
        <v>32267.673049699999</v>
      </c>
      <c r="AR1109" s="9">
        <v>35222.582310400001</v>
      </c>
      <c r="AS1109" s="9">
        <v>35823.7276471</v>
      </c>
      <c r="AT1109" s="9">
        <v>37142.950654200002</v>
      </c>
      <c r="AU1109" s="9">
        <v>37417.642677600001</v>
      </c>
      <c r="AV1109" s="9">
        <v>38056.109484200002</v>
      </c>
      <c r="AW1109" s="9">
        <v>43127.287436099999</v>
      </c>
      <c r="AX1109" s="9">
        <v>43228.328274899999</v>
      </c>
      <c r="AY1109" s="9">
        <v>43104.218192599998</v>
      </c>
      <c r="AZ1109" s="9">
        <v>45852.415160199998</v>
      </c>
      <c r="BA1109" s="9">
        <v>44903.892420700002</v>
      </c>
      <c r="BB1109" s="9">
        <v>44865.635915799998</v>
      </c>
      <c r="BC1109" s="9">
        <v>43548.694231699999</v>
      </c>
      <c r="BD1109" s="9">
        <v>45898.658748100002</v>
      </c>
      <c r="BE1109" s="9">
        <v>50474.432669499998</v>
      </c>
      <c r="BF1109" s="9">
        <v>50907.120872400003</v>
      </c>
      <c r="BG1109" s="11">
        <v>11.5</v>
      </c>
      <c r="BH1109" s="13">
        <v>0.24468085106382978</v>
      </c>
      <c r="BI1109" s="6">
        <v>14</v>
      </c>
      <c r="BJ1109" s="13">
        <v>0.2978723404255319</v>
      </c>
      <c r="BK1109" s="6">
        <v>5</v>
      </c>
      <c r="BL1109" s="13">
        <v>8.1967213114754092E-2</v>
      </c>
      <c r="BM1109" s="11">
        <v>-7.5</v>
      </c>
      <c r="BN1109" s="13">
        <v>-0.11363636363636363</v>
      </c>
      <c r="BO1109" s="11">
        <v>-2.5</v>
      </c>
      <c r="BP1109" s="13">
        <v>-4.0983606557377046E-2</v>
      </c>
      <c r="BQ1109" s="6">
        <v>47</v>
      </c>
      <c r="BR1109" s="6">
        <v>55</v>
      </c>
      <c r="BS1109" s="6">
        <v>58</v>
      </c>
      <c r="BT1109" s="6">
        <v>61</v>
      </c>
      <c r="BU1109" s="6">
        <v>64</v>
      </c>
      <c r="BV1109" s="6">
        <v>62</v>
      </c>
      <c r="BW1109" s="6">
        <v>66</v>
      </c>
      <c r="BX1109" s="6">
        <v>60</v>
      </c>
      <c r="BY1109" s="6">
        <v>57</v>
      </c>
      <c r="BZ1109" s="6">
        <v>58</v>
      </c>
      <c r="CA1109" s="6">
        <v>53</v>
      </c>
      <c r="CB1109" s="6">
        <v>57</v>
      </c>
      <c r="CC1109" s="11">
        <v>58.5</v>
      </c>
      <c r="CD1109" s="11">
        <v>-232.50299999999999</v>
      </c>
      <c r="CE1109" s="11">
        <v>35.180999999999997</v>
      </c>
      <c r="CF1109" s="11">
        <v>61.013500000000001</v>
      </c>
      <c r="CG1109" s="11">
        <v>96</v>
      </c>
      <c r="CH1109" s="20">
        <v>1.67211</v>
      </c>
      <c r="CI1109" s="20">
        <v>1.4642900000000001</v>
      </c>
      <c r="CJ1109" s="20">
        <v>1.5321100000000001</v>
      </c>
      <c r="CK1109" s="20">
        <v>1.7361</v>
      </c>
      <c r="CL1109" s="20">
        <v>1.7688600000000001</v>
      </c>
      <c r="CM1109" s="20">
        <v>1.8443400000000001</v>
      </c>
      <c r="CN1109" s="20">
        <v>1.9097500000000001</v>
      </c>
      <c r="CO1109" s="20">
        <v>1.6196299999999999</v>
      </c>
      <c r="CP1109" s="20">
        <v>1.7017800000000001</v>
      </c>
      <c r="CQ1109" s="20">
        <v>1.75804</v>
      </c>
      <c r="CR1109" s="20">
        <v>1.55724</v>
      </c>
      <c r="CS1109" s="20">
        <v>1.39598</v>
      </c>
      <c r="CT1109" s="20">
        <v>1.4077500000000001</v>
      </c>
      <c r="CU1109" s="20">
        <v>1.1414200000000001</v>
      </c>
      <c r="CV1109" s="20">
        <v>1.15334</v>
      </c>
      <c r="CW1109" s="20">
        <v>1.1284000000000001</v>
      </c>
      <c r="CX1109" s="20">
        <v>1.07883</v>
      </c>
      <c r="CY1109" s="6" t="s">
        <v>568</v>
      </c>
      <c r="CZ1109" s="6" t="s">
        <v>569</v>
      </c>
      <c r="DA1109" s="6" t="s">
        <v>79</v>
      </c>
      <c r="DB1109" s="6" t="s">
        <v>345</v>
      </c>
      <c r="DC1109" s="6"/>
      <c r="DD1109" s="6"/>
      <c r="DE1109" s="6"/>
      <c r="DF1109" s="6"/>
      <c r="DG1109" s="6"/>
      <c r="DH1109" s="6" t="s">
        <v>333</v>
      </c>
      <c r="DI1109" s="6"/>
      <c r="DJ1109" s="6"/>
      <c r="DK1109" s="6"/>
      <c r="DL1109" s="6">
        <v>6</v>
      </c>
      <c r="DM1109" s="6" t="s">
        <v>396</v>
      </c>
      <c r="DN1109" s="6">
        <v>6</v>
      </c>
      <c r="DO1109" s="6" t="s">
        <v>393</v>
      </c>
      <c r="DP1109" s="6"/>
      <c r="DQ1109" s="6"/>
    </row>
    <row r="1110" spans="1:121" x14ac:dyDescent="0.2">
      <c r="A1110" s="6" t="s">
        <v>314</v>
      </c>
      <c r="B1110" s="6" t="s">
        <v>314</v>
      </c>
      <c r="C1110" s="6" t="s">
        <v>183</v>
      </c>
      <c r="D1110" s="6" t="s">
        <v>79</v>
      </c>
      <c r="E1110" s="6" t="s">
        <v>220</v>
      </c>
      <c r="F1110" s="11">
        <v>-17</v>
      </c>
      <c r="G1110" s="13">
        <v>-0.17346938775500001</v>
      </c>
      <c r="H1110" s="11">
        <v>38.221480739499995</v>
      </c>
      <c r="I1110" s="13">
        <v>0.39021161791778297</v>
      </c>
      <c r="J1110" s="11">
        <v>-15.647925665999992</v>
      </c>
      <c r="K1110" s="13">
        <v>-0.11491283743699554</v>
      </c>
      <c r="L1110" s="11">
        <v>-39.973782131099995</v>
      </c>
      <c r="M1110" s="13">
        <v>-0.33166601554289654</v>
      </c>
      <c r="N1110" s="11">
        <v>-55.621707797099987</v>
      </c>
      <c r="O1110" s="13">
        <v>-0.40846617005243518</v>
      </c>
      <c r="P1110" s="7">
        <v>97.950647762499997</v>
      </c>
      <c r="Q1110" s="7">
        <v>96.685152272099998</v>
      </c>
      <c r="R1110" s="7">
        <v>121.457111966</v>
      </c>
      <c r="S1110" s="7">
        <v>132.846042135</v>
      </c>
      <c r="T1110" s="7">
        <v>142.711708182</v>
      </c>
      <c r="U1110" s="7">
        <v>153.78672581500001</v>
      </c>
      <c r="V1110" s="7">
        <v>136.17212850199999</v>
      </c>
      <c r="W1110" s="7">
        <v>113.579139912</v>
      </c>
      <c r="X1110" s="7">
        <v>113.463770575</v>
      </c>
      <c r="Y1110" s="7">
        <v>120.524202836</v>
      </c>
      <c r="Z1110" s="7">
        <v>115.337705149</v>
      </c>
      <c r="AA1110" s="7">
        <v>94.612662160799999</v>
      </c>
      <c r="AB1110" s="7">
        <v>86.6403582473</v>
      </c>
      <c r="AC1110" s="7">
        <v>90.831330071899998</v>
      </c>
      <c r="AD1110" s="7">
        <v>92.2138703671</v>
      </c>
      <c r="AE1110" s="7">
        <v>82.824865702099999</v>
      </c>
      <c r="AF1110" s="7">
        <v>80.550420704900006</v>
      </c>
      <c r="AG1110" s="9">
        <v>13171.9087597</v>
      </c>
      <c r="AH1110" s="13">
        <v>0.53198533863690367</v>
      </c>
      <c r="AI1110" s="9">
        <v>7450.3811009000019</v>
      </c>
      <c r="AJ1110" s="13">
        <v>0.30090502335263264</v>
      </c>
      <c r="AK1110" s="9">
        <v>4018.722366199996</v>
      </c>
      <c r="AL1110" s="13">
        <v>0.1247651700762604</v>
      </c>
      <c r="AM1110" s="9">
        <v>1702.8052926000018</v>
      </c>
      <c r="AN1110" s="13">
        <v>4.7001150741777416E-2</v>
      </c>
      <c r="AO1110" s="9">
        <v>5721.5276587999979</v>
      </c>
      <c r="AP1110" s="13">
        <v>0.17763042738411561</v>
      </c>
      <c r="AQ1110" s="9">
        <v>24759.909349099999</v>
      </c>
      <c r="AR1110" s="9">
        <v>28201.844715300002</v>
      </c>
      <c r="AS1110" s="9">
        <v>32853.620820700002</v>
      </c>
      <c r="AT1110" s="9">
        <v>34867.315815000002</v>
      </c>
      <c r="AU1110" s="9">
        <v>32218.644186900001</v>
      </c>
      <c r="AV1110" s="9">
        <v>30943.3767009</v>
      </c>
      <c r="AW1110" s="9">
        <v>32210.29045</v>
      </c>
      <c r="AX1110" s="9">
        <v>36336.337625599997</v>
      </c>
      <c r="AY1110" s="9">
        <v>40040.4792275</v>
      </c>
      <c r="AZ1110" s="9">
        <v>36229.012816199996</v>
      </c>
      <c r="BA1110" s="9">
        <v>36180.909521100002</v>
      </c>
      <c r="BB1110" s="9">
        <v>46710.848413699998</v>
      </c>
      <c r="BC1110" s="9">
        <v>35281.282080999998</v>
      </c>
      <c r="BD1110" s="9">
        <v>35071.911848399999</v>
      </c>
      <c r="BE1110" s="9">
        <v>40222.661458000002</v>
      </c>
      <c r="BF1110" s="9">
        <v>37931.818108799998</v>
      </c>
      <c r="BG1110" s="11">
        <v>-3.75</v>
      </c>
      <c r="BH1110" s="13">
        <v>-0.22058823529411764</v>
      </c>
      <c r="BI1110" s="6">
        <v>1</v>
      </c>
      <c r="BJ1110" s="13">
        <v>5.8823529411764705E-2</v>
      </c>
      <c r="BK1110" s="6">
        <v>-6</v>
      </c>
      <c r="BL1110" s="13">
        <v>-0.33333333333333331</v>
      </c>
      <c r="BM1110" s="11">
        <v>1.25</v>
      </c>
      <c r="BN1110" s="13">
        <v>0.10416666666666667</v>
      </c>
      <c r="BO1110" s="11">
        <v>-4.75</v>
      </c>
      <c r="BP1110" s="13">
        <v>-0.2638888888888889</v>
      </c>
      <c r="BQ1110" s="6">
        <v>17</v>
      </c>
      <c r="BR1110" s="6">
        <v>17</v>
      </c>
      <c r="BS1110" s="6">
        <v>19</v>
      </c>
      <c r="BT1110" s="6">
        <v>18</v>
      </c>
      <c r="BU1110" s="6">
        <v>15</v>
      </c>
      <c r="BV1110" s="6">
        <v>15</v>
      </c>
      <c r="BW1110" s="6">
        <v>12</v>
      </c>
      <c r="BX1110" s="6">
        <v>12</v>
      </c>
      <c r="BY1110" s="6">
        <v>11</v>
      </c>
      <c r="BZ1110" s="6">
        <v>11</v>
      </c>
      <c r="CA1110" s="6">
        <v>11</v>
      </c>
      <c r="CB1110" s="6">
        <v>12</v>
      </c>
      <c r="CC1110" s="11">
        <v>13.25</v>
      </c>
      <c r="CD1110" s="11">
        <v>1.89394</v>
      </c>
      <c r="CE1110" s="11">
        <v>-30.001300000000001</v>
      </c>
      <c r="CF1110" s="11">
        <v>10.7072</v>
      </c>
      <c r="CG1110" s="11">
        <v>-19</v>
      </c>
      <c r="CH1110" s="20">
        <v>0.37262800000000001</v>
      </c>
      <c r="CI1110" s="20">
        <v>0.38355699999999998</v>
      </c>
      <c r="CJ1110" s="20">
        <v>0.49033599999999999</v>
      </c>
      <c r="CK1110" s="20">
        <v>0.54922300000000002</v>
      </c>
      <c r="CL1110" s="20">
        <v>0.60078100000000001</v>
      </c>
      <c r="CM1110" s="20">
        <v>0.63644800000000001</v>
      </c>
      <c r="CN1110" s="20">
        <v>0.56362699999999999</v>
      </c>
      <c r="CO1110" s="20">
        <v>0.48271399999999998</v>
      </c>
      <c r="CP1110" s="20">
        <v>0.51663400000000004</v>
      </c>
      <c r="CQ1110" s="20">
        <v>0.5575</v>
      </c>
      <c r="CR1110" s="20">
        <v>0.55291400000000002</v>
      </c>
      <c r="CS1110" s="20">
        <v>0.454932</v>
      </c>
      <c r="CT1110" s="20">
        <v>0.42043599999999998</v>
      </c>
      <c r="CU1110" s="20">
        <v>0.43946600000000002</v>
      </c>
      <c r="CV1110" s="20">
        <v>0.44040499999999999</v>
      </c>
      <c r="CW1110" s="20">
        <v>0.39810200000000001</v>
      </c>
      <c r="CX1110" s="20">
        <v>0.38190000000000002</v>
      </c>
      <c r="CY1110" s="6" t="s">
        <v>568</v>
      </c>
      <c r="CZ1110" s="6" t="s">
        <v>569</v>
      </c>
      <c r="DA1110" s="6" t="s">
        <v>79</v>
      </c>
      <c r="DB1110" s="6" t="s">
        <v>345</v>
      </c>
      <c r="DC1110" s="6"/>
      <c r="DD1110" s="6"/>
      <c r="DE1110" s="6"/>
      <c r="DF1110" s="6"/>
      <c r="DG1110" s="6"/>
      <c r="DH1110" s="6" t="s">
        <v>333</v>
      </c>
      <c r="DI1110" s="6"/>
      <c r="DJ1110" s="6"/>
      <c r="DK1110" s="6"/>
      <c r="DL1110" s="6">
        <v>6</v>
      </c>
      <c r="DM1110" s="6" t="s">
        <v>396</v>
      </c>
      <c r="DN1110" s="6">
        <v>6</v>
      </c>
      <c r="DO1110" s="6" t="s">
        <v>393</v>
      </c>
      <c r="DP1110" s="6"/>
      <c r="DQ1110" s="6"/>
    </row>
    <row r="1111" spans="1:121" x14ac:dyDescent="0.2">
      <c r="A1111" s="6" t="s">
        <v>315</v>
      </c>
      <c r="B1111" s="6" t="s">
        <v>315</v>
      </c>
      <c r="C1111" s="6" t="s">
        <v>184</v>
      </c>
      <c r="D1111" s="6" t="s">
        <v>79</v>
      </c>
      <c r="E1111" s="6" t="s">
        <v>220</v>
      </c>
      <c r="F1111" s="11">
        <v>-7</v>
      </c>
      <c r="G1111" s="13">
        <v>-0.03</v>
      </c>
      <c r="H1111" s="11">
        <v>5</v>
      </c>
      <c r="I1111" s="13">
        <v>2.100840336134454E-2</v>
      </c>
      <c r="J1111" s="11">
        <v>17</v>
      </c>
      <c r="K1111" s="13">
        <v>6.9958847736625515E-2</v>
      </c>
      <c r="L1111" s="11">
        <v>-29</v>
      </c>
      <c r="M1111" s="13">
        <v>-0.11153846153846154</v>
      </c>
      <c r="N1111" s="11">
        <v>-12</v>
      </c>
      <c r="O1111" s="13">
        <v>-4.9382716049382713E-2</v>
      </c>
      <c r="P1111" s="7">
        <v>238</v>
      </c>
      <c r="Q1111" s="7">
        <v>246</v>
      </c>
      <c r="R1111" s="7">
        <v>248</v>
      </c>
      <c r="S1111" s="7">
        <v>249</v>
      </c>
      <c r="T1111" s="7">
        <v>257</v>
      </c>
      <c r="U1111" s="7">
        <v>253</v>
      </c>
      <c r="V1111" s="7">
        <v>243</v>
      </c>
      <c r="W1111" s="7">
        <v>237</v>
      </c>
      <c r="X1111" s="7">
        <v>235</v>
      </c>
      <c r="Y1111" s="7">
        <v>260</v>
      </c>
      <c r="Z1111" s="7">
        <v>241</v>
      </c>
      <c r="AA1111" s="7">
        <v>243</v>
      </c>
      <c r="AB1111" s="7">
        <v>229</v>
      </c>
      <c r="AC1111" s="7">
        <v>226</v>
      </c>
      <c r="AD1111" s="7">
        <v>231</v>
      </c>
      <c r="AE1111" s="7">
        <v>228</v>
      </c>
      <c r="AF1111" s="7">
        <v>231</v>
      </c>
      <c r="AG1111" s="9">
        <v>16692</v>
      </c>
      <c r="AH1111" s="13">
        <v>0.53208377163622456</v>
      </c>
      <c r="AI1111" s="9">
        <v>5471</v>
      </c>
      <c r="AJ1111" s="13">
        <v>0.17439673583883203</v>
      </c>
      <c r="AK1111" s="9">
        <v>3700</v>
      </c>
      <c r="AL1111" s="13">
        <v>0.10042885836816676</v>
      </c>
      <c r="AM1111" s="9">
        <v>7521</v>
      </c>
      <c r="AN1111" s="13">
        <v>0.18551132159242267</v>
      </c>
      <c r="AO1111" s="9">
        <v>11221</v>
      </c>
      <c r="AP1111" s="13">
        <v>0.3045708702024863</v>
      </c>
      <c r="AQ1111" s="9">
        <v>31371</v>
      </c>
      <c r="AR1111" s="9">
        <v>32699</v>
      </c>
      <c r="AS1111" s="9">
        <v>34245</v>
      </c>
      <c r="AT1111" s="9">
        <v>37432</v>
      </c>
      <c r="AU1111" s="9">
        <v>36107</v>
      </c>
      <c r="AV1111" s="9">
        <v>36783</v>
      </c>
      <c r="AW1111" s="9">
        <v>36842</v>
      </c>
      <c r="AX1111" s="9">
        <v>39244</v>
      </c>
      <c r="AY1111" s="9">
        <v>40030</v>
      </c>
      <c r="AZ1111" s="9">
        <v>40542</v>
      </c>
      <c r="BA1111" s="9">
        <v>42559</v>
      </c>
      <c r="BB1111" s="9">
        <v>44063</v>
      </c>
      <c r="BC1111" s="9">
        <v>46253</v>
      </c>
      <c r="BD1111" s="9">
        <v>46478</v>
      </c>
      <c r="BE1111" s="9">
        <v>47749</v>
      </c>
      <c r="BF1111" s="9">
        <v>48063</v>
      </c>
      <c r="BG1111" s="11">
        <v>-6</v>
      </c>
      <c r="BH1111" s="13">
        <v>-0.13953488372093023</v>
      </c>
      <c r="BI1111" s="6">
        <v>-3</v>
      </c>
      <c r="BJ1111" s="13">
        <v>-6.9767441860465115E-2</v>
      </c>
      <c r="BK1111" s="6">
        <v>-2</v>
      </c>
      <c r="BL1111" s="13">
        <v>-0.05</v>
      </c>
      <c r="BM1111" s="11">
        <v>-1</v>
      </c>
      <c r="BN1111" s="13">
        <v>-2.6315789473684209E-2</v>
      </c>
      <c r="BO1111" s="11">
        <v>-3</v>
      </c>
      <c r="BP1111" s="13">
        <v>-7.4999999999999997E-2</v>
      </c>
      <c r="BQ1111" s="6">
        <v>43</v>
      </c>
      <c r="BR1111" s="6">
        <v>45</v>
      </c>
      <c r="BS1111" s="6">
        <v>43</v>
      </c>
      <c r="BT1111" s="6">
        <v>40</v>
      </c>
      <c r="BU1111" s="6">
        <v>40</v>
      </c>
      <c r="BV1111" s="6">
        <v>38</v>
      </c>
      <c r="BW1111" s="6">
        <v>38</v>
      </c>
      <c r="BX1111" s="6">
        <v>39</v>
      </c>
      <c r="BY1111" s="6">
        <v>38</v>
      </c>
      <c r="BZ1111" s="6">
        <v>36</v>
      </c>
      <c r="CA1111" s="6">
        <v>36</v>
      </c>
      <c r="CB1111" s="6">
        <v>38</v>
      </c>
      <c r="CC1111" s="11">
        <v>37</v>
      </c>
      <c r="CD1111" s="11">
        <v>-14</v>
      </c>
      <c r="CE1111" s="11">
        <v>-19</v>
      </c>
      <c r="CF1111" s="11">
        <v>26</v>
      </c>
      <c r="CG1111" s="11">
        <v>7</v>
      </c>
      <c r="CH1111" s="20">
        <v>0.55000000000000004</v>
      </c>
      <c r="CI1111" s="20">
        <v>0.56999999999999995</v>
      </c>
      <c r="CJ1111" s="20">
        <v>0.54</v>
      </c>
      <c r="CK1111" s="20">
        <v>0.54</v>
      </c>
      <c r="CL1111" s="20">
        <v>0.55000000000000004</v>
      </c>
      <c r="CM1111" s="20">
        <v>0.52</v>
      </c>
      <c r="CN1111" s="20">
        <v>0.5</v>
      </c>
      <c r="CO1111" s="20">
        <v>0.51</v>
      </c>
      <c r="CP1111" s="20">
        <v>0.53</v>
      </c>
      <c r="CQ1111" s="20">
        <v>0.59</v>
      </c>
      <c r="CR1111" s="20">
        <v>0.55000000000000004</v>
      </c>
      <c r="CS1111" s="20">
        <v>0.56000000000000005</v>
      </c>
      <c r="CT1111" s="20">
        <v>0.53</v>
      </c>
      <c r="CU1111" s="20">
        <v>0.53</v>
      </c>
      <c r="CV1111" s="20">
        <v>0.53</v>
      </c>
      <c r="CW1111" s="20">
        <v>0.53</v>
      </c>
      <c r="CX1111" s="20">
        <v>0.52</v>
      </c>
      <c r="CY1111" s="6" t="s">
        <v>568</v>
      </c>
      <c r="CZ1111" s="6" t="s">
        <v>569</v>
      </c>
      <c r="DA1111" s="6" t="s">
        <v>79</v>
      </c>
      <c r="DB1111" s="6" t="s">
        <v>345</v>
      </c>
      <c r="DC1111" s="6"/>
      <c r="DD1111" s="6"/>
      <c r="DE1111" s="6"/>
      <c r="DF1111" s="6"/>
      <c r="DG1111" s="6"/>
      <c r="DH1111" s="6" t="s">
        <v>333</v>
      </c>
      <c r="DI1111" s="6"/>
      <c r="DJ1111" s="6"/>
      <c r="DK1111" s="6"/>
      <c r="DL1111" s="6">
        <v>6</v>
      </c>
      <c r="DM1111" s="6" t="s">
        <v>396</v>
      </c>
      <c r="DN1111" s="6">
        <v>6</v>
      </c>
      <c r="DO1111" s="6" t="s">
        <v>393</v>
      </c>
      <c r="DP1111" s="6"/>
      <c r="DQ1111" s="6"/>
    </row>
    <row r="1112" spans="1:121" x14ac:dyDescent="0.2">
      <c r="A1112" s="6" t="s">
        <v>316</v>
      </c>
      <c r="B1112" s="6" t="s">
        <v>316</v>
      </c>
      <c r="C1112" s="6" t="s">
        <v>185</v>
      </c>
      <c r="D1112" s="6" t="s">
        <v>79</v>
      </c>
      <c r="E1112" s="6" t="s">
        <v>220</v>
      </c>
      <c r="F1112" s="11">
        <v>9</v>
      </c>
      <c r="G1112" s="13">
        <v>0.1</v>
      </c>
      <c r="H1112" s="11">
        <v>31</v>
      </c>
      <c r="I1112" s="13">
        <v>0.35227272727272729</v>
      </c>
      <c r="J1112" s="11">
        <v>-38</v>
      </c>
      <c r="K1112" s="13">
        <v>-0.31932773109243695</v>
      </c>
      <c r="L1112" s="11">
        <v>16</v>
      </c>
      <c r="M1112" s="13">
        <v>0.19753086419753085</v>
      </c>
      <c r="N1112" s="11">
        <v>-22</v>
      </c>
      <c r="O1112" s="13">
        <v>-0.18487394957983191</v>
      </c>
      <c r="P1112" s="7">
        <v>88</v>
      </c>
      <c r="Q1112" s="7">
        <v>84</v>
      </c>
      <c r="R1112" s="7">
        <v>93</v>
      </c>
      <c r="S1112" s="7">
        <v>117</v>
      </c>
      <c r="T1112" s="7">
        <v>116</v>
      </c>
      <c r="U1112" s="7">
        <v>141</v>
      </c>
      <c r="V1112" s="7">
        <v>119</v>
      </c>
      <c r="W1112" s="7">
        <v>114</v>
      </c>
      <c r="X1112" s="7">
        <v>102</v>
      </c>
      <c r="Y1112" s="7">
        <v>81</v>
      </c>
      <c r="Z1112" s="7">
        <v>74</v>
      </c>
      <c r="AA1112" s="7">
        <v>91</v>
      </c>
      <c r="AB1112" s="7">
        <v>92</v>
      </c>
      <c r="AC1112" s="7">
        <v>90</v>
      </c>
      <c r="AD1112" s="7">
        <v>93</v>
      </c>
      <c r="AE1112" s="7">
        <v>95</v>
      </c>
      <c r="AF1112" s="7">
        <v>97</v>
      </c>
      <c r="AG1112" s="9">
        <v>2005</v>
      </c>
      <c r="AH1112" s="13">
        <v>8.9584915776774937E-2</v>
      </c>
      <c r="AI1112" s="9">
        <v>-709</v>
      </c>
      <c r="AJ1112" s="13">
        <v>-3.1678656002859566E-2</v>
      </c>
      <c r="AK1112" s="9">
        <v>2977</v>
      </c>
      <c r="AL1112" s="13">
        <v>0.13736618678479143</v>
      </c>
      <c r="AM1112" s="9">
        <v>-263</v>
      </c>
      <c r="AN1112" s="13">
        <v>-1.0669804048845795E-2</v>
      </c>
      <c r="AO1112" s="9">
        <v>2714</v>
      </c>
      <c r="AP1112" s="13">
        <v>0.12523071244001477</v>
      </c>
      <c r="AQ1112" s="9">
        <v>22381</v>
      </c>
      <c r="AR1112" s="9">
        <v>23371</v>
      </c>
      <c r="AS1112" s="9">
        <v>23923</v>
      </c>
      <c r="AT1112" s="9">
        <v>21838</v>
      </c>
      <c r="AU1112" s="9">
        <v>21621</v>
      </c>
      <c r="AV1112" s="9">
        <v>22162</v>
      </c>
      <c r="AW1112" s="9">
        <v>21672</v>
      </c>
      <c r="AX1112" s="9">
        <v>22803</v>
      </c>
      <c r="AY1112" s="9">
        <v>23370</v>
      </c>
      <c r="AZ1112" s="9">
        <v>24649</v>
      </c>
      <c r="BA1112" s="9">
        <v>25578</v>
      </c>
      <c r="BB1112" s="9">
        <v>23255</v>
      </c>
      <c r="BC1112" s="9">
        <v>24414</v>
      </c>
      <c r="BD1112" s="9">
        <v>22310</v>
      </c>
      <c r="BE1112" s="9">
        <v>24376</v>
      </c>
      <c r="BF1112" s="9">
        <v>24386</v>
      </c>
      <c r="BG1112" s="11">
        <v>-15</v>
      </c>
      <c r="BH1112" s="13">
        <v>-0.45454545454545453</v>
      </c>
      <c r="BI1112" s="6">
        <v>-3</v>
      </c>
      <c r="BJ1112" s="13">
        <v>-9.0909090909090912E-2</v>
      </c>
      <c r="BK1112" s="6">
        <v>-10</v>
      </c>
      <c r="BL1112" s="13">
        <v>-0.33333333333333331</v>
      </c>
      <c r="BM1112" s="11">
        <v>-2</v>
      </c>
      <c r="BN1112" s="13">
        <v>-0.1</v>
      </c>
      <c r="BO1112" s="11">
        <v>-12</v>
      </c>
      <c r="BP1112" s="13">
        <v>-0.4</v>
      </c>
      <c r="BQ1112" s="6">
        <v>33</v>
      </c>
      <c r="BR1112" s="6">
        <v>31</v>
      </c>
      <c r="BS1112" s="6">
        <v>35</v>
      </c>
      <c r="BT1112" s="6">
        <v>30</v>
      </c>
      <c r="BU1112" s="6">
        <v>30</v>
      </c>
      <c r="BV1112" s="6">
        <v>25</v>
      </c>
      <c r="BW1112" s="6">
        <v>20</v>
      </c>
      <c r="BX1112" s="6">
        <v>16</v>
      </c>
      <c r="BY1112" s="6">
        <v>16</v>
      </c>
      <c r="BZ1112" s="6">
        <v>15</v>
      </c>
      <c r="CA1112" s="6">
        <v>16</v>
      </c>
      <c r="CB1112" s="6">
        <v>17</v>
      </c>
      <c r="CC1112" s="11">
        <v>18</v>
      </c>
      <c r="CD1112" s="11">
        <v>4</v>
      </c>
      <c r="CE1112" s="11">
        <v>-4</v>
      </c>
      <c r="CF1112" s="11">
        <v>10</v>
      </c>
      <c r="CG1112" s="11">
        <v>6</v>
      </c>
      <c r="CH1112" s="20">
        <v>0.5</v>
      </c>
      <c r="CI1112" s="20">
        <v>0.47</v>
      </c>
      <c r="CJ1112" s="20">
        <v>0.49</v>
      </c>
      <c r="CK1112" s="20">
        <v>0.6</v>
      </c>
      <c r="CL1112" s="20">
        <v>0.57999999999999996</v>
      </c>
      <c r="CM1112" s="20">
        <v>0.67</v>
      </c>
      <c r="CN1112" s="20">
        <v>0.56999999999999995</v>
      </c>
      <c r="CO1112" s="20">
        <v>0.56999999999999995</v>
      </c>
      <c r="CP1112" s="20">
        <v>0.55000000000000004</v>
      </c>
      <c r="CQ1112" s="20">
        <v>0.44</v>
      </c>
      <c r="CR1112" s="20">
        <v>0.42</v>
      </c>
      <c r="CS1112" s="20">
        <v>0.51</v>
      </c>
      <c r="CT1112" s="20">
        <v>0.52</v>
      </c>
      <c r="CU1112" s="20">
        <v>0.5</v>
      </c>
      <c r="CV1112" s="20">
        <v>0.5</v>
      </c>
      <c r="CW1112" s="20">
        <v>0.52</v>
      </c>
      <c r="CX1112" s="20">
        <v>0.52</v>
      </c>
      <c r="CY1112" s="6" t="s">
        <v>568</v>
      </c>
      <c r="CZ1112" s="6" t="s">
        <v>569</v>
      </c>
      <c r="DA1112" s="6" t="s">
        <v>79</v>
      </c>
      <c r="DB1112" s="6" t="s">
        <v>345</v>
      </c>
      <c r="DC1112" s="6"/>
      <c r="DD1112" s="6"/>
      <c r="DE1112" s="6"/>
      <c r="DF1112" s="6"/>
      <c r="DG1112" s="6"/>
      <c r="DH1112" s="6" t="s">
        <v>333</v>
      </c>
      <c r="DI1112" s="6"/>
      <c r="DJ1112" s="6"/>
      <c r="DK1112" s="6"/>
      <c r="DL1112" s="6">
        <v>6</v>
      </c>
      <c r="DM1112" s="6" t="s">
        <v>396</v>
      </c>
      <c r="DN1112" s="6">
        <v>6</v>
      </c>
      <c r="DO1112" s="6" t="s">
        <v>393</v>
      </c>
      <c r="DP1112" s="6"/>
      <c r="DQ1112" s="6"/>
    </row>
    <row r="1113" spans="1:121" x14ac:dyDescent="0.2">
      <c r="A1113" s="6" t="s">
        <v>317</v>
      </c>
      <c r="B1113" s="6" t="s">
        <v>317</v>
      </c>
      <c r="C1113" s="6" t="s">
        <v>186</v>
      </c>
      <c r="D1113" s="6" t="s">
        <v>79</v>
      </c>
      <c r="E1113" s="6" t="s">
        <v>220</v>
      </c>
      <c r="F1113" s="11">
        <v>201</v>
      </c>
      <c r="G1113" s="13">
        <v>1.22</v>
      </c>
      <c r="H1113" s="11">
        <v>78</v>
      </c>
      <c r="I1113" s="13">
        <v>0.47272727272727272</v>
      </c>
      <c r="J1113" s="11">
        <v>-17</v>
      </c>
      <c r="K1113" s="13">
        <v>-6.9958847736625515E-2</v>
      </c>
      <c r="L1113" s="11">
        <v>140</v>
      </c>
      <c r="M1113" s="13">
        <v>0.61946902654867253</v>
      </c>
      <c r="N1113" s="11">
        <v>123</v>
      </c>
      <c r="O1113" s="13">
        <v>0.50617283950617287</v>
      </c>
      <c r="P1113" s="7">
        <v>165</v>
      </c>
      <c r="Q1113" s="7">
        <v>222</v>
      </c>
      <c r="R1113" s="7">
        <v>197</v>
      </c>
      <c r="S1113" s="7">
        <v>182</v>
      </c>
      <c r="T1113" s="7">
        <v>195</v>
      </c>
      <c r="U1113" s="7">
        <v>226</v>
      </c>
      <c r="V1113" s="7">
        <v>243</v>
      </c>
      <c r="W1113" s="7">
        <v>234</v>
      </c>
      <c r="X1113" s="7">
        <v>256</v>
      </c>
      <c r="Y1113" s="7">
        <v>226</v>
      </c>
      <c r="Z1113" s="7">
        <v>215</v>
      </c>
      <c r="AA1113" s="7">
        <v>211</v>
      </c>
      <c r="AB1113" s="7">
        <v>289</v>
      </c>
      <c r="AC1113" s="7">
        <v>373</v>
      </c>
      <c r="AD1113" s="7">
        <v>358</v>
      </c>
      <c r="AE1113" s="7">
        <v>342</v>
      </c>
      <c r="AF1113" s="7">
        <v>366</v>
      </c>
      <c r="AG1113" s="9">
        <v>12458</v>
      </c>
      <c r="AH1113" s="13">
        <v>0.49049175164376552</v>
      </c>
      <c r="AI1113" s="9">
        <v>2929</v>
      </c>
      <c r="AJ1113" s="13">
        <v>0.11531950076774676</v>
      </c>
      <c r="AK1113" s="9">
        <v>5272</v>
      </c>
      <c r="AL1113" s="13">
        <v>0.18610561988138943</v>
      </c>
      <c r="AM1113" s="9">
        <v>4257</v>
      </c>
      <c r="AN1113" s="13">
        <v>0.12669642857142857</v>
      </c>
      <c r="AO1113" s="9">
        <v>9529</v>
      </c>
      <c r="AP1113" s="13">
        <v>0.3363809658288619</v>
      </c>
      <c r="AQ1113" s="9">
        <v>25399</v>
      </c>
      <c r="AR1113" s="9">
        <v>28036</v>
      </c>
      <c r="AS1113" s="9">
        <v>28440</v>
      </c>
      <c r="AT1113" s="9">
        <v>25862</v>
      </c>
      <c r="AU1113" s="9">
        <v>27427</v>
      </c>
      <c r="AV1113" s="9">
        <v>27678</v>
      </c>
      <c r="AW1113" s="9">
        <v>28328</v>
      </c>
      <c r="AX1113" s="9">
        <v>32628</v>
      </c>
      <c r="AY1113" s="9">
        <v>32208</v>
      </c>
      <c r="AZ1113" s="9">
        <v>33600</v>
      </c>
      <c r="BA1113" s="9">
        <v>37102</v>
      </c>
      <c r="BB1113" s="9">
        <v>42413</v>
      </c>
      <c r="BC1113" s="9">
        <v>44261</v>
      </c>
      <c r="BD1113" s="9">
        <v>44396</v>
      </c>
      <c r="BE1113" s="9">
        <v>36892</v>
      </c>
      <c r="BF1113" s="9">
        <v>37857</v>
      </c>
      <c r="BG1113" s="11">
        <v>11</v>
      </c>
      <c r="BH1113" s="13">
        <v>0.29729729729729731</v>
      </c>
      <c r="BI1113" s="6">
        <v>6</v>
      </c>
      <c r="BJ1113" s="13">
        <v>0.16216216216216217</v>
      </c>
      <c r="BK1113" s="6">
        <v>-5</v>
      </c>
      <c r="BL1113" s="13">
        <v>-0.11627906976744186</v>
      </c>
      <c r="BM1113" s="11">
        <v>10</v>
      </c>
      <c r="BN1113" s="13">
        <v>0.26315789473684209</v>
      </c>
      <c r="BO1113" s="11">
        <v>5</v>
      </c>
      <c r="BP1113" s="13">
        <v>0.11627906976744186</v>
      </c>
      <c r="BQ1113" s="6">
        <v>37</v>
      </c>
      <c r="BR1113" s="6">
        <v>41</v>
      </c>
      <c r="BS1113" s="6">
        <v>46</v>
      </c>
      <c r="BT1113" s="6">
        <v>43</v>
      </c>
      <c r="BU1113" s="6">
        <v>42</v>
      </c>
      <c r="BV1113" s="6">
        <v>42</v>
      </c>
      <c r="BW1113" s="6">
        <v>38</v>
      </c>
      <c r="BX1113" s="6">
        <v>37</v>
      </c>
      <c r="BY1113" s="6">
        <v>40</v>
      </c>
      <c r="BZ1113" s="6">
        <v>37</v>
      </c>
      <c r="CA1113" s="6">
        <v>40</v>
      </c>
      <c r="CB1113" s="6">
        <v>50</v>
      </c>
      <c r="CC1113" s="11">
        <v>48</v>
      </c>
      <c r="CD1113" s="11">
        <v>150</v>
      </c>
      <c r="CE1113" s="11">
        <v>33</v>
      </c>
      <c r="CF1113" s="11">
        <v>18</v>
      </c>
      <c r="CG1113" s="11">
        <v>51</v>
      </c>
      <c r="CH1113" s="20">
        <v>0.28999999999999998</v>
      </c>
      <c r="CI1113" s="20">
        <v>0.4</v>
      </c>
      <c r="CJ1113" s="20">
        <v>0.34</v>
      </c>
      <c r="CK1113" s="20">
        <v>0.31</v>
      </c>
      <c r="CL1113" s="20">
        <v>0.32</v>
      </c>
      <c r="CM1113" s="20">
        <v>0.35</v>
      </c>
      <c r="CN1113" s="20">
        <v>0.36</v>
      </c>
      <c r="CO1113" s="20">
        <v>0.35</v>
      </c>
      <c r="CP1113" s="20">
        <v>0.39</v>
      </c>
      <c r="CQ1113" s="20">
        <v>0.34</v>
      </c>
      <c r="CR1113" s="20">
        <v>0.33</v>
      </c>
      <c r="CS1113" s="20">
        <v>0.31</v>
      </c>
      <c r="CT1113" s="20">
        <v>0.43</v>
      </c>
      <c r="CU1113" s="20">
        <v>0.54</v>
      </c>
      <c r="CV1113" s="20">
        <v>0.5</v>
      </c>
      <c r="CW1113" s="20">
        <v>0.48</v>
      </c>
      <c r="CX1113" s="20">
        <v>0.5</v>
      </c>
      <c r="CY1113" s="6" t="s">
        <v>568</v>
      </c>
      <c r="CZ1113" s="6" t="s">
        <v>569</v>
      </c>
      <c r="DA1113" s="6" t="s">
        <v>79</v>
      </c>
      <c r="DB1113" s="6" t="s">
        <v>345</v>
      </c>
      <c r="DC1113" s="6"/>
      <c r="DD1113" s="6"/>
      <c r="DE1113" s="6"/>
      <c r="DF1113" s="6"/>
      <c r="DG1113" s="6"/>
      <c r="DH1113" s="6" t="s">
        <v>333</v>
      </c>
      <c r="DI1113" s="6"/>
      <c r="DJ1113" s="6"/>
      <c r="DK1113" s="6"/>
      <c r="DL1113" s="6">
        <v>6</v>
      </c>
      <c r="DM1113" s="6" t="s">
        <v>396</v>
      </c>
      <c r="DN1113" s="6">
        <v>6</v>
      </c>
      <c r="DO1113" s="6" t="s">
        <v>393</v>
      </c>
      <c r="DP1113" s="6"/>
      <c r="DQ1113" s="6"/>
    </row>
    <row r="1114" spans="1:121" x14ac:dyDescent="0.2">
      <c r="A1114" s="6" t="s">
        <v>318</v>
      </c>
      <c r="B1114" s="6" t="s">
        <v>318</v>
      </c>
      <c r="C1114" s="6" t="s">
        <v>187</v>
      </c>
      <c r="D1114" s="6" t="s">
        <v>79</v>
      </c>
      <c r="E1114" s="6" t="s">
        <v>220</v>
      </c>
      <c r="F1114" s="11">
        <v>62</v>
      </c>
      <c r="G1114" s="13">
        <v>2.2142857142899999</v>
      </c>
      <c r="H1114" s="11">
        <v>39.676447000000003</v>
      </c>
      <c r="I1114" s="13">
        <v>1.4072758562655363</v>
      </c>
      <c r="J1114" s="11">
        <v>12.140277999999995</v>
      </c>
      <c r="K1114" s="13">
        <v>0.17887483000281618</v>
      </c>
      <c r="L1114" s="11">
        <v>9.9901776086999945</v>
      </c>
      <c r="M1114" s="13">
        <v>0.1248608009134298</v>
      </c>
      <c r="N1114" s="11">
        <v>22.13045560869999</v>
      </c>
      <c r="O1114" s="13">
        <v>0.32607008545365124</v>
      </c>
      <c r="P1114" s="7">
        <v>28.193795000000001</v>
      </c>
      <c r="Q1114" s="7">
        <v>39.455376000000001</v>
      </c>
      <c r="R1114" s="7">
        <v>37.694930999999997</v>
      </c>
      <c r="S1114" s="7">
        <v>29.075883999999999</v>
      </c>
      <c r="T1114" s="7">
        <v>28.864439999999998</v>
      </c>
      <c r="U1114" s="7">
        <v>62.143937000000001</v>
      </c>
      <c r="V1114" s="7">
        <v>67.870242000000005</v>
      </c>
      <c r="W1114" s="7">
        <v>72.951971</v>
      </c>
      <c r="X1114" s="7">
        <v>72.956968000000003</v>
      </c>
      <c r="Y1114" s="7">
        <v>80.01052</v>
      </c>
      <c r="Z1114" s="7">
        <v>83.796925000000002</v>
      </c>
      <c r="AA1114" s="7">
        <v>80.854487000000006</v>
      </c>
      <c r="AB1114" s="7">
        <v>96.875737999999998</v>
      </c>
      <c r="AC1114" s="7">
        <v>117.98987200000001</v>
      </c>
      <c r="AD1114" s="7">
        <v>94.093791999999993</v>
      </c>
      <c r="AE1114" s="7">
        <v>86.808213499999994</v>
      </c>
      <c r="AF1114" s="7">
        <v>90.000697608699994</v>
      </c>
      <c r="AG1114" s="9">
        <v>39605.751032200009</v>
      </c>
      <c r="AH1114" s="13">
        <v>1.2000546476846323</v>
      </c>
      <c r="AI1114" s="9">
        <v>28070.736603800004</v>
      </c>
      <c r="AJ1114" s="13">
        <v>0.85054359650783573</v>
      </c>
      <c r="AK1114" s="9">
        <v>-3471.2111119999972</v>
      </c>
      <c r="AL1114" s="13">
        <v>-5.6836127069243375E-2</v>
      </c>
      <c r="AM1114" s="9">
        <v>15006.225540400003</v>
      </c>
      <c r="AN1114" s="13">
        <v>0.26051201708493865</v>
      </c>
      <c r="AO1114" s="9">
        <v>11535.014428400005</v>
      </c>
      <c r="AP1114" s="13">
        <v>0.18886939590959079</v>
      </c>
      <c r="AQ1114" s="9">
        <v>33003.289565699997</v>
      </c>
      <c r="AR1114" s="9">
        <v>43241.135195299998</v>
      </c>
      <c r="AS1114" s="9">
        <v>42995.669318499997</v>
      </c>
      <c r="AT1114" s="9">
        <v>51163.936891700003</v>
      </c>
      <c r="AU1114" s="9">
        <v>45273.9286498</v>
      </c>
      <c r="AV1114" s="9">
        <v>46383.211291200001</v>
      </c>
      <c r="AW1114" s="9">
        <v>61074.026169500001</v>
      </c>
      <c r="AX1114" s="9">
        <v>55094.504374999997</v>
      </c>
      <c r="AY1114" s="9">
        <v>56527.629929199997</v>
      </c>
      <c r="AZ1114" s="9">
        <v>57602.815057500004</v>
      </c>
      <c r="BA1114" s="9">
        <v>54980.972447300002</v>
      </c>
      <c r="BB1114" s="9">
        <v>54356.767062899999</v>
      </c>
      <c r="BC1114" s="9">
        <v>61352.761903999999</v>
      </c>
      <c r="BD1114" s="9">
        <v>69970.780643599996</v>
      </c>
      <c r="BE1114" s="9">
        <v>70488.952902599995</v>
      </c>
      <c r="BF1114" s="9">
        <v>72609.040597900006</v>
      </c>
      <c r="BG1114" s="11">
        <v>1.25</v>
      </c>
      <c r="BH1114" s="13">
        <v>0.625</v>
      </c>
      <c r="BI1114" s="6">
        <v>2</v>
      </c>
      <c r="BJ1114" s="13">
        <v>1</v>
      </c>
      <c r="BK1114" s="6">
        <v>0</v>
      </c>
      <c r="BL1114" s="13">
        <v>0</v>
      </c>
      <c r="BM1114" s="11">
        <v>-0.75</v>
      </c>
      <c r="BN1114" s="13">
        <v>-0.1875</v>
      </c>
      <c r="BO1114" s="11">
        <v>-0.75</v>
      </c>
      <c r="BP1114" s="13">
        <v>-0.1875</v>
      </c>
      <c r="BQ1114" s="6">
        <v>2</v>
      </c>
      <c r="BR1114" s="6">
        <v>2</v>
      </c>
      <c r="BS1114" s="6">
        <v>2</v>
      </c>
      <c r="BT1114" s="6">
        <v>4</v>
      </c>
      <c r="BU1114" s="6">
        <v>5</v>
      </c>
      <c r="BV1114" s="6">
        <v>4</v>
      </c>
      <c r="BW1114" s="6">
        <v>4</v>
      </c>
      <c r="BX1114" s="6">
        <v>4</v>
      </c>
      <c r="BY1114" s="6">
        <v>4</v>
      </c>
      <c r="BZ1114" s="6">
        <v>4</v>
      </c>
      <c r="CA1114" s="6">
        <v>4</v>
      </c>
      <c r="CB1114" s="6">
        <v>4</v>
      </c>
      <c r="CC1114" s="11">
        <v>3.25</v>
      </c>
      <c r="CD1114" s="11">
        <v>52.688499999999998</v>
      </c>
      <c r="CE1114" s="11">
        <v>6.0365200000000003</v>
      </c>
      <c r="CF1114" s="11">
        <v>3.0819200000000002</v>
      </c>
      <c r="CG1114" s="11">
        <v>9</v>
      </c>
      <c r="CH1114" s="20">
        <v>0.23109399999999999</v>
      </c>
      <c r="CI1114" s="20">
        <v>0.32236700000000001</v>
      </c>
      <c r="CJ1114" s="20">
        <v>0.30468099999999998</v>
      </c>
      <c r="CK1114" s="20">
        <v>0.23042399999999999</v>
      </c>
      <c r="CL1114" s="20">
        <v>0.223826</v>
      </c>
      <c r="CM1114" s="20">
        <v>0.460393</v>
      </c>
      <c r="CN1114" s="20">
        <v>0.48576200000000003</v>
      </c>
      <c r="CO1114" s="20">
        <v>0.51189399999999996</v>
      </c>
      <c r="CP1114" s="20">
        <v>0.52820699999999998</v>
      </c>
      <c r="CQ1114" s="20">
        <v>0.56667400000000001</v>
      </c>
      <c r="CR1114" s="20">
        <v>0.58980200000000005</v>
      </c>
      <c r="CS1114" s="20">
        <v>0.54670200000000002</v>
      </c>
      <c r="CT1114" s="20">
        <v>0.63995100000000005</v>
      </c>
      <c r="CU1114" s="20">
        <v>0.76323300000000005</v>
      </c>
      <c r="CV1114" s="20">
        <v>0.59419299999999997</v>
      </c>
      <c r="CW1114" s="20">
        <v>0.55305700000000002</v>
      </c>
      <c r="CX1114" s="20">
        <v>0.55785799999999997</v>
      </c>
      <c r="CY1114" s="6" t="s">
        <v>568</v>
      </c>
      <c r="CZ1114" s="6" t="s">
        <v>569</v>
      </c>
      <c r="DA1114" s="6" t="s">
        <v>79</v>
      </c>
      <c r="DB1114" s="6" t="s">
        <v>345</v>
      </c>
      <c r="DC1114" s="6"/>
      <c r="DD1114" s="6"/>
      <c r="DE1114" s="6"/>
      <c r="DF1114" s="6"/>
      <c r="DG1114" s="6"/>
      <c r="DH1114" s="6" t="s">
        <v>333</v>
      </c>
      <c r="DI1114" s="6"/>
      <c r="DJ1114" s="6"/>
      <c r="DK1114" s="6"/>
      <c r="DL1114" s="6">
        <v>6</v>
      </c>
      <c r="DM1114" s="6" t="s">
        <v>396</v>
      </c>
      <c r="DN1114" s="6">
        <v>6</v>
      </c>
      <c r="DO1114" s="6" t="s">
        <v>393</v>
      </c>
      <c r="DP1114" s="6"/>
      <c r="DQ1114" s="6"/>
    </row>
    <row r="1115" spans="1:121" x14ac:dyDescent="0.2">
      <c r="A1115" s="6" t="s">
        <v>319</v>
      </c>
      <c r="B1115" s="6" t="s">
        <v>319</v>
      </c>
      <c r="C1115" s="6" t="s">
        <v>188</v>
      </c>
      <c r="D1115" s="6" t="s">
        <v>79</v>
      </c>
      <c r="E1115" s="6" t="s">
        <v>220</v>
      </c>
      <c r="F1115" s="11">
        <v>11</v>
      </c>
      <c r="G1115" s="13">
        <v>5.7591623036600002E-2</v>
      </c>
      <c r="H1115" s="11">
        <v>144.69002036399999</v>
      </c>
      <c r="I1115" s="13">
        <v>0.75693802655649556</v>
      </c>
      <c r="J1115" s="11">
        <v>-142.61699046099997</v>
      </c>
      <c r="K1115" s="13">
        <v>-0.42465532153656194</v>
      </c>
      <c r="L1115" s="11">
        <v>8.2759754069999758</v>
      </c>
      <c r="M1115" s="13">
        <v>4.2830820492456997E-2</v>
      </c>
      <c r="N1115" s="11">
        <v>-134.341015054</v>
      </c>
      <c r="O1115" s="13">
        <v>-0.4000128368920039</v>
      </c>
      <c r="P1115" s="7">
        <v>191.15173935999999</v>
      </c>
      <c r="Q1115" s="7">
        <v>218.130731231</v>
      </c>
      <c r="R1115" s="7">
        <v>295.902878456</v>
      </c>
      <c r="S1115" s="7">
        <v>338.95157844699997</v>
      </c>
      <c r="T1115" s="7">
        <v>455.61455613200002</v>
      </c>
      <c r="U1115" s="7">
        <v>569.80784757200001</v>
      </c>
      <c r="V1115" s="7">
        <v>335.84175972399998</v>
      </c>
      <c r="W1115" s="7">
        <v>340.257718512</v>
      </c>
      <c r="X1115" s="7">
        <v>304.31018136500001</v>
      </c>
      <c r="Y1115" s="7">
        <v>193.22476926300001</v>
      </c>
      <c r="Z1115" s="7">
        <v>239.86108377100001</v>
      </c>
      <c r="AA1115" s="7">
        <v>223.681830365</v>
      </c>
      <c r="AB1115" s="7">
        <v>180.93015874</v>
      </c>
      <c r="AC1115" s="7">
        <v>183.59856776999999</v>
      </c>
      <c r="AD1115" s="7">
        <v>190.81284398099999</v>
      </c>
      <c r="AE1115" s="7">
        <v>197.57271227800001</v>
      </c>
      <c r="AF1115" s="7">
        <v>201.50074466999999</v>
      </c>
      <c r="AG1115" s="9">
        <v>4872.9137746999986</v>
      </c>
      <c r="AH1115" s="13">
        <v>0.27207828057027189</v>
      </c>
      <c r="AI1115" s="9">
        <v>278.78726859999733</v>
      </c>
      <c r="AJ1115" s="13">
        <v>1.5566037937997304E-2</v>
      </c>
      <c r="AK1115" s="9">
        <v>-591.89264619999813</v>
      </c>
      <c r="AL1115" s="13">
        <v>-3.2541676464654216E-2</v>
      </c>
      <c r="AM1115" s="9">
        <v>5186.0191522999994</v>
      </c>
      <c r="AN1115" s="13">
        <v>0.29471268531086292</v>
      </c>
      <c r="AO1115" s="9">
        <v>4594.1265061000013</v>
      </c>
      <c r="AP1115" s="13">
        <v>0.25258056399079315</v>
      </c>
      <c r="AQ1115" s="9">
        <v>17909.969750200002</v>
      </c>
      <c r="AR1115" s="9">
        <v>15025.0313009</v>
      </c>
      <c r="AS1115" s="9">
        <v>17913.721354599998</v>
      </c>
      <c r="AT1115" s="9">
        <v>19964.547915700001</v>
      </c>
      <c r="AU1115" s="9">
        <v>18127.3570788</v>
      </c>
      <c r="AV1115" s="9">
        <v>16678.217116899999</v>
      </c>
      <c r="AW1115" s="9">
        <v>18188.757018799999</v>
      </c>
      <c r="AX1115" s="9">
        <v>19792.4619819</v>
      </c>
      <c r="AY1115" s="9">
        <v>16130.535965700001</v>
      </c>
      <c r="AZ1115" s="9">
        <v>17596.864372600001</v>
      </c>
      <c r="BA1115" s="9">
        <v>18077.585677399999</v>
      </c>
      <c r="BB1115" s="9">
        <v>17656.600028299999</v>
      </c>
      <c r="BC1115" s="9">
        <v>20239.690511000001</v>
      </c>
      <c r="BD1115" s="9">
        <v>21221.658046100001</v>
      </c>
      <c r="BE1115" s="9">
        <v>22155.983664700001</v>
      </c>
      <c r="BF1115" s="9">
        <v>22782.8835249</v>
      </c>
      <c r="BG1115" s="11">
        <v>9.5</v>
      </c>
      <c r="BH1115" s="13">
        <v>0.55882352941176472</v>
      </c>
      <c r="BI1115" s="6">
        <v>-1</v>
      </c>
      <c r="BJ1115" s="13">
        <v>-5.8823529411764705E-2</v>
      </c>
      <c r="BK1115" s="6">
        <v>-4</v>
      </c>
      <c r="BL1115" s="13">
        <v>-0.25</v>
      </c>
      <c r="BM1115" s="11">
        <v>14.5</v>
      </c>
      <c r="BN1115" s="13">
        <v>1.2083333333333333</v>
      </c>
      <c r="BO1115" s="11">
        <v>10.5</v>
      </c>
      <c r="BP1115" s="13">
        <v>0.65625</v>
      </c>
      <c r="BQ1115" s="6">
        <v>17</v>
      </c>
      <c r="BR1115" s="6">
        <v>22</v>
      </c>
      <c r="BS1115" s="6">
        <v>22</v>
      </c>
      <c r="BT1115" s="6">
        <v>16</v>
      </c>
      <c r="BU1115" s="6">
        <v>17</v>
      </c>
      <c r="BV1115" s="6">
        <v>14</v>
      </c>
      <c r="BW1115" s="6">
        <v>12</v>
      </c>
      <c r="BX1115" s="6">
        <v>14</v>
      </c>
      <c r="BY1115" s="6">
        <v>16</v>
      </c>
      <c r="BZ1115" s="6">
        <v>17</v>
      </c>
      <c r="CA1115" s="6">
        <v>22</v>
      </c>
      <c r="CB1115" s="6">
        <v>25</v>
      </c>
      <c r="CC1115" s="11">
        <v>26.5</v>
      </c>
      <c r="CD1115" s="11">
        <v>-27.744599999999998</v>
      </c>
      <c r="CE1115" s="11">
        <v>17.198399999999999</v>
      </c>
      <c r="CF1115" s="11">
        <v>20.895199999999999</v>
      </c>
      <c r="CG1115" s="11">
        <v>38</v>
      </c>
      <c r="CH1115" s="20">
        <v>0.319413</v>
      </c>
      <c r="CI1115" s="20">
        <v>0.35978599999999999</v>
      </c>
      <c r="CJ1115" s="20">
        <v>0.47425099999999998</v>
      </c>
      <c r="CK1115" s="20">
        <v>0.52640900000000002</v>
      </c>
      <c r="CL1115" s="20">
        <v>0.68748200000000004</v>
      </c>
      <c r="CM1115" s="20">
        <v>0.81769199999999997</v>
      </c>
      <c r="CN1115" s="20">
        <v>0.47537400000000002</v>
      </c>
      <c r="CO1115" s="20">
        <v>0.50879600000000003</v>
      </c>
      <c r="CP1115" s="20">
        <v>0.50544100000000003</v>
      </c>
      <c r="CQ1115" s="20">
        <v>0.30517</v>
      </c>
      <c r="CR1115" s="20">
        <v>0.37441200000000002</v>
      </c>
      <c r="CS1115" s="20">
        <v>0.33973100000000001</v>
      </c>
      <c r="CT1115" s="20">
        <v>0.27153300000000002</v>
      </c>
      <c r="CU1115" s="20">
        <v>0.26946999999999999</v>
      </c>
      <c r="CV1115" s="20">
        <v>0.27265899999999998</v>
      </c>
      <c r="CW1115" s="20">
        <v>0.28354400000000002</v>
      </c>
      <c r="CX1115" s="20">
        <v>0.28097699999999998</v>
      </c>
      <c r="CY1115" s="6" t="s">
        <v>568</v>
      </c>
      <c r="CZ1115" s="6" t="s">
        <v>569</v>
      </c>
      <c r="DA1115" s="6" t="s">
        <v>79</v>
      </c>
      <c r="DB1115" s="6" t="s">
        <v>345</v>
      </c>
      <c r="DC1115" s="6"/>
      <c r="DD1115" s="6"/>
      <c r="DE1115" s="6"/>
      <c r="DF1115" s="6"/>
      <c r="DG1115" s="6"/>
      <c r="DH1115" s="6" t="s">
        <v>333</v>
      </c>
      <c r="DI1115" s="6"/>
      <c r="DJ1115" s="6"/>
      <c r="DK1115" s="6"/>
      <c r="DL1115" s="6">
        <v>6</v>
      </c>
      <c r="DM1115" s="6" t="s">
        <v>396</v>
      </c>
      <c r="DN1115" s="6">
        <v>6</v>
      </c>
      <c r="DO1115" s="6" t="s">
        <v>393</v>
      </c>
      <c r="DP1115" s="6"/>
      <c r="DQ1115" s="6"/>
    </row>
    <row r="1116" spans="1:121" x14ac:dyDescent="0.2">
      <c r="A1116" s="6" t="s">
        <v>320</v>
      </c>
      <c r="B1116" s="6" t="s">
        <v>320</v>
      </c>
      <c r="C1116" s="6" t="s">
        <v>189</v>
      </c>
      <c r="D1116" s="6" t="s">
        <v>79</v>
      </c>
      <c r="E1116" s="6" t="s">
        <v>220</v>
      </c>
      <c r="F1116" s="11">
        <v>48</v>
      </c>
      <c r="G1116" s="13">
        <v>2.4</v>
      </c>
      <c r="H1116" s="11">
        <v>7.6679998938000011</v>
      </c>
      <c r="I1116" s="13">
        <v>0.38180641324342895</v>
      </c>
      <c r="J1116" s="11">
        <v>-8.7633867209000016</v>
      </c>
      <c r="K1116" s="13">
        <v>-0.3157809260373155</v>
      </c>
      <c r="L1116" s="11">
        <v>49.206998670700003</v>
      </c>
      <c r="M1116" s="13">
        <v>2.5914666039320462</v>
      </c>
      <c r="N1116" s="11">
        <v>40.443611949800001</v>
      </c>
      <c r="O1116" s="13">
        <v>1.4573499539102923</v>
      </c>
      <c r="P1116" s="7">
        <v>20.083475886799999</v>
      </c>
      <c r="Q1116" s="7">
        <v>26.230237257399999</v>
      </c>
      <c r="R1116" s="7">
        <v>35.272296265900003</v>
      </c>
      <c r="S1116" s="7">
        <v>40.747702003100002</v>
      </c>
      <c r="T1116" s="7">
        <v>27.0064737977</v>
      </c>
      <c r="U1116" s="7">
        <v>31.089800025799999</v>
      </c>
      <c r="V1116" s="7">
        <v>27.7514757806</v>
      </c>
      <c r="W1116" s="7">
        <v>36.905697913799997</v>
      </c>
      <c r="X1116" s="7">
        <v>22.711721663399999</v>
      </c>
      <c r="Y1116" s="7">
        <v>18.988089059699998</v>
      </c>
      <c r="Z1116" s="7">
        <v>29.160778443800002</v>
      </c>
      <c r="AA1116" s="7">
        <v>45.659538103999999</v>
      </c>
      <c r="AB1116" s="7">
        <v>24.925468626000001</v>
      </c>
      <c r="AC1116" s="7">
        <v>24.7169984718</v>
      </c>
      <c r="AD1116" s="7">
        <v>102.943902669</v>
      </c>
      <c r="AE1116" s="7">
        <v>59.834026101799999</v>
      </c>
      <c r="AF1116" s="7">
        <v>68.195087730400004</v>
      </c>
      <c r="AG1116" s="9">
        <v>12780.331301400001</v>
      </c>
      <c r="AH1116" s="13">
        <v>0.7336223520481755</v>
      </c>
      <c r="AI1116" s="9">
        <v>-2684.3873062999992</v>
      </c>
      <c r="AJ1116" s="13">
        <v>-0.15409041307406052</v>
      </c>
      <c r="AK1116" s="9">
        <v>29070.073495199998</v>
      </c>
      <c r="AL1116" s="13">
        <v>1.972661759164799</v>
      </c>
      <c r="AM1116" s="9">
        <v>-13605.354887499998</v>
      </c>
      <c r="AN1116" s="13">
        <v>-0.31057813246600641</v>
      </c>
      <c r="AO1116" s="9">
        <v>15464.718607700001</v>
      </c>
      <c r="AP1116" s="13">
        <v>1.0494180215502824</v>
      </c>
      <c r="AQ1116" s="9">
        <v>17420.858655299999</v>
      </c>
      <c r="AR1116" s="9">
        <v>15438.6002665</v>
      </c>
      <c r="AS1116" s="9">
        <v>16583.534573699999</v>
      </c>
      <c r="AT1116" s="9">
        <v>16049.222066599999</v>
      </c>
      <c r="AU1116" s="9">
        <v>12790.519985700001</v>
      </c>
      <c r="AV1116" s="9">
        <v>12670.242551200001</v>
      </c>
      <c r="AW1116" s="9">
        <v>14736.471348999999</v>
      </c>
      <c r="AX1116" s="9">
        <v>11876.4510094</v>
      </c>
      <c r="AY1116" s="9">
        <v>15096.060247900001</v>
      </c>
      <c r="AZ1116" s="9">
        <v>43806.544844199998</v>
      </c>
      <c r="BA1116" s="9">
        <v>31797.651608700002</v>
      </c>
      <c r="BB1116" s="9">
        <v>33346.203809400002</v>
      </c>
      <c r="BC1116" s="9">
        <v>39450.509582400002</v>
      </c>
      <c r="BD1116" s="9">
        <v>39400.493388800001</v>
      </c>
      <c r="BE1116" s="9">
        <v>29843.875222300001</v>
      </c>
      <c r="BF1116" s="9">
        <v>30201.1899567</v>
      </c>
      <c r="BG1116" s="11">
        <v>-2.5</v>
      </c>
      <c r="BH1116" s="13">
        <v>-0.5</v>
      </c>
      <c r="BI1116" s="6">
        <v>-1</v>
      </c>
      <c r="BJ1116" s="13">
        <v>-0.2</v>
      </c>
      <c r="BK1116" s="6">
        <v>0</v>
      </c>
      <c r="BL1116" s="13">
        <v>0</v>
      </c>
      <c r="BM1116" s="11">
        <v>-1.5</v>
      </c>
      <c r="BN1116" s="13">
        <v>-0.375</v>
      </c>
      <c r="BO1116" s="11">
        <v>-1.5</v>
      </c>
      <c r="BP1116" s="13">
        <v>-0.375</v>
      </c>
      <c r="BQ1116" s="6">
        <v>5</v>
      </c>
      <c r="BR1116" s="6">
        <v>3</v>
      </c>
      <c r="BS1116" s="6">
        <v>4</v>
      </c>
      <c r="BT1116" s="6">
        <v>4</v>
      </c>
      <c r="BU1116" s="6">
        <v>5</v>
      </c>
      <c r="BV1116" s="6">
        <v>5</v>
      </c>
      <c r="BW1116" s="6">
        <v>4</v>
      </c>
      <c r="BX1116" s="6">
        <v>2</v>
      </c>
      <c r="BY1116" s="6">
        <v>2</v>
      </c>
      <c r="BZ1116" s="6">
        <v>2</v>
      </c>
      <c r="CA1116" s="6">
        <v>2</v>
      </c>
      <c r="CB1116" s="6">
        <v>2</v>
      </c>
      <c r="CC1116" s="11">
        <v>2.5</v>
      </c>
      <c r="CD1116" s="11">
        <v>38.643900000000002</v>
      </c>
      <c r="CE1116" s="11">
        <v>7.2723300000000002</v>
      </c>
      <c r="CF1116" s="11">
        <v>2.19537</v>
      </c>
      <c r="CG1116" s="11">
        <v>9</v>
      </c>
      <c r="CH1116" s="20">
        <v>0.100589</v>
      </c>
      <c r="CI1116" s="20">
        <v>0.12392300000000001</v>
      </c>
      <c r="CJ1116" s="20">
        <v>0.157252</v>
      </c>
      <c r="CK1116" s="20">
        <v>0.17535999999999999</v>
      </c>
      <c r="CL1116" s="20">
        <v>0.11545</v>
      </c>
      <c r="CM1116" s="20">
        <v>0.12701799999999999</v>
      </c>
      <c r="CN1116" s="20">
        <v>0.11008900000000001</v>
      </c>
      <c r="CO1116" s="20">
        <v>0.14374700000000001</v>
      </c>
      <c r="CP1116" s="20">
        <v>8.69896E-2</v>
      </c>
      <c r="CQ1116" s="20">
        <v>6.9673700000000005E-2</v>
      </c>
      <c r="CR1116" s="20">
        <v>0.106529</v>
      </c>
      <c r="CS1116" s="20">
        <v>0.16386400000000001</v>
      </c>
      <c r="CT1116" s="20">
        <v>8.9545E-2</v>
      </c>
      <c r="CU1116" s="20">
        <v>8.7881399999999998E-2</v>
      </c>
      <c r="CV1116" s="20">
        <v>0.36019899999999999</v>
      </c>
      <c r="CW1116" s="20">
        <v>0.21054100000000001</v>
      </c>
      <c r="CX1116" s="20">
        <v>0.23231099999999999</v>
      </c>
      <c r="CY1116" s="6" t="s">
        <v>568</v>
      </c>
      <c r="CZ1116" s="6" t="s">
        <v>569</v>
      </c>
      <c r="DA1116" s="6" t="s">
        <v>79</v>
      </c>
      <c r="DB1116" s="6" t="s">
        <v>345</v>
      </c>
      <c r="DC1116" s="6"/>
      <c r="DD1116" s="6"/>
      <c r="DE1116" s="6"/>
      <c r="DF1116" s="6"/>
      <c r="DG1116" s="6"/>
      <c r="DH1116" s="6" t="s">
        <v>333</v>
      </c>
      <c r="DI1116" s="6"/>
      <c r="DJ1116" s="6"/>
      <c r="DK1116" s="6"/>
      <c r="DL1116" s="6">
        <v>6</v>
      </c>
      <c r="DM1116" s="6" t="s">
        <v>396</v>
      </c>
      <c r="DN1116" s="6">
        <v>6</v>
      </c>
      <c r="DO1116" s="6" t="s">
        <v>393</v>
      </c>
      <c r="DP1116" s="6"/>
      <c r="DQ1116" s="6"/>
    </row>
    <row r="1117" spans="1:121" x14ac:dyDescent="0.2">
      <c r="A1117" s="6" t="s">
        <v>321</v>
      </c>
      <c r="B1117" s="6" t="s">
        <v>321</v>
      </c>
      <c r="C1117" s="6" t="s">
        <v>190</v>
      </c>
      <c r="D1117" s="6" t="s">
        <v>79</v>
      </c>
      <c r="E1117" s="6" t="s">
        <v>220</v>
      </c>
      <c r="F1117" s="11">
        <v>376</v>
      </c>
      <c r="G1117" s="13">
        <v>0.53333333333300004</v>
      </c>
      <c r="H1117" s="11">
        <v>52.696454947999996</v>
      </c>
      <c r="I1117" s="13">
        <v>7.4744749562751248E-2</v>
      </c>
      <c r="J1117" s="11">
        <v>28.92497486100001</v>
      </c>
      <c r="K1117" s="13">
        <v>3.8173936720471979E-2</v>
      </c>
      <c r="L1117" s="11">
        <v>294.41809821200002</v>
      </c>
      <c r="M1117" s="13">
        <v>0.37427286391017178</v>
      </c>
      <c r="N1117" s="11">
        <v>323.34307307300003</v>
      </c>
      <c r="O1117" s="13">
        <v>0.42673426925374042</v>
      </c>
      <c r="P1117" s="7">
        <v>705.01881745900005</v>
      </c>
      <c r="Q1117" s="7">
        <v>725.46299518499995</v>
      </c>
      <c r="R1117" s="7">
        <v>739.53234821299998</v>
      </c>
      <c r="S1117" s="7">
        <v>754.01244195699996</v>
      </c>
      <c r="T1117" s="7">
        <v>756.254352735</v>
      </c>
      <c r="U1117" s="7">
        <v>826.76579626099999</v>
      </c>
      <c r="V1117" s="7">
        <v>757.71527240700004</v>
      </c>
      <c r="W1117" s="7">
        <v>791.21490996399996</v>
      </c>
      <c r="X1117" s="7">
        <v>781.90399615399997</v>
      </c>
      <c r="Y1117" s="7">
        <v>786.64024726800005</v>
      </c>
      <c r="Z1117" s="7">
        <v>788.28509908299998</v>
      </c>
      <c r="AA1117" s="7">
        <v>851.76353683100001</v>
      </c>
      <c r="AB1117" s="7">
        <v>891.52422763699997</v>
      </c>
      <c r="AC1117" s="7">
        <v>881.13734380400001</v>
      </c>
      <c r="AD1117" s="7">
        <v>1001.80581123</v>
      </c>
      <c r="AE1117" s="7">
        <v>1037.8603391900001</v>
      </c>
      <c r="AF1117" s="7">
        <v>1081.0583454800001</v>
      </c>
      <c r="AG1117" s="9">
        <v>12385.343099999998</v>
      </c>
      <c r="AH1117" s="13">
        <v>0.56118856648854964</v>
      </c>
      <c r="AI1117" s="9">
        <v>3179.6170163999996</v>
      </c>
      <c r="AJ1117" s="13">
        <v>0.14407067297280729</v>
      </c>
      <c r="AK1117" s="9">
        <v>3581.1520755999991</v>
      </c>
      <c r="AL1117" s="13">
        <v>0.141830842658377</v>
      </c>
      <c r="AM1117" s="9">
        <v>5624.5740079999996</v>
      </c>
      <c r="AN1117" s="13">
        <v>0.19509034870657857</v>
      </c>
      <c r="AO1117" s="9">
        <v>9205.7260835999987</v>
      </c>
      <c r="AP1117" s="13">
        <v>0.3645910199165262</v>
      </c>
      <c r="AQ1117" s="9">
        <v>22069.842187800001</v>
      </c>
      <c r="AR1117" s="9">
        <v>22160.872764399999</v>
      </c>
      <c r="AS1117" s="9">
        <v>22824.327110900002</v>
      </c>
      <c r="AT1117" s="9">
        <v>23626.166311699999</v>
      </c>
      <c r="AU1117" s="9">
        <v>23930.612369099999</v>
      </c>
      <c r="AV1117" s="9">
        <v>23906.309232600001</v>
      </c>
      <c r="AW1117" s="9">
        <v>25249.4592042</v>
      </c>
      <c r="AX1117" s="9">
        <v>26877.168440400001</v>
      </c>
      <c r="AY1117" s="9">
        <v>28288.589227</v>
      </c>
      <c r="AZ1117" s="9">
        <v>28830.611279799999</v>
      </c>
      <c r="BA1117" s="9">
        <v>29417.4454114</v>
      </c>
      <c r="BB1117" s="9">
        <v>28775.209175299999</v>
      </c>
      <c r="BC1117" s="9">
        <v>28794.418232600001</v>
      </c>
      <c r="BD1117" s="9">
        <v>28355.020848799999</v>
      </c>
      <c r="BE1117" s="9">
        <v>33102.012090999997</v>
      </c>
      <c r="BF1117" s="9">
        <v>34455.185287799999</v>
      </c>
      <c r="BG1117" s="11">
        <v>109.75</v>
      </c>
      <c r="BH1117" s="13">
        <v>2.0707547169811322</v>
      </c>
      <c r="BI1117" s="6">
        <v>0</v>
      </c>
      <c r="BJ1117" s="13">
        <v>0</v>
      </c>
      <c r="BK1117" s="6">
        <v>1</v>
      </c>
      <c r="BL1117" s="13">
        <v>1.8867924528301886E-2</v>
      </c>
      <c r="BM1117" s="11">
        <v>108.75</v>
      </c>
      <c r="BN1117" s="13">
        <v>2.0138888888888888</v>
      </c>
      <c r="BO1117" s="11">
        <v>109.75</v>
      </c>
      <c r="BP1117" s="13">
        <v>2.0707547169811322</v>
      </c>
      <c r="BQ1117" s="6">
        <v>53</v>
      </c>
      <c r="BR1117" s="6">
        <v>52</v>
      </c>
      <c r="BS1117" s="6">
        <v>52</v>
      </c>
      <c r="BT1117" s="6">
        <v>53</v>
      </c>
      <c r="BU1117" s="6">
        <v>54</v>
      </c>
      <c r="BV1117" s="6">
        <v>54</v>
      </c>
      <c r="BW1117" s="6">
        <v>54</v>
      </c>
      <c r="BX1117" s="6">
        <v>54</v>
      </c>
      <c r="BY1117" s="6">
        <v>55</v>
      </c>
      <c r="BZ1117" s="6">
        <v>129</v>
      </c>
      <c r="CA1117" s="6">
        <v>143</v>
      </c>
      <c r="CB1117" s="6">
        <v>164</v>
      </c>
      <c r="CC1117" s="11">
        <v>162.75</v>
      </c>
      <c r="CD1117" s="11">
        <v>42.228200000000001</v>
      </c>
      <c r="CE1117" s="11">
        <v>256.74400000000003</v>
      </c>
      <c r="CF1117" s="11">
        <v>77.066999999999993</v>
      </c>
      <c r="CG1117" s="11">
        <v>334</v>
      </c>
      <c r="CH1117" s="20">
        <v>0.71498799999999996</v>
      </c>
      <c r="CI1117" s="20">
        <v>0.69903300000000002</v>
      </c>
      <c r="CJ1117" s="20">
        <v>0.67127300000000001</v>
      </c>
      <c r="CK1117" s="20">
        <v>0.67139899999999997</v>
      </c>
      <c r="CL1117" s="20">
        <v>0.66166899999999995</v>
      </c>
      <c r="CM1117" s="20">
        <v>0.68912799999999996</v>
      </c>
      <c r="CN1117" s="20">
        <v>0.61189000000000004</v>
      </c>
      <c r="CO1117" s="20">
        <v>0.62946400000000002</v>
      </c>
      <c r="CP1117" s="20">
        <v>0.61640300000000003</v>
      </c>
      <c r="CQ1117" s="20">
        <v>0.59783600000000003</v>
      </c>
      <c r="CR1117" s="20">
        <v>0.60708799999999996</v>
      </c>
      <c r="CS1117" s="20">
        <v>0.63381600000000005</v>
      </c>
      <c r="CT1117" s="20">
        <v>0.66058899999999998</v>
      </c>
      <c r="CU1117" s="20">
        <v>0.64749199999999996</v>
      </c>
      <c r="CV1117" s="20">
        <v>0.71723800000000004</v>
      </c>
      <c r="CW1117" s="20">
        <v>0.74275599999999997</v>
      </c>
      <c r="CX1117" s="20">
        <v>0.74463599999999996</v>
      </c>
      <c r="CY1117" s="6" t="s">
        <v>568</v>
      </c>
      <c r="CZ1117" s="6" t="s">
        <v>569</v>
      </c>
      <c r="DA1117" s="6" t="s">
        <v>79</v>
      </c>
      <c r="DB1117" s="6" t="s">
        <v>345</v>
      </c>
      <c r="DC1117" s="6"/>
      <c r="DD1117" s="6"/>
      <c r="DE1117" s="6"/>
      <c r="DF1117" s="6"/>
      <c r="DG1117" s="6"/>
      <c r="DH1117" s="6" t="s">
        <v>333</v>
      </c>
      <c r="DI1117" s="6"/>
      <c r="DJ1117" s="6"/>
      <c r="DK1117" s="6"/>
      <c r="DL1117" s="6">
        <v>6</v>
      </c>
      <c r="DM1117" s="6" t="s">
        <v>396</v>
      </c>
      <c r="DN1117" s="6">
        <v>6</v>
      </c>
      <c r="DO1117" s="6" t="s">
        <v>393</v>
      </c>
      <c r="DP1117" s="6"/>
      <c r="DQ1117" s="6"/>
    </row>
    <row r="1118" spans="1:121" x14ac:dyDescent="0.2">
      <c r="A1118" s="6" t="s">
        <v>322</v>
      </c>
      <c r="B1118" s="6" t="s">
        <v>322</v>
      </c>
      <c r="C1118" s="6" t="s">
        <v>191</v>
      </c>
      <c r="D1118" s="6" t="s">
        <v>79</v>
      </c>
      <c r="E1118" s="6" t="s">
        <v>220</v>
      </c>
      <c r="F1118" s="11">
        <v>32</v>
      </c>
      <c r="G1118" s="13">
        <v>1.28</v>
      </c>
      <c r="H1118" s="11">
        <v>18</v>
      </c>
      <c r="I1118" s="13">
        <v>0.72</v>
      </c>
      <c r="J1118" s="11">
        <v>-6</v>
      </c>
      <c r="K1118" s="13">
        <v>-0.13953488372093023</v>
      </c>
      <c r="L1118" s="11">
        <v>20</v>
      </c>
      <c r="M1118" s="13">
        <v>0.54054054054054057</v>
      </c>
      <c r="N1118" s="11">
        <v>14</v>
      </c>
      <c r="O1118" s="13">
        <v>0.32558139534883723</v>
      </c>
      <c r="P1118" s="7">
        <v>25</v>
      </c>
      <c r="Q1118" s="7">
        <v>34</v>
      </c>
      <c r="R1118" s="7">
        <v>36</v>
      </c>
      <c r="S1118" s="7">
        <v>36</v>
      </c>
      <c r="T1118" s="7">
        <v>43</v>
      </c>
      <c r="U1118" s="7">
        <v>51</v>
      </c>
      <c r="V1118" s="7">
        <v>43</v>
      </c>
      <c r="W1118" s="7">
        <v>38</v>
      </c>
      <c r="X1118" s="7">
        <v>28</v>
      </c>
      <c r="Y1118" s="7">
        <v>37</v>
      </c>
      <c r="Z1118" s="7">
        <v>29</v>
      </c>
      <c r="AA1118" s="7">
        <v>37</v>
      </c>
      <c r="AB1118" s="7">
        <v>56</v>
      </c>
      <c r="AC1118" s="7">
        <v>57</v>
      </c>
      <c r="AD1118" s="7">
        <v>54</v>
      </c>
      <c r="AE1118" s="7">
        <v>54</v>
      </c>
      <c r="AF1118" s="7">
        <v>57</v>
      </c>
      <c r="AG1118" s="9">
        <v>22535</v>
      </c>
      <c r="AH1118" s="13">
        <v>1.4855956226514602</v>
      </c>
      <c r="AI1118" s="9">
        <v>-1565</v>
      </c>
      <c r="AJ1118" s="13">
        <v>-0.10317094073439252</v>
      </c>
      <c r="AK1118" s="9">
        <v>4794</v>
      </c>
      <c r="AL1118" s="13">
        <v>0.35239635401352543</v>
      </c>
      <c r="AM1118" s="9">
        <v>19306</v>
      </c>
      <c r="AN1118" s="13">
        <v>1.0493531905641915</v>
      </c>
      <c r="AO1118" s="9">
        <v>24100</v>
      </c>
      <c r="AP1118" s="13">
        <v>1.7715377830049983</v>
      </c>
      <c r="AQ1118" s="9">
        <v>15169</v>
      </c>
      <c r="AR1118" s="9">
        <v>13830</v>
      </c>
      <c r="AS1118" s="9">
        <v>14001</v>
      </c>
      <c r="AT1118" s="9">
        <v>12654</v>
      </c>
      <c r="AU1118" s="9">
        <v>12124</v>
      </c>
      <c r="AV1118" s="9">
        <v>13031</v>
      </c>
      <c r="AW1118" s="9">
        <v>13604</v>
      </c>
      <c r="AX1118" s="9">
        <v>13909</v>
      </c>
      <c r="AY1118" s="9">
        <v>14280</v>
      </c>
      <c r="AZ1118" s="9">
        <v>18398</v>
      </c>
      <c r="BA1118" s="9">
        <v>16251</v>
      </c>
      <c r="BB1118" s="9">
        <v>15430</v>
      </c>
      <c r="BC1118" s="9">
        <v>47990</v>
      </c>
      <c r="BD1118" s="9">
        <v>38547</v>
      </c>
      <c r="BE1118" s="9">
        <v>37892</v>
      </c>
      <c r="BF1118" s="9">
        <v>37704</v>
      </c>
      <c r="BG1118" s="11">
        <v>1</v>
      </c>
      <c r="BH1118" s="13">
        <v>0.25</v>
      </c>
      <c r="BI1118" s="6">
        <v>2</v>
      </c>
      <c r="BJ1118" s="13">
        <v>0.5</v>
      </c>
      <c r="BK1118" s="6">
        <v>0</v>
      </c>
      <c r="BL1118" s="13">
        <v>0</v>
      </c>
      <c r="BM1118" s="11">
        <v>-1</v>
      </c>
      <c r="BN1118" s="13">
        <v>-0.16666666666666666</v>
      </c>
      <c r="BO1118" s="11">
        <v>-1</v>
      </c>
      <c r="BP1118" s="13">
        <v>-0.16666666666666666</v>
      </c>
      <c r="BQ1118" s="6">
        <v>4</v>
      </c>
      <c r="BR1118" s="6">
        <v>7</v>
      </c>
      <c r="BS1118" s="6">
        <v>8</v>
      </c>
      <c r="BT1118" s="6">
        <v>6</v>
      </c>
      <c r="BU1118" s="6">
        <v>5</v>
      </c>
      <c r="BV1118" s="6">
        <v>5</v>
      </c>
      <c r="BW1118" s="6">
        <v>6</v>
      </c>
      <c r="BX1118" s="6">
        <v>6</v>
      </c>
      <c r="BY1118" s="6">
        <v>6</v>
      </c>
      <c r="BZ1118" s="6">
        <v>5</v>
      </c>
      <c r="CA1118" s="6">
        <v>5</v>
      </c>
      <c r="CB1118" s="6">
        <v>5</v>
      </c>
      <c r="CC1118" s="11">
        <v>5</v>
      </c>
      <c r="CD1118" s="11">
        <v>25</v>
      </c>
      <c r="CE1118" s="11">
        <v>5</v>
      </c>
      <c r="CF1118" s="11">
        <v>3</v>
      </c>
      <c r="CG1118" s="11">
        <v>8</v>
      </c>
      <c r="CH1118" s="20">
        <v>0.17</v>
      </c>
      <c r="CI1118" s="20">
        <v>0.22</v>
      </c>
      <c r="CJ1118" s="20">
        <v>0.22</v>
      </c>
      <c r="CK1118" s="20">
        <v>0.21</v>
      </c>
      <c r="CL1118" s="20">
        <v>0.26</v>
      </c>
      <c r="CM1118" s="20">
        <v>0.28999999999999998</v>
      </c>
      <c r="CN1118" s="20">
        <v>0.24</v>
      </c>
      <c r="CO1118" s="20">
        <v>0.21</v>
      </c>
      <c r="CP1118" s="20">
        <v>0.16</v>
      </c>
      <c r="CQ1118" s="20">
        <v>0.21</v>
      </c>
      <c r="CR1118" s="20">
        <v>0.17</v>
      </c>
      <c r="CS1118" s="20">
        <v>0.21</v>
      </c>
      <c r="CT1118" s="20">
        <v>0.31</v>
      </c>
      <c r="CU1118" s="20">
        <v>0.31</v>
      </c>
      <c r="CV1118" s="20">
        <v>0.28999999999999998</v>
      </c>
      <c r="CW1118" s="20">
        <v>0.28000000000000003</v>
      </c>
      <c r="CX1118" s="20">
        <v>0.28999999999999998</v>
      </c>
      <c r="CY1118" s="6" t="s">
        <v>568</v>
      </c>
      <c r="CZ1118" s="6" t="s">
        <v>569</v>
      </c>
      <c r="DA1118" s="6" t="s">
        <v>79</v>
      </c>
      <c r="DB1118" s="6" t="s">
        <v>345</v>
      </c>
      <c r="DC1118" s="6"/>
      <c r="DD1118" s="6"/>
      <c r="DE1118" s="6"/>
      <c r="DF1118" s="6"/>
      <c r="DG1118" s="6"/>
      <c r="DH1118" s="6" t="s">
        <v>333</v>
      </c>
      <c r="DI1118" s="6"/>
      <c r="DJ1118" s="6"/>
      <c r="DK1118" s="6"/>
      <c r="DL1118" s="6">
        <v>6</v>
      </c>
      <c r="DM1118" s="6" t="s">
        <v>396</v>
      </c>
      <c r="DN1118" s="6">
        <v>6</v>
      </c>
      <c r="DO1118" s="6" t="s">
        <v>393</v>
      </c>
      <c r="DP1118" s="6"/>
      <c r="DQ1118" s="6"/>
    </row>
    <row r="1119" spans="1:121" x14ac:dyDescent="0.2">
      <c r="A1119" s="6" t="s">
        <v>323</v>
      </c>
      <c r="B1119" s="6" t="s">
        <v>323</v>
      </c>
      <c r="C1119" s="6" t="s">
        <v>192</v>
      </c>
      <c r="D1119" s="6" t="s">
        <v>79</v>
      </c>
      <c r="E1119" s="6" t="s">
        <v>220</v>
      </c>
      <c r="F1119" s="11">
        <v>151</v>
      </c>
      <c r="G1119" s="13">
        <v>0.24394184167999999</v>
      </c>
      <c r="H1119" s="11">
        <v>64.809947168000008</v>
      </c>
      <c r="I1119" s="13">
        <v>0.10473152484150458</v>
      </c>
      <c r="J1119" s="11">
        <v>69.248724974999959</v>
      </c>
      <c r="K1119" s="13">
        <v>0.10129564950023374</v>
      </c>
      <c r="L1119" s="11">
        <v>16.69498696200003</v>
      </c>
      <c r="M1119" s="13">
        <v>2.2174874601942E-2</v>
      </c>
      <c r="N1119" s="11">
        <v>85.943711936999989</v>
      </c>
      <c r="O1119" s="13">
        <v>0.1257167424275657</v>
      </c>
      <c r="P1119" s="7">
        <v>618.819856448</v>
      </c>
      <c r="Q1119" s="7">
        <v>644.33654825199994</v>
      </c>
      <c r="R1119" s="7">
        <v>687.62966178399995</v>
      </c>
      <c r="S1119" s="7">
        <v>687.19264531199997</v>
      </c>
      <c r="T1119" s="7">
        <v>629.53888249800002</v>
      </c>
      <c r="U1119" s="7">
        <v>631.61155935800002</v>
      </c>
      <c r="V1119" s="7">
        <v>683.629803616</v>
      </c>
      <c r="W1119" s="7">
        <v>687.59610721800004</v>
      </c>
      <c r="X1119" s="7">
        <v>640.59534944899997</v>
      </c>
      <c r="Y1119" s="7">
        <v>752.87852859099996</v>
      </c>
      <c r="Z1119" s="7">
        <v>722.35932616399998</v>
      </c>
      <c r="AA1119" s="7">
        <v>681.19942285499997</v>
      </c>
      <c r="AB1119" s="7">
        <v>731.83014836899997</v>
      </c>
      <c r="AC1119" s="7">
        <v>720.65043409400005</v>
      </c>
      <c r="AD1119" s="7">
        <v>725.63109332800002</v>
      </c>
      <c r="AE1119" s="7">
        <v>760.78301394799996</v>
      </c>
      <c r="AF1119" s="7">
        <v>769.57351555299999</v>
      </c>
      <c r="AG1119" s="9">
        <v>3995.0495310999995</v>
      </c>
      <c r="AH1119" s="13">
        <v>0.38411725035846894</v>
      </c>
      <c r="AI1119" s="9">
        <v>1018.0175858999992</v>
      </c>
      <c r="AJ1119" s="13">
        <v>9.7880667778555794E-2</v>
      </c>
      <c r="AK1119" s="9">
        <v>1116.8037031000003</v>
      </c>
      <c r="AL1119" s="13">
        <v>9.7805516475970244E-2</v>
      </c>
      <c r="AM1119" s="9">
        <v>1860.2282421</v>
      </c>
      <c r="AN1119" s="13">
        <v>0.14839775478760578</v>
      </c>
      <c r="AO1119" s="9">
        <v>2977.0319452000003</v>
      </c>
      <c r="AP1119" s="13">
        <v>0.26071739031445218</v>
      </c>
      <c r="AQ1119" s="9">
        <v>10400.599107100001</v>
      </c>
      <c r="AR1119" s="9">
        <v>10114.8469943</v>
      </c>
      <c r="AS1119" s="9">
        <v>10274.0075707</v>
      </c>
      <c r="AT1119" s="9">
        <v>10537.291364299999</v>
      </c>
      <c r="AU1119" s="9">
        <v>10805.341671100001</v>
      </c>
      <c r="AV1119" s="9">
        <v>10758.2112046</v>
      </c>
      <c r="AW1119" s="9">
        <v>11418.616693</v>
      </c>
      <c r="AX1119" s="9">
        <v>11312.4655408</v>
      </c>
      <c r="AY1119" s="9">
        <v>11575.358289399999</v>
      </c>
      <c r="AZ1119" s="9">
        <v>12535.4203961</v>
      </c>
      <c r="BA1119" s="9">
        <v>12633.8391873</v>
      </c>
      <c r="BB1119" s="9">
        <v>13253.190516799999</v>
      </c>
      <c r="BC1119" s="9">
        <v>13236.2915966</v>
      </c>
      <c r="BD1119" s="9">
        <v>14338.645963700001</v>
      </c>
      <c r="BE1119" s="9">
        <v>13847.738679</v>
      </c>
      <c r="BF1119" s="9">
        <v>14395.6486382</v>
      </c>
      <c r="BG1119" s="11">
        <v>3.25</v>
      </c>
      <c r="BH1119" s="13">
        <v>6.6326530612244902E-2</v>
      </c>
      <c r="BI1119" s="6">
        <v>2</v>
      </c>
      <c r="BJ1119" s="13">
        <v>4.0816326530612242E-2</v>
      </c>
      <c r="BK1119" s="6">
        <v>5</v>
      </c>
      <c r="BL1119" s="13">
        <v>9.8039215686274508E-2</v>
      </c>
      <c r="BM1119" s="11">
        <v>-3.75</v>
      </c>
      <c r="BN1119" s="13">
        <v>-6.6964285714285712E-2</v>
      </c>
      <c r="BO1119" s="11">
        <v>1.25</v>
      </c>
      <c r="BP1119" s="13">
        <v>2.4509803921568627E-2</v>
      </c>
      <c r="BQ1119" s="6">
        <v>49</v>
      </c>
      <c r="BR1119" s="6">
        <v>48</v>
      </c>
      <c r="BS1119" s="6">
        <v>48</v>
      </c>
      <c r="BT1119" s="6">
        <v>51</v>
      </c>
      <c r="BU1119" s="6">
        <v>50</v>
      </c>
      <c r="BV1119" s="6">
        <v>53</v>
      </c>
      <c r="BW1119" s="6">
        <v>56</v>
      </c>
      <c r="BX1119" s="6">
        <v>50</v>
      </c>
      <c r="BY1119" s="6">
        <v>46</v>
      </c>
      <c r="BZ1119" s="6">
        <v>48</v>
      </c>
      <c r="CA1119" s="6">
        <v>50</v>
      </c>
      <c r="CB1119" s="6">
        <v>52</v>
      </c>
      <c r="CC1119" s="11">
        <v>52.25</v>
      </c>
      <c r="CD1119" s="11">
        <v>-57.613900000000001</v>
      </c>
      <c r="CE1119" s="11">
        <v>140.72300000000001</v>
      </c>
      <c r="CF1119" s="11">
        <v>67.644499999999994</v>
      </c>
      <c r="CG1119" s="11">
        <v>209</v>
      </c>
      <c r="CH1119" s="20">
        <v>0.845642</v>
      </c>
      <c r="CI1119" s="20">
        <v>0.85787899999999995</v>
      </c>
      <c r="CJ1119" s="20">
        <v>0.87299300000000002</v>
      </c>
      <c r="CK1119" s="20">
        <v>0.85137499999999999</v>
      </c>
      <c r="CL1119" s="20">
        <v>0.76578999999999997</v>
      </c>
      <c r="CM1119" s="20">
        <v>0.734846</v>
      </c>
      <c r="CN1119" s="20">
        <v>0.774899</v>
      </c>
      <c r="CO1119" s="20">
        <v>0.78541499999999997</v>
      </c>
      <c r="CP1119" s="20">
        <v>0.76102099999999995</v>
      </c>
      <c r="CQ1119" s="20">
        <v>0.87353000000000003</v>
      </c>
      <c r="CR1119" s="20">
        <v>0.84001700000000001</v>
      </c>
      <c r="CS1119" s="20">
        <v>0.77013699999999996</v>
      </c>
      <c r="CT1119" s="20">
        <v>0.81507799999999997</v>
      </c>
      <c r="CU1119" s="20">
        <v>0.787605</v>
      </c>
      <c r="CV1119" s="20">
        <v>0.76526000000000005</v>
      </c>
      <c r="CW1119" s="20">
        <v>0.80012700000000003</v>
      </c>
      <c r="CX1119" s="20">
        <v>0.78736099999999998</v>
      </c>
      <c r="CY1119" s="6" t="s">
        <v>568</v>
      </c>
      <c r="CZ1119" s="6" t="s">
        <v>569</v>
      </c>
      <c r="DA1119" s="6" t="s">
        <v>79</v>
      </c>
      <c r="DB1119" s="6" t="s">
        <v>345</v>
      </c>
      <c r="DC1119" s="6"/>
      <c r="DD1119" s="6"/>
      <c r="DE1119" s="6"/>
      <c r="DF1119" s="6"/>
      <c r="DG1119" s="6"/>
      <c r="DH1119" s="6" t="s">
        <v>333</v>
      </c>
      <c r="DI1119" s="6"/>
      <c r="DJ1119" s="6"/>
      <c r="DK1119" s="6"/>
      <c r="DL1119" s="6">
        <v>6</v>
      </c>
      <c r="DM1119" s="6" t="s">
        <v>396</v>
      </c>
      <c r="DN1119" s="6">
        <v>6</v>
      </c>
      <c r="DO1119" s="6" t="s">
        <v>393</v>
      </c>
      <c r="DP1119" s="6"/>
      <c r="DQ1119" s="6"/>
    </row>
    <row r="1120" spans="1:121" x14ac:dyDescent="0.2">
      <c r="A1120" s="6" t="s">
        <v>325</v>
      </c>
      <c r="B1120" s="6" t="s">
        <v>325</v>
      </c>
      <c r="C1120" s="6" t="s">
        <v>193</v>
      </c>
      <c r="D1120" s="6" t="s">
        <v>79</v>
      </c>
      <c r="E1120" s="6" t="s">
        <v>220</v>
      </c>
      <c r="F1120" s="11">
        <v>68</v>
      </c>
      <c r="G1120" s="13">
        <v>0.123411978221</v>
      </c>
      <c r="H1120" s="11">
        <v>115.93401432799999</v>
      </c>
      <c r="I1120" s="13">
        <v>0.21055462681664877</v>
      </c>
      <c r="J1120" s="11">
        <v>-4.2256908900000099</v>
      </c>
      <c r="K1120" s="13">
        <v>-6.3396787058887334E-3</v>
      </c>
      <c r="L1120" s="11">
        <v>-43.11644326399994</v>
      </c>
      <c r="M1120" s="13">
        <v>-6.5099027891821468E-2</v>
      </c>
      <c r="N1120" s="11">
        <v>-47.34213415399995</v>
      </c>
      <c r="O1120" s="13">
        <v>-7.1025999676810364E-2</v>
      </c>
      <c r="P1120" s="7">
        <v>550.61252312900001</v>
      </c>
      <c r="Q1120" s="7">
        <v>518.60335444400005</v>
      </c>
      <c r="R1120" s="7">
        <v>544.73158417499997</v>
      </c>
      <c r="S1120" s="7">
        <v>547.66519587499999</v>
      </c>
      <c r="T1120" s="7">
        <v>556.49423232599997</v>
      </c>
      <c r="U1120" s="7">
        <v>585.14203172199996</v>
      </c>
      <c r="V1120" s="7">
        <v>666.546537457</v>
      </c>
      <c r="W1120" s="7">
        <v>616.31432231199994</v>
      </c>
      <c r="X1120" s="7">
        <v>649.891528892</v>
      </c>
      <c r="Y1120" s="7">
        <v>662.32084656699999</v>
      </c>
      <c r="Z1120" s="7">
        <v>680.92275974899997</v>
      </c>
      <c r="AA1120" s="7">
        <v>715.53249999000002</v>
      </c>
      <c r="AB1120" s="7">
        <v>593.15244035199999</v>
      </c>
      <c r="AC1120" s="7">
        <v>589.785750785</v>
      </c>
      <c r="AD1120" s="7">
        <v>608.857066207</v>
      </c>
      <c r="AE1120" s="7">
        <v>614.84980420500005</v>
      </c>
      <c r="AF1120" s="7">
        <v>619.20440330300005</v>
      </c>
      <c r="AG1120" s="9">
        <v>7185.421681400001</v>
      </c>
      <c r="AH1120" s="13">
        <v>0.4655741667280236</v>
      </c>
      <c r="AI1120" s="9">
        <v>1239.3877402000016</v>
      </c>
      <c r="AJ1120" s="13">
        <v>8.0305226329335844E-2</v>
      </c>
      <c r="AK1120" s="9">
        <v>373.08522139999695</v>
      </c>
      <c r="AL1120" s="13">
        <v>2.2376810477805119E-2</v>
      </c>
      <c r="AM1120" s="9">
        <v>5572.9487198000024</v>
      </c>
      <c r="AN1120" s="13">
        <v>0.32693709095993456</v>
      </c>
      <c r="AO1120" s="9">
        <v>5946.0339411999994</v>
      </c>
      <c r="AP1120" s="13">
        <v>0.35662971076031508</v>
      </c>
      <c r="AQ1120" s="9">
        <v>15433.4630117</v>
      </c>
      <c r="AR1120" s="9">
        <v>17088.3465493</v>
      </c>
      <c r="AS1120" s="9">
        <v>16122.955449700001</v>
      </c>
      <c r="AT1120" s="9">
        <v>15584.0838702</v>
      </c>
      <c r="AU1120" s="9">
        <v>16203.6369564</v>
      </c>
      <c r="AV1120" s="9">
        <v>17085.966022600001</v>
      </c>
      <c r="AW1120" s="9">
        <v>16672.850751900001</v>
      </c>
      <c r="AX1120" s="9">
        <v>17423.2271105</v>
      </c>
      <c r="AY1120" s="9">
        <v>16666.939703</v>
      </c>
      <c r="AZ1120" s="9">
        <v>17045.935973299998</v>
      </c>
      <c r="BA1120" s="9">
        <v>17775.577189899999</v>
      </c>
      <c r="BB1120" s="9">
        <v>17805.412775500001</v>
      </c>
      <c r="BC1120" s="9">
        <v>20540.644137200001</v>
      </c>
      <c r="BD1120" s="9">
        <v>21000.213263400001</v>
      </c>
      <c r="BE1120" s="9">
        <v>22201.136691700001</v>
      </c>
      <c r="BF1120" s="9">
        <v>22618.884693100001</v>
      </c>
      <c r="BG1120" s="11">
        <v>-31.25</v>
      </c>
      <c r="BH1120" s="13">
        <v>-0.40064102564102566</v>
      </c>
      <c r="BI1120" s="6">
        <v>16</v>
      </c>
      <c r="BJ1120" s="13">
        <v>0.20512820512820512</v>
      </c>
      <c r="BK1120" s="6">
        <v>0</v>
      </c>
      <c r="BL1120" s="13">
        <v>0</v>
      </c>
      <c r="BM1120" s="11">
        <v>-47.25</v>
      </c>
      <c r="BN1120" s="13">
        <v>-0.50265957446808507</v>
      </c>
      <c r="BO1120" s="11">
        <v>-47.25</v>
      </c>
      <c r="BP1120" s="13">
        <v>-0.50265957446808507</v>
      </c>
      <c r="BQ1120" s="6">
        <v>78</v>
      </c>
      <c r="BR1120" s="6">
        <v>80</v>
      </c>
      <c r="BS1120" s="6">
        <v>91</v>
      </c>
      <c r="BT1120" s="6">
        <v>94</v>
      </c>
      <c r="BU1120" s="6">
        <v>96</v>
      </c>
      <c r="BV1120" s="6">
        <v>88</v>
      </c>
      <c r="BW1120" s="6">
        <v>94</v>
      </c>
      <c r="BX1120" s="6">
        <v>112</v>
      </c>
      <c r="BY1120" s="6">
        <v>114</v>
      </c>
      <c r="BZ1120" s="6">
        <v>44</v>
      </c>
      <c r="CA1120" s="6">
        <v>47</v>
      </c>
      <c r="CB1120" s="6">
        <v>47</v>
      </c>
      <c r="CC1120" s="11">
        <v>46.75</v>
      </c>
      <c r="CD1120" s="11">
        <v>13.4739</v>
      </c>
      <c r="CE1120" s="11">
        <v>-5.0706199999999999</v>
      </c>
      <c r="CF1120" s="11">
        <v>60.188600000000001</v>
      </c>
      <c r="CG1120" s="11">
        <v>55</v>
      </c>
      <c r="CH1120" s="20">
        <v>1.1077300000000001</v>
      </c>
      <c r="CI1120" s="20">
        <v>1.0123</v>
      </c>
      <c r="CJ1120" s="20">
        <v>1.0197400000000001</v>
      </c>
      <c r="CK1120" s="20">
        <v>1.0185900000000001</v>
      </c>
      <c r="CL1120" s="20">
        <v>1.0330699999999999</v>
      </c>
      <c r="CM1120" s="20">
        <v>1.0486599999999999</v>
      </c>
      <c r="CN1120" s="20">
        <v>1.16957</v>
      </c>
      <c r="CO1120" s="20">
        <v>1.08874</v>
      </c>
      <c r="CP1120" s="20">
        <v>1.1696800000000001</v>
      </c>
      <c r="CQ1120" s="20">
        <v>1.1728400000000001</v>
      </c>
      <c r="CR1120" s="20">
        <v>1.2261500000000001</v>
      </c>
      <c r="CS1120" s="20">
        <v>1.2623500000000001</v>
      </c>
      <c r="CT1120" s="20">
        <v>1.1245400000000001</v>
      </c>
      <c r="CU1120" s="20">
        <v>1.1089100000000001</v>
      </c>
      <c r="CV1120" s="20">
        <v>1.1265099999999999</v>
      </c>
      <c r="CW1120" s="20">
        <v>1.14653</v>
      </c>
      <c r="CX1120" s="20">
        <v>1.1332599999999999</v>
      </c>
      <c r="CY1120" s="6" t="s">
        <v>568</v>
      </c>
      <c r="CZ1120" s="6" t="s">
        <v>569</v>
      </c>
      <c r="DA1120" s="6" t="s">
        <v>79</v>
      </c>
      <c r="DB1120" s="6" t="s">
        <v>345</v>
      </c>
      <c r="DC1120" s="6"/>
      <c r="DD1120" s="6"/>
      <c r="DE1120" s="6"/>
      <c r="DF1120" s="6"/>
      <c r="DG1120" s="6"/>
      <c r="DH1120" s="6" t="s">
        <v>333</v>
      </c>
      <c r="DI1120" s="6"/>
      <c r="DJ1120" s="6"/>
      <c r="DK1120" s="6"/>
      <c r="DL1120" s="6">
        <v>6</v>
      </c>
      <c r="DM1120" s="6" t="s">
        <v>396</v>
      </c>
      <c r="DN1120" s="6">
        <v>6</v>
      </c>
      <c r="DO1120" s="6" t="s">
        <v>393</v>
      </c>
      <c r="DP1120" s="6"/>
      <c r="DQ1120" s="6"/>
    </row>
    <row r="1121" spans="1:121" x14ac:dyDescent="0.2">
      <c r="A1121" s="6" t="s">
        <v>327</v>
      </c>
      <c r="B1121" s="6" t="s">
        <v>327</v>
      </c>
      <c r="C1121" s="6" t="s">
        <v>194</v>
      </c>
      <c r="D1121" s="6" t="s">
        <v>79</v>
      </c>
      <c r="E1121" s="6" t="s">
        <v>220</v>
      </c>
      <c r="F1121" s="11">
        <v>166</v>
      </c>
      <c r="G1121" s="13">
        <v>8.3291520321100002E-2</v>
      </c>
      <c r="H1121" s="11">
        <v>371.87057699999991</v>
      </c>
      <c r="I1121" s="13">
        <v>0.18654355938527592</v>
      </c>
      <c r="J1121" s="11">
        <v>-14.958154999999806</v>
      </c>
      <c r="K1121" s="13">
        <v>-6.3238678281722647E-3</v>
      </c>
      <c r="L1121" s="11">
        <v>-191.26015068000015</v>
      </c>
      <c r="M1121" s="13">
        <v>-8.1373761272929543E-2</v>
      </c>
      <c r="N1121" s="11">
        <v>-206.21830567999996</v>
      </c>
      <c r="O1121" s="13">
        <v>-8.7183032190130558E-2</v>
      </c>
      <c r="P1121" s="7">
        <v>1993.478511</v>
      </c>
      <c r="Q1121" s="7">
        <v>1981.922376</v>
      </c>
      <c r="R1121" s="7">
        <v>2007.491387</v>
      </c>
      <c r="S1121" s="7">
        <v>2066.5373319999999</v>
      </c>
      <c r="T1121" s="7">
        <v>2109.885119</v>
      </c>
      <c r="U1121" s="7">
        <v>2183.0517450000002</v>
      </c>
      <c r="V1121" s="7">
        <v>2365.3490879999999</v>
      </c>
      <c r="W1121" s="7">
        <v>2392.6804780000002</v>
      </c>
      <c r="X1121" s="7">
        <v>2354.3712529999998</v>
      </c>
      <c r="Y1121" s="7">
        <v>2350.3909330000001</v>
      </c>
      <c r="Z1121" s="7">
        <v>2336.1609309999999</v>
      </c>
      <c r="AA1121" s="7">
        <v>2295.4054839999999</v>
      </c>
      <c r="AB1121" s="7">
        <v>2269.5320579999998</v>
      </c>
      <c r="AC1121" s="7">
        <v>2269.054138</v>
      </c>
      <c r="AD1121" s="7">
        <v>2125.3892519999999</v>
      </c>
      <c r="AE1121" s="7">
        <v>2130.4773845</v>
      </c>
      <c r="AF1121" s="7">
        <v>2159.13078232</v>
      </c>
      <c r="AG1121" s="9">
        <v>19475.311320299996</v>
      </c>
      <c r="AH1121" s="13">
        <v>0.63391676082092829</v>
      </c>
      <c r="AI1121" s="9">
        <v>9669.4505628999977</v>
      </c>
      <c r="AJ1121" s="13">
        <v>0.31473832068412078</v>
      </c>
      <c r="AK1121" s="9">
        <v>7121.9754394999982</v>
      </c>
      <c r="AL1121" s="13">
        <v>0.17632300393043857</v>
      </c>
      <c r="AM1121" s="9">
        <v>2683.8853178999998</v>
      </c>
      <c r="AN1121" s="13">
        <v>5.6486656464596233E-2</v>
      </c>
      <c r="AO1121" s="9">
        <v>9805.860757399998</v>
      </c>
      <c r="AP1121" s="13">
        <v>0.24276955734485911</v>
      </c>
      <c r="AQ1121" s="9">
        <v>30722.190236900002</v>
      </c>
      <c r="AR1121" s="9">
        <v>31970.565351000001</v>
      </c>
      <c r="AS1121" s="9">
        <v>33472.436625800001</v>
      </c>
      <c r="AT1121" s="9">
        <v>34984.429004500002</v>
      </c>
      <c r="AU1121" s="9">
        <v>35692.177157700004</v>
      </c>
      <c r="AV1121" s="9">
        <v>37112.876082900002</v>
      </c>
      <c r="AW1121" s="9">
        <v>40391.6407998</v>
      </c>
      <c r="AX1121" s="9">
        <v>41230.600456799999</v>
      </c>
      <c r="AY1121" s="9">
        <v>43035.686865800002</v>
      </c>
      <c r="AZ1121" s="9">
        <v>47513.616239299998</v>
      </c>
      <c r="BA1121" s="9">
        <v>47080.393528699999</v>
      </c>
      <c r="BB1121" s="9">
        <v>47974.037038199996</v>
      </c>
      <c r="BC1121" s="9">
        <v>49106.287618800001</v>
      </c>
      <c r="BD1121" s="9">
        <v>48714.762874300002</v>
      </c>
      <c r="BE1121" s="9">
        <v>49167.541987500001</v>
      </c>
      <c r="BF1121" s="9">
        <v>50197.501557199997</v>
      </c>
      <c r="BG1121" s="11">
        <v>9</v>
      </c>
      <c r="BH1121" s="13">
        <v>9.7826086956521743E-2</v>
      </c>
      <c r="BI1121" s="6">
        <v>9</v>
      </c>
      <c r="BJ1121" s="13">
        <v>9.7826086956521743E-2</v>
      </c>
      <c r="BK1121" s="6">
        <v>6</v>
      </c>
      <c r="BL1121" s="13">
        <v>5.9405940594059403E-2</v>
      </c>
      <c r="BM1121" s="11">
        <v>-6</v>
      </c>
      <c r="BN1121" s="13">
        <v>-5.6074766355140186E-2</v>
      </c>
      <c r="BO1121" s="11">
        <v>0</v>
      </c>
      <c r="BP1121" s="13">
        <v>0</v>
      </c>
      <c r="BQ1121" s="6">
        <v>92</v>
      </c>
      <c r="BR1121" s="6">
        <v>92</v>
      </c>
      <c r="BS1121" s="6">
        <v>94</v>
      </c>
      <c r="BT1121" s="6">
        <v>101</v>
      </c>
      <c r="BU1121" s="6">
        <v>105</v>
      </c>
      <c r="BV1121" s="6">
        <v>104</v>
      </c>
      <c r="BW1121" s="6">
        <v>107</v>
      </c>
      <c r="BX1121" s="6">
        <v>106</v>
      </c>
      <c r="BY1121" s="6">
        <v>105</v>
      </c>
      <c r="BZ1121" s="6">
        <v>104</v>
      </c>
      <c r="CA1121" s="6">
        <v>102</v>
      </c>
      <c r="CB1121" s="6">
        <v>102</v>
      </c>
      <c r="CC1121" s="11">
        <v>101</v>
      </c>
      <c r="CD1121" s="11">
        <v>64.608000000000004</v>
      </c>
      <c r="CE1121" s="11">
        <v>-116.867</v>
      </c>
      <c r="CF1121" s="11">
        <v>217.911</v>
      </c>
      <c r="CG1121" s="11">
        <v>101</v>
      </c>
      <c r="CH1121" s="20">
        <v>1.2073400000000001</v>
      </c>
      <c r="CI1121" s="20">
        <v>1.1623399999999999</v>
      </c>
      <c r="CJ1121" s="20">
        <v>1.1374200000000001</v>
      </c>
      <c r="CK1121" s="20">
        <v>1.1717200000000001</v>
      </c>
      <c r="CL1121" s="20">
        <v>1.1968099999999999</v>
      </c>
      <c r="CM1121" s="20">
        <v>1.2033400000000001</v>
      </c>
      <c r="CN1121" s="20">
        <v>1.28572</v>
      </c>
      <c r="CO1121" s="20">
        <v>1.29627</v>
      </c>
      <c r="CP1121" s="20">
        <v>1.28501</v>
      </c>
      <c r="CQ1121" s="20">
        <v>1.2549399999999999</v>
      </c>
      <c r="CR1121" s="20">
        <v>1.29819</v>
      </c>
      <c r="CS1121" s="20">
        <v>1.29206</v>
      </c>
      <c r="CT1121" s="20">
        <v>1.30396</v>
      </c>
      <c r="CU1121" s="20">
        <v>1.3173600000000001</v>
      </c>
      <c r="CV1121" s="20">
        <v>1.22471</v>
      </c>
      <c r="CW1121" s="20">
        <v>1.24352</v>
      </c>
      <c r="CX1121" s="20">
        <v>1.2455499999999999</v>
      </c>
      <c r="CY1121" s="6" t="s">
        <v>568</v>
      </c>
      <c r="CZ1121" s="6" t="s">
        <v>569</v>
      </c>
      <c r="DA1121" s="6" t="s">
        <v>79</v>
      </c>
      <c r="DB1121" s="6" t="s">
        <v>345</v>
      </c>
      <c r="DC1121" s="6"/>
      <c r="DD1121" s="6"/>
      <c r="DE1121" s="6"/>
      <c r="DF1121" s="6"/>
      <c r="DG1121" s="6"/>
      <c r="DH1121" s="6" t="s">
        <v>333</v>
      </c>
      <c r="DI1121" s="6"/>
      <c r="DJ1121" s="6"/>
      <c r="DK1121" s="6"/>
      <c r="DL1121" s="6">
        <v>6</v>
      </c>
      <c r="DM1121" s="6" t="s">
        <v>396</v>
      </c>
      <c r="DN1121" s="6">
        <v>6</v>
      </c>
      <c r="DO1121" s="6" t="s">
        <v>393</v>
      </c>
      <c r="DP1121" s="6"/>
      <c r="DQ1121" s="6"/>
    </row>
    <row r="1122" spans="1:121" x14ac:dyDescent="0.2">
      <c r="A1122" s="6" t="s">
        <v>1</v>
      </c>
      <c r="B1122" s="6" t="s">
        <v>1</v>
      </c>
      <c r="C1122" s="6" t="s">
        <v>2</v>
      </c>
      <c r="D1122" s="6" t="s">
        <v>152</v>
      </c>
      <c r="E1122" s="6" t="s">
        <v>293</v>
      </c>
      <c r="F1122" s="11">
        <v>-141</v>
      </c>
      <c r="G1122" s="13">
        <v>-0.18700265252000001</v>
      </c>
      <c r="H1122" s="11">
        <v>-182.2533514989999</v>
      </c>
      <c r="I1122" s="13">
        <v>-0.24174774477372823</v>
      </c>
      <c r="J1122" s="11">
        <v>73.117597504999935</v>
      </c>
      <c r="K1122" s="13">
        <v>0.12790723481125557</v>
      </c>
      <c r="L1122" s="11">
        <v>-31.490982779999968</v>
      </c>
      <c r="M1122" s="13">
        <v>-4.8841166655887024E-2</v>
      </c>
      <c r="N1122" s="11">
        <v>41.626614724999968</v>
      </c>
      <c r="O1122" s="13">
        <v>7.2818929583458342E-2</v>
      </c>
      <c r="P1122" s="7">
        <v>753.89886954099995</v>
      </c>
      <c r="Q1122" s="7">
        <v>745.20511925000005</v>
      </c>
      <c r="R1122" s="7">
        <v>811.57770953099998</v>
      </c>
      <c r="S1122" s="7">
        <v>911.67772895200005</v>
      </c>
      <c r="T1122" s="7">
        <v>575.23139039199998</v>
      </c>
      <c r="U1122" s="7">
        <v>548.70896703100004</v>
      </c>
      <c r="V1122" s="7">
        <v>571.64551804200005</v>
      </c>
      <c r="W1122" s="7">
        <v>537.74919654999997</v>
      </c>
      <c r="X1122" s="7">
        <v>612.27774731600005</v>
      </c>
      <c r="Y1122" s="7">
        <v>644.76311554699998</v>
      </c>
      <c r="Z1122" s="7">
        <v>606.99303473800001</v>
      </c>
      <c r="AA1122" s="7">
        <v>626.16484431200001</v>
      </c>
      <c r="AB1122" s="7">
        <v>576.10621920599999</v>
      </c>
      <c r="AC1122" s="7">
        <v>617.621560563</v>
      </c>
      <c r="AD1122" s="7">
        <v>622.83707028599997</v>
      </c>
      <c r="AE1122" s="7">
        <v>616.54958334399998</v>
      </c>
      <c r="AF1122" s="7">
        <v>613.27213276700002</v>
      </c>
      <c r="AG1122" s="9">
        <v>9392.5636792000005</v>
      </c>
      <c r="AH1122" s="13">
        <v>0.51182288458648983</v>
      </c>
      <c r="AI1122" s="9">
        <v>3984.2066761999995</v>
      </c>
      <c r="AJ1122" s="13">
        <v>0.21710879196031405</v>
      </c>
      <c r="AK1122" s="9">
        <v>1660.3543409999984</v>
      </c>
      <c r="AL1122" s="13">
        <v>7.4337325889682407E-2</v>
      </c>
      <c r="AM1122" s="9">
        <v>3748.0026620000026</v>
      </c>
      <c r="AN1122" s="13">
        <v>0.15619437090237381</v>
      </c>
      <c r="AO1122" s="9">
        <v>5408.357003000001</v>
      </c>
      <c r="AP1122" s="13">
        <v>0.24214276864395989</v>
      </c>
      <c r="AQ1122" s="9">
        <v>18351.1991395</v>
      </c>
      <c r="AR1122" s="9">
        <v>19134.6646511</v>
      </c>
      <c r="AS1122" s="9">
        <v>18698.810423700001</v>
      </c>
      <c r="AT1122" s="9">
        <v>19362.1328713</v>
      </c>
      <c r="AU1122" s="9">
        <v>19728.0560998</v>
      </c>
      <c r="AV1122" s="9">
        <v>21246.377785299999</v>
      </c>
      <c r="AW1122" s="9">
        <v>22335.4058157</v>
      </c>
      <c r="AX1122" s="9">
        <v>22600.492192199999</v>
      </c>
      <c r="AY1122" s="9">
        <v>23253.8939713</v>
      </c>
      <c r="AZ1122" s="9">
        <v>23995.760156699998</v>
      </c>
      <c r="BA1122" s="9">
        <v>27983.508052599998</v>
      </c>
      <c r="BB1122" s="9">
        <v>26173.531595100001</v>
      </c>
      <c r="BC1122" s="9">
        <v>25882.926897599998</v>
      </c>
      <c r="BD1122" s="9">
        <v>26190.3760903</v>
      </c>
      <c r="BE1122" s="9">
        <v>27569.082472800001</v>
      </c>
      <c r="BF1122" s="9">
        <v>27743.762818700001</v>
      </c>
      <c r="BG1122" s="11">
        <v>1.75</v>
      </c>
      <c r="BH1122" s="13">
        <v>0.15909090909090909</v>
      </c>
      <c r="BI1122" s="6">
        <v>-1</v>
      </c>
      <c r="BJ1122" s="13">
        <v>-9.0909090909090912E-2</v>
      </c>
      <c r="BK1122" s="6">
        <v>1</v>
      </c>
      <c r="BL1122" s="13">
        <v>0.1</v>
      </c>
      <c r="BM1122" s="11">
        <v>1.75</v>
      </c>
      <c r="BN1122" s="13">
        <v>0.15909090909090909</v>
      </c>
      <c r="BO1122" s="11">
        <v>2.75</v>
      </c>
      <c r="BP1122" s="13">
        <v>0.27500000000000002</v>
      </c>
      <c r="BQ1122" s="6">
        <v>11</v>
      </c>
      <c r="BR1122" s="6">
        <v>12</v>
      </c>
      <c r="BS1122" s="6">
        <v>10</v>
      </c>
      <c r="BT1122" s="6">
        <v>10</v>
      </c>
      <c r="BU1122" s="6">
        <v>11</v>
      </c>
      <c r="BV1122" s="6">
        <v>11</v>
      </c>
      <c r="BW1122" s="6">
        <v>11</v>
      </c>
      <c r="BX1122" s="6">
        <v>11</v>
      </c>
      <c r="BY1122" s="6">
        <v>12</v>
      </c>
      <c r="BZ1122" s="6">
        <v>13</v>
      </c>
      <c r="CA1122" s="6">
        <v>13</v>
      </c>
      <c r="CB1122" s="6">
        <v>13</v>
      </c>
      <c r="CC1122" s="11">
        <v>12.75</v>
      </c>
      <c r="CD1122" s="11">
        <v>-154.30099999999999</v>
      </c>
      <c r="CE1122" s="11">
        <v>-68.735699999999994</v>
      </c>
      <c r="CF1122" s="11">
        <v>82.410200000000003</v>
      </c>
      <c r="CG1122" s="11">
        <v>13</v>
      </c>
      <c r="CH1122" s="20">
        <v>13.8294</v>
      </c>
      <c r="CI1122" s="20">
        <v>13.6297</v>
      </c>
      <c r="CJ1122" s="20">
        <v>14.742699999999999</v>
      </c>
      <c r="CK1122" s="20">
        <v>16.8169</v>
      </c>
      <c r="CL1122" s="20">
        <v>12.1721</v>
      </c>
      <c r="CM1122" s="20">
        <v>12.162000000000001</v>
      </c>
      <c r="CN1122" s="20">
        <v>12.9062</v>
      </c>
      <c r="CO1122" s="20">
        <v>12.1853</v>
      </c>
      <c r="CP1122" s="20">
        <v>13.284800000000001</v>
      </c>
      <c r="CQ1122" s="20">
        <v>14.059100000000001</v>
      </c>
      <c r="CR1122" s="20">
        <v>13.5563</v>
      </c>
      <c r="CS1122" s="20">
        <v>13.9604</v>
      </c>
      <c r="CT1122" s="20">
        <v>13.382999999999999</v>
      </c>
      <c r="CU1122" s="20">
        <v>14.3689</v>
      </c>
      <c r="CV1122" s="20">
        <v>14.445600000000001</v>
      </c>
      <c r="CW1122" s="20">
        <v>14.5945</v>
      </c>
      <c r="CX1122" s="20">
        <v>14.5878</v>
      </c>
      <c r="CY1122" s="6" t="s">
        <v>570</v>
      </c>
      <c r="CZ1122" s="6" t="s">
        <v>571</v>
      </c>
      <c r="DA1122" s="6" t="s">
        <v>152</v>
      </c>
      <c r="DB1122" s="6"/>
      <c r="DC1122" s="6">
        <v>39500</v>
      </c>
      <c r="DD1122" s="6">
        <v>448</v>
      </c>
      <c r="DE1122" s="6" t="s">
        <v>574</v>
      </c>
      <c r="DF1122" s="6" t="s">
        <v>363</v>
      </c>
      <c r="DG1122" s="6" t="s">
        <v>376</v>
      </c>
      <c r="DH1122" s="6" t="s">
        <v>468</v>
      </c>
      <c r="DI1122" s="6" t="s">
        <v>575</v>
      </c>
      <c r="DJ1122" s="6">
        <v>29</v>
      </c>
      <c r="DK1122" s="6">
        <v>111</v>
      </c>
      <c r="DL1122" s="6">
        <v>8</v>
      </c>
      <c r="DM1122" s="6" t="s">
        <v>368</v>
      </c>
      <c r="DN1122" s="6">
        <v>9</v>
      </c>
      <c r="DO1122" s="6" t="s">
        <v>384</v>
      </c>
      <c r="DP1122" s="6"/>
      <c r="DQ1122" s="6"/>
    </row>
    <row r="1123" spans="1:121" x14ac:dyDescent="0.2">
      <c r="A1123" s="6" t="s">
        <v>310</v>
      </c>
      <c r="B1123" s="6" t="s">
        <v>310</v>
      </c>
      <c r="C1123" s="6" t="s">
        <v>173</v>
      </c>
      <c r="D1123" s="6" t="s">
        <v>152</v>
      </c>
      <c r="E1123" s="6" t="s">
        <v>293</v>
      </c>
      <c r="F1123" s="11">
        <v>1</v>
      </c>
      <c r="G1123" s="13">
        <v>1</v>
      </c>
      <c r="H1123" s="11">
        <v>-11.966825</v>
      </c>
      <c r="I1123" s="13">
        <v>-0.38387054824585881</v>
      </c>
      <c r="J1123" s="11">
        <v>-8.6527040000000017</v>
      </c>
      <c r="K1123" s="13">
        <v>-0.45049059755485565</v>
      </c>
      <c r="L1123" s="11">
        <v>-5.5545869999999997</v>
      </c>
      <c r="M1123" s="13">
        <v>-0.52627232121920076</v>
      </c>
      <c r="N1123" s="11">
        <v>-14.207291000000001</v>
      </c>
      <c r="O1123" s="13">
        <v>-0.73968218631143756</v>
      </c>
      <c r="P1123" s="7">
        <v>31.174116000000001</v>
      </c>
      <c r="Q1123" s="7">
        <v>26.861429000000001</v>
      </c>
      <c r="R1123" s="7">
        <v>25.016546000000002</v>
      </c>
      <c r="S1123" s="7">
        <v>17.200996</v>
      </c>
      <c r="T1123" s="7">
        <v>18.147290999999999</v>
      </c>
      <c r="U1123" s="7">
        <v>32.641843999999999</v>
      </c>
      <c r="V1123" s="7">
        <v>19.207291000000001</v>
      </c>
      <c r="W1123" s="7">
        <v>5</v>
      </c>
      <c r="X1123" s="7">
        <v>12.544433</v>
      </c>
      <c r="Y1123" s="7">
        <v>10.554587</v>
      </c>
      <c r="Z1123" s="7">
        <v>5</v>
      </c>
      <c r="AA1123" s="7">
        <v>5</v>
      </c>
      <c r="AB1123" s="7">
        <v>5</v>
      </c>
      <c r="AC1123" s="7">
        <v>5</v>
      </c>
      <c r="AD1123" s="7">
        <v>5</v>
      </c>
      <c r="AE1123" s="7">
        <v>5</v>
      </c>
      <c r="AF1123" s="7">
        <v>5</v>
      </c>
      <c r="AG1123" s="9">
        <v>-40807.640380800003</v>
      </c>
      <c r="AH1123" s="13">
        <v>-0.99997549538551966</v>
      </c>
      <c r="AI1123" s="9">
        <v>11468.929924699994</v>
      </c>
      <c r="AJ1123" s="13">
        <v>0.28104170630727493</v>
      </c>
      <c r="AK1123" s="9">
        <v>17901.814561700005</v>
      </c>
      <c r="AL1123" s="13">
        <v>0.34243776933559206</v>
      </c>
      <c r="AM1123" s="9">
        <v>-70178.384867200002</v>
      </c>
      <c r="AN1123" s="13">
        <v>-0.99998575080129437</v>
      </c>
      <c r="AO1123" s="9">
        <v>-52276.570305499998</v>
      </c>
      <c r="AP1123" s="13">
        <v>-0.99998087133747504</v>
      </c>
      <c r="AQ1123" s="9">
        <v>40808.640380800003</v>
      </c>
      <c r="AR1123" s="9">
        <v>32050.4322742</v>
      </c>
      <c r="AS1123" s="9">
        <v>47706.293425000003</v>
      </c>
      <c r="AT1123" s="9">
        <v>52409.620593799998</v>
      </c>
      <c r="AU1123" s="9">
        <v>59453.225450700003</v>
      </c>
      <c r="AV1123" s="9">
        <v>49658.634643500001</v>
      </c>
      <c r="AW1123" s="9">
        <v>52277.570305499998</v>
      </c>
      <c r="AX1123" s="9">
        <v>1</v>
      </c>
      <c r="AY1123" s="9">
        <v>72468.475196200001</v>
      </c>
      <c r="AZ1123" s="9">
        <v>70179.384867200002</v>
      </c>
      <c r="BA1123" s="9">
        <v>1</v>
      </c>
      <c r="BB1123" s="9">
        <v>1</v>
      </c>
      <c r="BC1123" s="9">
        <v>1</v>
      </c>
      <c r="BD1123" s="9">
        <v>1</v>
      </c>
      <c r="BE1123" s="9">
        <v>1</v>
      </c>
      <c r="BF1123" s="9">
        <v>1</v>
      </c>
      <c r="BG1123" s="11">
        <v>0</v>
      </c>
      <c r="BH1123" s="13">
        <v>0</v>
      </c>
      <c r="BI1123" s="6">
        <v>0</v>
      </c>
      <c r="BJ1123" s="13">
        <v>0</v>
      </c>
      <c r="BK1123" s="6">
        <v>0</v>
      </c>
      <c r="BL1123" s="13">
        <v>0</v>
      </c>
      <c r="BM1123" s="11">
        <v>0</v>
      </c>
      <c r="BN1123" s="13">
        <v>0</v>
      </c>
      <c r="BO1123" s="11">
        <v>0</v>
      </c>
      <c r="BP1123" s="13">
        <v>0</v>
      </c>
      <c r="BQ1123" s="6">
        <v>1</v>
      </c>
      <c r="BR1123" s="6">
        <v>1</v>
      </c>
      <c r="BS1123" s="6">
        <v>1</v>
      </c>
      <c r="BT1123" s="6">
        <v>1</v>
      </c>
      <c r="BU1123" s="6">
        <v>1</v>
      </c>
      <c r="BV1123" s="6">
        <v>1</v>
      </c>
      <c r="BW1123" s="6">
        <v>1</v>
      </c>
      <c r="BX1123" s="6">
        <v>1</v>
      </c>
      <c r="BY1123" s="6">
        <v>1</v>
      </c>
      <c r="BZ1123" s="6">
        <v>1</v>
      </c>
      <c r="CA1123" s="6">
        <v>1</v>
      </c>
      <c r="CB1123" s="6">
        <v>1</v>
      </c>
      <c r="CC1123" s="11">
        <v>1</v>
      </c>
      <c r="CD1123" s="11">
        <v>-33.6907</v>
      </c>
      <c r="CE1123" s="11">
        <v>3.2342499999999998</v>
      </c>
      <c r="CF1123" s="11">
        <v>3.4077099999999998</v>
      </c>
      <c r="CG1123" s="11">
        <v>6</v>
      </c>
      <c r="CH1123" s="20">
        <v>2.0155500000000002</v>
      </c>
      <c r="CI1123" s="20">
        <v>1.8087899999999999</v>
      </c>
      <c r="CJ1123" s="20">
        <v>1.6968099999999999</v>
      </c>
      <c r="CK1123" s="20">
        <v>1.14635</v>
      </c>
      <c r="CL1123" s="20">
        <v>1.2944100000000001</v>
      </c>
      <c r="CM1123" s="20">
        <v>2.2138300000000002</v>
      </c>
      <c r="CN1123" s="20">
        <v>1.2313400000000001</v>
      </c>
      <c r="CO1123" s="20">
        <v>0.509934</v>
      </c>
      <c r="CP1123" s="20">
        <v>0.76599499999999998</v>
      </c>
      <c r="CQ1123" s="20">
        <v>0.63514300000000001</v>
      </c>
      <c r="CR1123" s="20">
        <v>0.20999399999999999</v>
      </c>
      <c r="CS1123" s="20">
        <v>0.13888400000000001</v>
      </c>
      <c r="CT1123" s="20">
        <v>0.20868600000000001</v>
      </c>
      <c r="CU1123" s="20">
        <v>0.19930899999999999</v>
      </c>
      <c r="CV1123" s="20">
        <v>0.27898899999999999</v>
      </c>
      <c r="CW1123" s="20">
        <v>0.34529399999999999</v>
      </c>
      <c r="CX1123" s="20">
        <v>0.29028799999999999</v>
      </c>
      <c r="CY1123" s="6" t="s">
        <v>570</v>
      </c>
      <c r="CZ1123" s="6" t="s">
        <v>571</v>
      </c>
      <c r="DA1123" s="6" t="s">
        <v>152</v>
      </c>
      <c r="DB1123" s="6"/>
      <c r="DC1123" s="6">
        <v>39500</v>
      </c>
      <c r="DD1123" s="6">
        <v>448</v>
      </c>
      <c r="DE1123" s="6" t="s">
        <v>574</v>
      </c>
      <c r="DF1123" s="6" t="s">
        <v>363</v>
      </c>
      <c r="DG1123" s="6" t="s">
        <v>376</v>
      </c>
      <c r="DH1123" s="6" t="s">
        <v>468</v>
      </c>
      <c r="DI1123" s="6" t="s">
        <v>575</v>
      </c>
      <c r="DJ1123" s="6">
        <v>29</v>
      </c>
      <c r="DK1123" s="6">
        <v>111</v>
      </c>
      <c r="DL1123" s="6">
        <v>8</v>
      </c>
      <c r="DM1123" s="6" t="s">
        <v>368</v>
      </c>
      <c r="DN1123" s="6">
        <v>9</v>
      </c>
      <c r="DO1123" s="6" t="s">
        <v>384</v>
      </c>
      <c r="DP1123" s="6"/>
      <c r="DQ1123" s="6"/>
    </row>
    <row r="1124" spans="1:121" x14ac:dyDescent="0.2">
      <c r="A1124" s="6" t="s">
        <v>311</v>
      </c>
      <c r="B1124" s="6" t="s">
        <v>311</v>
      </c>
      <c r="C1124" s="6" t="s">
        <v>174</v>
      </c>
      <c r="D1124" s="6" t="s">
        <v>152</v>
      </c>
      <c r="E1124" s="6" t="s">
        <v>293</v>
      </c>
      <c r="F1124" s="11">
        <v>-7</v>
      </c>
      <c r="G1124" s="13">
        <v>-0.14893617021300001</v>
      </c>
      <c r="H1124" s="11">
        <v>-12.186886999999999</v>
      </c>
      <c r="I1124" s="13">
        <v>-0.25844252527005818</v>
      </c>
      <c r="J1124" s="11">
        <v>0.4944279999999992</v>
      </c>
      <c r="K1124" s="13">
        <v>1.413934958328455E-2</v>
      </c>
      <c r="L1124" s="11">
        <v>4.6606654321999983</v>
      </c>
      <c r="M1124" s="13">
        <v>0.13142460147937024</v>
      </c>
      <c r="N1124" s="11">
        <v>5.1550934321999975</v>
      </c>
      <c r="O1124" s="13">
        <v>0.14742220944681547</v>
      </c>
      <c r="P1124" s="7">
        <v>47.155115000000002</v>
      </c>
      <c r="Q1124" s="7">
        <v>45.838676999999997</v>
      </c>
      <c r="R1124" s="7">
        <v>45.870823000000001</v>
      </c>
      <c r="S1124" s="7">
        <v>35.033520000000003</v>
      </c>
      <c r="T1124" s="7">
        <v>34.173954999999999</v>
      </c>
      <c r="U1124" s="7">
        <v>32.496955999999997</v>
      </c>
      <c r="V1124" s="7">
        <v>34.968228000000003</v>
      </c>
      <c r="W1124" s="7">
        <v>36.299301999999997</v>
      </c>
      <c r="X1124" s="7">
        <v>36.065337</v>
      </c>
      <c r="Y1124" s="7">
        <v>35.462656000000003</v>
      </c>
      <c r="Z1124" s="7">
        <v>33.861516999999999</v>
      </c>
      <c r="AA1124" s="7">
        <v>33.481993000000003</v>
      </c>
      <c r="AB1124" s="7">
        <v>39.169642000000003</v>
      </c>
      <c r="AC1124" s="7">
        <v>35.840384999999998</v>
      </c>
      <c r="AD1124" s="7">
        <v>37.834707000000002</v>
      </c>
      <c r="AE1124" s="7">
        <v>38.74617825</v>
      </c>
      <c r="AF1124" s="7">
        <v>40.123321432200001</v>
      </c>
      <c r="AG1124" s="9">
        <v>26033.947712900001</v>
      </c>
      <c r="AH1124" s="13">
        <v>0.44967680274793864</v>
      </c>
      <c r="AI1124" s="9">
        <v>22547.000050000002</v>
      </c>
      <c r="AJ1124" s="13">
        <v>0.3894477704976621</v>
      </c>
      <c r="AK1124" s="9">
        <v>11675.0321081</v>
      </c>
      <c r="AL1124" s="13">
        <v>0.14513638896896922</v>
      </c>
      <c r="AM1124" s="9">
        <v>-8188.0844452000019</v>
      </c>
      <c r="AN1124" s="13">
        <v>-8.8888039468625654E-2</v>
      </c>
      <c r="AO1124" s="9">
        <v>3486.9476628999982</v>
      </c>
      <c r="AP1124" s="13">
        <v>4.3347460429336029E-2</v>
      </c>
      <c r="AQ1124" s="9">
        <v>57894.798116799997</v>
      </c>
      <c r="AR1124" s="9">
        <v>63416.040224299999</v>
      </c>
      <c r="AS1124" s="9">
        <v>63869.213348400001</v>
      </c>
      <c r="AT1124" s="9">
        <v>72338.847595400002</v>
      </c>
      <c r="AU1124" s="9">
        <v>75738.962656300006</v>
      </c>
      <c r="AV1124" s="9">
        <v>84511.777027699995</v>
      </c>
      <c r="AW1124" s="9">
        <v>80441.798166799999</v>
      </c>
      <c r="AX1124" s="9">
        <v>82404.898313900005</v>
      </c>
      <c r="AY1124" s="9">
        <v>89048.788355700002</v>
      </c>
      <c r="AZ1124" s="9">
        <v>92116.830274899999</v>
      </c>
      <c r="BA1124" s="9">
        <v>92031.369962299999</v>
      </c>
      <c r="BB1124" s="9">
        <v>92893.349552800006</v>
      </c>
      <c r="BC1124" s="9">
        <v>98715.3023426</v>
      </c>
      <c r="BD1124" s="9">
        <v>90027.239403500003</v>
      </c>
      <c r="BE1124" s="9">
        <v>87203.013322500003</v>
      </c>
      <c r="BF1124" s="9">
        <v>83928.745829699998</v>
      </c>
      <c r="BG1124" s="11">
        <v>-1</v>
      </c>
      <c r="BH1124" s="13">
        <v>-0.33333333333333331</v>
      </c>
      <c r="BI1124" s="6">
        <v>0</v>
      </c>
      <c r="BJ1124" s="13">
        <v>0</v>
      </c>
      <c r="BK1124" s="6">
        <v>0</v>
      </c>
      <c r="BL1124" s="13">
        <v>0</v>
      </c>
      <c r="BM1124" s="11">
        <v>-1</v>
      </c>
      <c r="BN1124" s="13">
        <v>-0.33333333333333331</v>
      </c>
      <c r="BO1124" s="11">
        <v>-1</v>
      </c>
      <c r="BP1124" s="13">
        <v>-0.33333333333333331</v>
      </c>
      <c r="BQ1124" s="6">
        <v>3</v>
      </c>
      <c r="BR1124" s="6">
        <v>3</v>
      </c>
      <c r="BS1124" s="6">
        <v>3</v>
      </c>
      <c r="BT1124" s="6">
        <v>3</v>
      </c>
      <c r="BU1124" s="6">
        <v>3</v>
      </c>
      <c r="BV1124" s="6">
        <v>3</v>
      </c>
      <c r="BW1124" s="6">
        <v>3</v>
      </c>
      <c r="BX1124" s="6">
        <v>3</v>
      </c>
      <c r="BY1124" s="6">
        <v>3</v>
      </c>
      <c r="BZ1124" s="6">
        <v>2</v>
      </c>
      <c r="CA1124" s="6">
        <v>2</v>
      </c>
      <c r="CB1124" s="6">
        <v>2</v>
      </c>
      <c r="CC1124" s="11">
        <v>2</v>
      </c>
      <c r="CD1124" s="11">
        <v>-4.5075000000000003</v>
      </c>
      <c r="CE1124" s="11">
        <v>-7.6789199999999997</v>
      </c>
      <c r="CF1124" s="11">
        <v>5.1546200000000004</v>
      </c>
      <c r="CG1124" s="11">
        <v>-3</v>
      </c>
      <c r="CH1124" s="20">
        <v>2.7826399999999998</v>
      </c>
      <c r="CI1124" s="20">
        <v>2.7059799999999998</v>
      </c>
      <c r="CJ1124" s="20">
        <v>2.77711</v>
      </c>
      <c r="CK1124" s="20">
        <v>2.2123599999999999</v>
      </c>
      <c r="CL1124" s="20">
        <v>2.5515599999999998</v>
      </c>
      <c r="CM1124" s="20">
        <v>2.55484</v>
      </c>
      <c r="CN1124" s="20">
        <v>2.76254</v>
      </c>
      <c r="CO1124" s="20">
        <v>2.7563800000000001</v>
      </c>
      <c r="CP1124" s="20">
        <v>2.5862799999999999</v>
      </c>
      <c r="CQ1124" s="20">
        <v>2.5825300000000002</v>
      </c>
      <c r="CR1124" s="20">
        <v>2.5473599999999998</v>
      </c>
      <c r="CS1124" s="20">
        <v>2.5475099999999999</v>
      </c>
      <c r="CT1124" s="20">
        <v>3.1436999999999999</v>
      </c>
      <c r="CU1124" s="20">
        <v>2.9023699999999999</v>
      </c>
      <c r="CV1124" s="20">
        <v>3.0589400000000002</v>
      </c>
      <c r="CW1124" s="20">
        <v>3.19312</v>
      </c>
      <c r="CX1124" s="20">
        <v>3.3027099999999998</v>
      </c>
      <c r="CY1124" s="6" t="s">
        <v>570</v>
      </c>
      <c r="CZ1124" s="6" t="s">
        <v>571</v>
      </c>
      <c r="DA1124" s="6" t="s">
        <v>152</v>
      </c>
      <c r="DB1124" s="6"/>
      <c r="DC1124" s="6">
        <v>39500</v>
      </c>
      <c r="DD1124" s="6">
        <v>448</v>
      </c>
      <c r="DE1124" s="6" t="s">
        <v>574</v>
      </c>
      <c r="DF1124" s="6" t="s">
        <v>363</v>
      </c>
      <c r="DG1124" s="6" t="s">
        <v>376</v>
      </c>
      <c r="DH1124" s="6" t="s">
        <v>468</v>
      </c>
      <c r="DI1124" s="6" t="s">
        <v>575</v>
      </c>
      <c r="DJ1124" s="6">
        <v>29</v>
      </c>
      <c r="DK1124" s="6">
        <v>111</v>
      </c>
      <c r="DL1124" s="6">
        <v>8</v>
      </c>
      <c r="DM1124" s="6" t="s">
        <v>368</v>
      </c>
      <c r="DN1124" s="6">
        <v>9</v>
      </c>
      <c r="DO1124" s="6" t="s">
        <v>384</v>
      </c>
      <c r="DP1124" s="6"/>
      <c r="DQ1124" s="6"/>
    </row>
    <row r="1125" spans="1:121" x14ac:dyDescent="0.2">
      <c r="A1125" s="6" t="s">
        <v>312</v>
      </c>
      <c r="B1125" s="6" t="s">
        <v>312</v>
      </c>
      <c r="C1125" s="6" t="s">
        <v>175</v>
      </c>
      <c r="D1125" s="6" t="s">
        <v>152</v>
      </c>
      <c r="E1125" s="6" t="s">
        <v>293</v>
      </c>
      <c r="F1125" s="11">
        <v>-44</v>
      </c>
      <c r="G1125" s="13">
        <v>-0.23280423280400001</v>
      </c>
      <c r="H1125" s="11">
        <v>-36.98426289599999</v>
      </c>
      <c r="I1125" s="13">
        <v>-0.19613506710186585</v>
      </c>
      <c r="J1125" s="11">
        <v>-23.654358392000006</v>
      </c>
      <c r="K1125" s="13">
        <v>-0.15605093302366072</v>
      </c>
      <c r="L1125" s="11">
        <v>17.05206327099998</v>
      </c>
      <c r="M1125" s="13">
        <v>0.13329562491692862</v>
      </c>
      <c r="N1125" s="11">
        <v>-6.6022951210000258</v>
      </c>
      <c r="O1125" s="13">
        <v>-4.355621474299072E-2</v>
      </c>
      <c r="P1125" s="7">
        <v>188.565275157</v>
      </c>
      <c r="Q1125" s="7">
        <v>155.361384606</v>
      </c>
      <c r="R1125" s="7">
        <v>177.19084615599999</v>
      </c>
      <c r="S1125" s="7">
        <v>172.623523261</v>
      </c>
      <c r="T1125" s="7">
        <v>179.66204067699999</v>
      </c>
      <c r="U1125" s="7">
        <v>161.69876744699999</v>
      </c>
      <c r="V1125" s="7">
        <v>151.58101226100001</v>
      </c>
      <c r="W1125" s="7">
        <v>152.19052833500001</v>
      </c>
      <c r="X1125" s="7">
        <v>146.161117512</v>
      </c>
      <c r="Y1125" s="7">
        <v>127.92665386900001</v>
      </c>
      <c r="Z1125" s="7">
        <v>129.70128762499999</v>
      </c>
      <c r="AA1125" s="7">
        <v>123.891345758</v>
      </c>
      <c r="AB1125" s="7">
        <v>137.07450315299999</v>
      </c>
      <c r="AC1125" s="7">
        <v>125.469673289</v>
      </c>
      <c r="AD1125" s="7">
        <v>132.11663547200001</v>
      </c>
      <c r="AE1125" s="7">
        <v>142.23924755199999</v>
      </c>
      <c r="AF1125" s="7">
        <v>144.97871713999999</v>
      </c>
      <c r="AG1125" s="9">
        <v>5726.427753699998</v>
      </c>
      <c r="AH1125" s="13">
        <v>0.22059041803710935</v>
      </c>
      <c r="AI1125" s="9">
        <v>3138.784157799997</v>
      </c>
      <c r="AJ1125" s="13">
        <v>0.12091058147900124</v>
      </c>
      <c r="AK1125" s="9">
        <v>-3418.0558273999995</v>
      </c>
      <c r="AL1125" s="13">
        <v>-0.1174656917767422</v>
      </c>
      <c r="AM1125" s="9">
        <v>6005.6994233000005</v>
      </c>
      <c r="AN1125" s="13">
        <v>0.2338642748687679</v>
      </c>
      <c r="AO1125" s="9">
        <v>2587.6435959000009</v>
      </c>
      <c r="AP1125" s="13">
        <v>8.8927554262699673E-2</v>
      </c>
      <c r="AQ1125" s="9">
        <v>25959.548944400001</v>
      </c>
      <c r="AR1125" s="9">
        <v>28003.009087400002</v>
      </c>
      <c r="AS1125" s="9">
        <v>27511.783674800001</v>
      </c>
      <c r="AT1125" s="9">
        <v>29638.662544999999</v>
      </c>
      <c r="AU1125" s="9">
        <v>30071.153360600001</v>
      </c>
      <c r="AV1125" s="9">
        <v>28002.263104599999</v>
      </c>
      <c r="AW1125" s="9">
        <v>29098.333102199998</v>
      </c>
      <c r="AX1125" s="9">
        <v>28583.238764000002</v>
      </c>
      <c r="AY1125" s="9">
        <v>27191.803890800002</v>
      </c>
      <c r="AZ1125" s="9">
        <v>25680.277274799999</v>
      </c>
      <c r="BA1125" s="9">
        <v>27633.944255900002</v>
      </c>
      <c r="BB1125" s="9">
        <v>30613.538325199999</v>
      </c>
      <c r="BC1125" s="9">
        <v>29659.120526999999</v>
      </c>
      <c r="BD1125" s="9">
        <v>28527.340145300001</v>
      </c>
      <c r="BE1125" s="9">
        <v>28300.410554599999</v>
      </c>
      <c r="BF1125" s="9">
        <v>31685.976698099999</v>
      </c>
      <c r="BG1125" s="11">
        <v>-8</v>
      </c>
      <c r="BH1125" s="13">
        <v>-0.30769230769230771</v>
      </c>
      <c r="BI1125" s="6">
        <v>2</v>
      </c>
      <c r="BJ1125" s="13">
        <v>7.6923076923076927E-2</v>
      </c>
      <c r="BK1125" s="6">
        <v>-7</v>
      </c>
      <c r="BL1125" s="13">
        <v>-0.25</v>
      </c>
      <c r="BM1125" s="11">
        <v>-3</v>
      </c>
      <c r="BN1125" s="13">
        <v>-0.14285714285714285</v>
      </c>
      <c r="BO1125" s="11">
        <v>-10</v>
      </c>
      <c r="BP1125" s="13">
        <v>-0.35714285714285715</v>
      </c>
      <c r="BQ1125" s="6">
        <v>26</v>
      </c>
      <c r="BR1125" s="6">
        <v>26</v>
      </c>
      <c r="BS1125" s="6">
        <v>26</v>
      </c>
      <c r="BT1125" s="6">
        <v>28</v>
      </c>
      <c r="BU1125" s="6">
        <v>27</v>
      </c>
      <c r="BV1125" s="6">
        <v>25</v>
      </c>
      <c r="BW1125" s="6">
        <v>21</v>
      </c>
      <c r="BX1125" s="6">
        <v>20</v>
      </c>
      <c r="BY1125" s="6">
        <v>20</v>
      </c>
      <c r="BZ1125" s="6">
        <v>17</v>
      </c>
      <c r="CA1125" s="6">
        <v>18</v>
      </c>
      <c r="CB1125" s="6">
        <v>18</v>
      </c>
      <c r="CC1125" s="11">
        <v>18</v>
      </c>
      <c r="CD1125" s="11">
        <v>-41.359000000000002</v>
      </c>
      <c r="CE1125" s="11">
        <v>-22.8401</v>
      </c>
      <c r="CF1125" s="11">
        <v>20.612500000000001</v>
      </c>
      <c r="CG1125" s="11">
        <v>-2</v>
      </c>
      <c r="CH1125" s="20">
        <v>0.76717000000000002</v>
      </c>
      <c r="CI1125" s="20">
        <v>0.62795000000000001</v>
      </c>
      <c r="CJ1125" s="20">
        <v>0.70189500000000005</v>
      </c>
      <c r="CK1125" s="20">
        <v>0.66875499999999999</v>
      </c>
      <c r="CL1125" s="20">
        <v>0.76721700000000004</v>
      </c>
      <c r="CM1125" s="20">
        <v>0.69244600000000001</v>
      </c>
      <c r="CN1125" s="20">
        <v>0.66106900000000002</v>
      </c>
      <c r="CO1125" s="20">
        <v>0.68467100000000003</v>
      </c>
      <c r="CP1125" s="20">
        <v>0.71628199999999997</v>
      </c>
      <c r="CQ1125" s="20">
        <v>0.68111699999999997</v>
      </c>
      <c r="CR1125" s="20">
        <v>0.72087500000000004</v>
      </c>
      <c r="CS1125" s="20">
        <v>0.68987299999999996</v>
      </c>
      <c r="CT1125" s="20">
        <v>0.78564699999999998</v>
      </c>
      <c r="CU1125" s="20">
        <v>0.70357800000000004</v>
      </c>
      <c r="CV1125" s="20">
        <v>0.71917600000000004</v>
      </c>
      <c r="CW1125" s="20">
        <v>0.77294799999999997</v>
      </c>
      <c r="CX1125" s="20">
        <v>0.78803599999999996</v>
      </c>
      <c r="CY1125" s="6" t="s">
        <v>570</v>
      </c>
      <c r="CZ1125" s="6" t="s">
        <v>571</v>
      </c>
      <c r="DA1125" s="6" t="s">
        <v>152</v>
      </c>
      <c r="DB1125" s="6"/>
      <c r="DC1125" s="6">
        <v>39500</v>
      </c>
      <c r="DD1125" s="6">
        <v>448</v>
      </c>
      <c r="DE1125" s="6" t="s">
        <v>574</v>
      </c>
      <c r="DF1125" s="6" t="s">
        <v>363</v>
      </c>
      <c r="DG1125" s="6" t="s">
        <v>376</v>
      </c>
      <c r="DH1125" s="6" t="s">
        <v>468</v>
      </c>
      <c r="DI1125" s="6" t="s">
        <v>575</v>
      </c>
      <c r="DJ1125" s="6">
        <v>29</v>
      </c>
      <c r="DK1125" s="6">
        <v>111</v>
      </c>
      <c r="DL1125" s="6">
        <v>8</v>
      </c>
      <c r="DM1125" s="6" t="s">
        <v>368</v>
      </c>
      <c r="DN1125" s="6">
        <v>9</v>
      </c>
      <c r="DO1125" s="6" t="s">
        <v>384</v>
      </c>
      <c r="DP1125" s="6"/>
      <c r="DQ1125" s="6"/>
    </row>
    <row r="1126" spans="1:121" x14ac:dyDescent="0.2">
      <c r="A1126" s="6" t="s">
        <v>792</v>
      </c>
      <c r="B1126" s="6" t="s">
        <v>176</v>
      </c>
      <c r="C1126" s="6" t="s">
        <v>177</v>
      </c>
      <c r="D1126" s="6" t="s">
        <v>152</v>
      </c>
      <c r="E1126" s="6" t="s">
        <v>293</v>
      </c>
      <c r="F1126" s="11">
        <v>-233</v>
      </c>
      <c r="G1126" s="13">
        <v>-0.60206718346300003</v>
      </c>
      <c r="H1126" s="11">
        <v>-215.91916925899997</v>
      </c>
      <c r="I1126" s="13">
        <v>-0.55816733239143168</v>
      </c>
      <c r="J1126" s="11">
        <v>-41.10518174500001</v>
      </c>
      <c r="K1126" s="13">
        <v>-0.2404982742251538</v>
      </c>
      <c r="L1126" s="11">
        <v>24.088762415000019</v>
      </c>
      <c r="M1126" s="13">
        <v>0.18556715726051207</v>
      </c>
      <c r="N1126" s="11">
        <v>-17.016419329999991</v>
      </c>
      <c r="O1126" s="13">
        <v>-9.9559698038662561E-2</v>
      </c>
      <c r="P1126" s="7">
        <v>386.83591233099997</v>
      </c>
      <c r="Q1126" s="7">
        <v>292.62455727000003</v>
      </c>
      <c r="R1126" s="7">
        <v>154.17638728700001</v>
      </c>
      <c r="S1126" s="7">
        <v>138.34395123300001</v>
      </c>
      <c r="T1126" s="7">
        <v>150.80075567</v>
      </c>
      <c r="U1126" s="7">
        <v>162.02599354399999</v>
      </c>
      <c r="V1126" s="7">
        <v>170.916743072</v>
      </c>
      <c r="W1126" s="7">
        <v>156.775769618</v>
      </c>
      <c r="X1126" s="7">
        <v>142.418138024</v>
      </c>
      <c r="Y1126" s="7">
        <v>129.81156132699999</v>
      </c>
      <c r="Z1126" s="7">
        <v>127.228833153</v>
      </c>
      <c r="AA1126" s="7">
        <v>131.00499592599999</v>
      </c>
      <c r="AB1126" s="7">
        <v>128.43506055899999</v>
      </c>
      <c r="AC1126" s="7">
        <v>120.79671244399999</v>
      </c>
      <c r="AD1126" s="7">
        <v>123.676183963</v>
      </c>
      <c r="AE1126" s="7">
        <v>146.84721500000001</v>
      </c>
      <c r="AF1126" s="7">
        <v>153.90032374200001</v>
      </c>
      <c r="AG1126" s="9">
        <v>8434.4311371000003</v>
      </c>
      <c r="AH1126" s="13">
        <v>0.23491289546852365</v>
      </c>
      <c r="AI1126" s="9">
        <v>-2072.653899500001</v>
      </c>
      <c r="AJ1126" s="13">
        <v>-5.7726848547497843E-2</v>
      </c>
      <c r="AK1126" s="9">
        <v>2573.3649903999976</v>
      </c>
      <c r="AL1126" s="13">
        <v>7.6063382190004025E-2</v>
      </c>
      <c r="AM1126" s="9">
        <v>7933.7200462000037</v>
      </c>
      <c r="AN1126" s="13">
        <v>0.21792811536933984</v>
      </c>
      <c r="AO1126" s="9">
        <v>10507.085036600001</v>
      </c>
      <c r="AP1126" s="13">
        <v>0.31056784708862928</v>
      </c>
      <c r="AQ1126" s="9">
        <v>35904.504604900001</v>
      </c>
      <c r="AR1126" s="9">
        <v>33203.6790329</v>
      </c>
      <c r="AS1126" s="9">
        <v>30524.616273700001</v>
      </c>
      <c r="AT1126" s="9">
        <v>34734.029336500003</v>
      </c>
      <c r="AU1126" s="9">
        <v>34690.611239700003</v>
      </c>
      <c r="AV1126" s="9">
        <v>36283.435555399999</v>
      </c>
      <c r="AW1126" s="9">
        <v>33831.8507054</v>
      </c>
      <c r="AX1126" s="9">
        <v>35315.671754299998</v>
      </c>
      <c r="AY1126" s="9">
        <v>35197.645173299999</v>
      </c>
      <c r="AZ1126" s="9">
        <v>36405.215695799998</v>
      </c>
      <c r="BA1126" s="9">
        <v>37424.8035667</v>
      </c>
      <c r="BB1126" s="9">
        <v>40541.086121100001</v>
      </c>
      <c r="BC1126" s="9">
        <v>39155.840692899998</v>
      </c>
      <c r="BD1126" s="9">
        <v>40404.454317199998</v>
      </c>
      <c r="BE1126" s="9">
        <v>41501.489267600002</v>
      </c>
      <c r="BF1126" s="9">
        <v>44338.935742000001</v>
      </c>
      <c r="BG1126" s="11">
        <v>2.75</v>
      </c>
      <c r="BH1126" s="13">
        <v>0.6875</v>
      </c>
      <c r="BI1126" s="6">
        <v>2</v>
      </c>
      <c r="BJ1126" s="13">
        <v>0.5</v>
      </c>
      <c r="BK1126" s="6">
        <v>0</v>
      </c>
      <c r="BL1126" s="13">
        <v>0</v>
      </c>
      <c r="BM1126" s="11">
        <v>0.75</v>
      </c>
      <c r="BN1126" s="13">
        <v>0.125</v>
      </c>
      <c r="BO1126" s="11">
        <v>0.75</v>
      </c>
      <c r="BP1126" s="13">
        <v>0.125</v>
      </c>
      <c r="BQ1126" s="6">
        <v>4</v>
      </c>
      <c r="BR1126" s="6">
        <v>4</v>
      </c>
      <c r="BS1126" s="6">
        <v>5</v>
      </c>
      <c r="BT1126" s="6">
        <v>6</v>
      </c>
      <c r="BU1126" s="6">
        <v>7</v>
      </c>
      <c r="BV1126" s="6">
        <v>7</v>
      </c>
      <c r="BW1126" s="6">
        <v>6</v>
      </c>
      <c r="BX1126" s="6">
        <v>6</v>
      </c>
      <c r="BY1126" s="6">
        <v>7</v>
      </c>
      <c r="BZ1126" s="6">
        <v>7</v>
      </c>
      <c r="CA1126" s="6">
        <v>6</v>
      </c>
      <c r="CB1126" s="6">
        <v>6</v>
      </c>
      <c r="CC1126" s="11">
        <v>6.75</v>
      </c>
      <c r="CD1126" s="11">
        <v>-138.67699999999999</v>
      </c>
      <c r="CE1126" s="11">
        <v>-136.54400000000001</v>
      </c>
      <c r="CF1126" s="11">
        <v>42.285800000000002</v>
      </c>
      <c r="CG1126" s="11">
        <v>-95</v>
      </c>
      <c r="CH1126" s="20">
        <v>0.82207600000000003</v>
      </c>
      <c r="CI1126" s="20">
        <v>0.66020800000000002</v>
      </c>
      <c r="CJ1126" s="20">
        <v>0.36441600000000002</v>
      </c>
      <c r="CK1126" s="20">
        <v>0.33872000000000002</v>
      </c>
      <c r="CL1126" s="20">
        <v>0.428564</v>
      </c>
      <c r="CM1126" s="20">
        <v>0.48399399999999998</v>
      </c>
      <c r="CN1126" s="20">
        <v>0.52640500000000001</v>
      </c>
      <c r="CO1126" s="20">
        <v>0.48732700000000001</v>
      </c>
      <c r="CP1126" s="20">
        <v>0.47512300000000002</v>
      </c>
      <c r="CQ1126" s="20">
        <v>0.44509599999999999</v>
      </c>
      <c r="CR1126" s="20">
        <v>0.441826</v>
      </c>
      <c r="CS1126" s="20">
        <v>0.45252100000000001</v>
      </c>
      <c r="CT1126" s="20">
        <v>0.463833</v>
      </c>
      <c r="CU1126" s="20">
        <v>0.43727300000000002</v>
      </c>
      <c r="CV1126" s="20">
        <v>0.44677299999999998</v>
      </c>
      <c r="CW1126" s="20">
        <v>0.54111699999999996</v>
      </c>
      <c r="CX1126" s="20">
        <v>0.57090200000000002</v>
      </c>
      <c r="CY1126" s="6" t="s">
        <v>570</v>
      </c>
      <c r="CZ1126" s="6" t="s">
        <v>571</v>
      </c>
      <c r="DA1126" s="6" t="s">
        <v>152</v>
      </c>
      <c r="DB1126" s="6"/>
      <c r="DC1126" s="6">
        <v>39500</v>
      </c>
      <c r="DD1126" s="6">
        <v>448</v>
      </c>
      <c r="DE1126" s="6" t="s">
        <v>574</v>
      </c>
      <c r="DF1126" s="6" t="s">
        <v>363</v>
      </c>
      <c r="DG1126" s="6" t="s">
        <v>376</v>
      </c>
      <c r="DH1126" s="6" t="s">
        <v>468</v>
      </c>
      <c r="DI1126" s="6" t="s">
        <v>575</v>
      </c>
      <c r="DJ1126" s="6">
        <v>29</v>
      </c>
      <c r="DK1126" s="6">
        <v>111</v>
      </c>
      <c r="DL1126" s="6">
        <v>8</v>
      </c>
      <c r="DM1126" s="6" t="s">
        <v>368</v>
      </c>
      <c r="DN1126" s="6">
        <v>9</v>
      </c>
      <c r="DO1126" s="6" t="s">
        <v>384</v>
      </c>
      <c r="DP1126" s="6"/>
      <c r="DQ1126" s="6"/>
    </row>
    <row r="1127" spans="1:121" x14ac:dyDescent="0.2">
      <c r="A1127" s="6" t="s">
        <v>313</v>
      </c>
      <c r="B1127" s="6" t="s">
        <v>313</v>
      </c>
      <c r="C1127" s="6" t="s">
        <v>178</v>
      </c>
      <c r="D1127" s="6" t="s">
        <v>152</v>
      </c>
      <c r="E1127" s="6" t="s">
        <v>293</v>
      </c>
      <c r="F1127" s="11">
        <v>-4</v>
      </c>
      <c r="G1127" s="13">
        <v>-5.8823529411800003E-2</v>
      </c>
      <c r="H1127" s="11">
        <v>-5.3797059231999924</v>
      </c>
      <c r="I1127" s="13">
        <v>-7.9637240038489904E-2</v>
      </c>
      <c r="J1127" s="11">
        <v>-13.097571403400003</v>
      </c>
      <c r="K1127" s="13">
        <v>-0.2106635514355833</v>
      </c>
      <c r="L1127" s="11">
        <v>15.070319483900001</v>
      </c>
      <c r="M1127" s="13">
        <v>0.30708523003259669</v>
      </c>
      <c r="N1127" s="11">
        <v>1.9727480804999971</v>
      </c>
      <c r="O1127" s="13">
        <v>3.173001344493355E-2</v>
      </c>
      <c r="P1127" s="7">
        <v>67.552641460199993</v>
      </c>
      <c r="Q1127" s="7">
        <v>66.833987906299996</v>
      </c>
      <c r="R1127" s="7">
        <v>66.065560763899995</v>
      </c>
      <c r="S1127" s="7">
        <v>66.125978649100006</v>
      </c>
      <c r="T1127" s="7">
        <v>67.4975925018</v>
      </c>
      <c r="U1127" s="7">
        <v>68.436603169999998</v>
      </c>
      <c r="V1127" s="7">
        <v>62.172935537000001</v>
      </c>
      <c r="W1127" s="7">
        <v>61.355302201500002</v>
      </c>
      <c r="X1127" s="7">
        <v>52.457661487499998</v>
      </c>
      <c r="Y1127" s="7">
        <v>49.075364133599997</v>
      </c>
      <c r="Z1127" s="7">
        <v>47.162909532699999</v>
      </c>
      <c r="AA1127" s="7">
        <v>47.715868541500001</v>
      </c>
      <c r="AB1127" s="7">
        <v>50.254310257500002</v>
      </c>
      <c r="AC1127" s="7">
        <v>62.433826079799999</v>
      </c>
      <c r="AD1127" s="7">
        <v>60.516065724500002</v>
      </c>
      <c r="AE1127" s="7">
        <v>60.762189210800003</v>
      </c>
      <c r="AF1127" s="7">
        <v>64.145683617499998</v>
      </c>
      <c r="AG1127" s="9">
        <v>47995.009444200005</v>
      </c>
      <c r="AH1127" s="13">
        <v>1.234831213929805</v>
      </c>
      <c r="AI1127" s="9">
        <v>12199.985763700002</v>
      </c>
      <c r="AJ1127" s="13">
        <v>0.31388520191939551</v>
      </c>
      <c r="AK1127" s="9">
        <v>21838.947570799995</v>
      </c>
      <c r="AL1127" s="13">
        <v>0.42764736649668122</v>
      </c>
      <c r="AM1127" s="9">
        <v>13956.076109700007</v>
      </c>
      <c r="AN1127" s="13">
        <v>0.19142403962813256</v>
      </c>
      <c r="AO1127" s="9">
        <v>35795.023680500002</v>
      </c>
      <c r="AP1127" s="13">
        <v>0.700933392555941</v>
      </c>
      <c r="AQ1127" s="9">
        <v>38867.667825999997</v>
      </c>
      <c r="AR1127" s="9">
        <v>39736.8235872</v>
      </c>
      <c r="AS1127" s="9">
        <v>48628.530015199998</v>
      </c>
      <c r="AT1127" s="9">
        <v>47278.938235000001</v>
      </c>
      <c r="AU1127" s="9">
        <v>47420.823011200002</v>
      </c>
      <c r="AV1127" s="9">
        <v>45366.886088500003</v>
      </c>
      <c r="AW1127" s="9">
        <v>51067.653589699999</v>
      </c>
      <c r="AX1127" s="9">
        <v>55458.075591200002</v>
      </c>
      <c r="AY1127" s="9">
        <v>57147.7830024</v>
      </c>
      <c r="AZ1127" s="9">
        <v>72906.601160499995</v>
      </c>
      <c r="BA1127" s="9">
        <v>73919.143468800001</v>
      </c>
      <c r="BB1127" s="9">
        <v>78032.464959599994</v>
      </c>
      <c r="BC1127" s="9">
        <v>82731.270084599993</v>
      </c>
      <c r="BD1127" s="9">
        <v>79601.955778100004</v>
      </c>
      <c r="BE1127" s="9">
        <v>87394.639583299999</v>
      </c>
      <c r="BF1127" s="9">
        <v>86862.677270200002</v>
      </c>
      <c r="BG1127" s="11">
        <v>-1.75</v>
      </c>
      <c r="BH1127" s="13">
        <v>-0.11666666666666667</v>
      </c>
      <c r="BI1127" s="6">
        <v>-3</v>
      </c>
      <c r="BJ1127" s="13">
        <v>-0.2</v>
      </c>
      <c r="BK1127" s="6">
        <v>0</v>
      </c>
      <c r="BL1127" s="13">
        <v>0</v>
      </c>
      <c r="BM1127" s="11">
        <v>1.25</v>
      </c>
      <c r="BN1127" s="13">
        <v>0.10416666666666667</v>
      </c>
      <c r="BO1127" s="11">
        <v>1.25</v>
      </c>
      <c r="BP1127" s="13">
        <v>0.10416666666666667</v>
      </c>
      <c r="BQ1127" s="6">
        <v>15</v>
      </c>
      <c r="BR1127" s="6">
        <v>16</v>
      </c>
      <c r="BS1127" s="6">
        <v>13</v>
      </c>
      <c r="BT1127" s="6">
        <v>12</v>
      </c>
      <c r="BU1127" s="6">
        <v>13</v>
      </c>
      <c r="BV1127" s="6">
        <v>13</v>
      </c>
      <c r="BW1127" s="6">
        <v>12</v>
      </c>
      <c r="BX1127" s="6">
        <v>12</v>
      </c>
      <c r="BY1127" s="6">
        <v>13</v>
      </c>
      <c r="BZ1127" s="6">
        <v>14</v>
      </c>
      <c r="CA1127" s="6">
        <v>14</v>
      </c>
      <c r="CB1127" s="6">
        <v>14</v>
      </c>
      <c r="CC1127" s="11">
        <v>13.25</v>
      </c>
      <c r="CD1127" s="11">
        <v>-5.2676600000000002</v>
      </c>
      <c r="CE1127" s="11">
        <v>-5.5236099999999997</v>
      </c>
      <c r="CF1127" s="11">
        <v>7.3843199999999998</v>
      </c>
      <c r="CG1127" s="11">
        <v>1</v>
      </c>
      <c r="CH1127" s="20">
        <v>0.40316299999999999</v>
      </c>
      <c r="CI1127" s="20">
        <v>0.40219199999999999</v>
      </c>
      <c r="CJ1127" s="20">
        <v>0.398144</v>
      </c>
      <c r="CK1127" s="20">
        <v>0.40302900000000003</v>
      </c>
      <c r="CL1127" s="20">
        <v>0.46618599999999999</v>
      </c>
      <c r="CM1127" s="20">
        <v>0.48339199999999999</v>
      </c>
      <c r="CN1127" s="20">
        <v>0.43675599999999998</v>
      </c>
      <c r="CO1127" s="20">
        <v>0.42386099999999999</v>
      </c>
      <c r="CP1127" s="20">
        <v>0.36765799999999998</v>
      </c>
      <c r="CQ1127" s="20">
        <v>0.34998600000000002</v>
      </c>
      <c r="CR1127" s="20">
        <v>0.34214800000000001</v>
      </c>
      <c r="CS1127" s="20">
        <v>0.343916</v>
      </c>
      <c r="CT1127" s="20">
        <v>0.37654900000000002</v>
      </c>
      <c r="CU1127" s="20">
        <v>0.469495</v>
      </c>
      <c r="CV1127" s="20">
        <v>0.45442900000000003</v>
      </c>
      <c r="CW1127" s="20">
        <v>0.46663199999999999</v>
      </c>
      <c r="CX1127" s="20">
        <v>0.49187700000000001</v>
      </c>
      <c r="CY1127" s="6" t="s">
        <v>570</v>
      </c>
      <c r="CZ1127" s="6" t="s">
        <v>571</v>
      </c>
      <c r="DA1127" s="6" t="s">
        <v>152</v>
      </c>
      <c r="DB1127" s="6"/>
      <c r="DC1127" s="6">
        <v>39500</v>
      </c>
      <c r="DD1127" s="6">
        <v>448</v>
      </c>
      <c r="DE1127" s="6" t="s">
        <v>574</v>
      </c>
      <c r="DF1127" s="6" t="s">
        <v>363</v>
      </c>
      <c r="DG1127" s="6" t="s">
        <v>376</v>
      </c>
      <c r="DH1127" s="6" t="s">
        <v>468</v>
      </c>
      <c r="DI1127" s="6" t="s">
        <v>575</v>
      </c>
      <c r="DJ1127" s="6">
        <v>29</v>
      </c>
      <c r="DK1127" s="6">
        <v>111</v>
      </c>
      <c r="DL1127" s="6">
        <v>8</v>
      </c>
      <c r="DM1127" s="6" t="s">
        <v>368</v>
      </c>
      <c r="DN1127" s="6">
        <v>9</v>
      </c>
      <c r="DO1127" s="6" t="s">
        <v>384</v>
      </c>
      <c r="DP1127" s="6"/>
      <c r="DQ1127" s="6"/>
    </row>
    <row r="1128" spans="1:121" x14ac:dyDescent="0.2">
      <c r="A1128" s="6" t="s">
        <v>793</v>
      </c>
      <c r="B1128" s="6" t="s">
        <v>179</v>
      </c>
      <c r="C1128" s="6" t="s">
        <v>180</v>
      </c>
      <c r="D1128" s="6" t="s">
        <v>152</v>
      </c>
      <c r="E1128" s="6" t="s">
        <v>293</v>
      </c>
      <c r="F1128" s="11">
        <v>-36</v>
      </c>
      <c r="G1128" s="13">
        <v>-0.1</v>
      </c>
      <c r="H1128" s="11">
        <v>-20</v>
      </c>
      <c r="I1128" s="13">
        <v>-5.5555555555555552E-2</v>
      </c>
      <c r="J1128" s="11">
        <v>-59</v>
      </c>
      <c r="K1128" s="13">
        <v>-0.17352941176470588</v>
      </c>
      <c r="L1128" s="11">
        <v>43</v>
      </c>
      <c r="M1128" s="13">
        <v>0.15302491103202848</v>
      </c>
      <c r="N1128" s="11">
        <v>-16</v>
      </c>
      <c r="O1128" s="13">
        <v>-4.7058823529411757E-2</v>
      </c>
      <c r="P1128" s="7">
        <v>360</v>
      </c>
      <c r="Q1128" s="7">
        <v>331</v>
      </c>
      <c r="R1128" s="7">
        <v>342</v>
      </c>
      <c r="S1128" s="7">
        <v>339</v>
      </c>
      <c r="T1128" s="7">
        <v>339</v>
      </c>
      <c r="U1128" s="7">
        <v>334</v>
      </c>
      <c r="V1128" s="7">
        <v>340</v>
      </c>
      <c r="W1128" s="7">
        <v>331</v>
      </c>
      <c r="X1128" s="7">
        <v>311</v>
      </c>
      <c r="Y1128" s="7">
        <v>281</v>
      </c>
      <c r="Z1128" s="7">
        <v>278</v>
      </c>
      <c r="AA1128" s="7">
        <v>311</v>
      </c>
      <c r="AB1128" s="7">
        <v>333</v>
      </c>
      <c r="AC1128" s="7">
        <v>357</v>
      </c>
      <c r="AD1128" s="7">
        <v>323</v>
      </c>
      <c r="AE1128" s="7">
        <v>322</v>
      </c>
      <c r="AF1128" s="7">
        <v>324</v>
      </c>
      <c r="AG1128" s="9">
        <v>7102</v>
      </c>
      <c r="AH1128" s="13">
        <v>0.39267942054627886</v>
      </c>
      <c r="AI1128" s="9">
        <v>3138</v>
      </c>
      <c r="AJ1128" s="13">
        <v>0.17350436801946256</v>
      </c>
      <c r="AK1128" s="9">
        <v>2526</v>
      </c>
      <c r="AL1128" s="13">
        <v>0.11901620806634</v>
      </c>
      <c r="AM1128" s="9">
        <v>1438</v>
      </c>
      <c r="AN1128" s="13">
        <v>6.0547368421052634E-2</v>
      </c>
      <c r="AO1128" s="9">
        <v>3964</v>
      </c>
      <c r="AP1128" s="13">
        <v>0.18676969468526197</v>
      </c>
      <c r="AQ1128" s="9">
        <v>18086</v>
      </c>
      <c r="AR1128" s="9">
        <v>19028</v>
      </c>
      <c r="AS1128" s="9">
        <v>18995</v>
      </c>
      <c r="AT1128" s="9">
        <v>19736</v>
      </c>
      <c r="AU1128" s="9">
        <v>20346</v>
      </c>
      <c r="AV1128" s="9">
        <v>20459</v>
      </c>
      <c r="AW1128" s="9">
        <v>21224</v>
      </c>
      <c r="AX1128" s="9">
        <v>21760</v>
      </c>
      <c r="AY1128" s="9">
        <v>22436</v>
      </c>
      <c r="AZ1128" s="9">
        <v>23750</v>
      </c>
      <c r="BA1128" s="9">
        <v>24431</v>
      </c>
      <c r="BB1128" s="9">
        <v>24897</v>
      </c>
      <c r="BC1128" s="9">
        <v>24480</v>
      </c>
      <c r="BD1128" s="9">
        <v>22795</v>
      </c>
      <c r="BE1128" s="9">
        <v>25872</v>
      </c>
      <c r="BF1128" s="9">
        <v>25188</v>
      </c>
      <c r="BG1128" s="11">
        <v>-11</v>
      </c>
      <c r="BH1128" s="13">
        <v>-0.29729729729729731</v>
      </c>
      <c r="BI1128" s="6">
        <v>-1</v>
      </c>
      <c r="BJ1128" s="13">
        <v>-2.7027027027027029E-2</v>
      </c>
      <c r="BK1128" s="6">
        <v>-8</v>
      </c>
      <c r="BL1128" s="13">
        <v>-0.22222222222222221</v>
      </c>
      <c r="BM1128" s="11">
        <v>-2</v>
      </c>
      <c r="BN1128" s="13">
        <v>-7.1428571428571425E-2</v>
      </c>
      <c r="BO1128" s="11">
        <v>-10</v>
      </c>
      <c r="BP1128" s="13">
        <v>-0.27777777777777779</v>
      </c>
      <c r="BQ1128" s="6">
        <v>37</v>
      </c>
      <c r="BR1128" s="6">
        <v>39</v>
      </c>
      <c r="BS1128" s="6">
        <v>35</v>
      </c>
      <c r="BT1128" s="6">
        <v>36</v>
      </c>
      <c r="BU1128" s="6">
        <v>34</v>
      </c>
      <c r="BV1128" s="6">
        <v>34</v>
      </c>
      <c r="BW1128" s="6">
        <v>28</v>
      </c>
      <c r="BX1128" s="6">
        <v>26</v>
      </c>
      <c r="BY1128" s="6">
        <v>31</v>
      </c>
      <c r="BZ1128" s="6">
        <v>30</v>
      </c>
      <c r="CA1128" s="6">
        <v>29</v>
      </c>
      <c r="CB1128" s="6">
        <v>28</v>
      </c>
      <c r="CC1128" s="11">
        <v>26</v>
      </c>
      <c r="CD1128" s="11">
        <v>-52</v>
      </c>
      <c r="CE1128" s="11">
        <v>-23</v>
      </c>
      <c r="CF1128" s="11">
        <v>39</v>
      </c>
      <c r="CG1128" s="11">
        <v>16</v>
      </c>
      <c r="CH1128" s="20">
        <v>0.8</v>
      </c>
      <c r="CI1128" s="20">
        <v>0.73</v>
      </c>
      <c r="CJ1128" s="20">
        <v>0.76</v>
      </c>
      <c r="CK1128" s="20">
        <v>0.76</v>
      </c>
      <c r="CL1128" s="20">
        <v>0.87</v>
      </c>
      <c r="CM1128" s="20">
        <v>0.89</v>
      </c>
      <c r="CN1128" s="20">
        <v>0.91</v>
      </c>
      <c r="CO1128" s="20">
        <v>0.87</v>
      </c>
      <c r="CP1128" s="20">
        <v>0.82</v>
      </c>
      <c r="CQ1128" s="20">
        <v>0.74</v>
      </c>
      <c r="CR1128" s="20">
        <v>0.75</v>
      </c>
      <c r="CS1128" s="20">
        <v>0.84</v>
      </c>
      <c r="CT1128" s="20">
        <v>0.93</v>
      </c>
      <c r="CU1128" s="20">
        <v>1</v>
      </c>
      <c r="CV1128" s="20">
        <v>0.9</v>
      </c>
      <c r="CW1128" s="20">
        <v>0.9</v>
      </c>
      <c r="CX1128" s="20">
        <v>0.91</v>
      </c>
      <c r="CY1128" s="6" t="s">
        <v>570</v>
      </c>
      <c r="CZ1128" s="6" t="s">
        <v>571</v>
      </c>
      <c r="DA1128" s="6" t="s">
        <v>152</v>
      </c>
      <c r="DB1128" s="6"/>
      <c r="DC1128" s="6">
        <v>39500</v>
      </c>
      <c r="DD1128" s="6">
        <v>448</v>
      </c>
      <c r="DE1128" s="6" t="s">
        <v>574</v>
      </c>
      <c r="DF1128" s="6" t="s">
        <v>363</v>
      </c>
      <c r="DG1128" s="6" t="s">
        <v>376</v>
      </c>
      <c r="DH1128" s="6" t="s">
        <v>468</v>
      </c>
      <c r="DI1128" s="6" t="s">
        <v>575</v>
      </c>
      <c r="DJ1128" s="6">
        <v>29</v>
      </c>
      <c r="DK1128" s="6">
        <v>111</v>
      </c>
      <c r="DL1128" s="6">
        <v>8</v>
      </c>
      <c r="DM1128" s="6" t="s">
        <v>368</v>
      </c>
      <c r="DN1128" s="6">
        <v>9</v>
      </c>
      <c r="DO1128" s="6" t="s">
        <v>384</v>
      </c>
      <c r="DP1128" s="6"/>
      <c r="DQ1128" s="6"/>
    </row>
    <row r="1129" spans="1:121" x14ac:dyDescent="0.2">
      <c r="A1129" s="6" t="s">
        <v>794</v>
      </c>
      <c r="B1129" s="6" t="s">
        <v>181</v>
      </c>
      <c r="C1129" s="6" t="s">
        <v>182</v>
      </c>
      <c r="D1129" s="6" t="s">
        <v>152</v>
      </c>
      <c r="E1129" s="6" t="s">
        <v>293</v>
      </c>
      <c r="F1129" s="11">
        <v>18</v>
      </c>
      <c r="G1129" s="13">
        <v>0.116883116883</v>
      </c>
      <c r="H1129" s="11">
        <v>-12.701474243999996</v>
      </c>
      <c r="I1129" s="13">
        <v>-8.2481221272572847E-2</v>
      </c>
      <c r="J1129" s="11">
        <v>-6.5381300000012743E-2</v>
      </c>
      <c r="K1129" s="13">
        <v>-4.6274266220680158E-4</v>
      </c>
      <c r="L1129" s="11">
        <v>31.064437034999997</v>
      </c>
      <c r="M1129" s="13">
        <v>0.21996343335044655</v>
      </c>
      <c r="N1129" s="11">
        <v>30.999055734999985</v>
      </c>
      <c r="O1129" s="13">
        <v>0.21939890422350303</v>
      </c>
      <c r="P1129" s="7">
        <v>153.99231543900001</v>
      </c>
      <c r="Q1129" s="7">
        <v>153.42273404599999</v>
      </c>
      <c r="R1129" s="7">
        <v>137.63569947299999</v>
      </c>
      <c r="S1129" s="7">
        <v>132.931795239</v>
      </c>
      <c r="T1129" s="7">
        <v>132.84879505999999</v>
      </c>
      <c r="U1129" s="7">
        <v>141.34425729899999</v>
      </c>
      <c r="V1129" s="7">
        <v>141.29084119500001</v>
      </c>
      <c r="W1129" s="7">
        <v>134.859055015</v>
      </c>
      <c r="X1129" s="7">
        <v>140.788970307</v>
      </c>
      <c r="Y1129" s="7">
        <v>141.225459895</v>
      </c>
      <c r="Z1129" s="7">
        <v>144.31864548199999</v>
      </c>
      <c r="AA1129" s="7">
        <v>150.53738082199999</v>
      </c>
      <c r="AB1129" s="7">
        <v>137.27428685500001</v>
      </c>
      <c r="AC1129" s="7">
        <v>139.90779476899999</v>
      </c>
      <c r="AD1129" s="7">
        <v>154.65936453500001</v>
      </c>
      <c r="AE1129" s="7">
        <v>166.74068376100001</v>
      </c>
      <c r="AF1129" s="7">
        <v>172.28989693</v>
      </c>
      <c r="AG1129" s="9">
        <v>24009.669987099995</v>
      </c>
      <c r="AH1129" s="13">
        <v>0.68424950432126486</v>
      </c>
      <c r="AI1129" s="9">
        <v>11022.797453199993</v>
      </c>
      <c r="AJ1129" s="13">
        <v>0.31413774940006151</v>
      </c>
      <c r="AK1129" s="9">
        <v>6743.4041046000057</v>
      </c>
      <c r="AL1129" s="13">
        <v>0.14624014057255083</v>
      </c>
      <c r="AM1129" s="9">
        <v>6243.4684292999955</v>
      </c>
      <c r="AN1129" s="13">
        <v>0.11812388355680269</v>
      </c>
      <c r="AO1129" s="9">
        <v>12986.872533900001</v>
      </c>
      <c r="AP1129" s="13">
        <v>0.281638477465676</v>
      </c>
      <c r="AQ1129" s="9">
        <v>35089.057186700004</v>
      </c>
      <c r="AR1129" s="9">
        <v>38489.254900699998</v>
      </c>
      <c r="AS1129" s="9">
        <v>39952.572723500001</v>
      </c>
      <c r="AT1129" s="9">
        <v>41380.529288899997</v>
      </c>
      <c r="AU1129" s="9">
        <v>42828.437438000001</v>
      </c>
      <c r="AV1129" s="9">
        <v>42912.120688900002</v>
      </c>
      <c r="AW1129" s="9">
        <v>46111.854639899997</v>
      </c>
      <c r="AX1129" s="9">
        <v>51246.074973199997</v>
      </c>
      <c r="AY1129" s="9">
        <v>52647.408260299999</v>
      </c>
      <c r="AZ1129" s="9">
        <v>52855.258744500003</v>
      </c>
      <c r="BA1129" s="9">
        <v>55008.1345669</v>
      </c>
      <c r="BB1129" s="9">
        <v>55864.945953399998</v>
      </c>
      <c r="BC1129" s="9">
        <v>54465.708755300002</v>
      </c>
      <c r="BD1129" s="9">
        <v>59797.565556399997</v>
      </c>
      <c r="BE1129" s="9">
        <v>67437.225318299999</v>
      </c>
      <c r="BF1129" s="9">
        <v>59098.727173799998</v>
      </c>
      <c r="BG1129" s="11">
        <v>-3</v>
      </c>
      <c r="BH1129" s="13">
        <v>-0.21428571428571427</v>
      </c>
      <c r="BI1129" s="6">
        <v>-3</v>
      </c>
      <c r="BJ1129" s="13">
        <v>-0.21428571428571427</v>
      </c>
      <c r="BK1129" s="6">
        <v>0</v>
      </c>
      <c r="BL1129" s="13">
        <v>0</v>
      </c>
      <c r="BM1129" s="11">
        <v>0</v>
      </c>
      <c r="BN1129" s="13">
        <v>0</v>
      </c>
      <c r="BO1129" s="11">
        <v>0</v>
      </c>
      <c r="BP1129" s="13">
        <v>0</v>
      </c>
      <c r="BQ1129" s="6">
        <v>14</v>
      </c>
      <c r="BR1129" s="6">
        <v>14</v>
      </c>
      <c r="BS1129" s="6">
        <v>12</v>
      </c>
      <c r="BT1129" s="6">
        <v>11</v>
      </c>
      <c r="BU1129" s="6">
        <v>12</v>
      </c>
      <c r="BV1129" s="6">
        <v>10</v>
      </c>
      <c r="BW1129" s="6">
        <v>11</v>
      </c>
      <c r="BX1129" s="6">
        <v>10</v>
      </c>
      <c r="BY1129" s="6">
        <v>13</v>
      </c>
      <c r="BZ1129" s="6">
        <v>13</v>
      </c>
      <c r="CA1129" s="6">
        <v>10</v>
      </c>
      <c r="CB1129" s="6">
        <v>11</v>
      </c>
      <c r="CC1129" s="11">
        <v>11</v>
      </c>
      <c r="CD1129" s="11">
        <v>-8.2418300000000002</v>
      </c>
      <c r="CE1129" s="11">
        <v>9.7062000000000008</v>
      </c>
      <c r="CF1129" s="11">
        <v>16.833200000000001</v>
      </c>
      <c r="CG1129" s="11">
        <v>27</v>
      </c>
      <c r="CH1129" s="20">
        <v>1.16099</v>
      </c>
      <c r="CI1129" s="20">
        <v>1.17622</v>
      </c>
      <c r="CJ1129" s="20">
        <v>1.05894</v>
      </c>
      <c r="CK1129" s="20">
        <v>1.0243899999999999</v>
      </c>
      <c r="CL1129" s="20">
        <v>1.15316</v>
      </c>
      <c r="CM1129" s="20">
        <v>1.25112</v>
      </c>
      <c r="CN1129" s="20">
        <v>1.24116</v>
      </c>
      <c r="CO1129" s="20">
        <v>1.16513</v>
      </c>
      <c r="CP1129" s="20">
        <v>1.2304299999999999</v>
      </c>
      <c r="CQ1129" s="20">
        <v>1.2483200000000001</v>
      </c>
      <c r="CR1129" s="20">
        <v>1.28084</v>
      </c>
      <c r="CS1129" s="20">
        <v>1.3222</v>
      </c>
      <c r="CT1129" s="20">
        <v>1.2459100000000001</v>
      </c>
      <c r="CU1129" s="20">
        <v>1.2459899999999999</v>
      </c>
      <c r="CV1129" s="20">
        <v>1.3283199999999999</v>
      </c>
      <c r="CW1129" s="20">
        <v>1.4271400000000001</v>
      </c>
      <c r="CX1129" s="20">
        <v>1.4628099999999999</v>
      </c>
      <c r="CY1129" s="6" t="s">
        <v>570</v>
      </c>
      <c r="CZ1129" s="6" t="s">
        <v>571</v>
      </c>
      <c r="DA1129" s="6" t="s">
        <v>152</v>
      </c>
      <c r="DB1129" s="6"/>
      <c r="DC1129" s="6">
        <v>39500</v>
      </c>
      <c r="DD1129" s="6">
        <v>448</v>
      </c>
      <c r="DE1129" s="6" t="s">
        <v>574</v>
      </c>
      <c r="DF1129" s="6" t="s">
        <v>363</v>
      </c>
      <c r="DG1129" s="6" t="s">
        <v>376</v>
      </c>
      <c r="DH1129" s="6" t="s">
        <v>468</v>
      </c>
      <c r="DI1129" s="6" t="s">
        <v>575</v>
      </c>
      <c r="DJ1129" s="6">
        <v>29</v>
      </c>
      <c r="DK1129" s="6">
        <v>111</v>
      </c>
      <c r="DL1129" s="6">
        <v>8</v>
      </c>
      <c r="DM1129" s="6" t="s">
        <v>368</v>
      </c>
      <c r="DN1129" s="6">
        <v>9</v>
      </c>
      <c r="DO1129" s="6" t="s">
        <v>384</v>
      </c>
      <c r="DP1129" s="6"/>
      <c r="DQ1129" s="6"/>
    </row>
    <row r="1130" spans="1:121" x14ac:dyDescent="0.2">
      <c r="A1130" s="6" t="s">
        <v>314</v>
      </c>
      <c r="B1130" s="6" t="s">
        <v>314</v>
      </c>
      <c r="C1130" s="6" t="s">
        <v>183</v>
      </c>
      <c r="D1130" s="6" t="s">
        <v>152</v>
      </c>
      <c r="E1130" s="6" t="s">
        <v>293</v>
      </c>
      <c r="F1130" s="11">
        <v>9</v>
      </c>
      <c r="G1130" s="13">
        <v>0.5625</v>
      </c>
      <c r="H1130" s="11">
        <v>-2.268414955099999</v>
      </c>
      <c r="I1130" s="13">
        <v>-0.14611528510525237</v>
      </c>
      <c r="J1130" s="11">
        <v>-8.2564150000000005</v>
      </c>
      <c r="K1130" s="13">
        <v>-0.6228241194923364</v>
      </c>
      <c r="L1130" s="11">
        <v>20.296121573400001</v>
      </c>
      <c r="M1130" s="13">
        <v>4.0592243146799998</v>
      </c>
      <c r="N1130" s="11">
        <v>12.0397065734</v>
      </c>
      <c r="O1130" s="13">
        <v>0.90821738557521003</v>
      </c>
      <c r="P1130" s="7">
        <v>15.5248299551</v>
      </c>
      <c r="Q1130" s="7">
        <v>17.996323</v>
      </c>
      <c r="R1130" s="7">
        <v>10.789234</v>
      </c>
      <c r="S1130" s="7">
        <v>5</v>
      </c>
      <c r="T1130" s="7">
        <v>5</v>
      </c>
      <c r="U1130" s="7">
        <v>5</v>
      </c>
      <c r="V1130" s="7">
        <v>13.256415000000001</v>
      </c>
      <c r="W1130" s="7">
        <v>5</v>
      </c>
      <c r="X1130" s="7">
        <v>5</v>
      </c>
      <c r="Y1130" s="7">
        <v>5</v>
      </c>
      <c r="Z1130" s="7">
        <v>5</v>
      </c>
      <c r="AA1130" s="7">
        <v>5</v>
      </c>
      <c r="AB1130" s="7">
        <v>5</v>
      </c>
      <c r="AC1130" s="7">
        <v>16.593778</v>
      </c>
      <c r="AD1130" s="7">
        <v>22.825226000000001</v>
      </c>
      <c r="AE1130" s="7">
        <v>21.7940915</v>
      </c>
      <c r="AF1130" s="7">
        <v>25.296121573400001</v>
      </c>
      <c r="AG1130" s="9">
        <v>18497.822491200001</v>
      </c>
      <c r="AH1130" s="13">
        <v>1.0028564465614356</v>
      </c>
      <c r="AI1130" s="9">
        <v>8643.5588169000002</v>
      </c>
      <c r="AJ1130" s="13">
        <v>0.46860913952898303</v>
      </c>
      <c r="AK1130" s="9">
        <v>-27087.693765799999</v>
      </c>
      <c r="AL1130" s="13">
        <v>-0.99996308422958147</v>
      </c>
      <c r="AM1130" s="9">
        <v>36941.957440099999</v>
      </c>
      <c r="AN1130" s="13">
        <v>36941.957440099999</v>
      </c>
      <c r="AO1130" s="9">
        <v>9854.2636743000003</v>
      </c>
      <c r="AP1130" s="13">
        <v>0.36377773544552366</v>
      </c>
      <c r="AQ1130" s="9">
        <v>18445.134948899999</v>
      </c>
      <c r="AR1130" s="9">
        <v>23507.589238699999</v>
      </c>
      <c r="AS1130" s="9">
        <v>28018.449104200001</v>
      </c>
      <c r="AT1130" s="9">
        <v>1</v>
      </c>
      <c r="AU1130" s="9">
        <v>1</v>
      </c>
      <c r="AV1130" s="9">
        <v>1</v>
      </c>
      <c r="AW1130" s="9">
        <v>27088.693765799999</v>
      </c>
      <c r="AX1130" s="9">
        <v>1</v>
      </c>
      <c r="AY1130" s="9">
        <v>1</v>
      </c>
      <c r="AZ1130" s="9">
        <v>1</v>
      </c>
      <c r="BA1130" s="9">
        <v>1</v>
      </c>
      <c r="BB1130" s="9">
        <v>1</v>
      </c>
      <c r="BC1130" s="9">
        <v>1</v>
      </c>
      <c r="BD1130" s="9">
        <v>40354.1638169</v>
      </c>
      <c r="BE1130" s="9">
        <v>36719.554490800001</v>
      </c>
      <c r="BF1130" s="9">
        <v>36942.957440099999</v>
      </c>
      <c r="BG1130" s="11">
        <v>2</v>
      </c>
      <c r="BH1130" s="13">
        <v>1</v>
      </c>
      <c r="BI1130" s="6">
        <v>0</v>
      </c>
      <c r="BJ1130" s="13">
        <v>0</v>
      </c>
      <c r="BK1130" s="6">
        <v>0</v>
      </c>
      <c r="BL1130" s="13">
        <v>0</v>
      </c>
      <c r="BM1130" s="11">
        <v>2</v>
      </c>
      <c r="BN1130" s="13">
        <v>1</v>
      </c>
      <c r="BO1130" s="11">
        <v>2</v>
      </c>
      <c r="BP1130" s="13">
        <v>1</v>
      </c>
      <c r="BQ1130" s="6">
        <v>2</v>
      </c>
      <c r="BR1130" s="6">
        <v>2</v>
      </c>
      <c r="BS1130" s="6">
        <v>2</v>
      </c>
      <c r="BT1130" s="6">
        <v>2</v>
      </c>
      <c r="BU1130" s="6">
        <v>2</v>
      </c>
      <c r="BV1130" s="6">
        <v>2</v>
      </c>
      <c r="BW1130" s="6">
        <v>2</v>
      </c>
      <c r="BX1130" s="6">
        <v>2</v>
      </c>
      <c r="BY1130" s="6">
        <v>2</v>
      </c>
      <c r="BZ1130" s="6">
        <v>3</v>
      </c>
      <c r="CA1130" s="6">
        <v>3</v>
      </c>
      <c r="CB1130" s="6">
        <v>4</v>
      </c>
      <c r="CC1130" s="11">
        <v>4</v>
      </c>
      <c r="CD1130" s="11">
        <v>12.8293</v>
      </c>
      <c r="CE1130" s="11">
        <v>-4.7551100000000002</v>
      </c>
      <c r="CF1130" s="11">
        <v>1.6970499999999999</v>
      </c>
      <c r="CG1130" s="11">
        <v>-3</v>
      </c>
      <c r="CH1130" s="20">
        <v>0.14863399999999999</v>
      </c>
      <c r="CI1130" s="20">
        <v>0.180145</v>
      </c>
      <c r="CJ1130" s="20">
        <v>0.113173</v>
      </c>
      <c r="CK1130" s="20">
        <v>4.2308600000000002E-2</v>
      </c>
      <c r="CL1130" s="20">
        <v>6.0539700000000002E-2</v>
      </c>
      <c r="CM1130" s="20">
        <v>9.0588600000000005E-2</v>
      </c>
      <c r="CN1130" s="20">
        <v>0.180922</v>
      </c>
      <c r="CO1130" s="20">
        <v>3.1910500000000001E-2</v>
      </c>
      <c r="CP1130" s="20">
        <v>1.68687E-2</v>
      </c>
      <c r="CQ1130" s="20">
        <v>2.78757E-2</v>
      </c>
      <c r="CR1130" s="20">
        <v>2.6593100000000001E-2</v>
      </c>
      <c r="CS1130" s="20">
        <v>2.0637800000000001E-2</v>
      </c>
      <c r="CT1130" s="20">
        <v>3.8764300000000002E-2</v>
      </c>
      <c r="CU1130" s="20">
        <v>0.25820500000000002</v>
      </c>
      <c r="CV1130" s="20">
        <v>0.35503099999999999</v>
      </c>
      <c r="CW1130" s="20">
        <v>0.341505</v>
      </c>
      <c r="CX1130" s="20">
        <v>0.398169</v>
      </c>
      <c r="CY1130" s="6" t="s">
        <v>570</v>
      </c>
      <c r="CZ1130" s="6" t="s">
        <v>571</v>
      </c>
      <c r="DA1130" s="6" t="s">
        <v>152</v>
      </c>
      <c r="DB1130" s="6"/>
      <c r="DC1130" s="6">
        <v>39500</v>
      </c>
      <c r="DD1130" s="6">
        <v>448</v>
      </c>
      <c r="DE1130" s="6" t="s">
        <v>574</v>
      </c>
      <c r="DF1130" s="6" t="s">
        <v>363</v>
      </c>
      <c r="DG1130" s="6" t="s">
        <v>376</v>
      </c>
      <c r="DH1130" s="6" t="s">
        <v>468</v>
      </c>
      <c r="DI1130" s="6" t="s">
        <v>575</v>
      </c>
      <c r="DJ1130" s="6">
        <v>29</v>
      </c>
      <c r="DK1130" s="6">
        <v>111</v>
      </c>
      <c r="DL1130" s="6">
        <v>8</v>
      </c>
      <c r="DM1130" s="6" t="s">
        <v>368</v>
      </c>
      <c r="DN1130" s="6">
        <v>9</v>
      </c>
      <c r="DO1130" s="6" t="s">
        <v>384</v>
      </c>
      <c r="DP1130" s="6"/>
      <c r="DQ1130" s="6"/>
    </row>
    <row r="1131" spans="1:121" x14ac:dyDescent="0.2">
      <c r="A1131" s="6" t="s">
        <v>315</v>
      </c>
      <c r="B1131" s="6" t="s">
        <v>315</v>
      </c>
      <c r="C1131" s="6" t="s">
        <v>184</v>
      </c>
      <c r="D1131" s="6" t="s">
        <v>152</v>
      </c>
      <c r="E1131" s="6" t="s">
        <v>293</v>
      </c>
      <c r="F1131" s="11">
        <v>-23</v>
      </c>
      <c r="G1131" s="13">
        <v>-0.18</v>
      </c>
      <c r="H1131" s="11">
        <v>-9</v>
      </c>
      <c r="I1131" s="13">
        <v>-7.1999999999999995E-2</v>
      </c>
      <c r="J1131" s="11">
        <v>3</v>
      </c>
      <c r="K1131" s="13">
        <v>2.5862068965517241E-2</v>
      </c>
      <c r="L1131" s="11">
        <v>-17</v>
      </c>
      <c r="M1131" s="13">
        <v>-0.14285714285714285</v>
      </c>
      <c r="N1131" s="11">
        <v>-14</v>
      </c>
      <c r="O1131" s="13">
        <v>-0.1206896551724138</v>
      </c>
      <c r="P1131" s="7">
        <v>125</v>
      </c>
      <c r="Q1131" s="7">
        <v>122</v>
      </c>
      <c r="R1131" s="7">
        <v>120</v>
      </c>
      <c r="S1131" s="7">
        <v>125</v>
      </c>
      <c r="T1131" s="7">
        <v>125</v>
      </c>
      <c r="U1131" s="7">
        <v>117</v>
      </c>
      <c r="V1131" s="7">
        <v>116</v>
      </c>
      <c r="W1131" s="7">
        <v>117</v>
      </c>
      <c r="X1131" s="7">
        <v>118</v>
      </c>
      <c r="Y1131" s="7">
        <v>119</v>
      </c>
      <c r="Z1131" s="7">
        <v>118</v>
      </c>
      <c r="AA1131" s="7">
        <v>116</v>
      </c>
      <c r="AB1131" s="7">
        <v>114</v>
      </c>
      <c r="AC1131" s="7">
        <v>112</v>
      </c>
      <c r="AD1131" s="7">
        <v>105</v>
      </c>
      <c r="AE1131" s="7">
        <v>104</v>
      </c>
      <c r="AF1131" s="7">
        <v>102</v>
      </c>
      <c r="AG1131" s="9">
        <v>17096</v>
      </c>
      <c r="AH1131" s="13">
        <v>0.72480603722389436</v>
      </c>
      <c r="AI1131" s="9">
        <v>5141</v>
      </c>
      <c r="AJ1131" s="13">
        <v>0.21795904523678297</v>
      </c>
      <c r="AK1131" s="9">
        <v>2345</v>
      </c>
      <c r="AL1131" s="13">
        <v>8.1627680311890854E-2</v>
      </c>
      <c r="AM1131" s="9">
        <v>9610</v>
      </c>
      <c r="AN1131" s="13">
        <v>0.30927171499372447</v>
      </c>
      <c r="AO1131" s="9">
        <v>11955</v>
      </c>
      <c r="AP1131" s="13">
        <v>0.41614452798663326</v>
      </c>
      <c r="AQ1131" s="9">
        <v>23587</v>
      </c>
      <c r="AR1131" s="9">
        <v>24381</v>
      </c>
      <c r="AS1131" s="9">
        <v>24025</v>
      </c>
      <c r="AT1131" s="9">
        <v>25730</v>
      </c>
      <c r="AU1131" s="9">
        <v>28018</v>
      </c>
      <c r="AV1131" s="9">
        <v>28607</v>
      </c>
      <c r="AW1131" s="9">
        <v>28728</v>
      </c>
      <c r="AX1131" s="9">
        <v>29574</v>
      </c>
      <c r="AY1131" s="9">
        <v>30384</v>
      </c>
      <c r="AZ1131" s="9">
        <v>31073</v>
      </c>
      <c r="BA1131" s="9">
        <v>33254</v>
      </c>
      <c r="BB1131" s="9">
        <v>34200</v>
      </c>
      <c r="BC1131" s="9">
        <v>34945</v>
      </c>
      <c r="BD1131" s="9">
        <v>36838</v>
      </c>
      <c r="BE1131" s="9">
        <v>39530</v>
      </c>
      <c r="BF1131" s="9">
        <v>40683</v>
      </c>
      <c r="BG1131" s="11">
        <v>0</v>
      </c>
      <c r="BH1131" s="13">
        <v>0</v>
      </c>
      <c r="BI1131" s="6">
        <v>-1</v>
      </c>
      <c r="BJ1131" s="13">
        <v>-6.25E-2</v>
      </c>
      <c r="BK1131" s="6">
        <v>1</v>
      </c>
      <c r="BL1131" s="13">
        <v>6.6666666666666666E-2</v>
      </c>
      <c r="BM1131" s="11">
        <v>0</v>
      </c>
      <c r="BN1131" s="13">
        <v>0</v>
      </c>
      <c r="BO1131" s="11">
        <v>1</v>
      </c>
      <c r="BP1131" s="13">
        <v>6.6666666666666666E-2</v>
      </c>
      <c r="BQ1131" s="6">
        <v>16</v>
      </c>
      <c r="BR1131" s="6">
        <v>16</v>
      </c>
      <c r="BS1131" s="6">
        <v>16</v>
      </c>
      <c r="BT1131" s="6">
        <v>15</v>
      </c>
      <c r="BU1131" s="6">
        <v>14</v>
      </c>
      <c r="BV1131" s="6">
        <v>15</v>
      </c>
      <c r="BW1131" s="6">
        <v>16</v>
      </c>
      <c r="BX1131" s="6">
        <v>17</v>
      </c>
      <c r="BY1131" s="6">
        <v>18</v>
      </c>
      <c r="BZ1131" s="6">
        <v>18</v>
      </c>
      <c r="CA1131" s="6">
        <v>18</v>
      </c>
      <c r="CB1131" s="6">
        <v>16</v>
      </c>
      <c r="CC1131" s="11">
        <v>16</v>
      </c>
      <c r="CD1131" s="11">
        <v>-26</v>
      </c>
      <c r="CE1131" s="11">
        <v>-10</v>
      </c>
      <c r="CF1131" s="11">
        <v>14</v>
      </c>
      <c r="CG1131" s="11">
        <v>4</v>
      </c>
      <c r="CH1131" s="20">
        <v>0.73</v>
      </c>
      <c r="CI1131" s="20">
        <v>0.71</v>
      </c>
      <c r="CJ1131" s="20">
        <v>0.68</v>
      </c>
      <c r="CK1131" s="20">
        <v>0.72</v>
      </c>
      <c r="CL1131" s="20">
        <v>0.82</v>
      </c>
      <c r="CM1131" s="20">
        <v>0.78</v>
      </c>
      <c r="CN1131" s="20">
        <v>0.79</v>
      </c>
      <c r="CO1131" s="20">
        <v>0.8</v>
      </c>
      <c r="CP1131" s="20">
        <v>0.8</v>
      </c>
      <c r="CQ1131" s="20">
        <v>0.82</v>
      </c>
      <c r="CR1131" s="20">
        <v>0.84</v>
      </c>
      <c r="CS1131" s="20">
        <v>0.82</v>
      </c>
      <c r="CT1131" s="20">
        <v>0.85</v>
      </c>
      <c r="CU1131" s="20">
        <v>0.84</v>
      </c>
      <c r="CV1131" s="20">
        <v>0.78</v>
      </c>
      <c r="CW1131" s="20">
        <v>0.78</v>
      </c>
      <c r="CX1131" s="20">
        <v>0.77</v>
      </c>
      <c r="CY1131" s="6" t="s">
        <v>570</v>
      </c>
      <c r="CZ1131" s="6" t="s">
        <v>571</v>
      </c>
      <c r="DA1131" s="6" t="s">
        <v>152</v>
      </c>
      <c r="DB1131" s="6"/>
      <c r="DC1131" s="6">
        <v>39500</v>
      </c>
      <c r="DD1131" s="6">
        <v>448</v>
      </c>
      <c r="DE1131" s="6" t="s">
        <v>574</v>
      </c>
      <c r="DF1131" s="6" t="s">
        <v>363</v>
      </c>
      <c r="DG1131" s="6" t="s">
        <v>376</v>
      </c>
      <c r="DH1131" s="6" t="s">
        <v>468</v>
      </c>
      <c r="DI1131" s="6" t="s">
        <v>575</v>
      </c>
      <c r="DJ1131" s="6">
        <v>29</v>
      </c>
      <c r="DK1131" s="6">
        <v>111</v>
      </c>
      <c r="DL1131" s="6">
        <v>8</v>
      </c>
      <c r="DM1131" s="6" t="s">
        <v>368</v>
      </c>
      <c r="DN1131" s="6">
        <v>9</v>
      </c>
      <c r="DO1131" s="6" t="s">
        <v>384</v>
      </c>
      <c r="DP1131" s="6"/>
      <c r="DQ1131" s="6"/>
    </row>
    <row r="1132" spans="1:121" x14ac:dyDescent="0.2">
      <c r="A1132" s="6" t="s">
        <v>316</v>
      </c>
      <c r="B1132" s="6" t="s">
        <v>316</v>
      </c>
      <c r="C1132" s="6" t="s">
        <v>185</v>
      </c>
      <c r="D1132" s="6" t="s">
        <v>152</v>
      </c>
      <c r="E1132" s="6" t="s">
        <v>293</v>
      </c>
      <c r="F1132" s="11">
        <v>-10</v>
      </c>
      <c r="G1132" s="13">
        <v>-0.5</v>
      </c>
      <c r="H1132" s="11">
        <v>-4</v>
      </c>
      <c r="I1132" s="13">
        <v>-0.2</v>
      </c>
      <c r="J1132" s="11">
        <v>0</v>
      </c>
      <c r="K1132" s="13">
        <v>0</v>
      </c>
      <c r="L1132" s="11">
        <v>-6</v>
      </c>
      <c r="M1132" s="13">
        <v>-0.375</v>
      </c>
      <c r="N1132" s="11">
        <v>-6</v>
      </c>
      <c r="O1132" s="13">
        <v>-0.375</v>
      </c>
      <c r="P1132" s="7">
        <v>20</v>
      </c>
      <c r="Q1132" s="7">
        <v>21</v>
      </c>
      <c r="R1132" s="7">
        <v>19</v>
      </c>
      <c r="S1132" s="7">
        <v>18</v>
      </c>
      <c r="T1132" s="7">
        <v>18</v>
      </c>
      <c r="U1132" s="7">
        <v>19</v>
      </c>
      <c r="V1132" s="7">
        <v>16</v>
      </c>
      <c r="W1132" s="7">
        <v>16</v>
      </c>
      <c r="X1132" s="7">
        <v>13</v>
      </c>
      <c r="Y1132" s="7">
        <v>16</v>
      </c>
      <c r="Z1132" s="7">
        <v>13</v>
      </c>
      <c r="AA1132" s="7">
        <v>12</v>
      </c>
      <c r="AB1132" s="7">
        <v>5</v>
      </c>
      <c r="AC1132" s="7">
        <v>5</v>
      </c>
      <c r="AD1132" s="7">
        <v>5</v>
      </c>
      <c r="AE1132" s="7">
        <v>11</v>
      </c>
      <c r="AF1132" s="7">
        <v>10</v>
      </c>
      <c r="AG1132" s="9">
        <v>17747</v>
      </c>
      <c r="AH1132" s="13">
        <v>1.4082685288049517</v>
      </c>
      <c r="AI1132" s="9">
        <v>4813</v>
      </c>
      <c r="AJ1132" s="13">
        <v>0.38192350420568166</v>
      </c>
      <c r="AK1132" s="9">
        <v>505</v>
      </c>
      <c r="AL1132" s="13">
        <v>2.8997990238300315E-2</v>
      </c>
      <c r="AM1132" s="9">
        <v>12429</v>
      </c>
      <c r="AN1132" s="13">
        <v>0.69358258928571426</v>
      </c>
      <c r="AO1132" s="9">
        <v>12934</v>
      </c>
      <c r="AP1132" s="13">
        <v>0.74269308067757678</v>
      </c>
      <c r="AQ1132" s="9">
        <v>12602</v>
      </c>
      <c r="AR1132" s="9">
        <v>14825</v>
      </c>
      <c r="AS1132" s="9">
        <v>16383</v>
      </c>
      <c r="AT1132" s="9">
        <v>15641</v>
      </c>
      <c r="AU1132" s="9">
        <v>16495</v>
      </c>
      <c r="AV1132" s="9">
        <v>15133</v>
      </c>
      <c r="AW1132" s="9">
        <v>17415</v>
      </c>
      <c r="AX1132" s="9">
        <v>21048</v>
      </c>
      <c r="AY1132" s="9">
        <v>19996</v>
      </c>
      <c r="AZ1132" s="9">
        <v>17920</v>
      </c>
      <c r="BA1132" s="9">
        <v>18682</v>
      </c>
      <c r="BB1132" s="9">
        <v>22896</v>
      </c>
      <c r="BC1132" s="9">
        <v>1</v>
      </c>
      <c r="BD1132" s="9">
        <v>1</v>
      </c>
      <c r="BE1132" s="9">
        <v>1</v>
      </c>
      <c r="BF1132" s="9">
        <v>30349</v>
      </c>
      <c r="BG1132" s="11">
        <v>-5</v>
      </c>
      <c r="BH1132" s="13">
        <v>-0.625</v>
      </c>
      <c r="BI1132" s="6">
        <v>-3</v>
      </c>
      <c r="BJ1132" s="13">
        <v>-0.375</v>
      </c>
      <c r="BK1132" s="6">
        <v>-2</v>
      </c>
      <c r="BL1132" s="13">
        <v>-0.4</v>
      </c>
      <c r="BM1132" s="11">
        <v>0</v>
      </c>
      <c r="BN1132" s="13">
        <v>0</v>
      </c>
      <c r="BO1132" s="11">
        <v>-2</v>
      </c>
      <c r="BP1132" s="13">
        <v>-0.4</v>
      </c>
      <c r="BQ1132" s="6">
        <v>8</v>
      </c>
      <c r="BR1132" s="6">
        <v>8</v>
      </c>
      <c r="BS1132" s="6">
        <v>5</v>
      </c>
      <c r="BT1132" s="6">
        <v>5</v>
      </c>
      <c r="BU1132" s="6">
        <v>4</v>
      </c>
      <c r="BV1132" s="6">
        <v>3</v>
      </c>
      <c r="BW1132" s="6">
        <v>3</v>
      </c>
      <c r="BX1132" s="6">
        <v>2</v>
      </c>
      <c r="BY1132" s="6">
        <v>2</v>
      </c>
      <c r="BZ1132" s="6">
        <v>2</v>
      </c>
      <c r="CA1132" s="6">
        <v>2</v>
      </c>
      <c r="CB1132" s="6">
        <v>3</v>
      </c>
      <c r="CC1132" s="11">
        <v>3</v>
      </c>
      <c r="CD1132" s="11">
        <v>-11</v>
      </c>
      <c r="CE1132" s="11">
        <v>-1</v>
      </c>
      <c r="CF1132" s="11">
        <v>2</v>
      </c>
      <c r="CG1132" s="11">
        <v>1</v>
      </c>
      <c r="CH1132" s="20">
        <v>0.28999999999999998</v>
      </c>
      <c r="CI1132" s="20">
        <v>0.28999999999999998</v>
      </c>
      <c r="CJ1132" s="20">
        <v>0.26</v>
      </c>
      <c r="CK1132" s="20">
        <v>0.25</v>
      </c>
      <c r="CL1132" s="20">
        <v>0.26</v>
      </c>
      <c r="CM1132" s="20">
        <v>0.3</v>
      </c>
      <c r="CN1132" s="20">
        <v>0.26</v>
      </c>
      <c r="CO1132" s="20">
        <v>0.26</v>
      </c>
      <c r="CP1132" s="20">
        <v>0.22</v>
      </c>
      <c r="CQ1132" s="20">
        <v>0.26</v>
      </c>
      <c r="CR1132" s="20">
        <v>0.22</v>
      </c>
      <c r="CS1132" s="20">
        <v>0.2</v>
      </c>
      <c r="CT1132" s="20">
        <v>0.12</v>
      </c>
      <c r="CU1132" s="20">
        <v>0.14000000000000001</v>
      </c>
      <c r="CV1132" s="20">
        <v>0.16</v>
      </c>
      <c r="CW1132" s="20">
        <v>0.19</v>
      </c>
      <c r="CX1132" s="20">
        <v>0.18</v>
      </c>
      <c r="CY1132" s="6" t="s">
        <v>570</v>
      </c>
      <c r="CZ1132" s="6" t="s">
        <v>571</v>
      </c>
      <c r="DA1132" s="6" t="s">
        <v>152</v>
      </c>
      <c r="DB1132" s="6"/>
      <c r="DC1132" s="6">
        <v>39500</v>
      </c>
      <c r="DD1132" s="6">
        <v>448</v>
      </c>
      <c r="DE1132" s="6" t="s">
        <v>574</v>
      </c>
      <c r="DF1132" s="6" t="s">
        <v>363</v>
      </c>
      <c r="DG1132" s="6" t="s">
        <v>376</v>
      </c>
      <c r="DH1132" s="6" t="s">
        <v>468</v>
      </c>
      <c r="DI1132" s="6" t="s">
        <v>575</v>
      </c>
      <c r="DJ1132" s="6">
        <v>29</v>
      </c>
      <c r="DK1132" s="6">
        <v>111</v>
      </c>
      <c r="DL1132" s="6">
        <v>8</v>
      </c>
      <c r="DM1132" s="6" t="s">
        <v>368</v>
      </c>
      <c r="DN1132" s="6">
        <v>9</v>
      </c>
      <c r="DO1132" s="6" t="s">
        <v>384</v>
      </c>
      <c r="DP1132" s="6"/>
      <c r="DQ1132" s="6"/>
    </row>
    <row r="1133" spans="1:121" x14ac:dyDescent="0.2">
      <c r="A1133" s="6" t="s">
        <v>317</v>
      </c>
      <c r="B1133" s="6" t="s">
        <v>317</v>
      </c>
      <c r="C1133" s="6" t="s">
        <v>186</v>
      </c>
      <c r="D1133" s="6" t="s">
        <v>152</v>
      </c>
      <c r="E1133" s="6" t="s">
        <v>293</v>
      </c>
      <c r="F1133" s="11">
        <v>29</v>
      </c>
      <c r="G1133" s="13">
        <v>1.71</v>
      </c>
      <c r="H1133" s="11">
        <v>8</v>
      </c>
      <c r="I1133" s="13">
        <v>0.47058823529411759</v>
      </c>
      <c r="J1133" s="11">
        <v>1</v>
      </c>
      <c r="K1133" s="13">
        <v>0.04</v>
      </c>
      <c r="L1133" s="11">
        <v>20</v>
      </c>
      <c r="M1133" s="13">
        <v>0.76923076923076927</v>
      </c>
      <c r="N1133" s="11">
        <v>21</v>
      </c>
      <c r="O1133" s="13">
        <v>0.84</v>
      </c>
      <c r="P1133" s="7">
        <v>17</v>
      </c>
      <c r="Q1133" s="7">
        <v>16</v>
      </c>
      <c r="R1133" s="7">
        <v>21</v>
      </c>
      <c r="S1133" s="7">
        <v>28</v>
      </c>
      <c r="T1133" s="7">
        <v>24</v>
      </c>
      <c r="U1133" s="7">
        <v>19</v>
      </c>
      <c r="V1133" s="7">
        <v>25</v>
      </c>
      <c r="W1133" s="7">
        <v>24</v>
      </c>
      <c r="X1133" s="7">
        <v>27</v>
      </c>
      <c r="Y1133" s="7">
        <v>26</v>
      </c>
      <c r="Z1133" s="7">
        <v>42</v>
      </c>
      <c r="AA1133" s="7">
        <v>38</v>
      </c>
      <c r="AB1133" s="7">
        <v>42</v>
      </c>
      <c r="AC1133" s="7">
        <v>40</v>
      </c>
      <c r="AD1133" s="7">
        <v>41</v>
      </c>
      <c r="AE1133" s="7">
        <v>44</v>
      </c>
      <c r="AF1133" s="7">
        <v>46</v>
      </c>
      <c r="AG1133" s="9">
        <v>5845</v>
      </c>
      <c r="AH1133" s="13">
        <v>0.22576284279644651</v>
      </c>
      <c r="AI1133" s="9">
        <v>17692</v>
      </c>
      <c r="AJ1133" s="13">
        <v>0.68335264580919275</v>
      </c>
      <c r="AK1133" s="9">
        <v>10362</v>
      </c>
      <c r="AL1133" s="13">
        <v>0.23775870772337204</v>
      </c>
      <c r="AM1133" s="9">
        <v>-22209</v>
      </c>
      <c r="AN1133" s="13">
        <v>-0.4117047308319739</v>
      </c>
      <c r="AO1133" s="9">
        <v>-11847</v>
      </c>
      <c r="AP1133" s="13">
        <v>-0.27183240787481072</v>
      </c>
      <c r="AQ1133" s="9">
        <v>25890</v>
      </c>
      <c r="AR1133" s="9">
        <v>33361</v>
      </c>
      <c r="AS1133" s="9">
        <v>27808</v>
      </c>
      <c r="AT1133" s="9">
        <v>28868</v>
      </c>
      <c r="AU1133" s="9">
        <v>44523</v>
      </c>
      <c r="AV1133" s="9">
        <v>33303</v>
      </c>
      <c r="AW1133" s="9">
        <v>43582</v>
      </c>
      <c r="AX1133" s="9">
        <v>44902</v>
      </c>
      <c r="AY1133" s="9">
        <v>26496</v>
      </c>
      <c r="AZ1133" s="9">
        <v>53944</v>
      </c>
      <c r="BA1133" s="9">
        <v>30195</v>
      </c>
      <c r="BB1133" s="9">
        <v>32421</v>
      </c>
      <c r="BC1133" s="9">
        <v>30663</v>
      </c>
      <c r="BD1133" s="9">
        <v>32778</v>
      </c>
      <c r="BE1133" s="9">
        <v>32193</v>
      </c>
      <c r="BF1133" s="9">
        <v>31735</v>
      </c>
      <c r="BG1133" s="11">
        <v>1</v>
      </c>
      <c r="BH1133" s="13">
        <v>0.14285714285714285</v>
      </c>
      <c r="BI1133" s="6">
        <v>-1</v>
      </c>
      <c r="BJ1133" s="13">
        <v>-0.14285714285714285</v>
      </c>
      <c r="BK1133" s="6">
        <v>0</v>
      </c>
      <c r="BL1133" s="13">
        <v>0</v>
      </c>
      <c r="BM1133" s="11">
        <v>2</v>
      </c>
      <c r="BN1133" s="13">
        <v>0.33333333333333331</v>
      </c>
      <c r="BO1133" s="11">
        <v>2</v>
      </c>
      <c r="BP1133" s="13">
        <v>0.33333333333333331</v>
      </c>
      <c r="BQ1133" s="6">
        <v>7</v>
      </c>
      <c r="BR1133" s="6">
        <v>6</v>
      </c>
      <c r="BS1133" s="6">
        <v>5</v>
      </c>
      <c r="BT1133" s="6">
        <v>6</v>
      </c>
      <c r="BU1133" s="6">
        <v>5</v>
      </c>
      <c r="BV1133" s="6">
        <v>5</v>
      </c>
      <c r="BW1133" s="6">
        <v>6</v>
      </c>
      <c r="BX1133" s="6">
        <v>6</v>
      </c>
      <c r="BY1133" s="6">
        <v>7</v>
      </c>
      <c r="BZ1133" s="6">
        <v>8</v>
      </c>
      <c r="CA1133" s="6">
        <v>8</v>
      </c>
      <c r="CB1133" s="6">
        <v>8</v>
      </c>
      <c r="CC1133" s="11">
        <v>8</v>
      </c>
      <c r="CD1133" s="11">
        <v>24</v>
      </c>
      <c r="CE1133" s="11">
        <v>3</v>
      </c>
      <c r="CF1133" s="11">
        <v>2</v>
      </c>
      <c r="CG1133" s="11">
        <v>5</v>
      </c>
      <c r="CH1133" s="20">
        <v>0.08</v>
      </c>
      <c r="CI1133" s="20">
        <v>7.0000000000000007E-2</v>
      </c>
      <c r="CJ1133" s="20">
        <v>0.09</v>
      </c>
      <c r="CK1133" s="20">
        <v>0.13</v>
      </c>
      <c r="CL1133" s="20">
        <v>0.12</v>
      </c>
      <c r="CM1133" s="20">
        <v>0.09</v>
      </c>
      <c r="CN1133" s="20">
        <v>0.12</v>
      </c>
      <c r="CO1133" s="20">
        <v>0.11</v>
      </c>
      <c r="CP1133" s="20">
        <v>0.13</v>
      </c>
      <c r="CQ1133" s="20">
        <v>0.12</v>
      </c>
      <c r="CR1133" s="20">
        <v>0.19</v>
      </c>
      <c r="CS1133" s="20">
        <v>0.17</v>
      </c>
      <c r="CT1133" s="20">
        <v>0.2</v>
      </c>
      <c r="CU1133" s="20">
        <v>0.19</v>
      </c>
      <c r="CV1133" s="20">
        <v>0.19</v>
      </c>
      <c r="CW1133" s="20">
        <v>0.2</v>
      </c>
      <c r="CX1133" s="20">
        <v>0.21</v>
      </c>
      <c r="CY1133" s="6" t="s">
        <v>570</v>
      </c>
      <c r="CZ1133" s="6" t="s">
        <v>571</v>
      </c>
      <c r="DA1133" s="6" t="s">
        <v>152</v>
      </c>
      <c r="DB1133" s="6"/>
      <c r="DC1133" s="6">
        <v>39500</v>
      </c>
      <c r="DD1133" s="6">
        <v>448</v>
      </c>
      <c r="DE1133" s="6" t="s">
        <v>574</v>
      </c>
      <c r="DF1133" s="6" t="s">
        <v>363</v>
      </c>
      <c r="DG1133" s="6" t="s">
        <v>376</v>
      </c>
      <c r="DH1133" s="6" t="s">
        <v>468</v>
      </c>
      <c r="DI1133" s="6" t="s">
        <v>575</v>
      </c>
      <c r="DJ1133" s="6">
        <v>29</v>
      </c>
      <c r="DK1133" s="6">
        <v>111</v>
      </c>
      <c r="DL1133" s="6">
        <v>8</v>
      </c>
      <c r="DM1133" s="6" t="s">
        <v>368</v>
      </c>
      <c r="DN1133" s="6">
        <v>9</v>
      </c>
      <c r="DO1133" s="6" t="s">
        <v>384</v>
      </c>
      <c r="DP1133" s="6"/>
      <c r="DQ1133" s="6"/>
    </row>
    <row r="1134" spans="1:121" x14ac:dyDescent="0.2">
      <c r="A1134" s="6" t="s">
        <v>318</v>
      </c>
      <c r="B1134" s="6" t="s">
        <v>318</v>
      </c>
      <c r="C1134" s="6" t="s">
        <v>187</v>
      </c>
      <c r="D1134" s="6" t="s">
        <v>152</v>
      </c>
      <c r="E1134" s="6" t="s">
        <v>293</v>
      </c>
      <c r="F1134" s="11">
        <v>13</v>
      </c>
      <c r="G1134" s="13">
        <v>0.56521739130399995</v>
      </c>
      <c r="H1134" s="11">
        <v>10.023471999999998</v>
      </c>
      <c r="I1134" s="13">
        <v>0.44017454208830864</v>
      </c>
      <c r="J1134" s="11">
        <v>10.525561000000003</v>
      </c>
      <c r="K1134" s="13">
        <v>0.32094961749875911</v>
      </c>
      <c r="L1134" s="11">
        <v>-7.0306968131000005</v>
      </c>
      <c r="M1134" s="13">
        <v>-0.16229447172475703</v>
      </c>
      <c r="N1134" s="11">
        <v>3.4948641869000028</v>
      </c>
      <c r="O1134" s="13">
        <v>0.10656679715177818</v>
      </c>
      <c r="P1134" s="7">
        <v>22.771585000000002</v>
      </c>
      <c r="Q1134" s="7">
        <v>28.466989000000002</v>
      </c>
      <c r="R1134" s="7">
        <v>26.577946000000001</v>
      </c>
      <c r="S1134" s="7">
        <v>35.555152999999997</v>
      </c>
      <c r="T1134" s="7">
        <v>29.901859999999999</v>
      </c>
      <c r="U1134" s="7">
        <v>36.934930999999999</v>
      </c>
      <c r="V1134" s="7">
        <v>32.795057</v>
      </c>
      <c r="W1134" s="7">
        <v>29.784009999999999</v>
      </c>
      <c r="X1134" s="7">
        <v>31.461112</v>
      </c>
      <c r="Y1134" s="7">
        <v>43.320618000000003</v>
      </c>
      <c r="Z1134" s="7">
        <v>36.716974999999998</v>
      </c>
      <c r="AA1134" s="7">
        <v>38.269584000000002</v>
      </c>
      <c r="AB1134" s="7">
        <v>36.150804000000001</v>
      </c>
      <c r="AC1134" s="7">
        <v>41.859720000000003</v>
      </c>
      <c r="AD1134" s="7">
        <v>45.987872000000003</v>
      </c>
      <c r="AE1134" s="7">
        <v>35.591550499999997</v>
      </c>
      <c r="AF1134" s="7">
        <v>36.289921186900003</v>
      </c>
      <c r="AG1134" s="9">
        <v>17958.201250300001</v>
      </c>
      <c r="AH1134" s="13">
        <v>0.20351884777458351</v>
      </c>
      <c r="AI1134" s="9">
        <v>33754.947657299999</v>
      </c>
      <c r="AJ1134" s="13">
        <v>0.38254210197083693</v>
      </c>
      <c r="AK1134" s="9">
        <v>-67831.721191299992</v>
      </c>
      <c r="AL1134" s="13">
        <v>-0.5560275014953413</v>
      </c>
      <c r="AM1134" s="9">
        <v>52034.9747843</v>
      </c>
      <c r="AN1134" s="13">
        <v>0.96073301434443281</v>
      </c>
      <c r="AO1134" s="9">
        <v>-15796.746406999999</v>
      </c>
      <c r="AP1134" s="13">
        <v>-0.12948846472093165</v>
      </c>
      <c r="AQ1134" s="9">
        <v>88238.516710700002</v>
      </c>
      <c r="AR1134" s="9">
        <v>80596.958959900003</v>
      </c>
      <c r="AS1134" s="9">
        <v>91843.233247299999</v>
      </c>
      <c r="AT1134" s="9">
        <v>57397.0746172</v>
      </c>
      <c r="AU1134" s="9">
        <v>74125.935330199994</v>
      </c>
      <c r="AV1134" s="9">
        <v>76023.589024999994</v>
      </c>
      <c r="AW1134" s="9">
        <v>121993.464368</v>
      </c>
      <c r="AX1134" s="9">
        <v>130413.643023</v>
      </c>
      <c r="AY1134" s="9">
        <v>62414.057433100003</v>
      </c>
      <c r="AZ1134" s="9">
        <v>54161.743176700002</v>
      </c>
      <c r="BA1134" s="9">
        <v>159965.78104599999</v>
      </c>
      <c r="BB1134" s="9">
        <v>107504.710188</v>
      </c>
      <c r="BC1134" s="9">
        <v>94286.5720344</v>
      </c>
      <c r="BD1134" s="9">
        <v>78609.214401799996</v>
      </c>
      <c r="BE1134" s="9">
        <v>121593.960437</v>
      </c>
      <c r="BF1134" s="9">
        <v>106196.717961</v>
      </c>
      <c r="BG1134" s="11">
        <v>3</v>
      </c>
      <c r="BH1134" s="13">
        <v>3</v>
      </c>
      <c r="BI1134" s="6">
        <v>1</v>
      </c>
      <c r="BJ1134" s="13">
        <v>1</v>
      </c>
      <c r="BK1134" s="6">
        <v>1</v>
      </c>
      <c r="BL1134" s="13">
        <v>0.5</v>
      </c>
      <c r="BM1134" s="11">
        <v>1</v>
      </c>
      <c r="BN1134" s="13">
        <v>0.33333333333333331</v>
      </c>
      <c r="BO1134" s="11">
        <v>2</v>
      </c>
      <c r="BP1134" s="13">
        <v>1</v>
      </c>
      <c r="BQ1134" s="6">
        <v>1</v>
      </c>
      <c r="BR1134" s="6">
        <v>2</v>
      </c>
      <c r="BS1134" s="6">
        <v>2</v>
      </c>
      <c r="BT1134" s="6">
        <v>2</v>
      </c>
      <c r="BU1134" s="6">
        <v>2</v>
      </c>
      <c r="BV1134" s="6">
        <v>2</v>
      </c>
      <c r="BW1134" s="6">
        <v>3</v>
      </c>
      <c r="BX1134" s="6">
        <v>3</v>
      </c>
      <c r="BY1134" s="6">
        <v>3</v>
      </c>
      <c r="BZ1134" s="6">
        <v>3</v>
      </c>
      <c r="CA1134" s="6">
        <v>3</v>
      </c>
      <c r="CB1134" s="6">
        <v>4</v>
      </c>
      <c r="CC1134" s="11">
        <v>4</v>
      </c>
      <c r="CD1134" s="11">
        <v>6.1535500000000001</v>
      </c>
      <c r="CE1134" s="11">
        <v>4.8755800000000002</v>
      </c>
      <c r="CF1134" s="11">
        <v>2.4892099999999999</v>
      </c>
      <c r="CG1134" s="11">
        <v>7</v>
      </c>
      <c r="CH1134" s="20">
        <v>0.46973199999999998</v>
      </c>
      <c r="CI1134" s="20">
        <v>0.58688899999999999</v>
      </c>
      <c r="CJ1134" s="20">
        <v>0.55816600000000005</v>
      </c>
      <c r="CK1134" s="20">
        <v>0.74634100000000003</v>
      </c>
      <c r="CL1134" s="20">
        <v>0.70516100000000004</v>
      </c>
      <c r="CM1134" s="20">
        <v>0.88892499999999997</v>
      </c>
      <c r="CN1134" s="20">
        <v>0.77395199999999997</v>
      </c>
      <c r="CO1134" s="20">
        <v>0.66579500000000003</v>
      </c>
      <c r="CP1134" s="20">
        <v>0.68190700000000004</v>
      </c>
      <c r="CQ1134" s="20">
        <v>0.93800799999999995</v>
      </c>
      <c r="CR1134" s="20">
        <v>0.79393800000000003</v>
      </c>
      <c r="CS1134" s="20">
        <v>0.80019200000000001</v>
      </c>
      <c r="CT1134" s="20">
        <v>0.76399399999999995</v>
      </c>
      <c r="CU1134" s="20">
        <v>0.87083900000000003</v>
      </c>
      <c r="CV1134" s="20">
        <v>0.94581400000000004</v>
      </c>
      <c r="CW1134" s="20">
        <v>0.739232</v>
      </c>
      <c r="CX1134" s="20">
        <v>0.74678599999999995</v>
      </c>
      <c r="CY1134" s="6" t="s">
        <v>570</v>
      </c>
      <c r="CZ1134" s="6" t="s">
        <v>571</v>
      </c>
      <c r="DA1134" s="6" t="s">
        <v>152</v>
      </c>
      <c r="DB1134" s="6"/>
      <c r="DC1134" s="6">
        <v>39500</v>
      </c>
      <c r="DD1134" s="6">
        <v>448</v>
      </c>
      <c r="DE1134" s="6" t="s">
        <v>574</v>
      </c>
      <c r="DF1134" s="6" t="s">
        <v>363</v>
      </c>
      <c r="DG1134" s="6" t="s">
        <v>376</v>
      </c>
      <c r="DH1134" s="6" t="s">
        <v>468</v>
      </c>
      <c r="DI1134" s="6" t="s">
        <v>575</v>
      </c>
      <c r="DJ1134" s="6">
        <v>29</v>
      </c>
      <c r="DK1134" s="6">
        <v>111</v>
      </c>
      <c r="DL1134" s="6">
        <v>8</v>
      </c>
      <c r="DM1134" s="6" t="s">
        <v>368</v>
      </c>
      <c r="DN1134" s="6">
        <v>9</v>
      </c>
      <c r="DO1134" s="6" t="s">
        <v>384</v>
      </c>
      <c r="DP1134" s="6"/>
      <c r="DQ1134" s="6"/>
    </row>
    <row r="1135" spans="1:121" x14ac:dyDescent="0.2">
      <c r="A1135" s="6" t="s">
        <v>319</v>
      </c>
      <c r="B1135" s="6" t="s">
        <v>319</v>
      </c>
      <c r="C1135" s="6" t="s">
        <v>188</v>
      </c>
      <c r="D1135" s="6" t="s">
        <v>152</v>
      </c>
      <c r="E1135" s="6" t="s">
        <v>293</v>
      </c>
      <c r="F1135" s="11">
        <v>8</v>
      </c>
      <c r="G1135" s="13">
        <v>0.21621621621600001</v>
      </c>
      <c r="H1135" s="11">
        <v>21.075113370300002</v>
      </c>
      <c r="I1135" s="13">
        <v>0.56322473385026528</v>
      </c>
      <c r="J1135" s="11">
        <v>0.24797366779999663</v>
      </c>
      <c r="K1135" s="13">
        <v>4.239317527668548E-3</v>
      </c>
      <c r="L1135" s="11">
        <v>-13.911095628899993</v>
      </c>
      <c r="M1135" s="13">
        <v>-0.23681788403796247</v>
      </c>
      <c r="N1135" s="11">
        <v>-13.663121961099996</v>
      </c>
      <c r="O1135" s="13">
        <v>-0.23358251271696143</v>
      </c>
      <c r="P1135" s="7">
        <v>37.418657426899998</v>
      </c>
      <c r="Q1135" s="7">
        <v>38.142349486400001</v>
      </c>
      <c r="R1135" s="7">
        <v>41.398386606999999</v>
      </c>
      <c r="S1135" s="7">
        <v>31.274451131300001</v>
      </c>
      <c r="T1135" s="7">
        <v>52.365722966100002</v>
      </c>
      <c r="U1135" s="7">
        <v>58.378494957199997</v>
      </c>
      <c r="V1135" s="7">
        <v>58.4937707972</v>
      </c>
      <c r="W1135" s="7">
        <v>55.161419554699997</v>
      </c>
      <c r="X1135" s="7">
        <v>51.069008724900002</v>
      </c>
      <c r="Y1135" s="7">
        <v>58.741744464999996</v>
      </c>
      <c r="Z1135" s="7">
        <v>53.495886664899999</v>
      </c>
      <c r="AA1135" s="7">
        <v>54.089370783900002</v>
      </c>
      <c r="AB1135" s="7">
        <v>47.062007365600003</v>
      </c>
      <c r="AC1135" s="7">
        <v>55.661300199700001</v>
      </c>
      <c r="AD1135" s="7">
        <v>47.138762408200002</v>
      </c>
      <c r="AE1135" s="7">
        <v>45.003262075400002</v>
      </c>
      <c r="AF1135" s="7">
        <v>44.830648836100004</v>
      </c>
      <c r="AG1135" s="9">
        <v>-5384.9383290999995</v>
      </c>
      <c r="AH1135" s="13">
        <v>-0.26327932157059858</v>
      </c>
      <c r="AI1135" s="9">
        <v>-5795.7086219000012</v>
      </c>
      <c r="AJ1135" s="13">
        <v>-0.28336262009703045</v>
      </c>
      <c r="AK1135" s="9">
        <v>114.6307721000012</v>
      </c>
      <c r="AL1135" s="13">
        <v>7.8205586366963172E-3</v>
      </c>
      <c r="AM1135" s="9">
        <v>296.1395207000005</v>
      </c>
      <c r="AN1135" s="13">
        <v>2.0047014975596841E-2</v>
      </c>
      <c r="AO1135" s="9">
        <v>410.7702928000017</v>
      </c>
      <c r="AP1135" s="13">
        <v>2.8024352468400539E-2</v>
      </c>
      <c r="AQ1135" s="9">
        <v>20453.3280357</v>
      </c>
      <c r="AR1135" s="9">
        <v>14841.3969953</v>
      </c>
      <c r="AS1135" s="9">
        <v>14344.124770500001</v>
      </c>
      <c r="AT1135" s="9">
        <v>15291.8544191</v>
      </c>
      <c r="AU1135" s="9">
        <v>12593.587021200001</v>
      </c>
      <c r="AV1135" s="9">
        <v>13017.615492499999</v>
      </c>
      <c r="AW1135" s="9">
        <v>14657.619413799999</v>
      </c>
      <c r="AX1135" s="9">
        <v>13145.9890872</v>
      </c>
      <c r="AY1135" s="9">
        <v>13469.314204300001</v>
      </c>
      <c r="AZ1135" s="9">
        <v>14772.2501859</v>
      </c>
      <c r="BA1135" s="9">
        <v>27450.955089700001</v>
      </c>
      <c r="BB1135" s="9">
        <v>15919.012953199999</v>
      </c>
      <c r="BC1135" s="9">
        <v>16645.7376248</v>
      </c>
      <c r="BD1135" s="9">
        <v>17288.3072555</v>
      </c>
      <c r="BE1135" s="9">
        <v>15038.661179799999</v>
      </c>
      <c r="BF1135" s="9">
        <v>15068.389706600001</v>
      </c>
      <c r="BG1135" s="11">
        <v>-1</v>
      </c>
      <c r="BH1135" s="13">
        <v>-0.25</v>
      </c>
      <c r="BI1135" s="6">
        <v>1</v>
      </c>
      <c r="BJ1135" s="13">
        <v>0.25</v>
      </c>
      <c r="BK1135" s="6">
        <v>0</v>
      </c>
      <c r="BL1135" s="13">
        <v>0</v>
      </c>
      <c r="BM1135" s="11">
        <v>-2</v>
      </c>
      <c r="BN1135" s="13">
        <v>-0.4</v>
      </c>
      <c r="BO1135" s="11">
        <v>-2</v>
      </c>
      <c r="BP1135" s="13">
        <v>-0.4</v>
      </c>
      <c r="BQ1135" s="6">
        <v>4</v>
      </c>
      <c r="BR1135" s="6">
        <v>4</v>
      </c>
      <c r="BS1135" s="6">
        <v>5</v>
      </c>
      <c r="BT1135" s="6">
        <v>5</v>
      </c>
      <c r="BU1135" s="6">
        <v>5</v>
      </c>
      <c r="BV1135" s="6">
        <v>4</v>
      </c>
      <c r="BW1135" s="6">
        <v>5</v>
      </c>
      <c r="BX1135" s="6">
        <v>4</v>
      </c>
      <c r="BY1135" s="6">
        <v>4</v>
      </c>
      <c r="BZ1135" s="6">
        <v>4</v>
      </c>
      <c r="CA1135" s="6">
        <v>4</v>
      </c>
      <c r="CB1135" s="6">
        <v>5</v>
      </c>
      <c r="CC1135" s="11">
        <v>3</v>
      </c>
      <c r="CD1135" s="11">
        <v>-4.4970499999999997E-2</v>
      </c>
      <c r="CE1135" s="11">
        <v>3.3666499999999999</v>
      </c>
      <c r="CF1135" s="11">
        <v>4.0903099999999997</v>
      </c>
      <c r="CG1135" s="11">
        <v>7</v>
      </c>
      <c r="CH1135" s="20">
        <v>0.157357</v>
      </c>
      <c r="CI1135" s="20">
        <v>0.158747</v>
      </c>
      <c r="CJ1135" s="20">
        <v>0.17239399999999999</v>
      </c>
      <c r="CK1135" s="20">
        <v>0.12865099999999999</v>
      </c>
      <c r="CL1135" s="20">
        <v>0.24030000000000001</v>
      </c>
      <c r="CM1135" s="20">
        <v>0.27215299999999998</v>
      </c>
      <c r="CN1135" s="20">
        <v>0.27300600000000003</v>
      </c>
      <c r="CO1135" s="20">
        <v>0.26277600000000001</v>
      </c>
      <c r="CP1135" s="20">
        <v>0.253936</v>
      </c>
      <c r="CQ1135" s="20">
        <v>0.28362900000000002</v>
      </c>
      <c r="CR1135" s="20">
        <v>0.25653799999999999</v>
      </c>
      <c r="CS1135" s="20">
        <v>0.25404500000000002</v>
      </c>
      <c r="CT1135" s="20">
        <v>0.22595599999999999</v>
      </c>
      <c r="CU1135" s="20">
        <v>0.262739</v>
      </c>
      <c r="CV1135" s="20">
        <v>0.21937400000000001</v>
      </c>
      <c r="CW1135" s="20">
        <v>0.21055299999999999</v>
      </c>
      <c r="CX1135" s="20">
        <v>0.20754</v>
      </c>
      <c r="CY1135" s="6" t="s">
        <v>570</v>
      </c>
      <c r="CZ1135" s="6" t="s">
        <v>571</v>
      </c>
      <c r="DA1135" s="6" t="s">
        <v>152</v>
      </c>
      <c r="DB1135" s="6"/>
      <c r="DC1135" s="6">
        <v>39500</v>
      </c>
      <c r="DD1135" s="6">
        <v>448</v>
      </c>
      <c r="DE1135" s="6" t="s">
        <v>574</v>
      </c>
      <c r="DF1135" s="6" t="s">
        <v>363</v>
      </c>
      <c r="DG1135" s="6" t="s">
        <v>376</v>
      </c>
      <c r="DH1135" s="6" t="s">
        <v>468</v>
      </c>
      <c r="DI1135" s="6" t="s">
        <v>575</v>
      </c>
      <c r="DJ1135" s="6">
        <v>29</v>
      </c>
      <c r="DK1135" s="6">
        <v>111</v>
      </c>
      <c r="DL1135" s="6">
        <v>8</v>
      </c>
      <c r="DM1135" s="6" t="s">
        <v>368</v>
      </c>
      <c r="DN1135" s="6">
        <v>9</v>
      </c>
      <c r="DO1135" s="6" t="s">
        <v>384</v>
      </c>
      <c r="DP1135" s="6"/>
      <c r="DQ1135" s="6"/>
    </row>
    <row r="1136" spans="1:121" x14ac:dyDescent="0.2">
      <c r="A1136" s="6" t="s">
        <v>320</v>
      </c>
      <c r="B1136" s="6" t="s">
        <v>320</v>
      </c>
      <c r="C1136" s="6" t="s">
        <v>189</v>
      </c>
      <c r="D1136" s="6" t="s">
        <v>152</v>
      </c>
      <c r="E1136" s="6" t="s">
        <v>293</v>
      </c>
      <c r="F1136" s="11">
        <v>13</v>
      </c>
      <c r="G1136" s="13">
        <v>5.77777777778E-2</v>
      </c>
      <c r="H1136" s="11">
        <v>-37.62451837499998</v>
      </c>
      <c r="I1136" s="13">
        <v>-0.16707138145431699</v>
      </c>
      <c r="J1136" s="11">
        <v>203.79235737499997</v>
      </c>
      <c r="K1136" s="13">
        <v>1.0864536996946748</v>
      </c>
      <c r="L1136" s="11">
        <v>-153.48402016999998</v>
      </c>
      <c r="M1136" s="13">
        <v>-0.39217304873428899</v>
      </c>
      <c r="N1136" s="11">
        <v>50.308337204999987</v>
      </c>
      <c r="O1136" s="13">
        <v>0.26820279124247753</v>
      </c>
      <c r="P1136" s="7">
        <v>225.20025899999999</v>
      </c>
      <c r="Q1136" s="7">
        <v>193.27771997900001</v>
      </c>
      <c r="R1136" s="7">
        <v>183.720527094</v>
      </c>
      <c r="S1136" s="7">
        <v>425.01386585099999</v>
      </c>
      <c r="T1136" s="7">
        <v>240.69394599200001</v>
      </c>
      <c r="U1136" s="7">
        <v>190.917003841</v>
      </c>
      <c r="V1136" s="7">
        <v>187.57574062500001</v>
      </c>
      <c r="W1136" s="7">
        <v>352.65989100000002</v>
      </c>
      <c r="X1136" s="7">
        <v>347.66738199999998</v>
      </c>
      <c r="Y1136" s="7">
        <v>391.36809799999997</v>
      </c>
      <c r="Z1136" s="7">
        <v>397.850990701</v>
      </c>
      <c r="AA1136" s="7">
        <v>376.92556500000001</v>
      </c>
      <c r="AB1136" s="7">
        <v>362.12521800000002</v>
      </c>
      <c r="AC1136" s="7">
        <v>272.29377596900002</v>
      </c>
      <c r="AD1136" s="7">
        <v>240.76128516200001</v>
      </c>
      <c r="AE1136" s="7">
        <v>239.43877719700001</v>
      </c>
      <c r="AF1136" s="7">
        <v>237.88407783</v>
      </c>
      <c r="AG1136" s="9">
        <v>11515.768902400003</v>
      </c>
      <c r="AH1136" s="13">
        <v>0.42691551785749127</v>
      </c>
      <c r="AI1136" s="9">
        <v>15746.423728900005</v>
      </c>
      <c r="AJ1136" s="13">
        <v>0.58375543114848538</v>
      </c>
      <c r="AK1136" s="9">
        <v>-22143.229359000004</v>
      </c>
      <c r="AL1136" s="13">
        <v>-0.51832462425189196</v>
      </c>
      <c r="AM1136" s="9">
        <v>17912.574532500003</v>
      </c>
      <c r="AN1136" s="13">
        <v>0.87049132744452995</v>
      </c>
      <c r="AO1136" s="9">
        <v>-4230.6548265000019</v>
      </c>
      <c r="AP1136" s="13">
        <v>-9.9030387019578642E-2</v>
      </c>
      <c r="AQ1136" s="9">
        <v>26974.350710399998</v>
      </c>
      <c r="AR1136" s="9">
        <v>18927.059109999998</v>
      </c>
      <c r="AS1136" s="9">
        <v>30910.304377799999</v>
      </c>
      <c r="AT1136" s="9">
        <v>18145.893536200001</v>
      </c>
      <c r="AU1136" s="9">
        <v>32399.980019899998</v>
      </c>
      <c r="AV1136" s="9">
        <v>38857.643060499999</v>
      </c>
      <c r="AW1136" s="9">
        <v>42720.774439300003</v>
      </c>
      <c r="AX1136" s="9">
        <v>25669.506768499999</v>
      </c>
      <c r="AY1136" s="9">
        <v>24437.961036799999</v>
      </c>
      <c r="AZ1136" s="9">
        <v>20577.545080299999</v>
      </c>
      <c r="BA1136" s="9">
        <v>30720.6488833</v>
      </c>
      <c r="BB1136" s="9">
        <v>29699.268588300001</v>
      </c>
      <c r="BC1136" s="9">
        <v>29035.315201199999</v>
      </c>
      <c r="BD1136" s="9">
        <v>40125.786112200003</v>
      </c>
      <c r="BE1136" s="9">
        <v>31845.1246756</v>
      </c>
      <c r="BF1136" s="9">
        <v>38490.119612800001</v>
      </c>
      <c r="BG1136" s="11">
        <v>0</v>
      </c>
      <c r="BH1136" s="13">
        <v>0</v>
      </c>
      <c r="BI1136" s="6">
        <v>0</v>
      </c>
      <c r="BJ1136" s="13">
        <v>0</v>
      </c>
      <c r="BK1136" s="6">
        <v>0</v>
      </c>
      <c r="BL1136" s="13">
        <v>0</v>
      </c>
      <c r="BM1136" s="11">
        <v>0</v>
      </c>
      <c r="BN1136" s="13">
        <v>0</v>
      </c>
      <c r="BO1136" s="11">
        <v>0</v>
      </c>
      <c r="BP1136" s="13">
        <v>0</v>
      </c>
      <c r="BQ1136" s="6">
        <v>1</v>
      </c>
      <c r="BR1136" s="6">
        <v>1</v>
      </c>
      <c r="BS1136" s="6">
        <v>1</v>
      </c>
      <c r="BT1136" s="6">
        <v>1</v>
      </c>
      <c r="BU1136" s="6">
        <v>1</v>
      </c>
      <c r="BV1136" s="6">
        <v>1</v>
      </c>
      <c r="BW1136" s="6">
        <v>1</v>
      </c>
      <c r="BX1136" s="6">
        <v>1</v>
      </c>
      <c r="BY1136" s="6">
        <v>1</v>
      </c>
      <c r="BZ1136" s="6">
        <v>1</v>
      </c>
      <c r="CA1136" s="6">
        <v>1</v>
      </c>
      <c r="CB1136" s="6">
        <v>1</v>
      </c>
      <c r="CC1136" s="11">
        <v>1</v>
      </c>
      <c r="CD1136" s="11">
        <v>-93.479399999999998</v>
      </c>
      <c r="CE1136" s="11">
        <v>81.546099999999996</v>
      </c>
      <c r="CF1136" s="11">
        <v>24.617100000000001</v>
      </c>
      <c r="CG1136" s="11">
        <v>107</v>
      </c>
      <c r="CH1136" s="20">
        <v>2.8385899999999999</v>
      </c>
      <c r="CI1136" s="20">
        <v>2.3041</v>
      </c>
      <c r="CJ1136" s="20">
        <v>2.1281400000000001</v>
      </c>
      <c r="CK1136" s="20">
        <v>4.8447399999999998</v>
      </c>
      <c r="CL1136" s="20">
        <v>3.1291899999999999</v>
      </c>
      <c r="CM1136" s="20">
        <v>2.5339</v>
      </c>
      <c r="CN1136" s="20">
        <v>2.4535499999999999</v>
      </c>
      <c r="CO1136" s="20">
        <v>4.3759899999999998</v>
      </c>
      <c r="CP1136" s="20">
        <v>3.9865300000000001</v>
      </c>
      <c r="CQ1136" s="20">
        <v>4.3903499999999998</v>
      </c>
      <c r="CR1136" s="20">
        <v>4.46509</v>
      </c>
      <c r="CS1136" s="20">
        <v>4.1831300000000002</v>
      </c>
      <c r="CT1136" s="20">
        <v>4.16195</v>
      </c>
      <c r="CU1136" s="20">
        <v>3.1136400000000002</v>
      </c>
      <c r="CV1136" s="20">
        <v>2.7436199999999999</v>
      </c>
      <c r="CW1136" s="20">
        <v>2.74668</v>
      </c>
      <c r="CX1136" s="20">
        <v>2.6903899999999998</v>
      </c>
      <c r="CY1136" s="6" t="s">
        <v>570</v>
      </c>
      <c r="CZ1136" s="6" t="s">
        <v>571</v>
      </c>
      <c r="DA1136" s="6" t="s">
        <v>152</v>
      </c>
      <c r="DB1136" s="6"/>
      <c r="DC1136" s="6">
        <v>39500</v>
      </c>
      <c r="DD1136" s="6">
        <v>448</v>
      </c>
      <c r="DE1136" s="6" t="s">
        <v>574</v>
      </c>
      <c r="DF1136" s="6" t="s">
        <v>363</v>
      </c>
      <c r="DG1136" s="6" t="s">
        <v>376</v>
      </c>
      <c r="DH1136" s="6" t="s">
        <v>468</v>
      </c>
      <c r="DI1136" s="6" t="s">
        <v>575</v>
      </c>
      <c r="DJ1136" s="6">
        <v>29</v>
      </c>
      <c r="DK1136" s="6">
        <v>111</v>
      </c>
      <c r="DL1136" s="6">
        <v>8</v>
      </c>
      <c r="DM1136" s="6" t="s">
        <v>368</v>
      </c>
      <c r="DN1136" s="6">
        <v>9</v>
      </c>
      <c r="DO1136" s="6" t="s">
        <v>384</v>
      </c>
      <c r="DP1136" s="6"/>
      <c r="DQ1136" s="6"/>
    </row>
    <row r="1137" spans="1:121" x14ac:dyDescent="0.2">
      <c r="A1137" s="6" t="s">
        <v>321</v>
      </c>
      <c r="B1137" s="6" t="s">
        <v>321</v>
      </c>
      <c r="C1137" s="6" t="s">
        <v>190</v>
      </c>
      <c r="D1137" s="6" t="s">
        <v>152</v>
      </c>
      <c r="E1137" s="6" t="s">
        <v>293</v>
      </c>
      <c r="F1137" s="11">
        <v>-159</v>
      </c>
      <c r="G1137" s="13">
        <v>-0.38313253011999998</v>
      </c>
      <c r="H1137" s="11">
        <v>-59.473938764999957</v>
      </c>
      <c r="I1137" s="13">
        <v>-0.14329322427843241</v>
      </c>
      <c r="J1137" s="11">
        <v>-107.39155896900002</v>
      </c>
      <c r="K1137" s="13">
        <v>-0.30202083141724395</v>
      </c>
      <c r="L1137" s="11">
        <v>8.2360717500000078</v>
      </c>
      <c r="M1137" s="13">
        <v>3.3185197913532083E-2</v>
      </c>
      <c r="N1137" s="11">
        <v>-99.155487219000008</v>
      </c>
      <c r="O1137" s="13">
        <v>-0.27885825456830265</v>
      </c>
      <c r="P1137" s="7">
        <v>415.05060036499998</v>
      </c>
      <c r="Q1137" s="7">
        <v>432.88788620499997</v>
      </c>
      <c r="R1137" s="7">
        <v>426.51037311300001</v>
      </c>
      <c r="S1137" s="7">
        <v>362.89493180300002</v>
      </c>
      <c r="T1137" s="7">
        <v>368.40095397699997</v>
      </c>
      <c r="U1137" s="7">
        <v>364.46186087900003</v>
      </c>
      <c r="V1137" s="7">
        <v>355.57666160000002</v>
      </c>
      <c r="W1137" s="7">
        <v>309.064185237</v>
      </c>
      <c r="X1137" s="7">
        <v>311.789969283</v>
      </c>
      <c r="Y1137" s="7">
        <v>248.18510263100001</v>
      </c>
      <c r="Z1137" s="7">
        <v>259.09729482099999</v>
      </c>
      <c r="AA1137" s="7">
        <v>235.21759365</v>
      </c>
      <c r="AB1137" s="7">
        <v>227.953826013</v>
      </c>
      <c r="AC1137" s="7">
        <v>235.34506711399999</v>
      </c>
      <c r="AD1137" s="7">
        <v>267.08231693800002</v>
      </c>
      <c r="AE1137" s="7">
        <v>257.50210686200001</v>
      </c>
      <c r="AF1137" s="7">
        <v>256.42117438100001</v>
      </c>
      <c r="AG1137" s="9">
        <v>15954.994051000001</v>
      </c>
      <c r="AH1137" s="13">
        <v>0.92357420762322795</v>
      </c>
      <c r="AI1137" s="9">
        <v>2125.9798262000004</v>
      </c>
      <c r="AJ1137" s="13">
        <v>0.12306492419422546</v>
      </c>
      <c r="AK1137" s="9">
        <v>12745.5262645</v>
      </c>
      <c r="AL1137" s="13">
        <v>0.65694355783095026</v>
      </c>
      <c r="AM1137" s="9">
        <v>1083.4879603000009</v>
      </c>
      <c r="AN1137" s="13">
        <v>3.3704404701304806E-2</v>
      </c>
      <c r="AO1137" s="9">
        <v>13829.014224800001</v>
      </c>
      <c r="AP1137" s="13">
        <v>0.71278985407130446</v>
      </c>
      <c r="AQ1137" s="9">
        <v>17275.2702699</v>
      </c>
      <c r="AR1137" s="9">
        <v>22894.720634099998</v>
      </c>
      <c r="AS1137" s="9">
        <v>18834.751401500002</v>
      </c>
      <c r="AT1137" s="9">
        <v>22237.404600499998</v>
      </c>
      <c r="AU1137" s="9">
        <v>18139.619234199999</v>
      </c>
      <c r="AV1137" s="9">
        <v>18735.775307700002</v>
      </c>
      <c r="AW1137" s="9">
        <v>19401.250096100001</v>
      </c>
      <c r="AX1137" s="9">
        <v>24193.354023899999</v>
      </c>
      <c r="AY1137" s="9">
        <v>29779.601448199999</v>
      </c>
      <c r="AZ1137" s="9">
        <v>32146.776360600001</v>
      </c>
      <c r="BA1137" s="9">
        <v>23242.471645099999</v>
      </c>
      <c r="BB1137" s="9">
        <v>32270.781502500002</v>
      </c>
      <c r="BC1137" s="9">
        <v>32205.8453147</v>
      </c>
      <c r="BD1137" s="9">
        <v>27013.168300900001</v>
      </c>
      <c r="BE1137" s="9">
        <v>38073.414123000002</v>
      </c>
      <c r="BF1137" s="9">
        <v>33230.264320900002</v>
      </c>
      <c r="BG1137" s="11">
        <v>17.75</v>
      </c>
      <c r="BH1137" s="13">
        <v>0.98611111111111116</v>
      </c>
      <c r="BI1137" s="6">
        <v>1</v>
      </c>
      <c r="BJ1137" s="13">
        <v>5.5555555555555552E-2</v>
      </c>
      <c r="BK1137" s="6">
        <v>-3</v>
      </c>
      <c r="BL1137" s="13">
        <v>-0.15789473684210525</v>
      </c>
      <c r="BM1137" s="11">
        <v>19.75</v>
      </c>
      <c r="BN1137" s="13">
        <v>1.234375</v>
      </c>
      <c r="BO1137" s="11">
        <v>16.75</v>
      </c>
      <c r="BP1137" s="13">
        <v>0.88157894736842102</v>
      </c>
      <c r="BQ1137" s="6">
        <v>18</v>
      </c>
      <c r="BR1137" s="6">
        <v>20</v>
      </c>
      <c r="BS1137" s="6">
        <v>20</v>
      </c>
      <c r="BT1137" s="6">
        <v>19</v>
      </c>
      <c r="BU1137" s="6">
        <v>20</v>
      </c>
      <c r="BV1137" s="6">
        <v>17</v>
      </c>
      <c r="BW1137" s="6">
        <v>16</v>
      </c>
      <c r="BX1137" s="6">
        <v>16</v>
      </c>
      <c r="BY1137" s="6">
        <v>16</v>
      </c>
      <c r="BZ1137" s="6">
        <v>28</v>
      </c>
      <c r="CA1137" s="6">
        <v>33</v>
      </c>
      <c r="CB1137" s="6">
        <v>38</v>
      </c>
      <c r="CC1137" s="11">
        <v>35.75</v>
      </c>
      <c r="CD1137" s="11">
        <v>-355.14699999999999</v>
      </c>
      <c r="CE1137" s="11">
        <v>151.148</v>
      </c>
      <c r="CF1137" s="11">
        <v>45.37</v>
      </c>
      <c r="CG1137" s="11">
        <v>196</v>
      </c>
      <c r="CH1137" s="20">
        <v>1.05931</v>
      </c>
      <c r="CI1137" s="20">
        <v>1.0525100000000001</v>
      </c>
      <c r="CJ1137" s="20">
        <v>1.00589</v>
      </c>
      <c r="CK1137" s="20">
        <v>0.85589899999999997</v>
      </c>
      <c r="CL1137" s="20">
        <v>0.98024800000000001</v>
      </c>
      <c r="CM1137" s="20">
        <v>0.98688699999999996</v>
      </c>
      <c r="CN1137" s="20">
        <v>0.94680900000000001</v>
      </c>
      <c r="CO1137" s="20">
        <v>0.78332000000000002</v>
      </c>
      <c r="CP1137" s="20">
        <v>0.735846</v>
      </c>
      <c r="CQ1137" s="20">
        <v>0.57664300000000002</v>
      </c>
      <c r="CR1137" s="20">
        <v>0.61301799999999995</v>
      </c>
      <c r="CS1137" s="20">
        <v>0.54126200000000002</v>
      </c>
      <c r="CT1137" s="20">
        <v>0.54036300000000004</v>
      </c>
      <c r="CU1137" s="20">
        <v>0.55619300000000005</v>
      </c>
      <c r="CV1137" s="20">
        <v>0.62275899999999995</v>
      </c>
      <c r="CW1137" s="20">
        <v>0.60077599999999998</v>
      </c>
      <c r="CX1137" s="20">
        <v>0.58638299999999999</v>
      </c>
      <c r="CY1137" s="6" t="s">
        <v>570</v>
      </c>
      <c r="CZ1137" s="6" t="s">
        <v>571</v>
      </c>
      <c r="DA1137" s="6" t="s">
        <v>152</v>
      </c>
      <c r="DB1137" s="6"/>
      <c r="DC1137" s="6">
        <v>39500</v>
      </c>
      <c r="DD1137" s="6">
        <v>448</v>
      </c>
      <c r="DE1137" s="6" t="s">
        <v>574</v>
      </c>
      <c r="DF1137" s="6" t="s">
        <v>363</v>
      </c>
      <c r="DG1137" s="6" t="s">
        <v>376</v>
      </c>
      <c r="DH1137" s="6" t="s">
        <v>468</v>
      </c>
      <c r="DI1137" s="6" t="s">
        <v>575</v>
      </c>
      <c r="DJ1137" s="6">
        <v>29</v>
      </c>
      <c r="DK1137" s="6">
        <v>111</v>
      </c>
      <c r="DL1137" s="6">
        <v>8</v>
      </c>
      <c r="DM1137" s="6" t="s">
        <v>368</v>
      </c>
      <c r="DN1137" s="6">
        <v>9</v>
      </c>
      <c r="DO1137" s="6" t="s">
        <v>384</v>
      </c>
      <c r="DP1137" s="6"/>
      <c r="DQ1137" s="6"/>
    </row>
    <row r="1138" spans="1:121" x14ac:dyDescent="0.2">
      <c r="A1138" s="6" t="s">
        <v>322</v>
      </c>
      <c r="B1138" s="6" t="s">
        <v>322</v>
      </c>
      <c r="C1138" s="6" t="s">
        <v>191</v>
      </c>
      <c r="D1138" s="6" t="s">
        <v>152</v>
      </c>
      <c r="E1138" s="6" t="s">
        <v>293</v>
      </c>
      <c r="F1138" s="11">
        <v>61</v>
      </c>
      <c r="G1138" s="13">
        <v>0.34</v>
      </c>
      <c r="H1138" s="11">
        <v>91</v>
      </c>
      <c r="I1138" s="13">
        <v>0.50276243093922657</v>
      </c>
      <c r="J1138" s="11">
        <v>-10</v>
      </c>
      <c r="K1138" s="13">
        <v>-3.6764705882352942E-2</v>
      </c>
      <c r="L1138" s="11">
        <v>-20</v>
      </c>
      <c r="M1138" s="13">
        <v>-7.6335877862595422E-2</v>
      </c>
      <c r="N1138" s="11">
        <v>-30</v>
      </c>
      <c r="O1138" s="13">
        <v>-0.11029411764705882</v>
      </c>
      <c r="P1138" s="7">
        <v>181</v>
      </c>
      <c r="Q1138" s="7">
        <v>318</v>
      </c>
      <c r="R1138" s="7">
        <v>317</v>
      </c>
      <c r="S1138" s="7">
        <v>307</v>
      </c>
      <c r="T1138" s="7">
        <v>305</v>
      </c>
      <c r="U1138" s="7">
        <v>284</v>
      </c>
      <c r="V1138" s="7">
        <v>272</v>
      </c>
      <c r="W1138" s="7">
        <v>275</v>
      </c>
      <c r="X1138" s="7">
        <v>271</v>
      </c>
      <c r="Y1138" s="7">
        <v>262</v>
      </c>
      <c r="Z1138" s="7">
        <v>245</v>
      </c>
      <c r="AA1138" s="7">
        <v>240</v>
      </c>
      <c r="AB1138" s="7">
        <v>219</v>
      </c>
      <c r="AC1138" s="7">
        <v>240</v>
      </c>
      <c r="AD1138" s="7">
        <v>233</v>
      </c>
      <c r="AE1138" s="7">
        <v>242</v>
      </c>
      <c r="AF1138" s="7">
        <v>242</v>
      </c>
      <c r="AG1138" s="9">
        <v>5101</v>
      </c>
      <c r="AH1138" s="13">
        <v>0.24057916332594445</v>
      </c>
      <c r="AI1138" s="9">
        <v>3247</v>
      </c>
      <c r="AJ1138" s="13">
        <v>0.15313870678677546</v>
      </c>
      <c r="AK1138" s="9">
        <v>-510</v>
      </c>
      <c r="AL1138" s="13">
        <v>-2.0858895705521473E-2</v>
      </c>
      <c r="AM1138" s="9">
        <v>2364</v>
      </c>
      <c r="AN1138" s="13">
        <v>9.8746867167919805E-2</v>
      </c>
      <c r="AO1138" s="9">
        <v>1854</v>
      </c>
      <c r="AP1138" s="13">
        <v>7.5828220858895706E-2</v>
      </c>
      <c r="AQ1138" s="9">
        <v>21203</v>
      </c>
      <c r="AR1138" s="9">
        <v>20938</v>
      </c>
      <c r="AS1138" s="9">
        <v>21606</v>
      </c>
      <c r="AT1138" s="9">
        <v>21541</v>
      </c>
      <c r="AU1138" s="9">
        <v>21591</v>
      </c>
      <c r="AV1138" s="9">
        <v>23162</v>
      </c>
      <c r="AW1138" s="9">
        <v>24450</v>
      </c>
      <c r="AX1138" s="9">
        <v>24659</v>
      </c>
      <c r="AY1138" s="9">
        <v>24027</v>
      </c>
      <c r="AZ1138" s="9">
        <v>23940</v>
      </c>
      <c r="BA1138" s="9">
        <v>23504</v>
      </c>
      <c r="BB1138" s="9">
        <v>24513</v>
      </c>
      <c r="BC1138" s="9">
        <v>26100</v>
      </c>
      <c r="BD1138" s="9">
        <v>26452</v>
      </c>
      <c r="BE1138" s="9">
        <v>26830</v>
      </c>
      <c r="BF1138" s="9">
        <v>26304</v>
      </c>
      <c r="BG1138" s="11">
        <v>-2</v>
      </c>
      <c r="BH1138" s="13">
        <v>-0.5</v>
      </c>
      <c r="BI1138" s="6">
        <v>0</v>
      </c>
      <c r="BJ1138" s="13">
        <v>0</v>
      </c>
      <c r="BK1138" s="6">
        <v>0</v>
      </c>
      <c r="BL1138" s="13">
        <v>0</v>
      </c>
      <c r="BM1138" s="11">
        <v>-2</v>
      </c>
      <c r="BN1138" s="13">
        <v>-0.5</v>
      </c>
      <c r="BO1138" s="11">
        <v>-2</v>
      </c>
      <c r="BP1138" s="13">
        <v>-0.5</v>
      </c>
      <c r="BQ1138" s="6">
        <v>4</v>
      </c>
      <c r="BR1138" s="6">
        <v>4</v>
      </c>
      <c r="BS1138" s="6">
        <v>4</v>
      </c>
      <c r="BT1138" s="6">
        <v>4</v>
      </c>
      <c r="BU1138" s="6">
        <v>4</v>
      </c>
      <c r="BV1138" s="6">
        <v>4</v>
      </c>
      <c r="BW1138" s="6">
        <v>4</v>
      </c>
      <c r="BX1138" s="6">
        <v>3</v>
      </c>
      <c r="BY1138" s="6">
        <v>3</v>
      </c>
      <c r="BZ1138" s="6">
        <v>4</v>
      </c>
      <c r="CA1138" s="6">
        <v>4</v>
      </c>
      <c r="CB1138" s="6">
        <v>3</v>
      </c>
      <c r="CC1138" s="11">
        <v>2</v>
      </c>
      <c r="CD1138" s="11">
        <v>8</v>
      </c>
      <c r="CE1138" s="11">
        <v>33</v>
      </c>
      <c r="CF1138" s="11">
        <v>20</v>
      </c>
      <c r="CG1138" s="11">
        <v>53</v>
      </c>
      <c r="CH1138" s="20">
        <v>3.02</v>
      </c>
      <c r="CI1138" s="20">
        <v>5.13</v>
      </c>
      <c r="CJ1138" s="20">
        <v>5.05</v>
      </c>
      <c r="CK1138" s="20">
        <v>4.87</v>
      </c>
      <c r="CL1138" s="20">
        <v>5.51</v>
      </c>
      <c r="CM1138" s="20">
        <v>5.27</v>
      </c>
      <c r="CN1138" s="20">
        <v>4.9800000000000004</v>
      </c>
      <c r="CO1138" s="20">
        <v>4.87</v>
      </c>
      <c r="CP1138" s="20">
        <v>4.66</v>
      </c>
      <c r="CQ1138" s="20">
        <v>4.54</v>
      </c>
      <c r="CR1138" s="20">
        <v>4.32</v>
      </c>
      <c r="CS1138" s="20">
        <v>4.1900000000000004</v>
      </c>
      <c r="CT1138" s="20">
        <v>3.93</v>
      </c>
      <c r="CU1138" s="20">
        <v>4.24</v>
      </c>
      <c r="CV1138" s="20">
        <v>4.0199999999999996</v>
      </c>
      <c r="CW1138" s="20">
        <v>4.17</v>
      </c>
      <c r="CX1138" s="20">
        <v>4.12</v>
      </c>
      <c r="CY1138" s="6" t="s">
        <v>570</v>
      </c>
      <c r="CZ1138" s="6" t="s">
        <v>571</v>
      </c>
      <c r="DA1138" s="6" t="s">
        <v>152</v>
      </c>
      <c r="DB1138" s="6"/>
      <c r="DC1138" s="6">
        <v>39500</v>
      </c>
      <c r="DD1138" s="6">
        <v>448</v>
      </c>
      <c r="DE1138" s="6" t="s">
        <v>574</v>
      </c>
      <c r="DF1138" s="6" t="s">
        <v>363</v>
      </c>
      <c r="DG1138" s="6" t="s">
        <v>376</v>
      </c>
      <c r="DH1138" s="6" t="s">
        <v>468</v>
      </c>
      <c r="DI1138" s="6" t="s">
        <v>575</v>
      </c>
      <c r="DJ1138" s="6">
        <v>29</v>
      </c>
      <c r="DK1138" s="6">
        <v>111</v>
      </c>
      <c r="DL1138" s="6">
        <v>8</v>
      </c>
      <c r="DM1138" s="6" t="s">
        <v>368</v>
      </c>
      <c r="DN1138" s="6">
        <v>9</v>
      </c>
      <c r="DO1138" s="6" t="s">
        <v>384</v>
      </c>
      <c r="DP1138" s="6"/>
      <c r="DQ1138" s="6"/>
    </row>
    <row r="1139" spans="1:121" x14ac:dyDescent="0.2">
      <c r="A1139" s="6" t="s">
        <v>323</v>
      </c>
      <c r="B1139" s="6" t="s">
        <v>323</v>
      </c>
      <c r="C1139" s="6" t="s">
        <v>192</v>
      </c>
      <c r="D1139" s="6" t="s">
        <v>152</v>
      </c>
      <c r="E1139" s="6" t="s">
        <v>293</v>
      </c>
      <c r="F1139" s="11">
        <v>92</v>
      </c>
      <c r="G1139" s="13">
        <v>1.2957746478900001</v>
      </c>
      <c r="H1139" s="11">
        <v>16.854806373499997</v>
      </c>
      <c r="I1139" s="13">
        <v>0.23635813972858785</v>
      </c>
      <c r="J1139" s="11">
        <v>64.256837594699988</v>
      </c>
      <c r="K1139" s="13">
        <v>0.72882263312831741</v>
      </c>
      <c r="L1139" s="11">
        <v>11.012182946000024</v>
      </c>
      <c r="M1139" s="13">
        <v>7.2247942097890747E-2</v>
      </c>
      <c r="N1139" s="11">
        <v>75.269020540700012</v>
      </c>
      <c r="O1139" s="13">
        <v>0.85372651062409521</v>
      </c>
      <c r="P1139" s="7">
        <v>71.310454519800004</v>
      </c>
      <c r="Q1139" s="7">
        <v>93.028622243900003</v>
      </c>
      <c r="R1139" s="7">
        <v>81.897236956900002</v>
      </c>
      <c r="S1139" s="7">
        <v>85.218595076900002</v>
      </c>
      <c r="T1139" s="7">
        <v>98.172939856799999</v>
      </c>
      <c r="U1139" s="7">
        <v>83.501373507699995</v>
      </c>
      <c r="V1139" s="7">
        <v>88.165260893300001</v>
      </c>
      <c r="W1139" s="7">
        <v>97.970732278100002</v>
      </c>
      <c r="X1139" s="7">
        <v>129.00978826400001</v>
      </c>
      <c r="Y1139" s="7">
        <v>152.42209848799999</v>
      </c>
      <c r="Z1139" s="7">
        <v>162.481419544</v>
      </c>
      <c r="AA1139" s="7">
        <v>168.91435414200001</v>
      </c>
      <c r="AB1139" s="7">
        <v>149.378818225</v>
      </c>
      <c r="AC1139" s="7">
        <v>148.994339935</v>
      </c>
      <c r="AD1139" s="7">
        <v>198.559915641</v>
      </c>
      <c r="AE1139" s="7">
        <v>155.45569229200001</v>
      </c>
      <c r="AF1139" s="7">
        <v>163.43428143400001</v>
      </c>
      <c r="AG1139" s="9">
        <v>2722.3490616899999</v>
      </c>
      <c r="AH1139" s="13">
        <v>0.3206025115700456</v>
      </c>
      <c r="AI1139" s="9">
        <v>3233.0847275899996</v>
      </c>
      <c r="AJ1139" s="13">
        <v>0.38075024925005119</v>
      </c>
      <c r="AK1139" s="9">
        <v>-2130.6498423100002</v>
      </c>
      <c r="AL1139" s="13">
        <v>-0.18172725316458213</v>
      </c>
      <c r="AM1139" s="9">
        <v>1619.9141764100004</v>
      </c>
      <c r="AN1139" s="13">
        <v>0.16885032430663136</v>
      </c>
      <c r="AO1139" s="9">
        <v>-510.73566589999973</v>
      </c>
      <c r="AP1139" s="13">
        <v>-4.3561634490143775E-2</v>
      </c>
      <c r="AQ1139" s="9">
        <v>8491.3528854100005</v>
      </c>
      <c r="AR1139" s="9">
        <v>9596.8323302600002</v>
      </c>
      <c r="AS1139" s="9">
        <v>9467.4265159000006</v>
      </c>
      <c r="AT1139" s="9">
        <v>8099.0233847700001</v>
      </c>
      <c r="AU1139" s="9">
        <v>9453.90695848</v>
      </c>
      <c r="AV1139" s="9">
        <v>10738.8253291</v>
      </c>
      <c r="AW1139" s="9">
        <v>11724.437613</v>
      </c>
      <c r="AX1139" s="9">
        <v>10173.443585499999</v>
      </c>
      <c r="AY1139" s="9">
        <v>9723.7625149899995</v>
      </c>
      <c r="AZ1139" s="9">
        <v>9593.7877706899999</v>
      </c>
      <c r="BA1139" s="9">
        <v>10709.824624499999</v>
      </c>
      <c r="BB1139" s="9">
        <v>11489.473538599999</v>
      </c>
      <c r="BC1139" s="9">
        <v>12194.378250399999</v>
      </c>
      <c r="BD1139" s="9">
        <v>12047.019982899999</v>
      </c>
      <c r="BE1139" s="9">
        <v>11379.017774600001</v>
      </c>
      <c r="BF1139" s="9">
        <v>11213.7019471</v>
      </c>
      <c r="BG1139" s="11">
        <v>1.75</v>
      </c>
      <c r="BH1139" s="13">
        <v>0.14583333333333334</v>
      </c>
      <c r="BI1139" s="6">
        <v>0</v>
      </c>
      <c r="BJ1139" s="13">
        <v>0</v>
      </c>
      <c r="BK1139" s="6">
        <v>1</v>
      </c>
      <c r="BL1139" s="13">
        <v>8.3333333333333329E-2</v>
      </c>
      <c r="BM1139" s="11">
        <v>0.75</v>
      </c>
      <c r="BN1139" s="13">
        <v>5.7692307692307696E-2</v>
      </c>
      <c r="BO1139" s="11">
        <v>1.75</v>
      </c>
      <c r="BP1139" s="13">
        <v>0.14583333333333334</v>
      </c>
      <c r="BQ1139" s="6">
        <v>12</v>
      </c>
      <c r="BR1139" s="6">
        <v>12</v>
      </c>
      <c r="BS1139" s="6">
        <v>10</v>
      </c>
      <c r="BT1139" s="6">
        <v>12</v>
      </c>
      <c r="BU1139" s="6">
        <v>14</v>
      </c>
      <c r="BV1139" s="6">
        <v>13</v>
      </c>
      <c r="BW1139" s="6">
        <v>13</v>
      </c>
      <c r="BX1139" s="6">
        <v>15</v>
      </c>
      <c r="BY1139" s="6">
        <v>14</v>
      </c>
      <c r="BZ1139" s="6">
        <v>13</v>
      </c>
      <c r="CA1139" s="6">
        <v>14</v>
      </c>
      <c r="CB1139" s="6">
        <v>16</v>
      </c>
      <c r="CC1139" s="11">
        <v>13.75</v>
      </c>
      <c r="CD1139" s="11">
        <v>68.112300000000005</v>
      </c>
      <c r="CE1139" s="11">
        <v>16.2164</v>
      </c>
      <c r="CF1139" s="11">
        <v>7.7950900000000001</v>
      </c>
      <c r="CG1139" s="11">
        <v>24</v>
      </c>
      <c r="CH1139" s="20">
        <v>0.24524399999999999</v>
      </c>
      <c r="CI1139" s="20">
        <v>0.31253500000000001</v>
      </c>
      <c r="CJ1139" s="20">
        <v>0.27015</v>
      </c>
      <c r="CK1139" s="20">
        <v>0.27965099999999998</v>
      </c>
      <c r="CL1139" s="20">
        <v>0.36317899999999997</v>
      </c>
      <c r="CM1139" s="20">
        <v>0.31560100000000002</v>
      </c>
      <c r="CN1139" s="20">
        <v>0.32952100000000001</v>
      </c>
      <c r="CO1139" s="20">
        <v>0.356514</v>
      </c>
      <c r="CP1139" s="20">
        <v>0.45882699999999998</v>
      </c>
      <c r="CQ1139" s="20">
        <v>0.54066199999999998</v>
      </c>
      <c r="CR1139" s="20">
        <v>0.58047000000000004</v>
      </c>
      <c r="CS1139" s="20">
        <v>0.59054600000000002</v>
      </c>
      <c r="CT1139" s="20">
        <v>0.53225299999999998</v>
      </c>
      <c r="CU1139" s="20">
        <v>0.52370000000000005</v>
      </c>
      <c r="CV1139" s="20">
        <v>0.68199299999999996</v>
      </c>
      <c r="CW1139" s="20">
        <v>0.533003</v>
      </c>
      <c r="CX1139" s="20">
        <v>0.55513599999999996</v>
      </c>
      <c r="CY1139" s="6" t="s">
        <v>570</v>
      </c>
      <c r="CZ1139" s="6" t="s">
        <v>571</v>
      </c>
      <c r="DA1139" s="6" t="s">
        <v>152</v>
      </c>
      <c r="DB1139" s="6"/>
      <c r="DC1139" s="6">
        <v>39500</v>
      </c>
      <c r="DD1139" s="6">
        <v>448</v>
      </c>
      <c r="DE1139" s="6" t="s">
        <v>574</v>
      </c>
      <c r="DF1139" s="6" t="s">
        <v>363</v>
      </c>
      <c r="DG1139" s="6" t="s">
        <v>376</v>
      </c>
      <c r="DH1139" s="6" t="s">
        <v>468</v>
      </c>
      <c r="DI1139" s="6" t="s">
        <v>575</v>
      </c>
      <c r="DJ1139" s="6">
        <v>29</v>
      </c>
      <c r="DK1139" s="6">
        <v>111</v>
      </c>
      <c r="DL1139" s="6">
        <v>8</v>
      </c>
      <c r="DM1139" s="6" t="s">
        <v>368</v>
      </c>
      <c r="DN1139" s="6">
        <v>9</v>
      </c>
      <c r="DO1139" s="6" t="s">
        <v>384</v>
      </c>
      <c r="DP1139" s="6"/>
      <c r="DQ1139" s="6"/>
    </row>
    <row r="1140" spans="1:121" x14ac:dyDescent="0.2">
      <c r="A1140" s="6" t="s">
        <v>325</v>
      </c>
      <c r="B1140" s="6" t="s">
        <v>325</v>
      </c>
      <c r="C1140" s="6" t="s">
        <v>193</v>
      </c>
      <c r="D1140" s="6" t="s">
        <v>152</v>
      </c>
      <c r="E1140" s="6" t="s">
        <v>293</v>
      </c>
      <c r="F1140" s="11">
        <v>-110</v>
      </c>
      <c r="G1140" s="13">
        <v>-0.46808510638299999</v>
      </c>
      <c r="H1140" s="11">
        <v>-119.98688409899998</v>
      </c>
      <c r="I1140" s="13">
        <v>-0.5110583732964743</v>
      </c>
      <c r="J1140" s="11">
        <v>22.400996348999996</v>
      </c>
      <c r="K1140" s="13">
        <v>0.19514033895618199</v>
      </c>
      <c r="L1140" s="11">
        <v>-12.174405954999997</v>
      </c>
      <c r="M1140" s="13">
        <v>-8.8737786995345402E-2</v>
      </c>
      <c r="N1140" s="11">
        <v>10.226590393999999</v>
      </c>
      <c r="O1140" s="13">
        <v>8.9086230128343435E-2</v>
      </c>
      <c r="P1140" s="7">
        <v>234.78117250099999</v>
      </c>
      <c r="Q1140" s="7">
        <v>316.934955468</v>
      </c>
      <c r="R1140" s="7">
        <v>396.191923637</v>
      </c>
      <c r="S1140" s="7">
        <v>148.318564275</v>
      </c>
      <c r="T1140" s="7">
        <v>138.29579406799999</v>
      </c>
      <c r="U1140" s="7">
        <v>119.585017479</v>
      </c>
      <c r="V1140" s="7">
        <v>114.79428840200001</v>
      </c>
      <c r="W1140" s="7">
        <v>138.83859375500001</v>
      </c>
      <c r="X1140" s="7">
        <v>127.073829788</v>
      </c>
      <c r="Y1140" s="7">
        <v>137.195284751</v>
      </c>
      <c r="Z1140" s="7">
        <v>124.97061884999999</v>
      </c>
      <c r="AA1140" s="7">
        <v>143.185485814</v>
      </c>
      <c r="AB1140" s="7">
        <v>114.17923091599999</v>
      </c>
      <c r="AC1140" s="7">
        <v>111.48154472100001</v>
      </c>
      <c r="AD1140" s="7">
        <v>129.73289423700001</v>
      </c>
      <c r="AE1140" s="7">
        <v>125.50845313000001</v>
      </c>
      <c r="AF1140" s="7">
        <v>125.02087879600001</v>
      </c>
      <c r="AG1140" s="9">
        <v>3162.7450598000032</v>
      </c>
      <c r="AH1140" s="13">
        <v>0.17989008734066544</v>
      </c>
      <c r="AI1140" s="9">
        <v>-1357.1015591999985</v>
      </c>
      <c r="AJ1140" s="13">
        <v>-7.7188996709737501E-2</v>
      </c>
      <c r="AK1140" s="9">
        <v>-589.59385959999963</v>
      </c>
      <c r="AL1140" s="13">
        <v>-3.6339858691405678E-2</v>
      </c>
      <c r="AM1140" s="9">
        <v>5109.4404786000014</v>
      </c>
      <c r="AN1140" s="13">
        <v>0.32679825620676106</v>
      </c>
      <c r="AO1140" s="9">
        <v>4519.8466190000017</v>
      </c>
      <c r="AP1140" s="13">
        <v>0.27858259506420391</v>
      </c>
      <c r="AQ1140" s="9">
        <v>17581.541632199998</v>
      </c>
      <c r="AR1140" s="9">
        <v>15161.8572972</v>
      </c>
      <c r="AS1140" s="9">
        <v>13864.2871316</v>
      </c>
      <c r="AT1140" s="9">
        <v>15816.4617402</v>
      </c>
      <c r="AU1140" s="9">
        <v>15111.3032064</v>
      </c>
      <c r="AV1140" s="9">
        <v>16860.8253573</v>
      </c>
      <c r="AW1140" s="9">
        <v>16224.440073</v>
      </c>
      <c r="AX1140" s="9">
        <v>15989.143533099999</v>
      </c>
      <c r="AY1140" s="9">
        <v>18572.925956999999</v>
      </c>
      <c r="AZ1140" s="9">
        <v>15634.8462134</v>
      </c>
      <c r="BA1140" s="9">
        <v>16953.898297899999</v>
      </c>
      <c r="BB1140" s="9">
        <v>17466.015919599999</v>
      </c>
      <c r="BC1140" s="9">
        <v>22153.060357099999</v>
      </c>
      <c r="BD1140" s="9">
        <v>19953.2740127</v>
      </c>
      <c r="BE1140" s="9">
        <v>19939.495215999999</v>
      </c>
      <c r="BF1140" s="9">
        <v>20744.286692000001</v>
      </c>
      <c r="BG1140" s="11">
        <v>-10.25</v>
      </c>
      <c r="BH1140" s="13">
        <v>-0.51249999999999996</v>
      </c>
      <c r="BI1140" s="6">
        <v>-1</v>
      </c>
      <c r="BJ1140" s="13">
        <v>-0.05</v>
      </c>
      <c r="BK1140" s="6">
        <v>-1</v>
      </c>
      <c r="BL1140" s="13">
        <v>-5.2631578947368418E-2</v>
      </c>
      <c r="BM1140" s="11">
        <v>-8.25</v>
      </c>
      <c r="BN1140" s="13">
        <v>-0.45833333333333331</v>
      </c>
      <c r="BO1140" s="11">
        <v>-9.25</v>
      </c>
      <c r="BP1140" s="13">
        <v>-0.48684210526315791</v>
      </c>
      <c r="BQ1140" s="6">
        <v>20</v>
      </c>
      <c r="BR1140" s="6">
        <v>19</v>
      </c>
      <c r="BS1140" s="6">
        <v>21</v>
      </c>
      <c r="BT1140" s="6">
        <v>19</v>
      </c>
      <c r="BU1140" s="6">
        <v>23</v>
      </c>
      <c r="BV1140" s="6">
        <v>21</v>
      </c>
      <c r="BW1140" s="6">
        <v>18</v>
      </c>
      <c r="BX1140" s="6">
        <v>16</v>
      </c>
      <c r="BY1140" s="6">
        <v>20</v>
      </c>
      <c r="BZ1140" s="6">
        <v>9</v>
      </c>
      <c r="CA1140" s="6">
        <v>11</v>
      </c>
      <c r="CB1140" s="6">
        <v>13</v>
      </c>
      <c r="CC1140" s="11">
        <v>9.75</v>
      </c>
      <c r="CD1140" s="11">
        <v>-133.26300000000001</v>
      </c>
      <c r="CE1140" s="11">
        <v>-2.1621100000000002</v>
      </c>
      <c r="CF1140" s="11">
        <v>25.664400000000001</v>
      </c>
      <c r="CG1140" s="11">
        <v>24</v>
      </c>
      <c r="CH1140" s="20">
        <v>1.1887099999999999</v>
      </c>
      <c r="CI1140" s="20">
        <v>1.56104</v>
      </c>
      <c r="CJ1140" s="20">
        <v>1.9270400000000001</v>
      </c>
      <c r="CK1140" s="20">
        <v>0.73066500000000001</v>
      </c>
      <c r="CL1140" s="20">
        <v>0.78076599999999996</v>
      </c>
      <c r="CM1140" s="20">
        <v>0.69622099999999998</v>
      </c>
      <c r="CN1140" s="20">
        <v>0.66416500000000001</v>
      </c>
      <c r="CO1140" s="20">
        <v>0.78134999999999999</v>
      </c>
      <c r="CP1140" s="20">
        <v>0.68469100000000005</v>
      </c>
      <c r="CQ1140" s="20">
        <v>0.74273800000000001</v>
      </c>
      <c r="CR1140" s="20">
        <v>0.69134600000000002</v>
      </c>
      <c r="CS1140" s="20">
        <v>0.78116399999999997</v>
      </c>
      <c r="CT1140" s="20">
        <v>0.69252400000000003</v>
      </c>
      <c r="CU1140" s="20">
        <v>0.67411200000000004</v>
      </c>
      <c r="CV1140" s="20">
        <v>0.78174600000000005</v>
      </c>
      <c r="CW1140" s="20">
        <v>0.76297899999999996</v>
      </c>
      <c r="CX1140" s="20">
        <v>0.75964699999999996</v>
      </c>
      <c r="CY1140" s="6" t="s">
        <v>570</v>
      </c>
      <c r="CZ1140" s="6" t="s">
        <v>571</v>
      </c>
      <c r="DA1140" s="6" t="s">
        <v>152</v>
      </c>
      <c r="DB1140" s="6"/>
      <c r="DC1140" s="6">
        <v>39500</v>
      </c>
      <c r="DD1140" s="6">
        <v>448</v>
      </c>
      <c r="DE1140" s="6" t="s">
        <v>574</v>
      </c>
      <c r="DF1140" s="6" t="s">
        <v>363</v>
      </c>
      <c r="DG1140" s="6" t="s">
        <v>376</v>
      </c>
      <c r="DH1140" s="6" t="s">
        <v>468</v>
      </c>
      <c r="DI1140" s="6" t="s">
        <v>575</v>
      </c>
      <c r="DJ1140" s="6">
        <v>29</v>
      </c>
      <c r="DK1140" s="6">
        <v>111</v>
      </c>
      <c r="DL1140" s="6">
        <v>8</v>
      </c>
      <c r="DM1140" s="6" t="s">
        <v>368</v>
      </c>
      <c r="DN1140" s="6">
        <v>9</v>
      </c>
      <c r="DO1140" s="6" t="s">
        <v>384</v>
      </c>
      <c r="DP1140" s="6"/>
      <c r="DQ1140" s="6"/>
    </row>
    <row r="1141" spans="1:121" x14ac:dyDescent="0.2">
      <c r="A1141" s="6" t="s">
        <v>327</v>
      </c>
      <c r="B1141" s="6" t="s">
        <v>327</v>
      </c>
      <c r="C1141" s="6" t="s">
        <v>194</v>
      </c>
      <c r="D1141" s="6" t="s">
        <v>152</v>
      </c>
      <c r="E1141" s="6" t="s">
        <v>293</v>
      </c>
      <c r="F1141" s="11">
        <v>-106</v>
      </c>
      <c r="G1141" s="13">
        <v>-0.14402173912999999</v>
      </c>
      <c r="H1141" s="11">
        <v>4.1151720000000296</v>
      </c>
      <c r="I1141" s="13">
        <v>5.593314779889876E-3</v>
      </c>
      <c r="J1141" s="11">
        <v>-24.405408000000079</v>
      </c>
      <c r="K1141" s="13">
        <v>-3.2987162827328428E-2</v>
      </c>
      <c r="L1141" s="11">
        <v>-85.48083404099998</v>
      </c>
      <c r="M1141" s="13">
        <v>-0.11948005209698764</v>
      </c>
      <c r="N1141" s="11">
        <v>-109.88624204100006</v>
      </c>
      <c r="O1141" s="13">
        <v>-0.14852590699117504</v>
      </c>
      <c r="P1141" s="7">
        <v>735.73045000000002</v>
      </c>
      <c r="Q1141" s="7">
        <v>706.07696799999997</v>
      </c>
      <c r="R1141" s="7">
        <v>727.23991100000001</v>
      </c>
      <c r="S1141" s="7">
        <v>713.64686800000004</v>
      </c>
      <c r="T1141" s="7">
        <v>709.24799800000005</v>
      </c>
      <c r="U1141" s="7">
        <v>733.587132</v>
      </c>
      <c r="V1141" s="7">
        <v>739.84562200000005</v>
      </c>
      <c r="W1141" s="7">
        <v>739.66361800000004</v>
      </c>
      <c r="X1141" s="7">
        <v>733.87366499999996</v>
      </c>
      <c r="Y1141" s="7">
        <v>715.44021399999997</v>
      </c>
      <c r="Z1141" s="7">
        <v>694.19905800000004</v>
      </c>
      <c r="AA1141" s="7">
        <v>693.81012899999996</v>
      </c>
      <c r="AB1141" s="7">
        <v>679.39236100000005</v>
      </c>
      <c r="AC1141" s="7">
        <v>671.66924800000004</v>
      </c>
      <c r="AD1141" s="7">
        <v>650.81035499999996</v>
      </c>
      <c r="AE1141" s="7">
        <v>641.71285999999998</v>
      </c>
      <c r="AF1141" s="7">
        <v>629.95937995899999</v>
      </c>
      <c r="AG1141" s="9">
        <v>12032.656081899997</v>
      </c>
      <c r="AH1141" s="13">
        <v>0.44838686578997888</v>
      </c>
      <c r="AI1141" s="9">
        <v>7037.9689556999983</v>
      </c>
      <c r="AJ1141" s="13">
        <v>0.26226402716857106</v>
      </c>
      <c r="AK1141" s="9">
        <v>2590.548261099997</v>
      </c>
      <c r="AL1141" s="13">
        <v>7.6477355256364093E-2</v>
      </c>
      <c r="AM1141" s="9">
        <v>2404.1388651000016</v>
      </c>
      <c r="AN1141" s="13">
        <v>6.5931935347467593E-2</v>
      </c>
      <c r="AO1141" s="9">
        <v>4994.6871261999986</v>
      </c>
      <c r="AP1141" s="13">
        <v>0.14745159064613961</v>
      </c>
      <c r="AQ1141" s="9">
        <v>26835.433862900001</v>
      </c>
      <c r="AR1141" s="9">
        <v>29638.495585299999</v>
      </c>
      <c r="AS1141" s="9">
        <v>31313.713180700001</v>
      </c>
      <c r="AT1141" s="9">
        <v>32410.285157400001</v>
      </c>
      <c r="AU1141" s="9">
        <v>33449.504071299998</v>
      </c>
      <c r="AV1141" s="9">
        <v>33863.012077899999</v>
      </c>
      <c r="AW1141" s="9">
        <v>33873.4028186</v>
      </c>
      <c r="AX1141" s="9">
        <v>35057.931589899999</v>
      </c>
      <c r="AY1141" s="9">
        <v>36025.911390900001</v>
      </c>
      <c r="AZ1141" s="9">
        <v>36463.951079699997</v>
      </c>
      <c r="BA1141" s="9">
        <v>35336.0067834</v>
      </c>
      <c r="BB1141" s="9">
        <v>35006.460157599999</v>
      </c>
      <c r="BC1141" s="9">
        <v>36320.648142999999</v>
      </c>
      <c r="BD1141" s="9">
        <v>36790.066665699997</v>
      </c>
      <c r="BE1141" s="9">
        <v>38279.569512200003</v>
      </c>
      <c r="BF1141" s="9">
        <v>38868.089944799998</v>
      </c>
      <c r="BG1141" s="11">
        <v>-3.5</v>
      </c>
      <c r="BH1141" s="13">
        <v>-7.7777777777777779E-2</v>
      </c>
      <c r="BI1141" s="6">
        <v>1</v>
      </c>
      <c r="BJ1141" s="13">
        <v>2.2222222222222223E-2</v>
      </c>
      <c r="BK1141" s="6">
        <v>-1</v>
      </c>
      <c r="BL1141" s="13">
        <v>-2.1739130434782608E-2</v>
      </c>
      <c r="BM1141" s="11">
        <v>-3.5</v>
      </c>
      <c r="BN1141" s="13">
        <v>-7.7777777777777779E-2</v>
      </c>
      <c r="BO1141" s="11">
        <v>-4.5</v>
      </c>
      <c r="BP1141" s="13">
        <v>-9.7826086956521743E-2</v>
      </c>
      <c r="BQ1141" s="6">
        <v>45</v>
      </c>
      <c r="BR1141" s="6">
        <v>44</v>
      </c>
      <c r="BS1141" s="6">
        <v>44</v>
      </c>
      <c r="BT1141" s="6">
        <v>46</v>
      </c>
      <c r="BU1141" s="6">
        <v>46</v>
      </c>
      <c r="BV1141" s="6">
        <v>47</v>
      </c>
      <c r="BW1141" s="6">
        <v>45</v>
      </c>
      <c r="BX1141" s="6">
        <v>43</v>
      </c>
      <c r="BY1141" s="6">
        <v>44</v>
      </c>
      <c r="BZ1141" s="6">
        <v>44</v>
      </c>
      <c r="CA1141" s="6">
        <v>41</v>
      </c>
      <c r="CB1141" s="6">
        <v>41</v>
      </c>
      <c r="CC1141" s="11">
        <v>41.5</v>
      </c>
      <c r="CD1141" s="11">
        <v>-143.06299999999999</v>
      </c>
      <c r="CE1141" s="11">
        <v>-43.131900000000002</v>
      </c>
      <c r="CF1141" s="11">
        <v>80.424199999999999</v>
      </c>
      <c r="CG1141" s="11">
        <v>37</v>
      </c>
      <c r="CH1141" s="20">
        <v>1.1213900000000001</v>
      </c>
      <c r="CI1141" s="20">
        <v>1.04488</v>
      </c>
      <c r="CJ1141" s="20">
        <v>1.0705899999999999</v>
      </c>
      <c r="CK1141" s="20">
        <v>1.0717699999999999</v>
      </c>
      <c r="CL1141" s="20">
        <v>1.2235100000000001</v>
      </c>
      <c r="CM1141" s="20">
        <v>1.3136399999999999</v>
      </c>
      <c r="CN1141" s="20">
        <v>1.3260400000000001</v>
      </c>
      <c r="CO1141" s="20">
        <v>1.2766200000000001</v>
      </c>
      <c r="CP1141" s="20">
        <v>1.19913</v>
      </c>
      <c r="CQ1141" s="20">
        <v>1.16784</v>
      </c>
      <c r="CR1141" s="20">
        <v>1.18512</v>
      </c>
      <c r="CS1141" s="20">
        <v>1.2077</v>
      </c>
      <c r="CT1141" s="20">
        <v>1.2487900000000001</v>
      </c>
      <c r="CU1141" s="20">
        <v>1.25413</v>
      </c>
      <c r="CV1141" s="20">
        <v>1.22136</v>
      </c>
      <c r="CW1141" s="20">
        <v>1.2210799999999999</v>
      </c>
      <c r="CX1141" s="20">
        <v>1.2064999999999999</v>
      </c>
      <c r="CY1141" s="6" t="s">
        <v>570</v>
      </c>
      <c r="CZ1141" s="6" t="s">
        <v>571</v>
      </c>
      <c r="DA1141" s="6" t="s">
        <v>152</v>
      </c>
      <c r="DB1141" s="6"/>
      <c r="DC1141" s="6">
        <v>39500</v>
      </c>
      <c r="DD1141" s="6">
        <v>448</v>
      </c>
      <c r="DE1141" s="6" t="s">
        <v>574</v>
      </c>
      <c r="DF1141" s="6" t="s">
        <v>363</v>
      </c>
      <c r="DG1141" s="6" t="s">
        <v>376</v>
      </c>
      <c r="DH1141" s="6" t="s">
        <v>468</v>
      </c>
      <c r="DI1141" s="6" t="s">
        <v>575</v>
      </c>
      <c r="DJ1141" s="6">
        <v>29</v>
      </c>
      <c r="DK1141" s="6">
        <v>111</v>
      </c>
      <c r="DL1141" s="6">
        <v>8</v>
      </c>
      <c r="DM1141" s="6" t="s">
        <v>368</v>
      </c>
      <c r="DN1141" s="6">
        <v>9</v>
      </c>
      <c r="DO1141" s="6" t="s">
        <v>384</v>
      </c>
      <c r="DP1141" s="6"/>
      <c r="DQ1141" s="6"/>
    </row>
    <row r="1142" spans="1:121" x14ac:dyDescent="0.2">
      <c r="A1142" s="6" t="s">
        <v>1</v>
      </c>
      <c r="B1142" s="6" t="s">
        <v>1</v>
      </c>
      <c r="C1142" s="6" t="s">
        <v>2</v>
      </c>
      <c r="D1142" s="6" t="s">
        <v>164</v>
      </c>
      <c r="E1142" s="6" t="s">
        <v>303</v>
      </c>
      <c r="F1142" s="11">
        <v>-382</v>
      </c>
      <c r="G1142" s="13">
        <v>-0.49163449163400003</v>
      </c>
      <c r="H1142" s="11">
        <v>-85.948135330000014</v>
      </c>
      <c r="I1142" s="13">
        <v>-0.110548027590032</v>
      </c>
      <c r="J1142" s="11">
        <v>-209.04360697300001</v>
      </c>
      <c r="K1142" s="13">
        <v>-0.30229358225552078</v>
      </c>
      <c r="L1142" s="11">
        <v>-87.079640756999993</v>
      </c>
      <c r="M1142" s="13">
        <v>-0.18048285306766695</v>
      </c>
      <c r="N1142" s="11">
        <v>-296.12324773</v>
      </c>
      <c r="O1142" s="13">
        <v>-0.4282176271336659</v>
      </c>
      <c r="P1142" s="7">
        <v>777.47325939400002</v>
      </c>
      <c r="Q1142" s="7">
        <v>765.22161729699997</v>
      </c>
      <c r="R1142" s="7">
        <v>786.91610738899999</v>
      </c>
      <c r="S1142" s="7">
        <v>782.89011855499996</v>
      </c>
      <c r="T1142" s="7">
        <v>756.80445391900003</v>
      </c>
      <c r="U1142" s="7">
        <v>828.32200041500005</v>
      </c>
      <c r="V1142" s="7">
        <v>691.52512406400001</v>
      </c>
      <c r="W1142" s="7">
        <v>559.83688700499999</v>
      </c>
      <c r="X1142" s="7">
        <v>486.22722249499998</v>
      </c>
      <c r="Y1142" s="7">
        <v>482.481517091</v>
      </c>
      <c r="Z1142" s="7">
        <v>482.58217033</v>
      </c>
      <c r="AA1142" s="7">
        <v>483.32919780499998</v>
      </c>
      <c r="AB1142" s="7">
        <v>478.10825240399998</v>
      </c>
      <c r="AC1142" s="7">
        <v>457.25665606799998</v>
      </c>
      <c r="AD1142" s="7">
        <v>441.99147420200001</v>
      </c>
      <c r="AE1142" s="7">
        <v>421.93841747300002</v>
      </c>
      <c r="AF1142" s="7">
        <v>395.40187633400001</v>
      </c>
      <c r="AG1142" s="9">
        <v>10720.183951299998</v>
      </c>
      <c r="AH1142" s="13">
        <v>0.56731679080774966</v>
      </c>
      <c r="AI1142" s="9">
        <v>1993.1475251000011</v>
      </c>
      <c r="AJ1142" s="13">
        <v>0.1054782327134433</v>
      </c>
      <c r="AK1142" s="9">
        <v>4066.1649973999993</v>
      </c>
      <c r="AL1142" s="13">
        <v>0.19465170037270099</v>
      </c>
      <c r="AM1142" s="9">
        <v>4660.8714287999974</v>
      </c>
      <c r="AN1142" s="13">
        <v>0.18676651786131329</v>
      </c>
      <c r="AO1142" s="9">
        <v>8727.0364261999966</v>
      </c>
      <c r="AP1142" s="13">
        <v>0.41777263850840735</v>
      </c>
      <c r="AQ1142" s="9">
        <v>18896.2923802</v>
      </c>
      <c r="AR1142" s="9">
        <v>19834.416168600001</v>
      </c>
      <c r="AS1142" s="9">
        <v>20538.081123200001</v>
      </c>
      <c r="AT1142" s="9">
        <v>20333.2701237</v>
      </c>
      <c r="AU1142" s="9">
        <v>20205.506189700001</v>
      </c>
      <c r="AV1142" s="9">
        <v>20616.115802299999</v>
      </c>
      <c r="AW1142" s="9">
        <v>20889.439905300002</v>
      </c>
      <c r="AX1142" s="9">
        <v>22751.309889600001</v>
      </c>
      <c r="AY1142" s="9">
        <v>23549.694431600001</v>
      </c>
      <c r="AZ1142" s="9">
        <v>24955.604902700001</v>
      </c>
      <c r="BA1142" s="9">
        <v>26091.404918699998</v>
      </c>
      <c r="BB1142" s="9">
        <v>27085.742727299999</v>
      </c>
      <c r="BC1142" s="9">
        <v>27193.034928100002</v>
      </c>
      <c r="BD1142" s="9">
        <v>29928.9804769</v>
      </c>
      <c r="BE1142" s="9">
        <v>28278.589378199998</v>
      </c>
      <c r="BF1142" s="9">
        <v>29616.476331499998</v>
      </c>
      <c r="BG1142" s="11">
        <v>-4.75</v>
      </c>
      <c r="BH1142" s="13">
        <v>-0.25</v>
      </c>
      <c r="BI1142" s="6">
        <v>1</v>
      </c>
      <c r="BJ1142" s="13">
        <v>5.2631578947368418E-2</v>
      </c>
      <c r="BK1142" s="6">
        <v>-3</v>
      </c>
      <c r="BL1142" s="13">
        <v>-0.15</v>
      </c>
      <c r="BM1142" s="11">
        <v>-2.75</v>
      </c>
      <c r="BN1142" s="13">
        <v>-0.16176470588235295</v>
      </c>
      <c r="BO1142" s="11">
        <v>-5.75</v>
      </c>
      <c r="BP1142" s="13">
        <v>-0.28749999999999998</v>
      </c>
      <c r="BQ1142" s="6">
        <v>19</v>
      </c>
      <c r="BR1142" s="6">
        <v>19</v>
      </c>
      <c r="BS1142" s="6">
        <v>19</v>
      </c>
      <c r="BT1142" s="6">
        <v>20</v>
      </c>
      <c r="BU1142" s="6">
        <v>19</v>
      </c>
      <c r="BV1142" s="6">
        <v>19</v>
      </c>
      <c r="BW1142" s="6">
        <v>17</v>
      </c>
      <c r="BX1142" s="6">
        <v>16</v>
      </c>
      <c r="BY1142" s="6">
        <v>16</v>
      </c>
      <c r="BZ1142" s="6">
        <v>16</v>
      </c>
      <c r="CA1142" s="6">
        <v>15</v>
      </c>
      <c r="CB1142" s="6">
        <v>13</v>
      </c>
      <c r="CC1142" s="11">
        <v>14.25</v>
      </c>
      <c r="CD1142" s="11">
        <v>-396.173</v>
      </c>
      <c r="CE1142" s="11">
        <v>-70.885099999999994</v>
      </c>
      <c r="CF1142" s="11">
        <v>84.987200000000001</v>
      </c>
      <c r="CG1142" s="11">
        <v>14</v>
      </c>
      <c r="CH1142" s="20">
        <v>5.2315899999999997</v>
      </c>
      <c r="CI1142" s="20">
        <v>5.0408299999999997</v>
      </c>
      <c r="CJ1142" s="20">
        <v>4.9847999999999999</v>
      </c>
      <c r="CK1142" s="20">
        <v>4.7383600000000001</v>
      </c>
      <c r="CL1142" s="20">
        <v>4.4292899999999999</v>
      </c>
      <c r="CM1142" s="20">
        <v>4.74533</v>
      </c>
      <c r="CN1142" s="20">
        <v>4.0417699999999996</v>
      </c>
      <c r="CO1142" s="20">
        <v>3.4876200000000002</v>
      </c>
      <c r="CP1142" s="20">
        <v>3.0366</v>
      </c>
      <c r="CQ1142" s="20">
        <v>3.0501900000000002</v>
      </c>
      <c r="CR1142" s="20">
        <v>3.1028899999999999</v>
      </c>
      <c r="CS1142" s="20">
        <v>3.1203400000000001</v>
      </c>
      <c r="CT1142" s="20">
        <v>3.09144</v>
      </c>
      <c r="CU1142" s="20">
        <v>2.8214700000000001</v>
      </c>
      <c r="CV1142" s="20">
        <v>2.65869</v>
      </c>
      <c r="CW1142" s="20">
        <v>2.49552</v>
      </c>
      <c r="CX1142" s="20">
        <v>2.2936800000000002</v>
      </c>
      <c r="CY1142" s="6" t="s">
        <v>577</v>
      </c>
      <c r="CZ1142" s="6" t="s">
        <v>578</v>
      </c>
      <c r="DA1142" s="6" t="s">
        <v>164</v>
      </c>
      <c r="DB1142" s="6"/>
      <c r="DC1142" s="6">
        <v>41180</v>
      </c>
      <c r="DD1142" s="6">
        <v>476</v>
      </c>
      <c r="DE1142" s="6" t="s">
        <v>508</v>
      </c>
      <c r="DF1142" s="6" t="s">
        <v>375</v>
      </c>
      <c r="DG1142" s="6" t="s">
        <v>376</v>
      </c>
      <c r="DH1142" s="6" t="s">
        <v>328</v>
      </c>
      <c r="DI1142" s="6" t="s">
        <v>509</v>
      </c>
      <c r="DJ1142" s="6">
        <v>29</v>
      </c>
      <c r="DK1142" s="6">
        <v>113</v>
      </c>
      <c r="DL1142" s="6">
        <v>1</v>
      </c>
      <c r="DM1142" s="6" t="s">
        <v>404</v>
      </c>
      <c r="DN1142" s="6">
        <v>1</v>
      </c>
      <c r="DO1142" s="6" t="s">
        <v>405</v>
      </c>
      <c r="DP1142" s="6"/>
      <c r="DQ1142" s="6"/>
    </row>
    <row r="1143" spans="1:121" x14ac:dyDescent="0.2">
      <c r="A1143" s="6" t="s">
        <v>310</v>
      </c>
      <c r="B1143" s="6" t="s">
        <v>310</v>
      </c>
      <c r="C1143" s="6" t="s">
        <v>173</v>
      </c>
      <c r="D1143" s="6" t="s">
        <v>164</v>
      </c>
      <c r="E1143" s="6" t="s">
        <v>303</v>
      </c>
      <c r="F1143" s="11">
        <v>13</v>
      </c>
      <c r="G1143" s="13">
        <v>0.156626506024</v>
      </c>
      <c r="H1143" s="11">
        <v>0.36488285650000307</v>
      </c>
      <c r="I1143" s="13">
        <v>4.4139576483760287E-3</v>
      </c>
      <c r="J1143" s="11">
        <v>-10.758486279300001</v>
      </c>
      <c r="K1143" s="13">
        <v>-0.12957258819724607</v>
      </c>
      <c r="L1143" s="11">
        <v>23.388410336099994</v>
      </c>
      <c r="M1143" s="13">
        <v>0.32361609172985406</v>
      </c>
      <c r="N1143" s="11">
        <v>12.629924056799993</v>
      </c>
      <c r="O1143" s="13">
        <v>0.15211172894489344</v>
      </c>
      <c r="P1143" s="7">
        <v>82.665690422799997</v>
      </c>
      <c r="Q1143" s="7">
        <v>79.192211</v>
      </c>
      <c r="R1143" s="7">
        <v>85.109832999999995</v>
      </c>
      <c r="S1143" s="7">
        <v>96.0191051372</v>
      </c>
      <c r="T1143" s="7">
        <v>108.01413100000001</v>
      </c>
      <c r="U1143" s="7">
        <v>100.98871077299999</v>
      </c>
      <c r="V1143" s="7">
        <v>83.0305732793</v>
      </c>
      <c r="W1143" s="7">
        <v>79.255384977800006</v>
      </c>
      <c r="X1143" s="7">
        <v>74.138577999999995</v>
      </c>
      <c r="Y1143" s="7">
        <v>72.272086999999999</v>
      </c>
      <c r="Z1143" s="7">
        <v>83.964711345599994</v>
      </c>
      <c r="AA1143" s="7">
        <v>83.707166702500004</v>
      </c>
      <c r="AB1143" s="7">
        <v>87.118071422499995</v>
      </c>
      <c r="AC1143" s="7">
        <v>90.385904203799996</v>
      </c>
      <c r="AD1143" s="7">
        <v>90.881416187900001</v>
      </c>
      <c r="AE1143" s="7">
        <v>94.884223711800004</v>
      </c>
      <c r="AF1143" s="7">
        <v>95.660497336099994</v>
      </c>
      <c r="AG1143" s="9">
        <v>20170.991636999992</v>
      </c>
      <c r="AH1143" s="13">
        <v>0.40280264729206994</v>
      </c>
      <c r="AI1143" s="9">
        <v>10071.507494999998</v>
      </c>
      <c r="AJ1143" s="13">
        <v>0.20112198518621224</v>
      </c>
      <c r="AK1143" s="9">
        <v>7632.156882999996</v>
      </c>
      <c r="AL1143" s="13">
        <v>0.12688936950895069</v>
      </c>
      <c r="AM1143" s="9">
        <v>2467.3272589999979</v>
      </c>
      <c r="AN1143" s="13">
        <v>3.6401847453267064E-2</v>
      </c>
      <c r="AO1143" s="9">
        <v>10099.484141999994</v>
      </c>
      <c r="AP1143" s="13">
        <v>0.16791022443452383</v>
      </c>
      <c r="AQ1143" s="9">
        <v>50076.611394200001</v>
      </c>
      <c r="AR1143" s="9">
        <v>50285.0224447</v>
      </c>
      <c r="AS1143" s="9">
        <v>59432.369784499999</v>
      </c>
      <c r="AT1143" s="9">
        <v>55819.529558299997</v>
      </c>
      <c r="AU1143" s="9">
        <v>58616.098089799998</v>
      </c>
      <c r="AV1143" s="9">
        <v>62428.576310199998</v>
      </c>
      <c r="AW1143" s="9">
        <v>60148.118889199999</v>
      </c>
      <c r="AX1143" s="9">
        <v>60841.347488599997</v>
      </c>
      <c r="AY1143" s="9">
        <v>65928.873544100003</v>
      </c>
      <c r="AZ1143" s="9">
        <v>67780.275772199995</v>
      </c>
      <c r="BA1143" s="9">
        <v>67589.682928599999</v>
      </c>
      <c r="BB1143" s="9">
        <v>70264.475152300001</v>
      </c>
      <c r="BC1143" s="9">
        <v>72821.002240899994</v>
      </c>
      <c r="BD1143" s="9">
        <v>70146.404431400006</v>
      </c>
      <c r="BE1143" s="9">
        <v>70380.169810699997</v>
      </c>
      <c r="BF1143" s="9">
        <v>70247.603031199993</v>
      </c>
      <c r="BG1143" s="11">
        <v>4.25</v>
      </c>
      <c r="BH1143" s="13">
        <v>0.70833333333333337</v>
      </c>
      <c r="BI1143" s="6">
        <v>1</v>
      </c>
      <c r="BJ1143" s="13">
        <v>0.16666666666666666</v>
      </c>
      <c r="BK1143" s="6">
        <v>1</v>
      </c>
      <c r="BL1143" s="13">
        <v>0.14285714285714285</v>
      </c>
      <c r="BM1143" s="11">
        <v>2.25</v>
      </c>
      <c r="BN1143" s="13">
        <v>0.28125</v>
      </c>
      <c r="BO1143" s="11">
        <v>3.25</v>
      </c>
      <c r="BP1143" s="13">
        <v>0.4642857142857143</v>
      </c>
      <c r="BQ1143" s="6">
        <v>6</v>
      </c>
      <c r="BR1143" s="6">
        <v>7</v>
      </c>
      <c r="BS1143" s="6">
        <v>7</v>
      </c>
      <c r="BT1143" s="6">
        <v>7</v>
      </c>
      <c r="BU1143" s="6">
        <v>7</v>
      </c>
      <c r="BV1143" s="6">
        <v>8</v>
      </c>
      <c r="BW1143" s="6">
        <v>8</v>
      </c>
      <c r="BX1143" s="6">
        <v>9</v>
      </c>
      <c r="BY1143" s="6">
        <v>9</v>
      </c>
      <c r="BZ1143" s="6">
        <v>10</v>
      </c>
      <c r="CA1143" s="6">
        <v>10</v>
      </c>
      <c r="CB1143" s="6">
        <v>10</v>
      </c>
      <c r="CC1143" s="11">
        <v>10.25</v>
      </c>
      <c r="CD1143" s="11">
        <v>-4.6179399999999999</v>
      </c>
      <c r="CE1143" s="11">
        <v>8.57639</v>
      </c>
      <c r="CF1143" s="11">
        <v>9.0363600000000002</v>
      </c>
      <c r="CG1143" s="11">
        <v>18</v>
      </c>
      <c r="CH1143" s="20">
        <v>1.9605600000000001</v>
      </c>
      <c r="CI1143" s="20">
        <v>1.9206399999999999</v>
      </c>
      <c r="CJ1143" s="20">
        <v>2.0130699999999999</v>
      </c>
      <c r="CK1143" s="20">
        <v>2.09964</v>
      </c>
      <c r="CL1143" s="20">
        <v>2.1309200000000001</v>
      </c>
      <c r="CM1143" s="20">
        <v>1.7703</v>
      </c>
      <c r="CN1143" s="20">
        <v>1.37798</v>
      </c>
      <c r="CO1143" s="20">
        <v>1.2648999999999999</v>
      </c>
      <c r="CP1143" s="20">
        <v>1.30305</v>
      </c>
      <c r="CQ1143" s="20">
        <v>1.26092</v>
      </c>
      <c r="CR1143" s="20">
        <v>1.34124</v>
      </c>
      <c r="CS1143" s="20">
        <v>1.2459</v>
      </c>
      <c r="CT1143" s="20">
        <v>1.28887</v>
      </c>
      <c r="CU1143" s="20">
        <v>1.2523</v>
      </c>
      <c r="CV1143" s="20">
        <v>1.3874599999999999</v>
      </c>
      <c r="CW1143" s="20">
        <v>1.6765099999999999</v>
      </c>
      <c r="CX1143" s="20">
        <v>1.6415599999999999</v>
      </c>
      <c r="CY1143" s="6" t="s">
        <v>577</v>
      </c>
      <c r="CZ1143" s="6" t="s">
        <v>578</v>
      </c>
      <c r="DA1143" s="6" t="s">
        <v>164</v>
      </c>
      <c r="DB1143" s="6"/>
      <c r="DC1143" s="6">
        <v>41180</v>
      </c>
      <c r="DD1143" s="6">
        <v>476</v>
      </c>
      <c r="DE1143" s="6" t="s">
        <v>508</v>
      </c>
      <c r="DF1143" s="6" t="s">
        <v>375</v>
      </c>
      <c r="DG1143" s="6" t="s">
        <v>376</v>
      </c>
      <c r="DH1143" s="6" t="s">
        <v>328</v>
      </c>
      <c r="DI1143" s="6" t="s">
        <v>509</v>
      </c>
      <c r="DJ1143" s="6">
        <v>29</v>
      </c>
      <c r="DK1143" s="6">
        <v>113</v>
      </c>
      <c r="DL1143" s="6">
        <v>1</v>
      </c>
      <c r="DM1143" s="6" t="s">
        <v>404</v>
      </c>
      <c r="DN1143" s="6">
        <v>1</v>
      </c>
      <c r="DO1143" s="6" t="s">
        <v>405</v>
      </c>
      <c r="DP1143" s="6"/>
      <c r="DQ1143" s="6"/>
    </row>
    <row r="1144" spans="1:121" x14ac:dyDescent="0.2">
      <c r="A1144" s="6" t="s">
        <v>311</v>
      </c>
      <c r="B1144" s="6" t="s">
        <v>311</v>
      </c>
      <c r="C1144" s="6" t="s">
        <v>174</v>
      </c>
      <c r="D1144" s="6" t="s">
        <v>164</v>
      </c>
      <c r="E1144" s="6" t="s">
        <v>303</v>
      </c>
      <c r="F1144" s="11">
        <v>14</v>
      </c>
      <c r="G1144" s="13">
        <v>0.121739130435</v>
      </c>
      <c r="H1144" s="11">
        <v>25.048558999999997</v>
      </c>
      <c r="I1144" s="13">
        <v>0.21822963884410637</v>
      </c>
      <c r="J1144" s="11">
        <v>-4.6514139999999884</v>
      </c>
      <c r="K1144" s="13">
        <v>-3.3264945900428784E-2</v>
      </c>
      <c r="L1144" s="11">
        <v>-6.0975696620000122</v>
      </c>
      <c r="M1144" s="13">
        <v>-4.5107746375936453E-2</v>
      </c>
      <c r="N1144" s="11">
        <v>-10.748983662000001</v>
      </c>
      <c r="O1144" s="13">
        <v>-7.6872185533479451E-2</v>
      </c>
      <c r="P1144" s="7">
        <v>114.780738</v>
      </c>
      <c r="Q1144" s="7">
        <v>118.92291899999999</v>
      </c>
      <c r="R1144" s="7">
        <v>125.24969400000001</v>
      </c>
      <c r="S1144" s="7">
        <v>130.012564</v>
      </c>
      <c r="T1144" s="7">
        <v>135.69774699999999</v>
      </c>
      <c r="U1144" s="7">
        <v>138.49218400000001</v>
      </c>
      <c r="V1144" s="7">
        <v>139.829297</v>
      </c>
      <c r="W1144" s="7">
        <v>140.19874200000001</v>
      </c>
      <c r="X1144" s="7">
        <v>138.01825400000001</v>
      </c>
      <c r="Y1144" s="7">
        <v>135.17788300000001</v>
      </c>
      <c r="Z1144" s="7">
        <v>135.16317799999999</v>
      </c>
      <c r="AA1144" s="7">
        <v>132.395625</v>
      </c>
      <c r="AB1144" s="7">
        <v>128.946652</v>
      </c>
      <c r="AC1144" s="7">
        <v>128.200252027</v>
      </c>
      <c r="AD1144" s="7">
        <v>131.012262854</v>
      </c>
      <c r="AE1144" s="7">
        <v>129.98996930499999</v>
      </c>
      <c r="AF1144" s="7">
        <v>129.080313338</v>
      </c>
      <c r="AG1144" s="9">
        <v>38320.672814100006</v>
      </c>
      <c r="AH1144" s="13">
        <v>0.59076650468031278</v>
      </c>
      <c r="AI1144" s="9">
        <v>20351.830631100005</v>
      </c>
      <c r="AJ1144" s="13">
        <v>0.31375179408010739</v>
      </c>
      <c r="AK1144" s="9">
        <v>9517.5135021000024</v>
      </c>
      <c r="AL1144" s="13">
        <v>0.11168450342625462</v>
      </c>
      <c r="AM1144" s="9">
        <v>8451.3286808999983</v>
      </c>
      <c r="AN1144" s="13">
        <v>8.9209859711714842E-2</v>
      </c>
      <c r="AO1144" s="9">
        <v>17968.842183000001</v>
      </c>
      <c r="AP1144" s="13">
        <v>0.21085772202059816</v>
      </c>
      <c r="AQ1144" s="9">
        <v>64866.021533899999</v>
      </c>
      <c r="AR1144" s="9">
        <v>69421.203605100003</v>
      </c>
      <c r="AS1144" s="9">
        <v>76900.2895002</v>
      </c>
      <c r="AT1144" s="9">
        <v>76057.939076099996</v>
      </c>
      <c r="AU1144" s="9">
        <v>80426.592736699997</v>
      </c>
      <c r="AV1144" s="9">
        <v>84696.117644600003</v>
      </c>
      <c r="AW1144" s="9">
        <v>85217.852165000004</v>
      </c>
      <c r="AX1144" s="9">
        <v>86049.752439400007</v>
      </c>
      <c r="AY1144" s="9">
        <v>95793.619017699995</v>
      </c>
      <c r="AZ1144" s="9">
        <v>94735.365667100006</v>
      </c>
      <c r="BA1144" s="9">
        <v>95906.1348688</v>
      </c>
      <c r="BB1144" s="9">
        <v>95575.553841000001</v>
      </c>
      <c r="BC1144" s="9">
        <v>97865.669492200002</v>
      </c>
      <c r="BD1144" s="9">
        <v>101156.646307</v>
      </c>
      <c r="BE1144" s="9">
        <v>101465.69003100001</v>
      </c>
      <c r="BF1144" s="9">
        <v>103186.694348</v>
      </c>
      <c r="BG1144" s="11">
        <v>0</v>
      </c>
      <c r="BH1144" s="13">
        <v>0</v>
      </c>
      <c r="BI1144" s="6">
        <v>1</v>
      </c>
      <c r="BJ1144" s="13">
        <v>0.25</v>
      </c>
      <c r="BK1144" s="6">
        <v>0</v>
      </c>
      <c r="BL1144" s="13">
        <v>0</v>
      </c>
      <c r="BM1144" s="11">
        <v>-1</v>
      </c>
      <c r="BN1144" s="13">
        <v>-0.2</v>
      </c>
      <c r="BO1144" s="11">
        <v>-1</v>
      </c>
      <c r="BP1144" s="13">
        <v>-0.2</v>
      </c>
      <c r="BQ1144" s="6">
        <v>4</v>
      </c>
      <c r="BR1144" s="6">
        <v>4</v>
      </c>
      <c r="BS1144" s="6">
        <v>5</v>
      </c>
      <c r="BT1144" s="6">
        <v>5</v>
      </c>
      <c r="BU1144" s="6">
        <v>5</v>
      </c>
      <c r="BV1144" s="6">
        <v>5</v>
      </c>
      <c r="BW1144" s="6">
        <v>5</v>
      </c>
      <c r="BX1144" s="6">
        <v>5</v>
      </c>
      <c r="BY1144" s="6">
        <v>5</v>
      </c>
      <c r="BZ1144" s="6">
        <v>4</v>
      </c>
      <c r="CA1144" s="6">
        <v>4</v>
      </c>
      <c r="CB1144" s="6">
        <v>4</v>
      </c>
      <c r="CC1144" s="11">
        <v>4</v>
      </c>
      <c r="CD1144" s="11">
        <v>20.443999999999999</v>
      </c>
      <c r="CE1144" s="11">
        <v>-18.691299999999998</v>
      </c>
      <c r="CF1144" s="11">
        <v>12.546900000000001</v>
      </c>
      <c r="CG1144" s="11">
        <v>-6</v>
      </c>
      <c r="CH1144" s="20">
        <v>2.4845799999999998</v>
      </c>
      <c r="CI1144" s="20">
        <v>2.5285000000000002</v>
      </c>
      <c r="CJ1144" s="20">
        <v>2.6442700000000001</v>
      </c>
      <c r="CK1144" s="20">
        <v>2.6939000000000002</v>
      </c>
      <c r="CL1144" s="20">
        <v>2.8022800000000001</v>
      </c>
      <c r="CM1144" s="20">
        <v>2.8141699999999998</v>
      </c>
      <c r="CN1144" s="20">
        <v>2.8597299999999999</v>
      </c>
      <c r="CO1144" s="20">
        <v>2.9268299999999998</v>
      </c>
      <c r="CP1144" s="20">
        <v>2.8488099999999998</v>
      </c>
      <c r="CQ1144" s="20">
        <v>2.8540800000000002</v>
      </c>
      <c r="CR1144" s="20">
        <v>2.9273799999999999</v>
      </c>
      <c r="CS1144" s="20">
        <v>2.9169499999999999</v>
      </c>
      <c r="CT1144" s="20">
        <v>2.88063</v>
      </c>
      <c r="CU1144" s="20">
        <v>2.7534900000000002</v>
      </c>
      <c r="CV1144" s="20">
        <v>2.74716</v>
      </c>
      <c r="CW1144" s="20">
        <v>2.6766200000000002</v>
      </c>
      <c r="CX1144" s="20">
        <v>2.5911400000000002</v>
      </c>
      <c r="CY1144" s="6" t="s">
        <v>577</v>
      </c>
      <c r="CZ1144" s="6" t="s">
        <v>578</v>
      </c>
      <c r="DA1144" s="6" t="s">
        <v>164</v>
      </c>
      <c r="DB1144" s="6"/>
      <c r="DC1144" s="6">
        <v>41180</v>
      </c>
      <c r="DD1144" s="6">
        <v>476</v>
      </c>
      <c r="DE1144" s="6" t="s">
        <v>508</v>
      </c>
      <c r="DF1144" s="6" t="s">
        <v>375</v>
      </c>
      <c r="DG1144" s="6" t="s">
        <v>376</v>
      </c>
      <c r="DH1144" s="6" t="s">
        <v>328</v>
      </c>
      <c r="DI1144" s="6" t="s">
        <v>509</v>
      </c>
      <c r="DJ1144" s="6">
        <v>29</v>
      </c>
      <c r="DK1144" s="6">
        <v>113</v>
      </c>
      <c r="DL1144" s="6">
        <v>1</v>
      </c>
      <c r="DM1144" s="6" t="s">
        <v>404</v>
      </c>
      <c r="DN1144" s="6">
        <v>1</v>
      </c>
      <c r="DO1144" s="6" t="s">
        <v>405</v>
      </c>
      <c r="DP1144" s="6"/>
      <c r="DQ1144" s="6"/>
    </row>
    <row r="1145" spans="1:121" x14ac:dyDescent="0.2">
      <c r="A1145" s="6" t="s">
        <v>312</v>
      </c>
      <c r="B1145" s="6" t="s">
        <v>312</v>
      </c>
      <c r="C1145" s="6" t="s">
        <v>175</v>
      </c>
      <c r="D1145" s="6" t="s">
        <v>164</v>
      </c>
      <c r="E1145" s="6" t="s">
        <v>303</v>
      </c>
      <c r="F1145" s="11">
        <v>208</v>
      </c>
      <c r="G1145" s="13">
        <v>0.169381107492</v>
      </c>
      <c r="H1145" s="11">
        <v>496.82305081000004</v>
      </c>
      <c r="I1145" s="13">
        <v>0.40457780123306297</v>
      </c>
      <c r="J1145" s="11">
        <v>-435.63730237000004</v>
      </c>
      <c r="K1145" s="13">
        <v>-0.25256872520779167</v>
      </c>
      <c r="L1145" s="11">
        <v>147.04617656999994</v>
      </c>
      <c r="M1145" s="13">
        <v>0.11406094954688951</v>
      </c>
      <c r="N1145" s="11">
        <v>-288.5911258000001</v>
      </c>
      <c r="O1145" s="13">
        <v>-0.16731600428395024</v>
      </c>
      <c r="P1145" s="7">
        <v>1228.0037345000001</v>
      </c>
      <c r="Q1145" s="7">
        <v>1228.18339055</v>
      </c>
      <c r="R1145" s="7">
        <v>1452.39144194</v>
      </c>
      <c r="S1145" s="7">
        <v>1653.81399631</v>
      </c>
      <c r="T1145" s="7">
        <v>1802.7419576699999</v>
      </c>
      <c r="U1145" s="7">
        <v>1862.1220547200001</v>
      </c>
      <c r="V1145" s="7">
        <v>1724.8267853100001</v>
      </c>
      <c r="W1145" s="7">
        <v>1477.51254862</v>
      </c>
      <c r="X1145" s="7">
        <v>1368.1852430399999</v>
      </c>
      <c r="Y1145" s="7">
        <v>1289.1894829400001</v>
      </c>
      <c r="Z1145" s="7">
        <v>1262.71016523</v>
      </c>
      <c r="AA1145" s="7">
        <v>1271.3251975799999</v>
      </c>
      <c r="AB1145" s="7">
        <v>1260.84566232</v>
      </c>
      <c r="AC1145" s="7">
        <v>1316.98920135</v>
      </c>
      <c r="AD1145" s="7">
        <v>1358.5741248899999</v>
      </c>
      <c r="AE1145" s="7">
        <v>1425.3066215700001</v>
      </c>
      <c r="AF1145" s="7">
        <v>1436.23565951</v>
      </c>
      <c r="AG1145" s="9">
        <v>14804.085971200002</v>
      </c>
      <c r="AH1145" s="13">
        <v>0.44942519593689489</v>
      </c>
      <c r="AI1145" s="9">
        <v>7224.2051638000048</v>
      </c>
      <c r="AJ1145" s="13">
        <v>0.21931376429084384</v>
      </c>
      <c r="AK1145" s="9">
        <v>1264.1671963999979</v>
      </c>
      <c r="AL1145" s="13">
        <v>3.1474936186983549E-2</v>
      </c>
      <c r="AM1145" s="9">
        <v>6315.7136109999992</v>
      </c>
      <c r="AN1145" s="13">
        <v>0.15244882821219916</v>
      </c>
      <c r="AO1145" s="9">
        <v>7579.8808073999971</v>
      </c>
      <c r="AP1145" s="13">
        <v>0.1887220815389421</v>
      </c>
      <c r="AQ1145" s="9">
        <v>32940.044539199997</v>
      </c>
      <c r="AR1145" s="9">
        <v>32760.4576548</v>
      </c>
      <c r="AS1145" s="9">
        <v>35885.725987700003</v>
      </c>
      <c r="AT1145" s="9">
        <v>36762.621797100001</v>
      </c>
      <c r="AU1145" s="9">
        <v>40245.692567799997</v>
      </c>
      <c r="AV1145" s="9">
        <v>39579.968689599998</v>
      </c>
      <c r="AW1145" s="9">
        <v>40164.249703000001</v>
      </c>
      <c r="AX1145" s="9">
        <v>39572.074186700003</v>
      </c>
      <c r="AY1145" s="9">
        <v>40504.761014299998</v>
      </c>
      <c r="AZ1145" s="9">
        <v>41428.416899399999</v>
      </c>
      <c r="BA1145" s="9">
        <v>42721.064660099997</v>
      </c>
      <c r="BB1145" s="9">
        <v>40882.453556400003</v>
      </c>
      <c r="BC1145" s="9">
        <v>42994.367103099998</v>
      </c>
      <c r="BD1145" s="9">
        <v>46557.3876552</v>
      </c>
      <c r="BE1145" s="9">
        <v>45848.338443599998</v>
      </c>
      <c r="BF1145" s="9">
        <v>47744.130510399998</v>
      </c>
      <c r="BG1145" s="11">
        <v>-17.75</v>
      </c>
      <c r="BH1145" s="13">
        <v>-9.699453551912568E-2</v>
      </c>
      <c r="BI1145" s="6">
        <v>34</v>
      </c>
      <c r="BJ1145" s="13">
        <v>0.18579234972677597</v>
      </c>
      <c r="BK1145" s="6">
        <v>-28</v>
      </c>
      <c r="BL1145" s="13">
        <v>-0.12903225806451613</v>
      </c>
      <c r="BM1145" s="11">
        <v>-23.75</v>
      </c>
      <c r="BN1145" s="13">
        <v>-0.12566137566137567</v>
      </c>
      <c r="BO1145" s="11">
        <v>-51.75</v>
      </c>
      <c r="BP1145" s="13">
        <v>-0.23847926267281105</v>
      </c>
      <c r="BQ1145" s="6">
        <v>183</v>
      </c>
      <c r="BR1145" s="6">
        <v>207</v>
      </c>
      <c r="BS1145" s="6">
        <v>216</v>
      </c>
      <c r="BT1145" s="6">
        <v>217</v>
      </c>
      <c r="BU1145" s="6">
        <v>213</v>
      </c>
      <c r="BV1145" s="6">
        <v>194</v>
      </c>
      <c r="BW1145" s="6">
        <v>189</v>
      </c>
      <c r="BX1145" s="6">
        <v>181</v>
      </c>
      <c r="BY1145" s="6">
        <v>181</v>
      </c>
      <c r="BZ1145" s="6">
        <v>178</v>
      </c>
      <c r="CA1145" s="6">
        <v>167</v>
      </c>
      <c r="CB1145" s="6">
        <v>171</v>
      </c>
      <c r="CC1145" s="11">
        <v>165.25</v>
      </c>
      <c r="CD1145" s="11">
        <v>222.739</v>
      </c>
      <c r="CE1145" s="11">
        <v>-148.74199999999999</v>
      </c>
      <c r="CF1145" s="11">
        <v>134.23599999999999</v>
      </c>
      <c r="CG1145" s="11">
        <v>-15</v>
      </c>
      <c r="CH1145" s="20">
        <v>1.8326800000000001</v>
      </c>
      <c r="CI1145" s="20">
        <v>1.78793</v>
      </c>
      <c r="CJ1145" s="20">
        <v>2.0062600000000002</v>
      </c>
      <c r="CK1145" s="20">
        <v>2.1022099999999999</v>
      </c>
      <c r="CL1145" s="20">
        <v>2.1292399999999998</v>
      </c>
      <c r="CM1145" s="20">
        <v>2.06107</v>
      </c>
      <c r="CN1145" s="20">
        <v>1.94733</v>
      </c>
      <c r="CO1145" s="20">
        <v>1.82742</v>
      </c>
      <c r="CP1145" s="20">
        <v>1.92991</v>
      </c>
      <c r="CQ1145" s="20">
        <v>1.9900500000000001</v>
      </c>
      <c r="CR1145" s="20">
        <v>2.0204900000000001</v>
      </c>
      <c r="CS1145" s="20">
        <v>2.0499100000000001</v>
      </c>
      <c r="CT1145" s="20">
        <v>2.0114899999999998</v>
      </c>
      <c r="CU1145" s="20">
        <v>1.95871</v>
      </c>
      <c r="CV1145" s="20">
        <v>1.9180200000000001</v>
      </c>
      <c r="CW1145" s="20">
        <v>1.9352199999999999</v>
      </c>
      <c r="CX1145" s="20">
        <v>1.9038200000000001</v>
      </c>
      <c r="CY1145" s="6" t="s">
        <v>577</v>
      </c>
      <c r="CZ1145" s="6" t="s">
        <v>578</v>
      </c>
      <c r="DA1145" s="6" t="s">
        <v>164</v>
      </c>
      <c r="DB1145" s="6"/>
      <c r="DC1145" s="6">
        <v>41180</v>
      </c>
      <c r="DD1145" s="6">
        <v>476</v>
      </c>
      <c r="DE1145" s="6" t="s">
        <v>508</v>
      </c>
      <c r="DF1145" s="6" t="s">
        <v>375</v>
      </c>
      <c r="DG1145" s="6" t="s">
        <v>376</v>
      </c>
      <c r="DH1145" s="6" t="s">
        <v>328</v>
      </c>
      <c r="DI1145" s="6" t="s">
        <v>509</v>
      </c>
      <c r="DJ1145" s="6">
        <v>29</v>
      </c>
      <c r="DK1145" s="6">
        <v>113</v>
      </c>
      <c r="DL1145" s="6">
        <v>1</v>
      </c>
      <c r="DM1145" s="6" t="s">
        <v>404</v>
      </c>
      <c r="DN1145" s="6">
        <v>1</v>
      </c>
      <c r="DO1145" s="6" t="s">
        <v>405</v>
      </c>
      <c r="DP1145" s="6"/>
      <c r="DQ1145" s="6"/>
    </row>
    <row r="1146" spans="1:121" x14ac:dyDescent="0.2">
      <c r="A1146" s="6" t="s">
        <v>792</v>
      </c>
      <c r="B1146" s="6" t="s">
        <v>176</v>
      </c>
      <c r="C1146" s="6" t="s">
        <v>177</v>
      </c>
      <c r="D1146" s="6" t="s">
        <v>164</v>
      </c>
      <c r="E1146" s="6" t="s">
        <v>303</v>
      </c>
      <c r="F1146" s="11">
        <v>452</v>
      </c>
      <c r="G1146" s="13">
        <v>0.32801161102999998</v>
      </c>
      <c r="H1146" s="11">
        <v>231.81921664000015</v>
      </c>
      <c r="I1146" s="13">
        <v>0.16817206541181695</v>
      </c>
      <c r="J1146" s="11">
        <v>-309.00172185000019</v>
      </c>
      <c r="K1146" s="13">
        <v>-0.19189272352662248</v>
      </c>
      <c r="L1146" s="11">
        <v>529.21544878000009</v>
      </c>
      <c r="M1146" s="13">
        <v>0.40668776176912985</v>
      </c>
      <c r="N1146" s="11">
        <v>220.21372692999989</v>
      </c>
      <c r="O1146" s="13">
        <v>0.13675461601168284</v>
      </c>
      <c r="P1146" s="7">
        <v>1378.4644677599999</v>
      </c>
      <c r="Q1146" s="7">
        <v>1361.77125376</v>
      </c>
      <c r="R1146" s="7">
        <v>1475.99878246</v>
      </c>
      <c r="S1146" s="7">
        <v>1582.3550107799999</v>
      </c>
      <c r="T1146" s="7">
        <v>1566.51125548</v>
      </c>
      <c r="U1146" s="7">
        <v>1650.0819899600001</v>
      </c>
      <c r="V1146" s="7">
        <v>1610.2836844000001</v>
      </c>
      <c r="W1146" s="7">
        <v>1559.1954216500001</v>
      </c>
      <c r="X1146" s="7">
        <v>1351.9920187600001</v>
      </c>
      <c r="Y1146" s="7">
        <v>1301.2819625499999</v>
      </c>
      <c r="Z1146" s="7">
        <v>1265.62996744</v>
      </c>
      <c r="AA1146" s="7">
        <v>1300.1753979</v>
      </c>
      <c r="AB1146" s="7">
        <v>1374.26202947</v>
      </c>
      <c r="AC1146" s="7">
        <v>1462.8635643099999</v>
      </c>
      <c r="AD1146" s="7">
        <v>1593.8477338499999</v>
      </c>
      <c r="AE1146" s="7">
        <v>1748.98470157</v>
      </c>
      <c r="AF1146" s="7">
        <v>1830.49741133</v>
      </c>
      <c r="AG1146" s="9">
        <v>23598.337092100002</v>
      </c>
      <c r="AH1146" s="13">
        <v>0.54574292018426962</v>
      </c>
      <c r="AI1146" s="9">
        <v>10663.715143600006</v>
      </c>
      <c r="AJ1146" s="13">
        <v>0.24661259052993711</v>
      </c>
      <c r="AK1146" s="9">
        <v>292.62167079999927</v>
      </c>
      <c r="AL1146" s="13">
        <v>5.4285230558631381E-3</v>
      </c>
      <c r="AM1146" s="9">
        <v>12642.000277699997</v>
      </c>
      <c r="AN1146" s="13">
        <v>0.23325974414764639</v>
      </c>
      <c r="AO1146" s="9">
        <v>12934.621948499997</v>
      </c>
      <c r="AP1146" s="13">
        <v>0.23995452310261975</v>
      </c>
      <c r="AQ1146" s="9">
        <v>43240.757175799998</v>
      </c>
      <c r="AR1146" s="9">
        <v>47091.607845099999</v>
      </c>
      <c r="AS1146" s="9">
        <v>48633.477537400002</v>
      </c>
      <c r="AT1146" s="9">
        <v>50847.270716300001</v>
      </c>
      <c r="AU1146" s="9">
        <v>51813.637709199997</v>
      </c>
      <c r="AV1146" s="9">
        <v>51745.020561199999</v>
      </c>
      <c r="AW1146" s="9">
        <v>53904.472319400003</v>
      </c>
      <c r="AX1146" s="9">
        <v>52145.1370666</v>
      </c>
      <c r="AY1146" s="9">
        <v>58642.4720934</v>
      </c>
      <c r="AZ1146" s="9">
        <v>54197.093990200003</v>
      </c>
      <c r="BA1146" s="9">
        <v>54873.851996199999</v>
      </c>
      <c r="BB1146" s="9">
        <v>57628.879351900003</v>
      </c>
      <c r="BC1146" s="9">
        <v>60291.249687900003</v>
      </c>
      <c r="BD1146" s="9">
        <v>61472.218787899998</v>
      </c>
      <c r="BE1146" s="9">
        <v>65547.241631900004</v>
      </c>
      <c r="BF1146" s="9">
        <v>66839.0942679</v>
      </c>
      <c r="BG1146" s="11">
        <v>2.75</v>
      </c>
      <c r="BH1146" s="13">
        <v>5.3921568627450983E-2</v>
      </c>
      <c r="BI1146" s="6">
        <v>5</v>
      </c>
      <c r="BJ1146" s="13">
        <v>9.8039215686274508E-2</v>
      </c>
      <c r="BK1146" s="6">
        <v>1</v>
      </c>
      <c r="BL1146" s="13">
        <v>1.7857142857142856E-2</v>
      </c>
      <c r="BM1146" s="11">
        <v>-3.25</v>
      </c>
      <c r="BN1146" s="13">
        <v>-5.701754385964912E-2</v>
      </c>
      <c r="BO1146" s="11">
        <v>-2.25</v>
      </c>
      <c r="BP1146" s="13">
        <v>-4.0178571428571432E-2</v>
      </c>
      <c r="BQ1146" s="6">
        <v>51</v>
      </c>
      <c r="BR1146" s="6">
        <v>52</v>
      </c>
      <c r="BS1146" s="6">
        <v>55</v>
      </c>
      <c r="BT1146" s="6">
        <v>56</v>
      </c>
      <c r="BU1146" s="6">
        <v>56</v>
      </c>
      <c r="BV1146" s="6">
        <v>56</v>
      </c>
      <c r="BW1146" s="6">
        <v>57</v>
      </c>
      <c r="BX1146" s="6">
        <v>56</v>
      </c>
      <c r="BY1146" s="6">
        <v>57</v>
      </c>
      <c r="BZ1146" s="6">
        <v>56</v>
      </c>
      <c r="CA1146" s="6">
        <v>55</v>
      </c>
      <c r="CB1146" s="6">
        <v>55</v>
      </c>
      <c r="CC1146" s="11">
        <v>53.75</v>
      </c>
      <c r="CD1146" s="11">
        <v>787.91700000000003</v>
      </c>
      <c r="CE1146" s="11">
        <v>-486.56700000000001</v>
      </c>
      <c r="CF1146" s="11">
        <v>150.68299999999999</v>
      </c>
      <c r="CG1146" s="11">
        <v>-336</v>
      </c>
      <c r="CH1146" s="20">
        <v>1.0745800000000001</v>
      </c>
      <c r="CI1146" s="20">
        <v>1.1065700000000001</v>
      </c>
      <c r="CJ1146" s="20">
        <v>1.2165699999999999</v>
      </c>
      <c r="CK1146" s="20">
        <v>1.27118</v>
      </c>
      <c r="CL1146" s="20">
        <v>1.23133</v>
      </c>
      <c r="CM1146" s="20">
        <v>1.27399</v>
      </c>
      <c r="CN1146" s="20">
        <v>1.28389</v>
      </c>
      <c r="CO1146" s="20">
        <v>1.33246</v>
      </c>
      <c r="CP1146" s="20">
        <v>1.2982400000000001</v>
      </c>
      <c r="CQ1146" s="20">
        <v>1.2936000000000001</v>
      </c>
      <c r="CR1146" s="20">
        <v>1.26535</v>
      </c>
      <c r="CS1146" s="20">
        <v>1.3004800000000001</v>
      </c>
      <c r="CT1146" s="20">
        <v>1.38144</v>
      </c>
      <c r="CU1146" s="20">
        <v>1.40448</v>
      </c>
      <c r="CV1146" s="20">
        <v>1.4932700000000001</v>
      </c>
      <c r="CW1146" s="20">
        <v>1.61029</v>
      </c>
      <c r="CX1146" s="20">
        <v>1.6559600000000001</v>
      </c>
      <c r="CY1146" s="6" t="s">
        <v>577</v>
      </c>
      <c r="CZ1146" s="6" t="s">
        <v>578</v>
      </c>
      <c r="DA1146" s="6" t="s">
        <v>164</v>
      </c>
      <c r="DB1146" s="6"/>
      <c r="DC1146" s="6">
        <v>41180</v>
      </c>
      <c r="DD1146" s="6">
        <v>476</v>
      </c>
      <c r="DE1146" s="6" t="s">
        <v>508</v>
      </c>
      <c r="DF1146" s="6" t="s">
        <v>375</v>
      </c>
      <c r="DG1146" s="6" t="s">
        <v>376</v>
      </c>
      <c r="DH1146" s="6" t="s">
        <v>328</v>
      </c>
      <c r="DI1146" s="6" t="s">
        <v>509</v>
      </c>
      <c r="DJ1146" s="6">
        <v>29</v>
      </c>
      <c r="DK1146" s="6">
        <v>113</v>
      </c>
      <c r="DL1146" s="6">
        <v>1</v>
      </c>
      <c r="DM1146" s="6" t="s">
        <v>404</v>
      </c>
      <c r="DN1146" s="6">
        <v>1</v>
      </c>
      <c r="DO1146" s="6" t="s">
        <v>405</v>
      </c>
      <c r="DP1146" s="6"/>
      <c r="DQ1146" s="6"/>
    </row>
    <row r="1147" spans="1:121" x14ac:dyDescent="0.2">
      <c r="A1147" s="6" t="s">
        <v>313</v>
      </c>
      <c r="B1147" s="6" t="s">
        <v>313</v>
      </c>
      <c r="C1147" s="6" t="s">
        <v>178</v>
      </c>
      <c r="D1147" s="6" t="s">
        <v>164</v>
      </c>
      <c r="E1147" s="6" t="s">
        <v>303</v>
      </c>
      <c r="F1147" s="11">
        <v>-56</v>
      </c>
      <c r="G1147" s="13">
        <v>-0.20363636363599999</v>
      </c>
      <c r="H1147" s="11">
        <v>79.488974978999977</v>
      </c>
      <c r="I1147" s="13">
        <v>0.28948608682760407</v>
      </c>
      <c r="J1147" s="11">
        <v>-58.286648587999991</v>
      </c>
      <c r="K1147" s="13">
        <v>-0.16461644666373604</v>
      </c>
      <c r="L1147" s="11">
        <v>-77.001025633000012</v>
      </c>
      <c r="M1147" s="13">
        <v>-0.26032431088313668</v>
      </c>
      <c r="N1147" s="11">
        <v>-135.287674221</v>
      </c>
      <c r="O1147" s="13">
        <v>-0.382087094509105</v>
      </c>
      <c r="P1147" s="7">
        <v>274.58651243000003</v>
      </c>
      <c r="Q1147" s="7">
        <v>276.05068661600001</v>
      </c>
      <c r="R1147" s="7">
        <v>275.74307456100001</v>
      </c>
      <c r="S1147" s="7">
        <v>294.11754873799998</v>
      </c>
      <c r="T1147" s="7">
        <v>322.05526557600001</v>
      </c>
      <c r="U1147" s="7">
        <v>298.54444920200001</v>
      </c>
      <c r="V1147" s="7">
        <v>354.075487409</v>
      </c>
      <c r="W1147" s="7">
        <v>370.35064782500001</v>
      </c>
      <c r="X1147" s="7">
        <v>321.96522496</v>
      </c>
      <c r="Y1147" s="7">
        <v>295.78883882100001</v>
      </c>
      <c r="Z1147" s="7">
        <v>295.56888992400002</v>
      </c>
      <c r="AA1147" s="7">
        <v>281.61033230800001</v>
      </c>
      <c r="AB1147" s="7">
        <v>239.05012609799999</v>
      </c>
      <c r="AC1147" s="7">
        <v>250.44775254800001</v>
      </c>
      <c r="AD1147" s="7">
        <v>217.29405375299999</v>
      </c>
      <c r="AE1147" s="7">
        <v>220.20389720099999</v>
      </c>
      <c r="AF1147" s="7">
        <v>218.787813188</v>
      </c>
      <c r="AG1147" s="9">
        <v>18211.683953499996</v>
      </c>
      <c r="AH1147" s="13">
        <v>0.51744399758117732</v>
      </c>
      <c r="AI1147" s="9">
        <v>10338.186778399999</v>
      </c>
      <c r="AJ1147" s="13">
        <v>0.29373630181672972</v>
      </c>
      <c r="AK1147" s="9">
        <v>8377.7783502999955</v>
      </c>
      <c r="AL1147" s="13">
        <v>0.18399090269020493</v>
      </c>
      <c r="AM1147" s="9">
        <v>-504.28117519999796</v>
      </c>
      <c r="AN1147" s="13">
        <v>-9.353881739079568E-3</v>
      </c>
      <c r="AO1147" s="9">
        <v>7873.4971750999975</v>
      </c>
      <c r="AP1147" s="13">
        <v>0.17291599180629469</v>
      </c>
      <c r="AQ1147" s="9">
        <v>35195.468569800003</v>
      </c>
      <c r="AR1147" s="9">
        <v>35812.097497199997</v>
      </c>
      <c r="AS1147" s="9">
        <v>35720.683462200002</v>
      </c>
      <c r="AT1147" s="9">
        <v>35419.3231361</v>
      </c>
      <c r="AU1147" s="9">
        <v>34859.131304199997</v>
      </c>
      <c r="AV1147" s="9">
        <v>36805.586527899999</v>
      </c>
      <c r="AW1147" s="9">
        <v>45533.655348200002</v>
      </c>
      <c r="AX1147" s="9">
        <v>48754.761027</v>
      </c>
      <c r="AY1147" s="9">
        <v>50374.552727800001</v>
      </c>
      <c r="AZ1147" s="9">
        <v>53911.433698499997</v>
      </c>
      <c r="BA1147" s="9">
        <v>52637.477555500001</v>
      </c>
      <c r="BB1147" s="9">
        <v>55169.209812200002</v>
      </c>
      <c r="BC1147" s="9">
        <v>48004.301685699997</v>
      </c>
      <c r="BD1147" s="9">
        <v>51034.318331900002</v>
      </c>
      <c r="BE1147" s="9">
        <v>53152.750912000003</v>
      </c>
      <c r="BF1147" s="9">
        <v>53407.152523299999</v>
      </c>
      <c r="BG1147" s="11">
        <v>-8.75</v>
      </c>
      <c r="BH1147" s="13">
        <v>-0.19444444444444445</v>
      </c>
      <c r="BI1147" s="6">
        <v>-3</v>
      </c>
      <c r="BJ1147" s="13">
        <v>-6.6666666666666666E-2</v>
      </c>
      <c r="BK1147" s="6">
        <v>-2</v>
      </c>
      <c r="BL1147" s="13">
        <v>-4.7619047619047616E-2</v>
      </c>
      <c r="BM1147" s="11">
        <v>-3.75</v>
      </c>
      <c r="BN1147" s="13">
        <v>-9.375E-2</v>
      </c>
      <c r="BO1147" s="11">
        <v>-5.75</v>
      </c>
      <c r="BP1147" s="13">
        <v>-0.13690476190476192</v>
      </c>
      <c r="BQ1147" s="6">
        <v>45</v>
      </c>
      <c r="BR1147" s="6">
        <v>42</v>
      </c>
      <c r="BS1147" s="6">
        <v>38</v>
      </c>
      <c r="BT1147" s="6">
        <v>42</v>
      </c>
      <c r="BU1147" s="6">
        <v>41</v>
      </c>
      <c r="BV1147" s="6">
        <v>39</v>
      </c>
      <c r="BW1147" s="6">
        <v>40</v>
      </c>
      <c r="BX1147" s="6">
        <v>37</v>
      </c>
      <c r="BY1147" s="6">
        <v>36</v>
      </c>
      <c r="BZ1147" s="6">
        <v>38</v>
      </c>
      <c r="CA1147" s="6">
        <v>37</v>
      </c>
      <c r="CB1147" s="6">
        <v>36</v>
      </c>
      <c r="CC1147" s="11">
        <v>36.25</v>
      </c>
      <c r="CD1147" s="11">
        <v>-63.362099999999998</v>
      </c>
      <c r="CE1147" s="11">
        <v>-22.452300000000001</v>
      </c>
      <c r="CF1147" s="11">
        <v>30.015599999999999</v>
      </c>
      <c r="CG1147" s="11">
        <v>8</v>
      </c>
      <c r="CH1147" s="20">
        <v>0.60113799999999995</v>
      </c>
      <c r="CI1147" s="20">
        <v>0.59831400000000001</v>
      </c>
      <c r="CJ1147" s="20">
        <v>0.57948500000000003</v>
      </c>
      <c r="CK1147" s="20">
        <v>0.58817600000000003</v>
      </c>
      <c r="CL1147" s="20">
        <v>0.61521899999999996</v>
      </c>
      <c r="CM1147" s="20">
        <v>0.54503500000000005</v>
      </c>
      <c r="CN1147" s="20">
        <v>0.64390999999999998</v>
      </c>
      <c r="CO1147" s="20">
        <v>0.70339200000000002</v>
      </c>
      <c r="CP1147" s="20">
        <v>0.649509</v>
      </c>
      <c r="CQ1147" s="20">
        <v>0.61158400000000002</v>
      </c>
      <c r="CR1147" s="20">
        <v>0.61731800000000003</v>
      </c>
      <c r="CS1147" s="20">
        <v>0.58774499999999996</v>
      </c>
      <c r="CT1147" s="20">
        <v>0.49856499999999998</v>
      </c>
      <c r="CU1147" s="20">
        <v>0.49950699999999998</v>
      </c>
      <c r="CV1147" s="20">
        <v>0.42319000000000001</v>
      </c>
      <c r="CW1147" s="20">
        <v>0.42253000000000002</v>
      </c>
      <c r="CX1147" s="20">
        <v>0.409138</v>
      </c>
      <c r="CY1147" s="6" t="s">
        <v>577</v>
      </c>
      <c r="CZ1147" s="6" t="s">
        <v>578</v>
      </c>
      <c r="DA1147" s="6" t="s">
        <v>164</v>
      </c>
      <c r="DB1147" s="6"/>
      <c r="DC1147" s="6">
        <v>41180</v>
      </c>
      <c r="DD1147" s="6">
        <v>476</v>
      </c>
      <c r="DE1147" s="6" t="s">
        <v>508</v>
      </c>
      <c r="DF1147" s="6" t="s">
        <v>375</v>
      </c>
      <c r="DG1147" s="6" t="s">
        <v>376</v>
      </c>
      <c r="DH1147" s="6" t="s">
        <v>328</v>
      </c>
      <c r="DI1147" s="6" t="s">
        <v>509</v>
      </c>
      <c r="DJ1147" s="6">
        <v>29</v>
      </c>
      <c r="DK1147" s="6">
        <v>113</v>
      </c>
      <c r="DL1147" s="6">
        <v>1</v>
      </c>
      <c r="DM1147" s="6" t="s">
        <v>404</v>
      </c>
      <c r="DN1147" s="6">
        <v>1</v>
      </c>
      <c r="DO1147" s="6" t="s">
        <v>405</v>
      </c>
      <c r="DP1147" s="6"/>
      <c r="DQ1147" s="6"/>
    </row>
    <row r="1148" spans="1:121" x14ac:dyDescent="0.2">
      <c r="A1148" s="6" t="s">
        <v>793</v>
      </c>
      <c r="B1148" s="6" t="s">
        <v>179</v>
      </c>
      <c r="C1148" s="6" t="s">
        <v>180</v>
      </c>
      <c r="D1148" s="6" t="s">
        <v>164</v>
      </c>
      <c r="E1148" s="6" t="s">
        <v>303</v>
      </c>
      <c r="F1148" s="11">
        <v>322</v>
      </c>
      <c r="G1148" s="13">
        <v>0.22</v>
      </c>
      <c r="H1148" s="11">
        <v>89</v>
      </c>
      <c r="I1148" s="13">
        <v>6.0013486176668913E-2</v>
      </c>
      <c r="J1148" s="11">
        <v>68</v>
      </c>
      <c r="K1148" s="13">
        <v>4.3256997455470736E-2</v>
      </c>
      <c r="L1148" s="11">
        <v>165</v>
      </c>
      <c r="M1148" s="13">
        <v>0.10060975609756098</v>
      </c>
      <c r="N1148" s="11">
        <v>233</v>
      </c>
      <c r="O1148" s="13">
        <v>0.14821882951653945</v>
      </c>
      <c r="P1148" s="7">
        <v>1483</v>
      </c>
      <c r="Q1148" s="7">
        <v>1464</v>
      </c>
      <c r="R1148" s="7">
        <v>1400</v>
      </c>
      <c r="S1148" s="7">
        <v>1428</v>
      </c>
      <c r="T1148" s="7">
        <v>1476</v>
      </c>
      <c r="U1148" s="7">
        <v>1451</v>
      </c>
      <c r="V1148" s="7">
        <v>1572</v>
      </c>
      <c r="W1148" s="7">
        <v>1575</v>
      </c>
      <c r="X1148" s="7">
        <v>1610</v>
      </c>
      <c r="Y1148" s="7">
        <v>1640</v>
      </c>
      <c r="Z1148" s="7">
        <v>1572</v>
      </c>
      <c r="AA1148" s="7">
        <v>1513</v>
      </c>
      <c r="AB1148" s="7">
        <v>1495</v>
      </c>
      <c r="AC1148" s="7">
        <v>1496</v>
      </c>
      <c r="AD1148" s="7">
        <v>1658</v>
      </c>
      <c r="AE1148" s="7">
        <v>1759</v>
      </c>
      <c r="AF1148" s="7">
        <v>1805</v>
      </c>
      <c r="AG1148" s="9">
        <v>9341</v>
      </c>
      <c r="AH1148" s="13">
        <v>0.41189699268013058</v>
      </c>
      <c r="AI1148" s="9">
        <v>5897</v>
      </c>
      <c r="AJ1148" s="13">
        <v>0.26003174883146662</v>
      </c>
      <c r="AK1148" s="9">
        <v>-1973</v>
      </c>
      <c r="AL1148" s="13">
        <v>-6.9046369203849517E-2</v>
      </c>
      <c r="AM1148" s="9">
        <v>5417</v>
      </c>
      <c r="AN1148" s="13">
        <v>0.20363130591684836</v>
      </c>
      <c r="AO1148" s="9">
        <v>3444</v>
      </c>
      <c r="AP1148" s="13">
        <v>0.1205249343832021</v>
      </c>
      <c r="AQ1148" s="9">
        <v>22678</v>
      </c>
      <c r="AR1148" s="9">
        <v>23638</v>
      </c>
      <c r="AS1148" s="9">
        <v>27029</v>
      </c>
      <c r="AT1148" s="9">
        <v>26205</v>
      </c>
      <c r="AU1148" s="9">
        <v>26457</v>
      </c>
      <c r="AV1148" s="9">
        <v>27269</v>
      </c>
      <c r="AW1148" s="9">
        <v>28575</v>
      </c>
      <c r="AX1148" s="9">
        <v>27897</v>
      </c>
      <c r="AY1148" s="9">
        <v>27260</v>
      </c>
      <c r="AZ1148" s="9">
        <v>26602</v>
      </c>
      <c r="BA1148" s="9">
        <v>26944</v>
      </c>
      <c r="BB1148" s="9">
        <v>27831</v>
      </c>
      <c r="BC1148" s="9">
        <v>29136</v>
      </c>
      <c r="BD1148" s="9">
        <v>30273</v>
      </c>
      <c r="BE1148" s="9">
        <v>30907</v>
      </c>
      <c r="BF1148" s="9">
        <v>32019</v>
      </c>
      <c r="BG1148" s="11">
        <v>24</v>
      </c>
      <c r="BH1148" s="13">
        <v>0.22641509433962265</v>
      </c>
      <c r="BI1148" s="6">
        <v>14</v>
      </c>
      <c r="BJ1148" s="13">
        <v>0.13207547169811321</v>
      </c>
      <c r="BK1148" s="6">
        <v>10</v>
      </c>
      <c r="BL1148" s="13">
        <v>8.3333333333333329E-2</v>
      </c>
      <c r="BM1148" s="11">
        <v>0</v>
      </c>
      <c r="BN1148" s="13">
        <v>0</v>
      </c>
      <c r="BO1148" s="11">
        <v>10</v>
      </c>
      <c r="BP1148" s="13">
        <v>8.3333333333333329E-2</v>
      </c>
      <c r="BQ1148" s="6">
        <v>106</v>
      </c>
      <c r="BR1148" s="6">
        <v>109</v>
      </c>
      <c r="BS1148" s="6">
        <v>113</v>
      </c>
      <c r="BT1148" s="6">
        <v>120</v>
      </c>
      <c r="BU1148" s="6">
        <v>127</v>
      </c>
      <c r="BV1148" s="6">
        <v>131</v>
      </c>
      <c r="BW1148" s="6">
        <v>130</v>
      </c>
      <c r="BX1148" s="6">
        <v>124</v>
      </c>
      <c r="BY1148" s="6">
        <v>128</v>
      </c>
      <c r="BZ1148" s="6">
        <v>130</v>
      </c>
      <c r="CA1148" s="6">
        <v>120</v>
      </c>
      <c r="CB1148" s="6">
        <v>128</v>
      </c>
      <c r="CC1148" s="11">
        <v>130</v>
      </c>
      <c r="CD1148" s="11">
        <v>255</v>
      </c>
      <c r="CE1148" s="11">
        <v>-95</v>
      </c>
      <c r="CF1148" s="11">
        <v>162</v>
      </c>
      <c r="CG1148" s="11">
        <v>67</v>
      </c>
      <c r="CH1148" s="20">
        <v>1.21</v>
      </c>
      <c r="CI1148" s="20">
        <v>1.1599999999999999</v>
      </c>
      <c r="CJ1148" s="20">
        <v>1.08</v>
      </c>
      <c r="CK1148" s="20">
        <v>1.05</v>
      </c>
      <c r="CL1148" s="20">
        <v>1.05</v>
      </c>
      <c r="CM1148" s="20">
        <v>1</v>
      </c>
      <c r="CN1148" s="20">
        <v>1.0900000000000001</v>
      </c>
      <c r="CO1148" s="20">
        <v>1.1399999999999999</v>
      </c>
      <c r="CP1148" s="20">
        <v>1.22</v>
      </c>
      <c r="CQ1148" s="20">
        <v>1.26</v>
      </c>
      <c r="CR1148" s="20">
        <v>1.22</v>
      </c>
      <c r="CS1148" s="20">
        <v>1.18</v>
      </c>
      <c r="CT1148" s="20">
        <v>1.17</v>
      </c>
      <c r="CU1148" s="20">
        <v>1.1100000000000001</v>
      </c>
      <c r="CV1148" s="20">
        <v>1.19</v>
      </c>
      <c r="CW1148" s="20">
        <v>1.23</v>
      </c>
      <c r="CX1148" s="20">
        <v>1.24</v>
      </c>
      <c r="CY1148" s="6" t="s">
        <v>577</v>
      </c>
      <c r="CZ1148" s="6" t="s">
        <v>578</v>
      </c>
      <c r="DA1148" s="6" t="s">
        <v>164</v>
      </c>
      <c r="DB1148" s="6"/>
      <c r="DC1148" s="6">
        <v>41180</v>
      </c>
      <c r="DD1148" s="6">
        <v>476</v>
      </c>
      <c r="DE1148" s="6" t="s">
        <v>508</v>
      </c>
      <c r="DF1148" s="6" t="s">
        <v>375</v>
      </c>
      <c r="DG1148" s="6" t="s">
        <v>376</v>
      </c>
      <c r="DH1148" s="6" t="s">
        <v>328</v>
      </c>
      <c r="DI1148" s="6" t="s">
        <v>509</v>
      </c>
      <c r="DJ1148" s="6">
        <v>29</v>
      </c>
      <c r="DK1148" s="6">
        <v>113</v>
      </c>
      <c r="DL1148" s="6">
        <v>1</v>
      </c>
      <c r="DM1148" s="6" t="s">
        <v>404</v>
      </c>
      <c r="DN1148" s="6">
        <v>1</v>
      </c>
      <c r="DO1148" s="6" t="s">
        <v>405</v>
      </c>
      <c r="DP1148" s="6"/>
      <c r="DQ1148" s="6"/>
    </row>
    <row r="1149" spans="1:121" x14ac:dyDescent="0.2">
      <c r="A1149" s="6" t="s">
        <v>794</v>
      </c>
      <c r="B1149" s="6" t="s">
        <v>181</v>
      </c>
      <c r="C1149" s="6" t="s">
        <v>182</v>
      </c>
      <c r="D1149" s="6" t="s">
        <v>164</v>
      </c>
      <c r="E1149" s="6" t="s">
        <v>303</v>
      </c>
      <c r="F1149" s="11">
        <v>253</v>
      </c>
      <c r="G1149" s="13">
        <v>0.47378277153600001</v>
      </c>
      <c r="H1149" s="11">
        <v>12.522279444999981</v>
      </c>
      <c r="I1149" s="13">
        <v>2.3431040943859081E-2</v>
      </c>
      <c r="J1149" s="11">
        <v>-28.582297842000003</v>
      </c>
      <c r="K1149" s="13">
        <v>-5.2257273529031645E-2</v>
      </c>
      <c r="L1149" s="11">
        <v>269.00323512500006</v>
      </c>
      <c r="M1149" s="13">
        <v>0.51893940500564961</v>
      </c>
      <c r="N1149" s="11">
        <v>240.42093728300006</v>
      </c>
      <c r="O1149" s="13">
        <v>0.43956377304424482</v>
      </c>
      <c r="P1149" s="7">
        <v>534.43120495599999</v>
      </c>
      <c r="Q1149" s="7">
        <v>547.77113937800004</v>
      </c>
      <c r="R1149" s="7">
        <v>529.29745921899996</v>
      </c>
      <c r="S1149" s="7">
        <v>566.60936346000005</v>
      </c>
      <c r="T1149" s="7">
        <v>490.135854397</v>
      </c>
      <c r="U1149" s="7">
        <v>507.21292929200001</v>
      </c>
      <c r="V1149" s="7">
        <v>546.95348440099997</v>
      </c>
      <c r="W1149" s="7">
        <v>605.80903406499999</v>
      </c>
      <c r="X1149" s="7">
        <v>545.55848635500001</v>
      </c>
      <c r="Y1149" s="7">
        <v>518.37118655899997</v>
      </c>
      <c r="Z1149" s="7">
        <v>519.03577330300004</v>
      </c>
      <c r="AA1149" s="7">
        <v>535.40272199000003</v>
      </c>
      <c r="AB1149" s="7">
        <v>557.09026419600002</v>
      </c>
      <c r="AC1149" s="7">
        <v>687.38339171500002</v>
      </c>
      <c r="AD1149" s="7">
        <v>716.55599707099998</v>
      </c>
      <c r="AE1149" s="7">
        <v>734.11045626199996</v>
      </c>
      <c r="AF1149" s="7">
        <v>787.37442168400003</v>
      </c>
      <c r="AG1149" s="9">
        <v>21155.282006600006</v>
      </c>
      <c r="AH1149" s="13">
        <v>0.5856022336670601</v>
      </c>
      <c r="AI1149" s="9">
        <v>9745.2626866000064</v>
      </c>
      <c r="AJ1149" s="13">
        <v>0.26975993962948835</v>
      </c>
      <c r="AK1149" s="9">
        <v>2086.750922399995</v>
      </c>
      <c r="AL1149" s="13">
        <v>4.5491776687093213E-2</v>
      </c>
      <c r="AM1149" s="9">
        <v>9323.2683976000044</v>
      </c>
      <c r="AN1149" s="13">
        <v>0.19440608304772203</v>
      </c>
      <c r="AO1149" s="9">
        <v>11410.019319999999</v>
      </c>
      <c r="AP1149" s="13">
        <v>0.24874173785143472</v>
      </c>
      <c r="AQ1149" s="9">
        <v>36125.685303699996</v>
      </c>
      <c r="AR1149" s="9">
        <v>39650.735666499997</v>
      </c>
      <c r="AS1149" s="9">
        <v>40228.271327900002</v>
      </c>
      <c r="AT1149" s="9">
        <v>40196.769169500003</v>
      </c>
      <c r="AU1149" s="9">
        <v>44792.216859200002</v>
      </c>
      <c r="AV1149" s="9">
        <v>47342.917460299999</v>
      </c>
      <c r="AW1149" s="9">
        <v>45870.947990300003</v>
      </c>
      <c r="AX1149" s="9">
        <v>52329.351988199996</v>
      </c>
      <c r="AY1149" s="9">
        <v>51037.7063872</v>
      </c>
      <c r="AZ1149" s="9">
        <v>47957.698912699998</v>
      </c>
      <c r="BA1149" s="9">
        <v>46165.699388499997</v>
      </c>
      <c r="BB1149" s="9">
        <v>47296.792913899997</v>
      </c>
      <c r="BC1149" s="9">
        <v>48235.515414900001</v>
      </c>
      <c r="BD1149" s="9">
        <v>51650.908952600003</v>
      </c>
      <c r="BE1149" s="9">
        <v>54985.973612499998</v>
      </c>
      <c r="BF1149" s="9">
        <v>57280.967310300002</v>
      </c>
      <c r="BG1149" s="11">
        <v>-15.5</v>
      </c>
      <c r="BH1149" s="13">
        <v>-0.28703703703703703</v>
      </c>
      <c r="BI1149" s="6">
        <v>7</v>
      </c>
      <c r="BJ1149" s="13">
        <v>0.12962962962962962</v>
      </c>
      <c r="BK1149" s="6">
        <v>-9</v>
      </c>
      <c r="BL1149" s="13">
        <v>-0.14754098360655737</v>
      </c>
      <c r="BM1149" s="11">
        <v>-13.5</v>
      </c>
      <c r="BN1149" s="13">
        <v>-0.25961538461538464</v>
      </c>
      <c r="BO1149" s="11">
        <v>-22.5</v>
      </c>
      <c r="BP1149" s="13">
        <v>-0.36885245901639346</v>
      </c>
      <c r="BQ1149" s="6">
        <v>54</v>
      </c>
      <c r="BR1149" s="6">
        <v>61</v>
      </c>
      <c r="BS1149" s="6">
        <v>59</v>
      </c>
      <c r="BT1149" s="6">
        <v>61</v>
      </c>
      <c r="BU1149" s="6">
        <v>61</v>
      </c>
      <c r="BV1149" s="6">
        <v>54</v>
      </c>
      <c r="BW1149" s="6">
        <v>52</v>
      </c>
      <c r="BX1149" s="6">
        <v>50</v>
      </c>
      <c r="BY1149" s="6">
        <v>45</v>
      </c>
      <c r="BZ1149" s="6">
        <v>38</v>
      </c>
      <c r="CA1149" s="6">
        <v>39</v>
      </c>
      <c r="CB1149" s="6">
        <v>40</v>
      </c>
      <c r="CC1149" s="11">
        <v>38.5</v>
      </c>
      <c r="CD1149" s="11">
        <v>160.83799999999999</v>
      </c>
      <c r="CE1149" s="11">
        <v>33.685400000000001</v>
      </c>
      <c r="CF1149" s="11">
        <v>58.419800000000002</v>
      </c>
      <c r="CG1149" s="11">
        <v>92</v>
      </c>
      <c r="CH1149" s="20">
        <v>1.47801</v>
      </c>
      <c r="CI1149" s="20">
        <v>1.5125200000000001</v>
      </c>
      <c r="CJ1149" s="20">
        <v>1.4200699999999999</v>
      </c>
      <c r="CK1149" s="20">
        <v>1.43265</v>
      </c>
      <c r="CL1149" s="20">
        <v>1.1767300000000001</v>
      </c>
      <c r="CM1149" s="20">
        <v>1.16042</v>
      </c>
      <c r="CN1149" s="20">
        <v>1.2438100000000001</v>
      </c>
      <c r="CO1149" s="20">
        <v>1.4389400000000001</v>
      </c>
      <c r="CP1149" s="20">
        <v>1.3723700000000001</v>
      </c>
      <c r="CQ1149" s="20">
        <v>1.32843</v>
      </c>
      <c r="CR1149" s="20">
        <v>1.3262</v>
      </c>
      <c r="CS1149" s="20">
        <v>1.3616999999999999</v>
      </c>
      <c r="CT1149" s="20">
        <v>1.40737</v>
      </c>
      <c r="CU1149" s="20">
        <v>1.6236200000000001</v>
      </c>
      <c r="CV1149" s="20">
        <v>1.59613</v>
      </c>
      <c r="CW1149" s="20">
        <v>1.56992</v>
      </c>
      <c r="CX1149" s="20">
        <v>1.63029</v>
      </c>
      <c r="CY1149" s="6" t="s">
        <v>577</v>
      </c>
      <c r="CZ1149" s="6" t="s">
        <v>578</v>
      </c>
      <c r="DA1149" s="6" t="s">
        <v>164</v>
      </c>
      <c r="DB1149" s="6"/>
      <c r="DC1149" s="6">
        <v>41180</v>
      </c>
      <c r="DD1149" s="6">
        <v>476</v>
      </c>
      <c r="DE1149" s="6" t="s">
        <v>508</v>
      </c>
      <c r="DF1149" s="6" t="s">
        <v>375</v>
      </c>
      <c r="DG1149" s="6" t="s">
        <v>376</v>
      </c>
      <c r="DH1149" s="6" t="s">
        <v>328</v>
      </c>
      <c r="DI1149" s="6" t="s">
        <v>509</v>
      </c>
      <c r="DJ1149" s="6">
        <v>29</v>
      </c>
      <c r="DK1149" s="6">
        <v>113</v>
      </c>
      <c r="DL1149" s="6">
        <v>1</v>
      </c>
      <c r="DM1149" s="6" t="s">
        <v>404</v>
      </c>
      <c r="DN1149" s="6">
        <v>1</v>
      </c>
      <c r="DO1149" s="6" t="s">
        <v>405</v>
      </c>
      <c r="DP1149" s="6"/>
      <c r="DQ1149" s="6"/>
    </row>
    <row r="1150" spans="1:121" x14ac:dyDescent="0.2">
      <c r="A1150" s="6" t="s">
        <v>314</v>
      </c>
      <c r="B1150" s="6" t="s">
        <v>314</v>
      </c>
      <c r="C1150" s="6" t="s">
        <v>183</v>
      </c>
      <c r="D1150" s="6" t="s">
        <v>164</v>
      </c>
      <c r="E1150" s="6" t="s">
        <v>303</v>
      </c>
      <c r="F1150" s="11">
        <v>-197</v>
      </c>
      <c r="G1150" s="13">
        <v>-0.77254901960800004</v>
      </c>
      <c r="H1150" s="11">
        <v>-38.807466617000017</v>
      </c>
      <c r="I1150" s="13">
        <v>-0.15208872376407634</v>
      </c>
      <c r="J1150" s="11">
        <v>-56.896326643999998</v>
      </c>
      <c r="K1150" s="13">
        <v>-0.26297565188854344</v>
      </c>
      <c r="L1150" s="11">
        <v>-101.7623434022</v>
      </c>
      <c r="M1150" s="13">
        <v>-0.63817028184094349</v>
      </c>
      <c r="N1150" s="11">
        <v>-158.6586700462</v>
      </c>
      <c r="O1150" s="13">
        <v>-0.73332268784646948</v>
      </c>
      <c r="P1150" s="7">
        <v>255.16333924400001</v>
      </c>
      <c r="Q1150" s="7">
        <v>249.99753487500001</v>
      </c>
      <c r="R1150" s="7">
        <v>194.96660869999999</v>
      </c>
      <c r="S1150" s="7">
        <v>204.212137974</v>
      </c>
      <c r="T1150" s="7">
        <v>215.17801300799999</v>
      </c>
      <c r="U1150" s="7">
        <v>209.48602571699999</v>
      </c>
      <c r="V1150" s="7">
        <v>216.355872627</v>
      </c>
      <c r="W1150" s="7">
        <v>188.463493607</v>
      </c>
      <c r="X1150" s="7">
        <v>159.07629633600001</v>
      </c>
      <c r="Y1150" s="7">
        <v>159.459545983</v>
      </c>
      <c r="Z1150" s="7">
        <v>149.82886510399999</v>
      </c>
      <c r="AA1150" s="7">
        <v>141.40431517100001</v>
      </c>
      <c r="AB1150" s="7">
        <v>130.06307816899999</v>
      </c>
      <c r="AC1150" s="7">
        <v>50.831934193999999</v>
      </c>
      <c r="AD1150" s="7">
        <v>55.838123337299997</v>
      </c>
      <c r="AE1150" s="7">
        <v>59.988733538699996</v>
      </c>
      <c r="AF1150" s="7">
        <v>57.697202580800003</v>
      </c>
      <c r="AG1150" s="9">
        <v>22668.7384188</v>
      </c>
      <c r="AH1150" s="13">
        <v>0.71527037999386711</v>
      </c>
      <c r="AI1150" s="9">
        <v>1776.2662358000016</v>
      </c>
      <c r="AJ1150" s="13">
        <v>5.6046816632603733E-2</v>
      </c>
      <c r="AK1150" s="9">
        <v>9961.1841956999997</v>
      </c>
      <c r="AL1150" s="13">
        <v>0.29762587755685305</v>
      </c>
      <c r="AM1150" s="9">
        <v>10931.287987299998</v>
      </c>
      <c r="AN1150" s="13">
        <v>0.25169903840530006</v>
      </c>
      <c r="AO1150" s="9">
        <v>20892.472182999998</v>
      </c>
      <c r="AP1150" s="13">
        <v>0.62423706314774652</v>
      </c>
      <c r="AQ1150" s="9">
        <v>31692.544599699999</v>
      </c>
      <c r="AR1150" s="9">
        <v>33776.858796400003</v>
      </c>
      <c r="AS1150" s="9">
        <v>36029.918643700003</v>
      </c>
      <c r="AT1150" s="9">
        <v>33766.265134300003</v>
      </c>
      <c r="AU1150" s="9">
        <v>33572.621338600002</v>
      </c>
      <c r="AV1150" s="9">
        <v>34820.713333799999</v>
      </c>
      <c r="AW1150" s="9">
        <v>33468.8108355</v>
      </c>
      <c r="AX1150" s="9">
        <v>42573.282698299998</v>
      </c>
      <c r="AY1150" s="9">
        <v>49278.536835400002</v>
      </c>
      <c r="AZ1150" s="9">
        <v>43429.9950312</v>
      </c>
      <c r="BA1150" s="9">
        <v>42055.153204299997</v>
      </c>
      <c r="BB1150" s="9">
        <v>48347.410679100001</v>
      </c>
      <c r="BC1150" s="9">
        <v>55156.308746499999</v>
      </c>
      <c r="BD1150" s="9">
        <v>44489.743904499999</v>
      </c>
      <c r="BE1150" s="9">
        <v>42595.542052500001</v>
      </c>
      <c r="BF1150" s="9">
        <v>54361.283018499998</v>
      </c>
      <c r="BG1150" s="11">
        <v>4.25</v>
      </c>
      <c r="BH1150" s="13">
        <v>0.53125</v>
      </c>
      <c r="BI1150" s="6">
        <v>4</v>
      </c>
      <c r="BJ1150" s="13">
        <v>0.5</v>
      </c>
      <c r="BK1150" s="6">
        <v>0</v>
      </c>
      <c r="BL1150" s="13">
        <v>0</v>
      </c>
      <c r="BM1150" s="11">
        <v>0.25</v>
      </c>
      <c r="BN1150" s="13">
        <v>2.0833333333333332E-2</v>
      </c>
      <c r="BO1150" s="11">
        <v>0.25</v>
      </c>
      <c r="BP1150" s="13">
        <v>2.0833333333333332E-2</v>
      </c>
      <c r="BQ1150" s="6">
        <v>8</v>
      </c>
      <c r="BR1150" s="6">
        <v>8</v>
      </c>
      <c r="BS1150" s="6">
        <v>9</v>
      </c>
      <c r="BT1150" s="6">
        <v>12</v>
      </c>
      <c r="BU1150" s="6">
        <v>12</v>
      </c>
      <c r="BV1150" s="6">
        <v>11</v>
      </c>
      <c r="BW1150" s="6">
        <v>12</v>
      </c>
      <c r="BX1150" s="6">
        <v>13</v>
      </c>
      <c r="BY1150" s="6">
        <v>14</v>
      </c>
      <c r="BZ1150" s="6">
        <v>14</v>
      </c>
      <c r="CA1150" s="6">
        <v>11</v>
      </c>
      <c r="CB1150" s="6">
        <v>12</v>
      </c>
      <c r="CC1150" s="11">
        <v>12.25</v>
      </c>
      <c r="CD1150" s="11">
        <v>-147.20400000000001</v>
      </c>
      <c r="CE1150" s="11">
        <v>-78.1541</v>
      </c>
      <c r="CF1150" s="11">
        <v>27.892399999999999</v>
      </c>
      <c r="CG1150" s="11">
        <v>-50</v>
      </c>
      <c r="CH1150" s="20">
        <v>0.89611700000000005</v>
      </c>
      <c r="CI1150" s="20">
        <v>0.90132199999999996</v>
      </c>
      <c r="CJ1150" s="20">
        <v>0.71315499999999998</v>
      </c>
      <c r="CK1150" s="20">
        <v>0.73374200000000001</v>
      </c>
      <c r="CL1150" s="20">
        <v>0.76194700000000004</v>
      </c>
      <c r="CM1150" s="20">
        <v>0.72794999999999999</v>
      </c>
      <c r="CN1150" s="20">
        <v>0.76440799999999998</v>
      </c>
      <c r="CO1150" s="20">
        <v>0.70152999999999999</v>
      </c>
      <c r="CP1150" s="20">
        <v>0.62414499999999995</v>
      </c>
      <c r="CQ1150" s="20">
        <v>0.653783</v>
      </c>
      <c r="CR1150" s="20">
        <v>0.63527299999999998</v>
      </c>
      <c r="CS1150" s="20">
        <v>0.60884199999999999</v>
      </c>
      <c r="CT1150" s="20">
        <v>0.562029</v>
      </c>
      <c r="CU1150" s="20">
        <v>0.209783</v>
      </c>
      <c r="CV1150" s="20">
        <v>0.22525500000000001</v>
      </c>
      <c r="CW1150" s="20">
        <v>0.23486499999999999</v>
      </c>
      <c r="CX1150" s="20">
        <v>0.22147600000000001</v>
      </c>
      <c r="CY1150" s="6" t="s">
        <v>577</v>
      </c>
      <c r="CZ1150" s="6" t="s">
        <v>578</v>
      </c>
      <c r="DA1150" s="6" t="s">
        <v>164</v>
      </c>
      <c r="DB1150" s="6"/>
      <c r="DC1150" s="6">
        <v>41180</v>
      </c>
      <c r="DD1150" s="6">
        <v>476</v>
      </c>
      <c r="DE1150" s="6" t="s">
        <v>508</v>
      </c>
      <c r="DF1150" s="6" t="s">
        <v>375</v>
      </c>
      <c r="DG1150" s="6" t="s">
        <v>376</v>
      </c>
      <c r="DH1150" s="6" t="s">
        <v>328</v>
      </c>
      <c r="DI1150" s="6" t="s">
        <v>509</v>
      </c>
      <c r="DJ1150" s="6">
        <v>29</v>
      </c>
      <c r="DK1150" s="6">
        <v>113</v>
      </c>
      <c r="DL1150" s="6">
        <v>1</v>
      </c>
      <c r="DM1150" s="6" t="s">
        <v>404</v>
      </c>
      <c r="DN1150" s="6">
        <v>1</v>
      </c>
      <c r="DO1150" s="6" t="s">
        <v>405</v>
      </c>
      <c r="DP1150" s="6"/>
      <c r="DQ1150" s="6"/>
    </row>
    <row r="1151" spans="1:121" x14ac:dyDescent="0.2">
      <c r="A1151" s="6" t="s">
        <v>315</v>
      </c>
      <c r="B1151" s="6" t="s">
        <v>315</v>
      </c>
      <c r="C1151" s="6" t="s">
        <v>184</v>
      </c>
      <c r="D1151" s="6" t="s">
        <v>164</v>
      </c>
      <c r="E1151" s="6" t="s">
        <v>303</v>
      </c>
      <c r="F1151" s="11">
        <v>105</v>
      </c>
      <c r="G1151" s="13">
        <v>0.4</v>
      </c>
      <c r="H1151" s="11">
        <v>109</v>
      </c>
      <c r="I1151" s="13">
        <v>0.4128787878787879</v>
      </c>
      <c r="J1151" s="11">
        <v>8</v>
      </c>
      <c r="K1151" s="13">
        <v>2.1447721179624665E-2</v>
      </c>
      <c r="L1151" s="11">
        <v>-12</v>
      </c>
      <c r="M1151" s="13">
        <v>-3.1496062992125984E-2</v>
      </c>
      <c r="N1151" s="11">
        <v>-4</v>
      </c>
      <c r="O1151" s="13">
        <v>-1.0723860589812333E-2</v>
      </c>
      <c r="P1151" s="7">
        <v>264</v>
      </c>
      <c r="Q1151" s="7">
        <v>269</v>
      </c>
      <c r="R1151" s="7">
        <v>317</v>
      </c>
      <c r="S1151" s="7">
        <v>334</v>
      </c>
      <c r="T1151" s="7">
        <v>351</v>
      </c>
      <c r="U1151" s="7">
        <v>365</v>
      </c>
      <c r="V1151" s="7">
        <v>373</v>
      </c>
      <c r="W1151" s="7">
        <v>355</v>
      </c>
      <c r="X1151" s="7">
        <v>359</v>
      </c>
      <c r="Y1151" s="7">
        <v>381</v>
      </c>
      <c r="Z1151" s="7">
        <v>497</v>
      </c>
      <c r="AA1151" s="7">
        <v>333</v>
      </c>
      <c r="AB1151" s="7">
        <v>346</v>
      </c>
      <c r="AC1151" s="7">
        <v>340</v>
      </c>
      <c r="AD1151" s="7">
        <v>351</v>
      </c>
      <c r="AE1151" s="7">
        <v>363</v>
      </c>
      <c r="AF1151" s="7">
        <v>369</v>
      </c>
      <c r="AG1151" s="9">
        <v>16716</v>
      </c>
      <c r="AH1151" s="13">
        <v>0.47208336863509281</v>
      </c>
      <c r="AI1151" s="9">
        <v>7344</v>
      </c>
      <c r="AJ1151" s="13">
        <v>0.20740489706006948</v>
      </c>
      <c r="AK1151" s="9">
        <v>2118</v>
      </c>
      <c r="AL1151" s="13">
        <v>4.954038313100835E-2</v>
      </c>
      <c r="AM1151" s="9">
        <v>7254</v>
      </c>
      <c r="AN1151" s="13">
        <v>0.16166343518085177</v>
      </c>
      <c r="AO1151" s="9">
        <v>9372</v>
      </c>
      <c r="AP1151" s="13">
        <v>0.21921268682899445</v>
      </c>
      <c r="AQ1151" s="9">
        <v>35409</v>
      </c>
      <c r="AR1151" s="9">
        <v>35964</v>
      </c>
      <c r="AS1151" s="9">
        <v>34145</v>
      </c>
      <c r="AT1151" s="9">
        <v>35972</v>
      </c>
      <c r="AU1151" s="9">
        <v>37812</v>
      </c>
      <c r="AV1151" s="9">
        <v>39074</v>
      </c>
      <c r="AW1151" s="9">
        <v>42753</v>
      </c>
      <c r="AX1151" s="9">
        <v>45376</v>
      </c>
      <c r="AY1151" s="9">
        <v>43529</v>
      </c>
      <c r="AZ1151" s="9">
        <v>44871</v>
      </c>
      <c r="BA1151" s="9">
        <v>49547</v>
      </c>
      <c r="BB1151" s="9">
        <v>47031</v>
      </c>
      <c r="BC1151" s="9">
        <v>49092</v>
      </c>
      <c r="BD1151" s="9">
        <v>51921</v>
      </c>
      <c r="BE1151" s="9">
        <v>53150</v>
      </c>
      <c r="BF1151" s="9">
        <v>52125</v>
      </c>
      <c r="BG1151" s="11">
        <v>0</v>
      </c>
      <c r="BH1151" s="13">
        <v>0</v>
      </c>
      <c r="BI1151" s="6">
        <v>6</v>
      </c>
      <c r="BJ1151" s="13">
        <v>0.13953488372093023</v>
      </c>
      <c r="BK1151" s="6">
        <v>-2</v>
      </c>
      <c r="BL1151" s="13">
        <v>-4.0816326530612242E-2</v>
      </c>
      <c r="BM1151" s="11">
        <v>-4</v>
      </c>
      <c r="BN1151" s="13">
        <v>-8.5106382978723402E-2</v>
      </c>
      <c r="BO1151" s="11">
        <v>-6</v>
      </c>
      <c r="BP1151" s="13">
        <v>-0.12244897959183673</v>
      </c>
      <c r="BQ1151" s="6">
        <v>43</v>
      </c>
      <c r="BR1151" s="6">
        <v>44</v>
      </c>
      <c r="BS1151" s="6">
        <v>47</v>
      </c>
      <c r="BT1151" s="6">
        <v>49</v>
      </c>
      <c r="BU1151" s="6">
        <v>43</v>
      </c>
      <c r="BV1151" s="6">
        <v>44</v>
      </c>
      <c r="BW1151" s="6">
        <v>47</v>
      </c>
      <c r="BX1151" s="6">
        <v>47</v>
      </c>
      <c r="BY1151" s="6">
        <v>45</v>
      </c>
      <c r="BZ1151" s="6">
        <v>45</v>
      </c>
      <c r="CA1151" s="6">
        <v>43</v>
      </c>
      <c r="CB1151" s="6">
        <v>41</v>
      </c>
      <c r="CC1151" s="11">
        <v>43</v>
      </c>
      <c r="CD1151" s="11">
        <v>98</v>
      </c>
      <c r="CE1151" s="11">
        <v>-21</v>
      </c>
      <c r="CF1151" s="11">
        <v>29</v>
      </c>
      <c r="CG1151" s="11">
        <v>8</v>
      </c>
      <c r="CH1151" s="20">
        <v>0.56999999999999995</v>
      </c>
      <c r="CI1151" s="20">
        <v>0.56000000000000005</v>
      </c>
      <c r="CJ1151" s="20">
        <v>0.63</v>
      </c>
      <c r="CK1151" s="20">
        <v>0.63</v>
      </c>
      <c r="CL1151" s="20">
        <v>0.63</v>
      </c>
      <c r="CM1151" s="20">
        <v>0.63</v>
      </c>
      <c r="CN1151" s="20">
        <v>0.66</v>
      </c>
      <c r="CO1151" s="20">
        <v>0.67</v>
      </c>
      <c r="CP1151" s="20">
        <v>0.7</v>
      </c>
      <c r="CQ1151" s="20">
        <v>0.76</v>
      </c>
      <c r="CR1151" s="20">
        <v>1.01</v>
      </c>
      <c r="CS1151" s="20">
        <v>0.68</v>
      </c>
      <c r="CT1151" s="20">
        <v>0.72</v>
      </c>
      <c r="CU1151" s="20">
        <v>0.68</v>
      </c>
      <c r="CV1151" s="20">
        <v>0.68</v>
      </c>
      <c r="CW1151" s="20">
        <v>0.68</v>
      </c>
      <c r="CX1151" s="20">
        <v>0.68</v>
      </c>
      <c r="CY1151" s="6" t="s">
        <v>577</v>
      </c>
      <c r="CZ1151" s="6" t="s">
        <v>578</v>
      </c>
      <c r="DA1151" s="6" t="s">
        <v>164</v>
      </c>
      <c r="DB1151" s="6"/>
      <c r="DC1151" s="6">
        <v>41180</v>
      </c>
      <c r="DD1151" s="6">
        <v>476</v>
      </c>
      <c r="DE1151" s="6" t="s">
        <v>508</v>
      </c>
      <c r="DF1151" s="6" t="s">
        <v>375</v>
      </c>
      <c r="DG1151" s="6" t="s">
        <v>376</v>
      </c>
      <c r="DH1151" s="6" t="s">
        <v>328</v>
      </c>
      <c r="DI1151" s="6" t="s">
        <v>509</v>
      </c>
      <c r="DJ1151" s="6">
        <v>29</v>
      </c>
      <c r="DK1151" s="6">
        <v>113</v>
      </c>
      <c r="DL1151" s="6">
        <v>1</v>
      </c>
      <c r="DM1151" s="6" t="s">
        <v>404</v>
      </c>
      <c r="DN1151" s="6">
        <v>1</v>
      </c>
      <c r="DO1151" s="6" t="s">
        <v>405</v>
      </c>
      <c r="DP1151" s="6"/>
      <c r="DQ1151" s="6"/>
    </row>
    <row r="1152" spans="1:121" x14ac:dyDescent="0.2">
      <c r="A1152" s="6" t="s">
        <v>316</v>
      </c>
      <c r="B1152" s="6" t="s">
        <v>316</v>
      </c>
      <c r="C1152" s="6" t="s">
        <v>185</v>
      </c>
      <c r="D1152" s="6" t="s">
        <v>164</v>
      </c>
      <c r="E1152" s="6" t="s">
        <v>303</v>
      </c>
      <c r="F1152" s="11">
        <v>-1</v>
      </c>
      <c r="G1152" s="13">
        <v>-0.01</v>
      </c>
      <c r="H1152" s="11">
        <v>14</v>
      </c>
      <c r="I1152" s="13">
        <v>9.6551724137931033E-2</v>
      </c>
      <c r="J1152" s="11">
        <v>65</v>
      </c>
      <c r="K1152" s="13">
        <v>0.4088050314465409</v>
      </c>
      <c r="L1152" s="11">
        <v>-80</v>
      </c>
      <c r="M1152" s="13">
        <v>-0.35714285714285715</v>
      </c>
      <c r="N1152" s="11">
        <v>-15</v>
      </c>
      <c r="O1152" s="13">
        <v>-9.4339622641509441E-2</v>
      </c>
      <c r="P1152" s="7">
        <v>145</v>
      </c>
      <c r="Q1152" s="7">
        <v>157</v>
      </c>
      <c r="R1152" s="7">
        <v>180</v>
      </c>
      <c r="S1152" s="7">
        <v>158</v>
      </c>
      <c r="T1152" s="7">
        <v>168</v>
      </c>
      <c r="U1152" s="7">
        <v>182</v>
      </c>
      <c r="V1152" s="7">
        <v>159</v>
      </c>
      <c r="W1152" s="7">
        <v>148</v>
      </c>
      <c r="X1152" s="7">
        <v>167</v>
      </c>
      <c r="Y1152" s="7">
        <v>224</v>
      </c>
      <c r="Z1152" s="7">
        <v>133</v>
      </c>
      <c r="AA1152" s="7">
        <v>129</v>
      </c>
      <c r="AB1152" s="7">
        <v>137</v>
      </c>
      <c r="AC1152" s="7">
        <v>140</v>
      </c>
      <c r="AD1152" s="7">
        <v>140</v>
      </c>
      <c r="AE1152" s="7">
        <v>141</v>
      </c>
      <c r="AF1152" s="7">
        <v>144</v>
      </c>
      <c r="AG1152" s="9">
        <v>18859</v>
      </c>
      <c r="AH1152" s="13">
        <v>0.83739620798365966</v>
      </c>
      <c r="AI1152" s="9">
        <v>4157</v>
      </c>
      <c r="AJ1152" s="13">
        <v>0.18458327782958128</v>
      </c>
      <c r="AK1152" s="9">
        <v>1098</v>
      </c>
      <c r="AL1152" s="13">
        <v>4.1157508059074893E-2</v>
      </c>
      <c r="AM1152" s="9">
        <v>13604</v>
      </c>
      <c r="AN1152" s="13">
        <v>0.48977534562211983</v>
      </c>
      <c r="AO1152" s="9">
        <v>14702</v>
      </c>
      <c r="AP1152" s="13">
        <v>0.55109078641577325</v>
      </c>
      <c r="AQ1152" s="9">
        <v>22521</v>
      </c>
      <c r="AR1152" s="9">
        <v>24882</v>
      </c>
      <c r="AS1152" s="9">
        <v>24206</v>
      </c>
      <c r="AT1152" s="9">
        <v>25234</v>
      </c>
      <c r="AU1152" s="9">
        <v>25215</v>
      </c>
      <c r="AV1152" s="9">
        <v>26944</v>
      </c>
      <c r="AW1152" s="9">
        <v>26678</v>
      </c>
      <c r="AX1152" s="9">
        <v>28163</v>
      </c>
      <c r="AY1152" s="9">
        <v>27696</v>
      </c>
      <c r="AZ1152" s="9">
        <v>27776</v>
      </c>
      <c r="BA1152" s="9">
        <v>29334</v>
      </c>
      <c r="BB1152" s="9">
        <v>35281</v>
      </c>
      <c r="BC1152" s="9">
        <v>37123</v>
      </c>
      <c r="BD1152" s="9">
        <v>37403</v>
      </c>
      <c r="BE1152" s="9">
        <v>40365</v>
      </c>
      <c r="BF1152" s="9">
        <v>41380</v>
      </c>
      <c r="BG1152" s="11">
        <v>-4</v>
      </c>
      <c r="BH1152" s="13">
        <v>-0.1111111111111111</v>
      </c>
      <c r="BI1152" s="6">
        <v>-2</v>
      </c>
      <c r="BJ1152" s="13">
        <v>-5.5555555555555552E-2</v>
      </c>
      <c r="BK1152" s="6">
        <v>-3</v>
      </c>
      <c r="BL1152" s="13">
        <v>-8.8235294117647065E-2</v>
      </c>
      <c r="BM1152" s="11">
        <v>1</v>
      </c>
      <c r="BN1152" s="13">
        <v>3.2258064516129031E-2</v>
      </c>
      <c r="BO1152" s="11">
        <v>-2</v>
      </c>
      <c r="BP1152" s="13">
        <v>-5.8823529411764705E-2</v>
      </c>
      <c r="BQ1152" s="6">
        <v>36</v>
      </c>
      <c r="BR1152" s="6">
        <v>37</v>
      </c>
      <c r="BS1152" s="6">
        <v>38</v>
      </c>
      <c r="BT1152" s="6">
        <v>34</v>
      </c>
      <c r="BU1152" s="6">
        <v>36</v>
      </c>
      <c r="BV1152" s="6">
        <v>34</v>
      </c>
      <c r="BW1152" s="6">
        <v>31</v>
      </c>
      <c r="BX1152" s="6">
        <v>30</v>
      </c>
      <c r="BY1152" s="6">
        <v>31</v>
      </c>
      <c r="BZ1152" s="6">
        <v>34</v>
      </c>
      <c r="CA1152" s="6">
        <v>34</v>
      </c>
      <c r="CB1152" s="6">
        <v>34</v>
      </c>
      <c r="CC1152" s="11">
        <v>32</v>
      </c>
      <c r="CD1152" s="11">
        <v>-10</v>
      </c>
      <c r="CE1152" s="11">
        <v>-7</v>
      </c>
      <c r="CF1152" s="11">
        <v>16</v>
      </c>
      <c r="CG1152" s="11">
        <v>9</v>
      </c>
      <c r="CH1152" s="20">
        <v>0.76</v>
      </c>
      <c r="CI1152" s="20">
        <v>0.79</v>
      </c>
      <c r="CJ1152" s="20">
        <v>0.86</v>
      </c>
      <c r="CK1152" s="20">
        <v>0.71</v>
      </c>
      <c r="CL1152" s="20">
        <v>0.7</v>
      </c>
      <c r="CM1152" s="20">
        <v>0.73</v>
      </c>
      <c r="CN1152" s="20">
        <v>0.65</v>
      </c>
      <c r="CO1152" s="20">
        <v>0.65</v>
      </c>
      <c r="CP1152" s="20">
        <v>0.77</v>
      </c>
      <c r="CQ1152" s="20">
        <v>1.0900000000000001</v>
      </c>
      <c r="CR1152" s="20">
        <v>0.66</v>
      </c>
      <c r="CS1152" s="20">
        <v>0.65</v>
      </c>
      <c r="CT1152" s="20">
        <v>0.69</v>
      </c>
      <c r="CU1152" s="20">
        <v>0.66</v>
      </c>
      <c r="CV1152" s="20">
        <v>0.64</v>
      </c>
      <c r="CW1152" s="20">
        <v>0.63</v>
      </c>
      <c r="CX1152" s="20">
        <v>0.63</v>
      </c>
      <c r="CY1152" s="6" t="s">
        <v>577</v>
      </c>
      <c r="CZ1152" s="6" t="s">
        <v>578</v>
      </c>
      <c r="DA1152" s="6" t="s">
        <v>164</v>
      </c>
      <c r="DB1152" s="6"/>
      <c r="DC1152" s="6">
        <v>41180</v>
      </c>
      <c r="DD1152" s="6">
        <v>476</v>
      </c>
      <c r="DE1152" s="6" t="s">
        <v>508</v>
      </c>
      <c r="DF1152" s="6" t="s">
        <v>375</v>
      </c>
      <c r="DG1152" s="6" t="s">
        <v>376</v>
      </c>
      <c r="DH1152" s="6" t="s">
        <v>328</v>
      </c>
      <c r="DI1152" s="6" t="s">
        <v>509</v>
      </c>
      <c r="DJ1152" s="6">
        <v>29</v>
      </c>
      <c r="DK1152" s="6">
        <v>113</v>
      </c>
      <c r="DL1152" s="6">
        <v>1</v>
      </c>
      <c r="DM1152" s="6" t="s">
        <v>404</v>
      </c>
      <c r="DN1152" s="6">
        <v>1</v>
      </c>
      <c r="DO1152" s="6" t="s">
        <v>405</v>
      </c>
      <c r="DP1152" s="6"/>
      <c r="DQ1152" s="6"/>
    </row>
    <row r="1153" spans="1:121" x14ac:dyDescent="0.2">
      <c r="A1153" s="6" t="s">
        <v>317</v>
      </c>
      <c r="B1153" s="6" t="s">
        <v>317</v>
      </c>
      <c r="C1153" s="6" t="s">
        <v>186</v>
      </c>
      <c r="D1153" s="6" t="s">
        <v>164</v>
      </c>
      <c r="E1153" s="6" t="s">
        <v>303</v>
      </c>
      <c r="F1153" s="11">
        <v>70</v>
      </c>
      <c r="G1153" s="13">
        <v>0.35</v>
      </c>
      <c r="H1153" s="11">
        <v>39</v>
      </c>
      <c r="I1153" s="13">
        <v>0.19597989949748745</v>
      </c>
      <c r="J1153" s="11">
        <v>-6</v>
      </c>
      <c r="K1153" s="13">
        <v>-2.5210084033613449E-2</v>
      </c>
      <c r="L1153" s="11">
        <v>37</v>
      </c>
      <c r="M1153" s="13">
        <v>0.15948275862068967</v>
      </c>
      <c r="N1153" s="11">
        <v>31</v>
      </c>
      <c r="O1153" s="13">
        <v>0.13025210084033614</v>
      </c>
      <c r="P1153" s="7">
        <v>199</v>
      </c>
      <c r="Q1153" s="7">
        <v>209</v>
      </c>
      <c r="R1153" s="7">
        <v>221</v>
      </c>
      <c r="S1153" s="7">
        <v>218</v>
      </c>
      <c r="T1153" s="7">
        <v>211</v>
      </c>
      <c r="U1153" s="7">
        <v>228</v>
      </c>
      <c r="V1153" s="7">
        <v>238</v>
      </c>
      <c r="W1153" s="7">
        <v>212</v>
      </c>
      <c r="X1153" s="7">
        <v>214</v>
      </c>
      <c r="Y1153" s="7">
        <v>232</v>
      </c>
      <c r="Z1153" s="7">
        <v>238</v>
      </c>
      <c r="AA1153" s="7">
        <v>235</v>
      </c>
      <c r="AB1153" s="7">
        <v>246</v>
      </c>
      <c r="AC1153" s="7">
        <v>261</v>
      </c>
      <c r="AD1153" s="7">
        <v>261</v>
      </c>
      <c r="AE1153" s="7">
        <v>260</v>
      </c>
      <c r="AF1153" s="7">
        <v>269</v>
      </c>
      <c r="AG1153" s="9">
        <v>6050</v>
      </c>
      <c r="AH1153" s="13">
        <v>0.20977808599167819</v>
      </c>
      <c r="AI1153" s="9">
        <v>3730</v>
      </c>
      <c r="AJ1153" s="13">
        <v>0.12933425797503467</v>
      </c>
      <c r="AK1153" s="9">
        <v>871</v>
      </c>
      <c r="AL1153" s="13">
        <v>2.6742400982499231E-2</v>
      </c>
      <c r="AM1153" s="9">
        <v>1449</v>
      </c>
      <c r="AN1153" s="13">
        <v>4.333004395801561E-2</v>
      </c>
      <c r="AO1153" s="9">
        <v>2320</v>
      </c>
      <c r="AP1153" s="13">
        <v>7.1231194350629412E-2</v>
      </c>
      <c r="AQ1153" s="9">
        <v>28840</v>
      </c>
      <c r="AR1153" s="9">
        <v>33942</v>
      </c>
      <c r="AS1153" s="9">
        <v>31109</v>
      </c>
      <c r="AT1153" s="9">
        <v>29169</v>
      </c>
      <c r="AU1153" s="9">
        <v>28403</v>
      </c>
      <c r="AV1153" s="9">
        <v>30854</v>
      </c>
      <c r="AW1153" s="9">
        <v>32570</v>
      </c>
      <c r="AX1153" s="9">
        <v>34378</v>
      </c>
      <c r="AY1153" s="9">
        <v>35110</v>
      </c>
      <c r="AZ1153" s="9">
        <v>33441</v>
      </c>
      <c r="BA1153" s="9">
        <v>35592</v>
      </c>
      <c r="BB1153" s="9">
        <v>36218</v>
      </c>
      <c r="BC1153" s="9">
        <v>34937</v>
      </c>
      <c r="BD1153" s="9">
        <v>33467</v>
      </c>
      <c r="BE1153" s="9">
        <v>35157</v>
      </c>
      <c r="BF1153" s="9">
        <v>34890</v>
      </c>
      <c r="BG1153" s="11">
        <v>10</v>
      </c>
      <c r="BH1153" s="13">
        <v>0.25641025641025639</v>
      </c>
      <c r="BI1153" s="6">
        <v>4</v>
      </c>
      <c r="BJ1153" s="13">
        <v>0.10256410256410256</v>
      </c>
      <c r="BK1153" s="6">
        <v>6</v>
      </c>
      <c r="BL1153" s="13">
        <v>0.13953488372093023</v>
      </c>
      <c r="BM1153" s="11">
        <v>0</v>
      </c>
      <c r="BN1153" s="13">
        <v>0</v>
      </c>
      <c r="BO1153" s="11">
        <v>6</v>
      </c>
      <c r="BP1153" s="13">
        <v>0.13953488372093023</v>
      </c>
      <c r="BQ1153" s="6">
        <v>39</v>
      </c>
      <c r="BR1153" s="6">
        <v>42</v>
      </c>
      <c r="BS1153" s="6">
        <v>45</v>
      </c>
      <c r="BT1153" s="6">
        <v>43</v>
      </c>
      <c r="BU1153" s="6">
        <v>45</v>
      </c>
      <c r="BV1153" s="6">
        <v>45</v>
      </c>
      <c r="BW1153" s="6">
        <v>49</v>
      </c>
      <c r="BX1153" s="6">
        <v>50</v>
      </c>
      <c r="BY1153" s="6">
        <v>46</v>
      </c>
      <c r="BZ1153" s="6">
        <v>45</v>
      </c>
      <c r="CA1153" s="6">
        <v>46</v>
      </c>
      <c r="CB1153" s="6">
        <v>48</v>
      </c>
      <c r="CC1153" s="11">
        <v>49</v>
      </c>
      <c r="CD1153" s="11">
        <v>8</v>
      </c>
      <c r="CE1153" s="11">
        <v>40</v>
      </c>
      <c r="CF1153" s="11">
        <v>22</v>
      </c>
      <c r="CG1153" s="11">
        <v>62</v>
      </c>
      <c r="CH1153" s="20">
        <v>0.33</v>
      </c>
      <c r="CI1153" s="20">
        <v>0.34</v>
      </c>
      <c r="CJ1153" s="20">
        <v>0.35</v>
      </c>
      <c r="CK1153" s="20">
        <v>0.32</v>
      </c>
      <c r="CL1153" s="20">
        <v>0.28999999999999998</v>
      </c>
      <c r="CM1153" s="20">
        <v>0.28999999999999998</v>
      </c>
      <c r="CN1153" s="20">
        <v>0.3</v>
      </c>
      <c r="CO1153" s="20">
        <v>0.27</v>
      </c>
      <c r="CP1153" s="20">
        <v>0.28000000000000003</v>
      </c>
      <c r="CQ1153" s="20">
        <v>0.31</v>
      </c>
      <c r="CR1153" s="20">
        <v>0.32</v>
      </c>
      <c r="CS1153" s="20">
        <v>0.31</v>
      </c>
      <c r="CT1153" s="20">
        <v>0.32</v>
      </c>
      <c r="CU1153" s="20">
        <v>0.32</v>
      </c>
      <c r="CV1153" s="20">
        <v>0.31</v>
      </c>
      <c r="CW1153" s="20">
        <v>0.3</v>
      </c>
      <c r="CX1153" s="20">
        <v>0.3</v>
      </c>
      <c r="CY1153" s="6" t="s">
        <v>577</v>
      </c>
      <c r="CZ1153" s="6" t="s">
        <v>578</v>
      </c>
      <c r="DA1153" s="6" t="s">
        <v>164</v>
      </c>
      <c r="DB1153" s="6"/>
      <c r="DC1153" s="6">
        <v>41180</v>
      </c>
      <c r="DD1153" s="6">
        <v>476</v>
      </c>
      <c r="DE1153" s="6" t="s">
        <v>508</v>
      </c>
      <c r="DF1153" s="6" t="s">
        <v>375</v>
      </c>
      <c r="DG1153" s="6" t="s">
        <v>376</v>
      </c>
      <c r="DH1153" s="6" t="s">
        <v>328</v>
      </c>
      <c r="DI1153" s="6" t="s">
        <v>509</v>
      </c>
      <c r="DJ1153" s="6">
        <v>29</v>
      </c>
      <c r="DK1153" s="6">
        <v>113</v>
      </c>
      <c r="DL1153" s="6">
        <v>1</v>
      </c>
      <c r="DM1153" s="6" t="s">
        <v>404</v>
      </c>
      <c r="DN1153" s="6">
        <v>1</v>
      </c>
      <c r="DO1153" s="6" t="s">
        <v>405</v>
      </c>
      <c r="DP1153" s="6"/>
      <c r="DQ1153" s="6"/>
    </row>
    <row r="1154" spans="1:121" x14ac:dyDescent="0.2">
      <c r="A1154" s="6" t="s">
        <v>318</v>
      </c>
      <c r="B1154" s="6" t="s">
        <v>318</v>
      </c>
      <c r="C1154" s="6" t="s">
        <v>187</v>
      </c>
      <c r="D1154" s="6" t="s">
        <v>164</v>
      </c>
      <c r="E1154" s="6" t="s">
        <v>303</v>
      </c>
      <c r="F1154" s="11">
        <v>1</v>
      </c>
      <c r="G1154" s="13">
        <v>1</v>
      </c>
      <c r="H1154" s="11">
        <v>5.4127749999999999</v>
      </c>
      <c r="I1154" s="13">
        <v>1.0825549999999999</v>
      </c>
      <c r="J1154" s="11">
        <v>-5.4127749999999999</v>
      </c>
      <c r="K1154" s="13">
        <v>-0.51982060497801974</v>
      </c>
      <c r="L1154" s="11">
        <v>0</v>
      </c>
      <c r="M1154" s="13">
        <v>0</v>
      </c>
      <c r="N1154" s="11">
        <v>-5.4127749999999999</v>
      </c>
      <c r="O1154" s="13">
        <v>-0.51982060497801974</v>
      </c>
      <c r="P1154" s="7">
        <v>5</v>
      </c>
      <c r="Q1154" s="7">
        <v>0</v>
      </c>
      <c r="R1154" s="7">
        <v>0</v>
      </c>
      <c r="S1154" s="7">
        <v>5</v>
      </c>
      <c r="T1154" s="7">
        <v>5</v>
      </c>
      <c r="U1154" s="7">
        <v>16.051919999999999</v>
      </c>
      <c r="V1154" s="7">
        <v>10.412775</v>
      </c>
      <c r="W1154" s="7">
        <v>5</v>
      </c>
      <c r="X1154" s="7">
        <v>5</v>
      </c>
      <c r="Y1154" s="7">
        <v>5</v>
      </c>
      <c r="Z1154" s="7">
        <v>0</v>
      </c>
      <c r="AA1154" s="7">
        <v>5</v>
      </c>
      <c r="AB1154" s="7">
        <v>5</v>
      </c>
      <c r="AC1154" s="7">
        <v>5</v>
      </c>
      <c r="AD1154" s="7">
        <v>5</v>
      </c>
      <c r="AE1154" s="7">
        <v>5</v>
      </c>
      <c r="AF1154" s="7">
        <v>5</v>
      </c>
      <c r="AG1154" s="9">
        <v>0</v>
      </c>
      <c r="AH1154" s="13">
        <v>0</v>
      </c>
      <c r="AI1154" s="9">
        <v>36377.485430200002</v>
      </c>
      <c r="AJ1154" s="13">
        <v>36377.485430200002</v>
      </c>
      <c r="AK1154" s="9">
        <v>-36377.485430200002</v>
      </c>
      <c r="AL1154" s="13">
        <v>-0.99997251122502284</v>
      </c>
      <c r="AM1154" s="9">
        <v>0</v>
      </c>
      <c r="AN1154" s="13">
        <v>0</v>
      </c>
      <c r="AO1154" s="9">
        <v>-36377.485430200002</v>
      </c>
      <c r="AP1154" s="13">
        <v>-0.99997251122502284</v>
      </c>
      <c r="AQ1154" s="9">
        <v>1</v>
      </c>
      <c r="AR1154" s="9">
        <v>0</v>
      </c>
      <c r="AS1154" s="9">
        <v>0</v>
      </c>
      <c r="AT1154" s="9">
        <v>1</v>
      </c>
      <c r="AU1154" s="9">
        <v>1</v>
      </c>
      <c r="AV1154" s="9">
        <v>34073.084507200001</v>
      </c>
      <c r="AW1154" s="9">
        <v>36378.485430200002</v>
      </c>
      <c r="AX1154" s="9">
        <v>1</v>
      </c>
      <c r="AY1154" s="9">
        <v>1</v>
      </c>
      <c r="AZ1154" s="9">
        <v>1</v>
      </c>
      <c r="BA1154" s="9">
        <v>0</v>
      </c>
      <c r="BB1154" s="9">
        <v>1</v>
      </c>
      <c r="BC1154" s="9">
        <v>1</v>
      </c>
      <c r="BD1154" s="9">
        <v>1</v>
      </c>
      <c r="BE1154" s="9">
        <v>1</v>
      </c>
      <c r="BF1154" s="9">
        <v>1</v>
      </c>
      <c r="BG1154" s="11">
        <v>0.5</v>
      </c>
      <c r="BH1154" s="13">
        <v>0.5</v>
      </c>
      <c r="BI1154" s="6">
        <v>0</v>
      </c>
      <c r="BJ1154" s="13">
        <v>0</v>
      </c>
      <c r="BK1154" s="6">
        <v>-1</v>
      </c>
      <c r="BL1154" s="13">
        <v>-1</v>
      </c>
      <c r="BM1154" s="11">
        <v>1.5</v>
      </c>
      <c r="BN1154" s="13" t="e">
        <v>#DIV/0!</v>
      </c>
      <c r="BO1154" s="11">
        <v>0.5</v>
      </c>
      <c r="BP1154" s="13">
        <v>0.5</v>
      </c>
      <c r="BQ1154" s="6">
        <v>1</v>
      </c>
      <c r="BR1154" s="6">
        <v>1</v>
      </c>
      <c r="BS1154" s="6">
        <v>1</v>
      </c>
      <c r="BT1154" s="6">
        <v>1</v>
      </c>
      <c r="BU1154" s="6">
        <v>1</v>
      </c>
      <c r="BV1154" s="6">
        <v>1</v>
      </c>
      <c r="BW1154" s="6">
        <v>0</v>
      </c>
      <c r="BX1154" s="6">
        <v>0</v>
      </c>
      <c r="BY1154" s="6">
        <v>0</v>
      </c>
      <c r="BZ1154" s="6">
        <v>2</v>
      </c>
      <c r="CA1154" s="6">
        <v>2</v>
      </c>
      <c r="CB1154" s="6">
        <v>3</v>
      </c>
      <c r="CC1154" s="11">
        <v>1.5</v>
      </c>
      <c r="CD1154" s="11">
        <v>4.4101100000000004</v>
      </c>
      <c r="CE1154" s="11">
        <v>0.65392300000000003</v>
      </c>
      <c r="CF1154" s="11">
        <v>0.33385799999999999</v>
      </c>
      <c r="CG1154" s="11">
        <v>1</v>
      </c>
      <c r="CH1154" s="20">
        <v>2.31104E-2</v>
      </c>
      <c r="CI1154" s="20">
        <v>0</v>
      </c>
      <c r="CJ1154" s="20">
        <v>0</v>
      </c>
      <c r="CK1154" s="20">
        <v>3.7476800000000002E-3</v>
      </c>
      <c r="CL1154" s="20">
        <v>2.6906599999999999E-2</v>
      </c>
      <c r="CM1154" s="20">
        <v>9.98526E-2</v>
      </c>
      <c r="CN1154" s="20">
        <v>6.3615599999999994E-2</v>
      </c>
      <c r="CO1154" s="20">
        <v>5.99219E-2</v>
      </c>
      <c r="CP1154" s="20">
        <v>5.19943E-2</v>
      </c>
      <c r="CQ1154" s="20">
        <v>3.5397199999999997E-2</v>
      </c>
      <c r="CR1154" s="20">
        <v>0</v>
      </c>
      <c r="CS1154" s="20">
        <v>3.4067199999999998E-3</v>
      </c>
      <c r="CT1154" s="20">
        <v>3.36896E-2</v>
      </c>
      <c r="CU1154" s="20">
        <v>4.5357599999999998E-2</v>
      </c>
      <c r="CV1154" s="20">
        <v>4.4451699999999997E-2</v>
      </c>
      <c r="CW1154" s="20">
        <v>4.1662699999999997E-2</v>
      </c>
      <c r="CX1154" s="20">
        <v>4.2416099999999998E-2</v>
      </c>
      <c r="CY1154" s="6" t="s">
        <v>577</v>
      </c>
      <c r="CZ1154" s="6" t="s">
        <v>578</v>
      </c>
      <c r="DA1154" s="6" t="s">
        <v>164</v>
      </c>
      <c r="DB1154" s="6"/>
      <c r="DC1154" s="6">
        <v>41180</v>
      </c>
      <c r="DD1154" s="6">
        <v>476</v>
      </c>
      <c r="DE1154" s="6" t="s">
        <v>508</v>
      </c>
      <c r="DF1154" s="6" t="s">
        <v>375</v>
      </c>
      <c r="DG1154" s="6" t="s">
        <v>376</v>
      </c>
      <c r="DH1154" s="6" t="s">
        <v>328</v>
      </c>
      <c r="DI1154" s="6" t="s">
        <v>509</v>
      </c>
      <c r="DJ1154" s="6">
        <v>29</v>
      </c>
      <c r="DK1154" s="6">
        <v>113</v>
      </c>
      <c r="DL1154" s="6">
        <v>1</v>
      </c>
      <c r="DM1154" s="6" t="s">
        <v>404</v>
      </c>
      <c r="DN1154" s="6">
        <v>1</v>
      </c>
      <c r="DO1154" s="6" t="s">
        <v>405</v>
      </c>
      <c r="DP1154" s="6"/>
      <c r="DQ1154" s="6"/>
    </row>
    <row r="1155" spans="1:121" x14ac:dyDescent="0.2">
      <c r="A1155" s="6" t="s">
        <v>319</v>
      </c>
      <c r="B1155" s="6" t="s">
        <v>319</v>
      </c>
      <c r="C1155" s="6" t="s">
        <v>188</v>
      </c>
      <c r="D1155" s="6" t="s">
        <v>164</v>
      </c>
      <c r="E1155" s="6" t="s">
        <v>303</v>
      </c>
      <c r="F1155" s="11">
        <v>626</v>
      </c>
      <c r="G1155" s="13">
        <v>2.1811846689899999</v>
      </c>
      <c r="H1155" s="11">
        <v>149.19403703399996</v>
      </c>
      <c r="I1155" s="13">
        <v>0.5196385951899759</v>
      </c>
      <c r="J1155" s="11">
        <v>54.096680562000017</v>
      </c>
      <c r="K1155" s="13">
        <v>0.12398816608339504</v>
      </c>
      <c r="L1155" s="11">
        <v>422.13673895700003</v>
      </c>
      <c r="M1155" s="13">
        <v>0.86079756807647845</v>
      </c>
      <c r="N1155" s="11">
        <v>476.23341951900005</v>
      </c>
      <c r="O1155" s="13">
        <v>1.0915144459947224</v>
      </c>
      <c r="P1155" s="7">
        <v>287.11115458900002</v>
      </c>
      <c r="Q1155" s="7">
        <v>342.16402792899999</v>
      </c>
      <c r="R1155" s="7">
        <v>313.36993356400001</v>
      </c>
      <c r="S1155" s="7">
        <v>353.26385085099997</v>
      </c>
      <c r="T1155" s="7">
        <v>452.68455411000002</v>
      </c>
      <c r="U1155" s="7">
        <v>428.93235164700002</v>
      </c>
      <c r="V1155" s="7">
        <v>436.30519162299998</v>
      </c>
      <c r="W1155" s="7">
        <v>403.14976988799998</v>
      </c>
      <c r="X1155" s="7">
        <v>415.05510975499999</v>
      </c>
      <c r="Y1155" s="7">
        <v>490.401872185</v>
      </c>
      <c r="Z1155" s="7">
        <v>450.70665272500003</v>
      </c>
      <c r="AA1155" s="7">
        <v>470.54571992000001</v>
      </c>
      <c r="AB1155" s="7">
        <v>423.91221974000001</v>
      </c>
      <c r="AC1155" s="7">
        <v>875.16035136200003</v>
      </c>
      <c r="AD1155" s="7">
        <v>853.43512632099998</v>
      </c>
      <c r="AE1155" s="7">
        <v>829.28055999399999</v>
      </c>
      <c r="AF1155" s="7">
        <v>912.53861114200004</v>
      </c>
      <c r="AG1155" s="9">
        <v>6245.1568478000008</v>
      </c>
      <c r="AH1155" s="13">
        <v>0.30255736663828137</v>
      </c>
      <c r="AI1155" s="9">
        <v>2987.9455297000022</v>
      </c>
      <c r="AJ1155" s="13">
        <v>0.14475616115920625</v>
      </c>
      <c r="AK1155" s="9">
        <v>1191.4312992999985</v>
      </c>
      <c r="AL1155" s="13">
        <v>5.0422038156771341E-2</v>
      </c>
      <c r="AM1155" s="9">
        <v>2065.7800188000001</v>
      </c>
      <c r="AN1155" s="13">
        <v>8.3228417939206489E-2</v>
      </c>
      <c r="AO1155" s="9">
        <v>3257.2113180999986</v>
      </c>
      <c r="AP1155" s="13">
        <v>0.13784700256103624</v>
      </c>
      <c r="AQ1155" s="9">
        <v>20641.2321643</v>
      </c>
      <c r="AR1155" s="9">
        <v>21855.393788699999</v>
      </c>
      <c r="AS1155" s="9">
        <v>20975.620073300001</v>
      </c>
      <c r="AT1155" s="9">
        <v>22498.613576399999</v>
      </c>
      <c r="AU1155" s="9">
        <v>24547.547433200001</v>
      </c>
      <c r="AV1155" s="9">
        <v>23708.203948900002</v>
      </c>
      <c r="AW1155" s="9">
        <v>23629.177694000002</v>
      </c>
      <c r="AX1155" s="9">
        <v>23763.0592612</v>
      </c>
      <c r="AY1155" s="9">
        <v>22907.164753599998</v>
      </c>
      <c r="AZ1155" s="9">
        <v>24820.6089933</v>
      </c>
      <c r="BA1155" s="9">
        <v>24710.594367199999</v>
      </c>
      <c r="BB1155" s="9">
        <v>27486.944624799999</v>
      </c>
      <c r="BC1155" s="9">
        <v>28448.857860200002</v>
      </c>
      <c r="BD1155" s="9">
        <v>23524.981090500001</v>
      </c>
      <c r="BE1155" s="9">
        <v>29442.9679201</v>
      </c>
      <c r="BF1155" s="9">
        <v>26886.3890121</v>
      </c>
      <c r="BG1155" s="11">
        <v>34.5</v>
      </c>
      <c r="BH1155" s="13">
        <v>1.5</v>
      </c>
      <c r="BI1155" s="6">
        <v>10</v>
      </c>
      <c r="BJ1155" s="13">
        <v>0.43478260869565216</v>
      </c>
      <c r="BK1155" s="6">
        <v>8</v>
      </c>
      <c r="BL1155" s="13">
        <v>0.24242424242424243</v>
      </c>
      <c r="BM1155" s="11">
        <v>16.5</v>
      </c>
      <c r="BN1155" s="13">
        <v>0.40243902439024393</v>
      </c>
      <c r="BO1155" s="11">
        <v>24.5</v>
      </c>
      <c r="BP1155" s="13">
        <v>0.74242424242424243</v>
      </c>
      <c r="BQ1155" s="6">
        <v>23</v>
      </c>
      <c r="BR1155" s="6">
        <v>26</v>
      </c>
      <c r="BS1155" s="6">
        <v>29</v>
      </c>
      <c r="BT1155" s="6">
        <v>33</v>
      </c>
      <c r="BU1155" s="6">
        <v>40</v>
      </c>
      <c r="BV1155" s="6">
        <v>43</v>
      </c>
      <c r="BW1155" s="6">
        <v>41</v>
      </c>
      <c r="BX1155" s="6">
        <v>41</v>
      </c>
      <c r="BY1155" s="6">
        <v>41</v>
      </c>
      <c r="BZ1155" s="6">
        <v>44</v>
      </c>
      <c r="CA1155" s="6">
        <v>52</v>
      </c>
      <c r="CB1155" s="6">
        <v>56</v>
      </c>
      <c r="CC1155" s="11">
        <v>57.5</v>
      </c>
      <c r="CD1155" s="11">
        <v>568.21100000000001</v>
      </c>
      <c r="CE1155" s="11">
        <v>25.832100000000001</v>
      </c>
      <c r="CF1155" s="11">
        <v>31.384699999999999</v>
      </c>
      <c r="CG1155" s="11">
        <v>57</v>
      </c>
      <c r="CH1155" s="20">
        <v>0.44289800000000001</v>
      </c>
      <c r="CI1155" s="20">
        <v>0.51290400000000003</v>
      </c>
      <c r="CJ1155" s="20">
        <v>0.45506099999999999</v>
      </c>
      <c r="CK1155" s="20">
        <v>0.47681099999999998</v>
      </c>
      <c r="CL1155" s="20">
        <v>0.57455299999999998</v>
      </c>
      <c r="CM1155" s="20">
        <v>0.51683599999999996</v>
      </c>
      <c r="CN1155" s="20">
        <v>0.52716200000000002</v>
      </c>
      <c r="CO1155" s="20">
        <v>0.52799499999999999</v>
      </c>
      <c r="CP1155" s="20">
        <v>0.59403700000000004</v>
      </c>
      <c r="CQ1155" s="20">
        <v>0.686504</v>
      </c>
      <c r="CR1155" s="20">
        <v>0.62224599999999997</v>
      </c>
      <c r="CS1155" s="20">
        <v>0.639957</v>
      </c>
      <c r="CT1155" s="20">
        <v>0.56651799999999997</v>
      </c>
      <c r="CU1155" s="20">
        <v>1.09565</v>
      </c>
      <c r="CV1155" s="20">
        <v>1.0300800000000001</v>
      </c>
      <c r="CW1155" s="20">
        <v>0.969418</v>
      </c>
      <c r="CX1155" s="20">
        <v>1.03023</v>
      </c>
      <c r="CY1155" s="6" t="s">
        <v>577</v>
      </c>
      <c r="CZ1155" s="6" t="s">
        <v>578</v>
      </c>
      <c r="DA1155" s="6" t="s">
        <v>164</v>
      </c>
      <c r="DB1155" s="6"/>
      <c r="DC1155" s="6">
        <v>41180</v>
      </c>
      <c r="DD1155" s="6">
        <v>476</v>
      </c>
      <c r="DE1155" s="6" t="s">
        <v>508</v>
      </c>
      <c r="DF1155" s="6" t="s">
        <v>375</v>
      </c>
      <c r="DG1155" s="6" t="s">
        <v>376</v>
      </c>
      <c r="DH1155" s="6" t="s">
        <v>328</v>
      </c>
      <c r="DI1155" s="6" t="s">
        <v>509</v>
      </c>
      <c r="DJ1155" s="6">
        <v>29</v>
      </c>
      <c r="DK1155" s="6">
        <v>113</v>
      </c>
      <c r="DL1155" s="6">
        <v>1</v>
      </c>
      <c r="DM1155" s="6" t="s">
        <v>404</v>
      </c>
      <c r="DN1155" s="6">
        <v>1</v>
      </c>
      <c r="DO1155" s="6" t="s">
        <v>405</v>
      </c>
      <c r="DP1155" s="6"/>
      <c r="DQ1155" s="6"/>
    </row>
    <row r="1156" spans="1:121" x14ac:dyDescent="0.2">
      <c r="A1156" s="6" t="s">
        <v>320</v>
      </c>
      <c r="B1156" s="6" t="s">
        <v>320</v>
      </c>
      <c r="C1156" s="6" t="s">
        <v>189</v>
      </c>
      <c r="D1156" s="6" t="s">
        <v>164</v>
      </c>
      <c r="E1156" s="6" t="s">
        <v>303</v>
      </c>
      <c r="F1156" s="11">
        <v>81</v>
      </c>
      <c r="G1156" s="13">
        <v>0.69827586206900005</v>
      </c>
      <c r="H1156" s="11">
        <v>59.193072450999992</v>
      </c>
      <c r="I1156" s="13">
        <v>0.51190458855976806</v>
      </c>
      <c r="J1156" s="11">
        <v>-15.746410465999986</v>
      </c>
      <c r="K1156" s="13">
        <v>-9.0068996192535722E-2</v>
      </c>
      <c r="L1156" s="11">
        <v>37.77785494699998</v>
      </c>
      <c r="M1156" s="13">
        <v>0.23747756454366045</v>
      </c>
      <c r="N1156" s="11">
        <v>22.031444480999994</v>
      </c>
      <c r="O1156" s="13">
        <v>0.12601920249442913</v>
      </c>
      <c r="P1156" s="7">
        <v>115.63301789800001</v>
      </c>
      <c r="Q1156" s="7">
        <v>110.846879696</v>
      </c>
      <c r="R1156" s="7">
        <v>131.99371202399999</v>
      </c>
      <c r="S1156" s="7">
        <v>123.87454379099999</v>
      </c>
      <c r="T1156" s="7">
        <v>115.218541581</v>
      </c>
      <c r="U1156" s="7">
        <v>197.41173556300001</v>
      </c>
      <c r="V1156" s="7">
        <v>174.826090349</v>
      </c>
      <c r="W1156" s="7">
        <v>156.08176719400001</v>
      </c>
      <c r="X1156" s="7">
        <v>153.293590537</v>
      </c>
      <c r="Y1156" s="7">
        <v>159.07967988300001</v>
      </c>
      <c r="Z1156" s="7">
        <v>159.42651816200001</v>
      </c>
      <c r="AA1156" s="7">
        <v>156.17474656600001</v>
      </c>
      <c r="AB1156" s="7">
        <v>177.87579156300001</v>
      </c>
      <c r="AC1156" s="7">
        <v>177.03322636999999</v>
      </c>
      <c r="AD1156" s="7">
        <v>178.49133538300001</v>
      </c>
      <c r="AE1156" s="7">
        <v>182.51806919800001</v>
      </c>
      <c r="AF1156" s="7">
        <v>196.85753482999999</v>
      </c>
      <c r="AG1156" s="9">
        <v>9588.2813744000014</v>
      </c>
      <c r="AH1156" s="13">
        <v>0.56464587853550718</v>
      </c>
      <c r="AI1156" s="9">
        <v>2055.6245249999993</v>
      </c>
      <c r="AJ1156" s="13">
        <v>0.12105401067565057</v>
      </c>
      <c r="AK1156" s="9">
        <v>3927.259700999999</v>
      </c>
      <c r="AL1156" s="13">
        <v>0.20629964312227972</v>
      </c>
      <c r="AM1156" s="9">
        <v>3605.3971484000031</v>
      </c>
      <c r="AN1156" s="13">
        <v>0.15700257202268073</v>
      </c>
      <c r="AO1156" s="9">
        <v>7532.6568494000021</v>
      </c>
      <c r="AP1156" s="13">
        <v>0.39569178972251945</v>
      </c>
      <c r="AQ1156" s="9">
        <v>16981.0526188</v>
      </c>
      <c r="AR1156" s="9">
        <v>18597.4642642</v>
      </c>
      <c r="AS1156" s="9">
        <v>17238.008564399999</v>
      </c>
      <c r="AT1156" s="9">
        <v>20140.0501802</v>
      </c>
      <c r="AU1156" s="9">
        <v>22986.460372000001</v>
      </c>
      <c r="AV1156" s="9">
        <v>23361.277916700001</v>
      </c>
      <c r="AW1156" s="9">
        <v>19036.6771438</v>
      </c>
      <c r="AX1156" s="9">
        <v>21141.996614700001</v>
      </c>
      <c r="AY1156" s="9">
        <v>23048.674713500001</v>
      </c>
      <c r="AZ1156" s="9">
        <v>22963.936844799999</v>
      </c>
      <c r="BA1156" s="9">
        <v>22604.1124514</v>
      </c>
      <c r="BB1156" s="9">
        <v>22445.502672400002</v>
      </c>
      <c r="BC1156" s="9">
        <v>23936.472088300001</v>
      </c>
      <c r="BD1156" s="9">
        <v>24653.417275100001</v>
      </c>
      <c r="BE1156" s="9">
        <v>25022.923411200001</v>
      </c>
      <c r="BF1156" s="9">
        <v>26569.333993200002</v>
      </c>
      <c r="BG1156" s="11">
        <v>2.25</v>
      </c>
      <c r="BH1156" s="13">
        <v>0.375</v>
      </c>
      <c r="BI1156" s="6">
        <v>2</v>
      </c>
      <c r="BJ1156" s="13">
        <v>0.33333333333333331</v>
      </c>
      <c r="BK1156" s="6">
        <v>0</v>
      </c>
      <c r="BL1156" s="13">
        <v>0</v>
      </c>
      <c r="BM1156" s="11">
        <v>0.25</v>
      </c>
      <c r="BN1156" s="13">
        <v>3.125E-2</v>
      </c>
      <c r="BO1156" s="11">
        <v>0.25</v>
      </c>
      <c r="BP1156" s="13">
        <v>3.125E-2</v>
      </c>
      <c r="BQ1156" s="6">
        <v>6</v>
      </c>
      <c r="BR1156" s="6">
        <v>6</v>
      </c>
      <c r="BS1156" s="6">
        <v>8</v>
      </c>
      <c r="BT1156" s="6">
        <v>8</v>
      </c>
      <c r="BU1156" s="6">
        <v>9</v>
      </c>
      <c r="BV1156" s="6">
        <v>8</v>
      </c>
      <c r="BW1156" s="6">
        <v>8</v>
      </c>
      <c r="BX1156" s="6">
        <v>8</v>
      </c>
      <c r="BY1156" s="6">
        <v>8</v>
      </c>
      <c r="BZ1156" s="6">
        <v>8</v>
      </c>
      <c r="CA1156" s="6">
        <v>7</v>
      </c>
      <c r="CB1156" s="6">
        <v>8</v>
      </c>
      <c r="CC1156" s="11">
        <v>8.25</v>
      </c>
      <c r="CD1156" s="11">
        <v>26.713100000000001</v>
      </c>
      <c r="CE1156" s="11">
        <v>41.871299999999998</v>
      </c>
      <c r="CF1156" s="11">
        <v>12.6401</v>
      </c>
      <c r="CG1156" s="11">
        <v>55</v>
      </c>
      <c r="CH1156" s="20">
        <v>0.53465399999999996</v>
      </c>
      <c r="CI1156" s="20">
        <v>0.47593600000000003</v>
      </c>
      <c r="CJ1156" s="20">
        <v>0.53317400000000004</v>
      </c>
      <c r="CK1156" s="20">
        <v>0.46331099999999997</v>
      </c>
      <c r="CL1156" s="20">
        <v>0.414302</v>
      </c>
      <c r="CM1156" s="20">
        <v>0.67720800000000003</v>
      </c>
      <c r="CN1156" s="20">
        <v>0.59199299999999999</v>
      </c>
      <c r="CO1156" s="20">
        <v>0.53245799999999999</v>
      </c>
      <c r="CP1156" s="20">
        <v>0.50593600000000005</v>
      </c>
      <c r="CQ1156" s="20">
        <v>0.51738600000000001</v>
      </c>
      <c r="CR1156" s="20">
        <v>0.51511799999999996</v>
      </c>
      <c r="CS1156" s="20">
        <v>0.501888</v>
      </c>
      <c r="CT1156" s="20">
        <v>0.56903599999999999</v>
      </c>
      <c r="CU1156" s="20">
        <v>0.53690700000000002</v>
      </c>
      <c r="CV1156" s="20">
        <v>0.52752900000000003</v>
      </c>
      <c r="CW1156" s="20">
        <v>0.52313100000000001</v>
      </c>
      <c r="CX1156" s="20">
        <v>0.54294900000000001</v>
      </c>
      <c r="CY1156" s="6" t="s">
        <v>577</v>
      </c>
      <c r="CZ1156" s="6" t="s">
        <v>578</v>
      </c>
      <c r="DA1156" s="6" t="s">
        <v>164</v>
      </c>
      <c r="DB1156" s="6"/>
      <c r="DC1156" s="6">
        <v>41180</v>
      </c>
      <c r="DD1156" s="6">
        <v>476</v>
      </c>
      <c r="DE1156" s="6" t="s">
        <v>508</v>
      </c>
      <c r="DF1156" s="6" t="s">
        <v>375</v>
      </c>
      <c r="DG1156" s="6" t="s">
        <v>376</v>
      </c>
      <c r="DH1156" s="6" t="s">
        <v>328</v>
      </c>
      <c r="DI1156" s="6" t="s">
        <v>509</v>
      </c>
      <c r="DJ1156" s="6">
        <v>29</v>
      </c>
      <c r="DK1156" s="6">
        <v>113</v>
      </c>
      <c r="DL1156" s="6">
        <v>1</v>
      </c>
      <c r="DM1156" s="6" t="s">
        <v>404</v>
      </c>
      <c r="DN1156" s="6">
        <v>1</v>
      </c>
      <c r="DO1156" s="6" t="s">
        <v>405</v>
      </c>
      <c r="DP1156" s="6"/>
      <c r="DQ1156" s="6"/>
    </row>
    <row r="1157" spans="1:121" x14ac:dyDescent="0.2">
      <c r="A1157" s="6" t="s">
        <v>321</v>
      </c>
      <c r="B1157" s="6" t="s">
        <v>321</v>
      </c>
      <c r="C1157" s="6" t="s">
        <v>190</v>
      </c>
      <c r="D1157" s="6" t="s">
        <v>164</v>
      </c>
      <c r="E1157" s="6" t="s">
        <v>303</v>
      </c>
      <c r="F1157" s="11">
        <v>744</v>
      </c>
      <c r="G1157" s="13">
        <v>1.1306990881500001</v>
      </c>
      <c r="H1157" s="11">
        <v>304.98130631200002</v>
      </c>
      <c r="I1157" s="13">
        <v>0.46346390083626959</v>
      </c>
      <c r="J1157" s="11">
        <v>-97.536756737000019</v>
      </c>
      <c r="K1157" s="13">
        <v>-0.10128123505552308</v>
      </c>
      <c r="L1157" s="11">
        <v>536.89710471299998</v>
      </c>
      <c r="M1157" s="13">
        <v>0.62033734996136491</v>
      </c>
      <c r="N1157" s="11">
        <v>439.36034797599996</v>
      </c>
      <c r="O1157" s="13">
        <v>0.45622758195068458</v>
      </c>
      <c r="P1157" s="7">
        <v>658.04759715199998</v>
      </c>
      <c r="Q1157" s="7">
        <v>693.31364219900001</v>
      </c>
      <c r="R1157" s="7">
        <v>723.81597661399996</v>
      </c>
      <c r="S1157" s="7">
        <v>857.68114597299996</v>
      </c>
      <c r="T1157" s="7">
        <v>973.82437602699997</v>
      </c>
      <c r="U1157" s="7">
        <v>960.58511350900005</v>
      </c>
      <c r="V1157" s="7">
        <v>963.028903464</v>
      </c>
      <c r="W1157" s="7">
        <v>856.44176249500003</v>
      </c>
      <c r="X1157" s="7">
        <v>896.58388172800005</v>
      </c>
      <c r="Y1157" s="7">
        <v>865.49214672699998</v>
      </c>
      <c r="Z1157" s="7">
        <v>861.29154403400003</v>
      </c>
      <c r="AA1157" s="7">
        <v>954.65718619100005</v>
      </c>
      <c r="AB1157" s="7">
        <v>926.68591554099999</v>
      </c>
      <c r="AC1157" s="7">
        <v>935.912856734</v>
      </c>
      <c r="AD1157" s="7">
        <v>1216.5891714899999</v>
      </c>
      <c r="AE1157" s="7">
        <v>1320.92533596</v>
      </c>
      <c r="AF1157" s="7">
        <v>1402.38925144</v>
      </c>
      <c r="AG1157" s="9">
        <v>18541.9127721</v>
      </c>
      <c r="AH1157" s="13">
        <v>0.88790118685314479</v>
      </c>
      <c r="AI1157" s="9">
        <v>2154.8338067999975</v>
      </c>
      <c r="AJ1157" s="13">
        <v>0.10318673796200292</v>
      </c>
      <c r="AK1157" s="9">
        <v>4610.3249816000025</v>
      </c>
      <c r="AL1157" s="13">
        <v>0.20012097513351573</v>
      </c>
      <c r="AM1157" s="9">
        <v>11776.7539837</v>
      </c>
      <c r="AN1157" s="13">
        <v>0.42595296640133906</v>
      </c>
      <c r="AO1157" s="9">
        <v>16387.078965300003</v>
      </c>
      <c r="AP1157" s="13">
        <v>0.7113160645321045</v>
      </c>
      <c r="AQ1157" s="9">
        <v>20882.856163100001</v>
      </c>
      <c r="AR1157" s="9">
        <v>20776.392017099999</v>
      </c>
      <c r="AS1157" s="9">
        <v>22400.533623800002</v>
      </c>
      <c r="AT1157" s="9">
        <v>20867.307863400001</v>
      </c>
      <c r="AU1157" s="9">
        <v>21960.113553700001</v>
      </c>
      <c r="AV1157" s="9">
        <v>22669.506196300001</v>
      </c>
      <c r="AW1157" s="9">
        <v>23037.689969899999</v>
      </c>
      <c r="AX1157" s="9">
        <v>26822.060286399999</v>
      </c>
      <c r="AY1157" s="9">
        <v>26673.453017799999</v>
      </c>
      <c r="AZ1157" s="9">
        <v>27648.014951500001</v>
      </c>
      <c r="BA1157" s="9">
        <v>27792.355604699998</v>
      </c>
      <c r="BB1157" s="9">
        <v>27350.800531299999</v>
      </c>
      <c r="BC1157" s="9">
        <v>29548.230861200002</v>
      </c>
      <c r="BD1157" s="9">
        <v>29864.540219300001</v>
      </c>
      <c r="BE1157" s="9">
        <v>37449.735118700002</v>
      </c>
      <c r="BF1157" s="9">
        <v>39424.768935200002</v>
      </c>
      <c r="BG1157" s="11">
        <v>75.5</v>
      </c>
      <c r="BH1157" s="13">
        <v>1.3981481481481481</v>
      </c>
      <c r="BI1157" s="6">
        <v>0</v>
      </c>
      <c r="BJ1157" s="13">
        <v>0</v>
      </c>
      <c r="BK1157" s="6">
        <v>7</v>
      </c>
      <c r="BL1157" s="13">
        <v>0.12962962962962962</v>
      </c>
      <c r="BM1157" s="11">
        <v>68.5</v>
      </c>
      <c r="BN1157" s="13">
        <v>1.1229508196721312</v>
      </c>
      <c r="BO1157" s="11">
        <v>75.5</v>
      </c>
      <c r="BP1157" s="13">
        <v>1.3981481481481481</v>
      </c>
      <c r="BQ1157" s="6">
        <v>54</v>
      </c>
      <c r="BR1157" s="6">
        <v>55</v>
      </c>
      <c r="BS1157" s="6">
        <v>54</v>
      </c>
      <c r="BT1157" s="6">
        <v>54</v>
      </c>
      <c r="BU1157" s="6">
        <v>55</v>
      </c>
      <c r="BV1157" s="6">
        <v>58</v>
      </c>
      <c r="BW1157" s="6">
        <v>61</v>
      </c>
      <c r="BX1157" s="6">
        <v>63</v>
      </c>
      <c r="BY1157" s="6">
        <v>69</v>
      </c>
      <c r="BZ1157" s="6">
        <v>105</v>
      </c>
      <c r="CA1157" s="6">
        <v>111</v>
      </c>
      <c r="CB1157" s="6">
        <v>122</v>
      </c>
      <c r="CC1157" s="11">
        <v>129.5</v>
      </c>
      <c r="CD1157" s="11">
        <v>432.77</v>
      </c>
      <c r="CE1157" s="11">
        <v>239.63900000000001</v>
      </c>
      <c r="CF1157" s="11">
        <v>71.932500000000005</v>
      </c>
      <c r="CG1157" s="11">
        <v>312</v>
      </c>
      <c r="CH1157" s="20">
        <v>0.61607500000000004</v>
      </c>
      <c r="CI1157" s="20">
        <v>0.60713700000000004</v>
      </c>
      <c r="CJ1157" s="20">
        <v>0.59528199999999998</v>
      </c>
      <c r="CK1157" s="20">
        <v>0.66372699999999996</v>
      </c>
      <c r="CL1157" s="20">
        <v>0.71667800000000004</v>
      </c>
      <c r="CM1157" s="20">
        <v>0.672288</v>
      </c>
      <c r="CN1157" s="20">
        <v>0.66383499999999995</v>
      </c>
      <c r="CO1157" s="20">
        <v>0.59676200000000001</v>
      </c>
      <c r="CP1157" s="20">
        <v>0.60905500000000001</v>
      </c>
      <c r="CQ1157" s="20">
        <v>0.58301800000000004</v>
      </c>
      <c r="CR1157" s="20">
        <v>0.58667499999999995</v>
      </c>
      <c r="CS1157" s="20">
        <v>0.63611499999999999</v>
      </c>
      <c r="CT1157" s="20">
        <v>0.61144299999999996</v>
      </c>
      <c r="CU1157" s="20">
        <v>0.58663699999999996</v>
      </c>
      <c r="CV1157" s="20">
        <v>0.73571699999999995</v>
      </c>
      <c r="CW1157" s="20">
        <v>0.77001900000000001</v>
      </c>
      <c r="CX1157" s="20">
        <v>0.782084</v>
      </c>
      <c r="CY1157" s="6" t="s">
        <v>577</v>
      </c>
      <c r="CZ1157" s="6" t="s">
        <v>578</v>
      </c>
      <c r="DA1157" s="6" t="s">
        <v>164</v>
      </c>
      <c r="DB1157" s="6"/>
      <c r="DC1157" s="6">
        <v>41180</v>
      </c>
      <c r="DD1157" s="6">
        <v>476</v>
      </c>
      <c r="DE1157" s="6" t="s">
        <v>508</v>
      </c>
      <c r="DF1157" s="6" t="s">
        <v>375</v>
      </c>
      <c r="DG1157" s="6" t="s">
        <v>376</v>
      </c>
      <c r="DH1157" s="6" t="s">
        <v>328</v>
      </c>
      <c r="DI1157" s="6" t="s">
        <v>509</v>
      </c>
      <c r="DJ1157" s="6">
        <v>29</v>
      </c>
      <c r="DK1157" s="6">
        <v>113</v>
      </c>
      <c r="DL1157" s="6">
        <v>1</v>
      </c>
      <c r="DM1157" s="6" t="s">
        <v>404</v>
      </c>
      <c r="DN1157" s="6">
        <v>1</v>
      </c>
      <c r="DO1157" s="6" t="s">
        <v>405</v>
      </c>
      <c r="DP1157" s="6"/>
      <c r="DQ1157" s="6"/>
    </row>
    <row r="1158" spans="1:121" x14ac:dyDescent="0.2">
      <c r="A1158" s="6" t="s">
        <v>322</v>
      </c>
      <c r="B1158" s="6" t="s">
        <v>322</v>
      </c>
      <c r="C1158" s="6" t="s">
        <v>191</v>
      </c>
      <c r="D1158" s="6" t="s">
        <v>164</v>
      </c>
      <c r="E1158" s="6" t="s">
        <v>303</v>
      </c>
      <c r="F1158" s="11">
        <v>-11</v>
      </c>
      <c r="G1158" s="13">
        <v>-0.09</v>
      </c>
      <c r="H1158" s="11">
        <v>-36</v>
      </c>
      <c r="I1158" s="13">
        <v>-0.28799999999999998</v>
      </c>
      <c r="J1158" s="11">
        <v>13</v>
      </c>
      <c r="K1158" s="13">
        <v>0.14606741573033707</v>
      </c>
      <c r="L1158" s="11">
        <v>12</v>
      </c>
      <c r="M1158" s="13">
        <v>0.1176470588235294</v>
      </c>
      <c r="N1158" s="11">
        <v>25</v>
      </c>
      <c r="O1158" s="13">
        <v>0.2808988764044944</v>
      </c>
      <c r="P1158" s="7">
        <v>125</v>
      </c>
      <c r="Q1158" s="7">
        <v>131</v>
      </c>
      <c r="R1158" s="7">
        <v>123</v>
      </c>
      <c r="S1158" s="7">
        <v>83</v>
      </c>
      <c r="T1158" s="7">
        <v>80</v>
      </c>
      <c r="U1158" s="7">
        <v>91</v>
      </c>
      <c r="V1158" s="7">
        <v>89</v>
      </c>
      <c r="W1158" s="7">
        <v>118</v>
      </c>
      <c r="X1158" s="7">
        <v>135</v>
      </c>
      <c r="Y1158" s="7">
        <v>102</v>
      </c>
      <c r="Z1158" s="7">
        <v>98</v>
      </c>
      <c r="AA1158" s="7">
        <v>105</v>
      </c>
      <c r="AB1158" s="7">
        <v>94</v>
      </c>
      <c r="AC1158" s="7">
        <v>124</v>
      </c>
      <c r="AD1158" s="7">
        <v>123</v>
      </c>
      <c r="AE1158" s="7">
        <v>111</v>
      </c>
      <c r="AF1158" s="7">
        <v>114</v>
      </c>
      <c r="AG1158" s="9">
        <v>3944</v>
      </c>
      <c r="AH1158" s="13">
        <v>0.35753784788323817</v>
      </c>
      <c r="AI1158" s="9">
        <v>5590</v>
      </c>
      <c r="AJ1158" s="13">
        <v>0.50675369413471127</v>
      </c>
      <c r="AK1158" s="9">
        <v>-2116</v>
      </c>
      <c r="AL1158" s="13">
        <v>-0.12730882618374345</v>
      </c>
      <c r="AM1158" s="9">
        <v>470</v>
      </c>
      <c r="AN1158" s="13">
        <v>3.240261978628059E-2</v>
      </c>
      <c r="AO1158" s="9">
        <v>-1646</v>
      </c>
      <c r="AP1158" s="13">
        <v>-9.903134588773238E-2</v>
      </c>
      <c r="AQ1158" s="9">
        <v>11031</v>
      </c>
      <c r="AR1158" s="9">
        <v>11534</v>
      </c>
      <c r="AS1158" s="9">
        <v>12428</v>
      </c>
      <c r="AT1158" s="9">
        <v>13259</v>
      </c>
      <c r="AU1158" s="9">
        <v>14205</v>
      </c>
      <c r="AV1158" s="9">
        <v>16727</v>
      </c>
      <c r="AW1158" s="9">
        <v>16621</v>
      </c>
      <c r="AX1158" s="9">
        <v>14352</v>
      </c>
      <c r="AY1158" s="9">
        <v>13528</v>
      </c>
      <c r="AZ1158" s="9">
        <v>14505</v>
      </c>
      <c r="BA1158" s="9">
        <v>13013</v>
      </c>
      <c r="BB1158" s="9">
        <v>12521</v>
      </c>
      <c r="BC1158" s="9">
        <v>13299</v>
      </c>
      <c r="BD1158" s="9">
        <v>13898</v>
      </c>
      <c r="BE1158" s="9">
        <v>14019</v>
      </c>
      <c r="BF1158" s="9">
        <v>14975</v>
      </c>
      <c r="BG1158" s="11">
        <v>0</v>
      </c>
      <c r="BH1158" s="13">
        <v>0</v>
      </c>
      <c r="BI1158" s="6">
        <v>3</v>
      </c>
      <c r="BJ1158" s="13">
        <v>0.27272727272727271</v>
      </c>
      <c r="BK1158" s="6">
        <v>2</v>
      </c>
      <c r="BL1158" s="13">
        <v>0.14285714285714285</v>
      </c>
      <c r="BM1158" s="11">
        <v>-5</v>
      </c>
      <c r="BN1158" s="13">
        <v>-0.3125</v>
      </c>
      <c r="BO1158" s="11">
        <v>-3</v>
      </c>
      <c r="BP1158" s="13">
        <v>-0.21428571428571427</v>
      </c>
      <c r="BQ1158" s="6">
        <v>11</v>
      </c>
      <c r="BR1158" s="6">
        <v>11</v>
      </c>
      <c r="BS1158" s="6">
        <v>13</v>
      </c>
      <c r="BT1158" s="6">
        <v>14</v>
      </c>
      <c r="BU1158" s="6">
        <v>16</v>
      </c>
      <c r="BV1158" s="6">
        <v>16</v>
      </c>
      <c r="BW1158" s="6">
        <v>16</v>
      </c>
      <c r="BX1158" s="6">
        <v>14</v>
      </c>
      <c r="BY1158" s="6">
        <v>13</v>
      </c>
      <c r="BZ1158" s="6">
        <v>13</v>
      </c>
      <c r="CA1158" s="6">
        <v>12</v>
      </c>
      <c r="CB1158" s="6">
        <v>12</v>
      </c>
      <c r="CC1158" s="11">
        <v>11</v>
      </c>
      <c r="CD1158" s="11">
        <v>-47</v>
      </c>
      <c r="CE1158" s="11">
        <v>23</v>
      </c>
      <c r="CF1158" s="11">
        <v>14</v>
      </c>
      <c r="CG1158" s="11">
        <v>37</v>
      </c>
      <c r="CH1158" s="20">
        <v>0.76</v>
      </c>
      <c r="CI1158" s="20">
        <v>0.77</v>
      </c>
      <c r="CJ1158" s="20">
        <v>0.68</v>
      </c>
      <c r="CK1158" s="20">
        <v>0.43</v>
      </c>
      <c r="CL1158" s="20">
        <v>0.4</v>
      </c>
      <c r="CM1158" s="20">
        <v>0.44</v>
      </c>
      <c r="CN1158" s="20">
        <v>0.42</v>
      </c>
      <c r="CO1158" s="20">
        <v>0.56999999999999995</v>
      </c>
      <c r="CP1158" s="20">
        <v>0.67</v>
      </c>
      <c r="CQ1158" s="20">
        <v>0.51</v>
      </c>
      <c r="CR1158" s="20">
        <v>0.5</v>
      </c>
      <c r="CS1158" s="20">
        <v>0.53</v>
      </c>
      <c r="CT1158" s="20">
        <v>0.47</v>
      </c>
      <c r="CU1158" s="20">
        <v>0.57999999999999996</v>
      </c>
      <c r="CV1158" s="20">
        <v>0.55000000000000004</v>
      </c>
      <c r="CW1158" s="20">
        <v>0.48</v>
      </c>
      <c r="CX1158" s="20">
        <v>0.48</v>
      </c>
      <c r="CY1158" s="6" t="s">
        <v>577</v>
      </c>
      <c r="CZ1158" s="6" t="s">
        <v>578</v>
      </c>
      <c r="DA1158" s="6" t="s">
        <v>164</v>
      </c>
      <c r="DB1158" s="6"/>
      <c r="DC1158" s="6">
        <v>41180</v>
      </c>
      <c r="DD1158" s="6">
        <v>476</v>
      </c>
      <c r="DE1158" s="6" t="s">
        <v>508</v>
      </c>
      <c r="DF1158" s="6" t="s">
        <v>375</v>
      </c>
      <c r="DG1158" s="6" t="s">
        <v>376</v>
      </c>
      <c r="DH1158" s="6" t="s">
        <v>328</v>
      </c>
      <c r="DI1158" s="6" t="s">
        <v>509</v>
      </c>
      <c r="DJ1158" s="6">
        <v>29</v>
      </c>
      <c r="DK1158" s="6">
        <v>113</v>
      </c>
      <c r="DL1158" s="6">
        <v>1</v>
      </c>
      <c r="DM1158" s="6" t="s">
        <v>404</v>
      </c>
      <c r="DN1158" s="6">
        <v>1</v>
      </c>
      <c r="DO1158" s="6" t="s">
        <v>405</v>
      </c>
      <c r="DP1158" s="6"/>
      <c r="DQ1158" s="6"/>
    </row>
    <row r="1159" spans="1:121" x14ac:dyDescent="0.2">
      <c r="A1159" s="6" t="s">
        <v>323</v>
      </c>
      <c r="B1159" s="6" t="s">
        <v>323</v>
      </c>
      <c r="C1159" s="6" t="s">
        <v>192</v>
      </c>
      <c r="D1159" s="6" t="s">
        <v>164</v>
      </c>
      <c r="E1159" s="6" t="s">
        <v>303</v>
      </c>
      <c r="F1159" s="11">
        <v>154</v>
      </c>
      <c r="G1159" s="13">
        <v>0.19154228855700001</v>
      </c>
      <c r="H1159" s="11">
        <v>315.83322386700002</v>
      </c>
      <c r="I1159" s="13">
        <v>0.39273272978216528</v>
      </c>
      <c r="J1159" s="11">
        <v>-128.14045878799993</v>
      </c>
      <c r="K1159" s="13">
        <v>-0.11440836406634228</v>
      </c>
      <c r="L1159" s="11">
        <v>-34.312100239000074</v>
      </c>
      <c r="M1159" s="13">
        <v>-3.4592766618216822E-2</v>
      </c>
      <c r="N1159" s="11">
        <v>-162.45255902700001</v>
      </c>
      <c r="O1159" s="13">
        <v>-0.14504342884724014</v>
      </c>
      <c r="P1159" s="7">
        <v>804.19379368299997</v>
      </c>
      <c r="Q1159" s="7">
        <v>936.21335619800004</v>
      </c>
      <c r="R1159" s="7">
        <v>897.82616829899996</v>
      </c>
      <c r="S1159" s="7">
        <v>958.25377167800002</v>
      </c>
      <c r="T1159" s="7">
        <v>1057.88688809</v>
      </c>
      <c r="U1159" s="7">
        <v>1156.49955307</v>
      </c>
      <c r="V1159" s="7">
        <v>1120.02701755</v>
      </c>
      <c r="W1159" s="7">
        <v>1054.3619968400001</v>
      </c>
      <c r="X1159" s="7">
        <v>1043.7467663100001</v>
      </c>
      <c r="Y1159" s="7">
        <v>991.88655876200005</v>
      </c>
      <c r="Z1159" s="7">
        <v>953.04631795600005</v>
      </c>
      <c r="AA1159" s="7">
        <v>957.85764838900002</v>
      </c>
      <c r="AB1159" s="7">
        <v>987.23940409299996</v>
      </c>
      <c r="AC1159" s="7">
        <v>917.50706732200001</v>
      </c>
      <c r="AD1159" s="7">
        <v>965.00692610800002</v>
      </c>
      <c r="AE1159" s="7">
        <v>966.09169891700003</v>
      </c>
      <c r="AF1159" s="7">
        <v>957.57445852299998</v>
      </c>
      <c r="AG1159" s="9">
        <v>4226.6855809999997</v>
      </c>
      <c r="AH1159" s="13">
        <v>0.43168622609100082</v>
      </c>
      <c r="AI1159" s="9">
        <v>1523.5538577999996</v>
      </c>
      <c r="AJ1159" s="13">
        <v>0.15560590030083599</v>
      </c>
      <c r="AK1159" s="9">
        <v>3291.3195950999998</v>
      </c>
      <c r="AL1159" s="13">
        <v>0.29088984098394433</v>
      </c>
      <c r="AM1159" s="9">
        <v>-588.18787189999966</v>
      </c>
      <c r="AN1159" s="13">
        <v>-4.0270347868119907E-2</v>
      </c>
      <c r="AO1159" s="9">
        <v>2703.1317232000001</v>
      </c>
      <c r="AP1159" s="13">
        <v>0.23890525802809892</v>
      </c>
      <c r="AQ1159" s="9">
        <v>9791.1059597000003</v>
      </c>
      <c r="AR1159" s="9">
        <v>9922.4090307700008</v>
      </c>
      <c r="AS1159" s="9">
        <v>10191.820922999999</v>
      </c>
      <c r="AT1159" s="9">
        <v>10225.614978899999</v>
      </c>
      <c r="AU1159" s="9">
        <v>11110.766813599999</v>
      </c>
      <c r="AV1159" s="9">
        <v>10557.932065200001</v>
      </c>
      <c r="AW1159" s="9">
        <v>11314.6598175</v>
      </c>
      <c r="AX1159" s="9">
        <v>12109.978426400001</v>
      </c>
      <c r="AY1159" s="9">
        <v>12730.9912841</v>
      </c>
      <c r="AZ1159" s="9">
        <v>14605.9794126</v>
      </c>
      <c r="BA1159" s="9">
        <v>12750.310915599999</v>
      </c>
      <c r="BB1159" s="9">
        <v>13090.152133</v>
      </c>
      <c r="BC1159" s="9">
        <v>12668.7682362</v>
      </c>
      <c r="BD1159" s="9">
        <v>12949.3440895</v>
      </c>
      <c r="BE1159" s="9">
        <v>13827.6201415</v>
      </c>
      <c r="BF1159" s="9">
        <v>14017.7915407</v>
      </c>
      <c r="BG1159" s="11">
        <v>-6.5</v>
      </c>
      <c r="BH1159" s="13">
        <v>-0.11403508771929824</v>
      </c>
      <c r="BI1159" s="6">
        <v>6</v>
      </c>
      <c r="BJ1159" s="13">
        <v>0.10526315789473684</v>
      </c>
      <c r="BK1159" s="6">
        <v>-3</v>
      </c>
      <c r="BL1159" s="13">
        <v>-4.7619047619047616E-2</v>
      </c>
      <c r="BM1159" s="11">
        <v>-9.5</v>
      </c>
      <c r="BN1159" s="13">
        <v>-0.15833333333333333</v>
      </c>
      <c r="BO1159" s="11">
        <v>-12.5</v>
      </c>
      <c r="BP1159" s="13">
        <v>-0.1984126984126984</v>
      </c>
      <c r="BQ1159" s="6">
        <v>57</v>
      </c>
      <c r="BR1159" s="6">
        <v>62</v>
      </c>
      <c r="BS1159" s="6">
        <v>66</v>
      </c>
      <c r="BT1159" s="6">
        <v>63</v>
      </c>
      <c r="BU1159" s="6">
        <v>62</v>
      </c>
      <c r="BV1159" s="6">
        <v>63</v>
      </c>
      <c r="BW1159" s="6">
        <v>60</v>
      </c>
      <c r="BX1159" s="6">
        <v>57</v>
      </c>
      <c r="BY1159" s="6">
        <v>56</v>
      </c>
      <c r="BZ1159" s="6">
        <v>56</v>
      </c>
      <c r="CA1159" s="6">
        <v>54</v>
      </c>
      <c r="CB1159" s="6">
        <v>54</v>
      </c>
      <c r="CC1159" s="11">
        <v>50.5</v>
      </c>
      <c r="CD1159" s="11">
        <v>-117.40600000000001</v>
      </c>
      <c r="CE1159" s="11">
        <v>182.87799999999999</v>
      </c>
      <c r="CF1159" s="11">
        <v>87.908100000000005</v>
      </c>
      <c r="CG1159" s="11">
        <v>271</v>
      </c>
      <c r="CH1159" s="20">
        <v>1.0145200000000001</v>
      </c>
      <c r="CI1159" s="20">
        <v>1.1328199999999999</v>
      </c>
      <c r="CJ1159" s="20">
        <v>1.0327599999999999</v>
      </c>
      <c r="CK1159" s="20">
        <v>1.0317700000000001</v>
      </c>
      <c r="CL1159" s="20">
        <v>1.0824199999999999</v>
      </c>
      <c r="CM1159" s="20">
        <v>1.12978</v>
      </c>
      <c r="CN1159" s="20">
        <v>1.08369</v>
      </c>
      <c r="CO1159" s="20">
        <v>1.0548299999999999</v>
      </c>
      <c r="CP1159" s="20">
        <v>1.06847</v>
      </c>
      <c r="CQ1159" s="20">
        <v>1.02006</v>
      </c>
      <c r="CR1159" s="20">
        <v>0.98022799999999999</v>
      </c>
      <c r="CS1159" s="20">
        <v>0.96970299999999998</v>
      </c>
      <c r="CT1159" s="20">
        <v>0.97912200000000005</v>
      </c>
      <c r="CU1159" s="20">
        <v>0.85533499999999996</v>
      </c>
      <c r="CV1159" s="20">
        <v>0.85962799999999995</v>
      </c>
      <c r="CW1159" s="20">
        <v>0.827623</v>
      </c>
      <c r="CX1159" s="20">
        <v>0.79320599999999997</v>
      </c>
      <c r="CY1159" s="6" t="s">
        <v>577</v>
      </c>
      <c r="CZ1159" s="6" t="s">
        <v>578</v>
      </c>
      <c r="DA1159" s="6" t="s">
        <v>164</v>
      </c>
      <c r="DB1159" s="6"/>
      <c r="DC1159" s="6">
        <v>41180</v>
      </c>
      <c r="DD1159" s="6">
        <v>476</v>
      </c>
      <c r="DE1159" s="6" t="s">
        <v>508</v>
      </c>
      <c r="DF1159" s="6" t="s">
        <v>375</v>
      </c>
      <c r="DG1159" s="6" t="s">
        <v>376</v>
      </c>
      <c r="DH1159" s="6" t="s">
        <v>328</v>
      </c>
      <c r="DI1159" s="6" t="s">
        <v>509</v>
      </c>
      <c r="DJ1159" s="6">
        <v>29</v>
      </c>
      <c r="DK1159" s="6">
        <v>113</v>
      </c>
      <c r="DL1159" s="6">
        <v>1</v>
      </c>
      <c r="DM1159" s="6" t="s">
        <v>404</v>
      </c>
      <c r="DN1159" s="6">
        <v>1</v>
      </c>
      <c r="DO1159" s="6" t="s">
        <v>405</v>
      </c>
      <c r="DP1159" s="6"/>
      <c r="DQ1159" s="6"/>
    </row>
    <row r="1160" spans="1:121" x14ac:dyDescent="0.2">
      <c r="A1160" s="6" t="s">
        <v>325</v>
      </c>
      <c r="B1160" s="6" t="s">
        <v>325</v>
      </c>
      <c r="C1160" s="6" t="s">
        <v>193</v>
      </c>
      <c r="D1160" s="6" t="s">
        <v>164</v>
      </c>
      <c r="E1160" s="6" t="s">
        <v>303</v>
      </c>
      <c r="F1160" s="11">
        <v>86</v>
      </c>
      <c r="G1160" s="13">
        <v>0.19413092550800001</v>
      </c>
      <c r="H1160" s="11">
        <v>128.70268523800002</v>
      </c>
      <c r="I1160" s="13">
        <v>0.29031745956977739</v>
      </c>
      <c r="J1160" s="11">
        <v>-59.824416158999952</v>
      </c>
      <c r="K1160" s="13">
        <v>-0.1045845282829045</v>
      </c>
      <c r="L1160" s="11">
        <v>17.257306487999927</v>
      </c>
      <c r="M1160" s="13">
        <v>3.3692822263499685E-2</v>
      </c>
      <c r="N1160" s="11">
        <v>-42.567109671000026</v>
      </c>
      <c r="O1160" s="13">
        <v>-7.4415453942352675E-2</v>
      </c>
      <c r="P1160" s="7">
        <v>443.31706893799998</v>
      </c>
      <c r="Q1160" s="7">
        <v>460.79977929699999</v>
      </c>
      <c r="R1160" s="7">
        <v>468.56931900900003</v>
      </c>
      <c r="S1160" s="7">
        <v>496.83716348000002</v>
      </c>
      <c r="T1160" s="7">
        <v>544.61514327700002</v>
      </c>
      <c r="U1160" s="7">
        <v>580.79233264000004</v>
      </c>
      <c r="V1160" s="7">
        <v>572.01975417599999</v>
      </c>
      <c r="W1160" s="7">
        <v>542.87122854400002</v>
      </c>
      <c r="X1160" s="7">
        <v>512.43201345800003</v>
      </c>
      <c r="Y1160" s="7">
        <v>512.19533801700004</v>
      </c>
      <c r="Z1160" s="7">
        <v>516.78587591400003</v>
      </c>
      <c r="AA1160" s="7">
        <v>539.79196066099996</v>
      </c>
      <c r="AB1160" s="7">
        <v>487.685911949</v>
      </c>
      <c r="AC1160" s="7">
        <v>480.66061887400002</v>
      </c>
      <c r="AD1160" s="7">
        <v>513.64017060599997</v>
      </c>
      <c r="AE1160" s="7">
        <v>522.64877688299998</v>
      </c>
      <c r="AF1160" s="7">
        <v>529.45264450499997</v>
      </c>
      <c r="AG1160" s="9">
        <v>5134.8269213999993</v>
      </c>
      <c r="AH1160" s="13">
        <v>0.3024551406836925</v>
      </c>
      <c r="AI1160" s="9">
        <v>1303.0319149999996</v>
      </c>
      <c r="AJ1160" s="13">
        <v>7.6752090615590463E-2</v>
      </c>
      <c r="AK1160" s="9">
        <v>388.62715469999966</v>
      </c>
      <c r="AL1160" s="13">
        <v>2.1259477189160249E-2</v>
      </c>
      <c r="AM1160" s="9">
        <v>3443.1678517</v>
      </c>
      <c r="AN1160" s="13">
        <v>0.18443423224451111</v>
      </c>
      <c r="AO1160" s="9">
        <v>3831.7950063999997</v>
      </c>
      <c r="AP1160" s="13">
        <v>0.20961468478697384</v>
      </c>
      <c r="AQ1160" s="9">
        <v>16977.152082100001</v>
      </c>
      <c r="AR1160" s="9">
        <v>17126.8283352</v>
      </c>
      <c r="AS1160" s="9">
        <v>17496.681080499999</v>
      </c>
      <c r="AT1160" s="9">
        <v>17953.1149057</v>
      </c>
      <c r="AU1160" s="9">
        <v>16787.564302700001</v>
      </c>
      <c r="AV1160" s="9">
        <v>16808.0386191</v>
      </c>
      <c r="AW1160" s="9">
        <v>18280.183997100001</v>
      </c>
      <c r="AX1160" s="9">
        <v>18635.639355899999</v>
      </c>
      <c r="AY1160" s="9">
        <v>18748.230418700001</v>
      </c>
      <c r="AZ1160" s="9">
        <v>18668.811151800001</v>
      </c>
      <c r="BA1160" s="9">
        <v>18958.981827299998</v>
      </c>
      <c r="BB1160" s="9">
        <v>18966.372915899999</v>
      </c>
      <c r="BC1160" s="9">
        <v>21343.9829431</v>
      </c>
      <c r="BD1160" s="9">
        <v>21351.534291299999</v>
      </c>
      <c r="BE1160" s="9">
        <v>21014.947292199999</v>
      </c>
      <c r="BF1160" s="9">
        <v>22111.979003500001</v>
      </c>
      <c r="BG1160" s="11">
        <v>-23.75</v>
      </c>
      <c r="BH1160" s="13">
        <v>-0.27616279069767441</v>
      </c>
      <c r="BI1160" s="6">
        <v>7</v>
      </c>
      <c r="BJ1160" s="13">
        <v>8.1395348837209308E-2</v>
      </c>
      <c r="BK1160" s="6">
        <v>-12</v>
      </c>
      <c r="BL1160" s="13">
        <v>-0.12903225806451613</v>
      </c>
      <c r="BM1160" s="11">
        <v>-18.75</v>
      </c>
      <c r="BN1160" s="13">
        <v>-0.23148148148148148</v>
      </c>
      <c r="BO1160" s="11">
        <v>-30.75</v>
      </c>
      <c r="BP1160" s="13">
        <v>-0.33064516129032256</v>
      </c>
      <c r="BQ1160" s="6">
        <v>86</v>
      </c>
      <c r="BR1160" s="6">
        <v>82</v>
      </c>
      <c r="BS1160" s="6">
        <v>87</v>
      </c>
      <c r="BT1160" s="6">
        <v>93</v>
      </c>
      <c r="BU1160" s="6">
        <v>93</v>
      </c>
      <c r="BV1160" s="6">
        <v>85</v>
      </c>
      <c r="BW1160" s="6">
        <v>81</v>
      </c>
      <c r="BX1160" s="6">
        <v>94</v>
      </c>
      <c r="BY1160" s="6">
        <v>94</v>
      </c>
      <c r="BZ1160" s="6">
        <v>58</v>
      </c>
      <c r="CA1160" s="6">
        <v>60</v>
      </c>
      <c r="CB1160" s="6">
        <v>61</v>
      </c>
      <c r="CC1160" s="11">
        <v>62.25</v>
      </c>
      <c r="CD1160" s="11">
        <v>41.758200000000002</v>
      </c>
      <c r="CE1160" s="11">
        <v>-4.0825300000000002</v>
      </c>
      <c r="CF1160" s="11">
        <v>48.459899999999998</v>
      </c>
      <c r="CG1160" s="11">
        <v>44</v>
      </c>
      <c r="CH1160" s="20">
        <v>0.82334600000000002</v>
      </c>
      <c r="CI1160" s="20">
        <v>0.81745100000000004</v>
      </c>
      <c r="CJ1160" s="20">
        <v>0.79475200000000001</v>
      </c>
      <c r="CK1160" s="20">
        <v>0.80308100000000004</v>
      </c>
      <c r="CL1160" s="20">
        <v>0.85041199999999995</v>
      </c>
      <c r="CM1160" s="20">
        <v>0.87396799999999997</v>
      </c>
      <c r="CN1160" s="20">
        <v>0.85675900000000005</v>
      </c>
      <c r="CO1160" s="20">
        <v>0.83993399999999996</v>
      </c>
      <c r="CP1160" s="20">
        <v>0.79472200000000004</v>
      </c>
      <c r="CQ1160" s="20">
        <v>0.80393199999999998</v>
      </c>
      <c r="CR1160" s="20">
        <v>0.82306699999999999</v>
      </c>
      <c r="CS1160" s="20">
        <v>0.85274700000000003</v>
      </c>
      <c r="CT1160" s="20">
        <v>0.82332700000000003</v>
      </c>
      <c r="CU1160" s="20">
        <v>0.770872</v>
      </c>
      <c r="CV1160" s="20">
        <v>0.80272500000000002</v>
      </c>
      <c r="CW1160" s="20">
        <v>0.79385399999999995</v>
      </c>
      <c r="CX1160" s="20">
        <v>0.78453799999999996</v>
      </c>
      <c r="CY1160" s="6" t="s">
        <v>577</v>
      </c>
      <c r="CZ1160" s="6" t="s">
        <v>578</v>
      </c>
      <c r="DA1160" s="6" t="s">
        <v>164</v>
      </c>
      <c r="DB1160" s="6"/>
      <c r="DC1160" s="6">
        <v>41180</v>
      </c>
      <c r="DD1160" s="6">
        <v>476</v>
      </c>
      <c r="DE1160" s="6" t="s">
        <v>508</v>
      </c>
      <c r="DF1160" s="6" t="s">
        <v>375</v>
      </c>
      <c r="DG1160" s="6" t="s">
        <v>376</v>
      </c>
      <c r="DH1160" s="6" t="s">
        <v>328</v>
      </c>
      <c r="DI1160" s="6" t="s">
        <v>509</v>
      </c>
      <c r="DJ1160" s="6">
        <v>29</v>
      </c>
      <c r="DK1160" s="6">
        <v>113</v>
      </c>
      <c r="DL1160" s="6">
        <v>1</v>
      </c>
      <c r="DM1160" s="6" t="s">
        <v>404</v>
      </c>
      <c r="DN1160" s="6">
        <v>1</v>
      </c>
      <c r="DO1160" s="6" t="s">
        <v>405</v>
      </c>
      <c r="DP1160" s="6"/>
      <c r="DQ1160" s="6"/>
    </row>
    <row r="1161" spans="1:121" x14ac:dyDescent="0.2">
      <c r="A1161" s="6" t="s">
        <v>327</v>
      </c>
      <c r="B1161" s="6" t="s">
        <v>327</v>
      </c>
      <c r="C1161" s="6" t="s">
        <v>194</v>
      </c>
      <c r="D1161" s="6" t="s">
        <v>164</v>
      </c>
      <c r="E1161" s="6" t="s">
        <v>303</v>
      </c>
      <c r="F1161" s="11">
        <v>456</v>
      </c>
      <c r="G1161" s="13">
        <v>0.23065250379400001</v>
      </c>
      <c r="H1161" s="11">
        <v>514.79428199999984</v>
      </c>
      <c r="I1161" s="13">
        <v>0.2603964604729343</v>
      </c>
      <c r="J1161" s="11">
        <v>35.170994000000064</v>
      </c>
      <c r="K1161" s="13">
        <v>1.4114933287288111E-2</v>
      </c>
      <c r="L1161" s="11">
        <v>-93.970714789999874</v>
      </c>
      <c r="M1161" s="13">
        <v>-3.7187718922256925E-2</v>
      </c>
      <c r="N1161" s="11">
        <v>-58.79972078999981</v>
      </c>
      <c r="O1161" s="13">
        <v>-2.3597687806662888E-2</v>
      </c>
      <c r="P1161" s="7">
        <v>1976.9634390000001</v>
      </c>
      <c r="Q1161" s="7">
        <v>2038.3622109999999</v>
      </c>
      <c r="R1161" s="7">
        <v>2143.6009840000002</v>
      </c>
      <c r="S1161" s="7">
        <v>2165.5237320000001</v>
      </c>
      <c r="T1161" s="7">
        <v>2223.1290020000001</v>
      </c>
      <c r="U1161" s="7">
        <v>2344.6091649999998</v>
      </c>
      <c r="V1161" s="7">
        <v>2491.7577209999999</v>
      </c>
      <c r="W1161" s="7">
        <v>2597.5758559999999</v>
      </c>
      <c r="X1161" s="7">
        <v>2605.5793269999999</v>
      </c>
      <c r="Y1161" s="7">
        <v>2526.928715</v>
      </c>
      <c r="Z1161" s="7">
        <v>2551.2880420000001</v>
      </c>
      <c r="AA1161" s="7">
        <v>2614.483307</v>
      </c>
      <c r="AB1161" s="7">
        <v>2651.3070980000002</v>
      </c>
      <c r="AC1161" s="7">
        <v>2678.0446780000002</v>
      </c>
      <c r="AD1161" s="7">
        <v>2429.2040099999999</v>
      </c>
      <c r="AE1161" s="7">
        <v>2395.8495549999998</v>
      </c>
      <c r="AF1161" s="7">
        <v>2432.9580002100001</v>
      </c>
      <c r="AG1161" s="9">
        <v>14609.876810900001</v>
      </c>
      <c r="AH1161" s="13">
        <v>0.41584467105288864</v>
      </c>
      <c r="AI1161" s="9">
        <v>10767.277423200001</v>
      </c>
      <c r="AJ1161" s="13">
        <v>0.30647177906697037</v>
      </c>
      <c r="AK1161" s="9">
        <v>4267.2932979000034</v>
      </c>
      <c r="AL1161" s="13">
        <v>9.2968761844394746E-2</v>
      </c>
      <c r="AM1161" s="9">
        <v>-424.6939102000033</v>
      </c>
      <c r="AN1161" s="13">
        <v>-8.4655043547349502E-3</v>
      </c>
      <c r="AO1161" s="9">
        <v>3842.5993877000001</v>
      </c>
      <c r="AP1161" s="13">
        <v>8.3716230031411765E-2</v>
      </c>
      <c r="AQ1161" s="9">
        <v>35133.014387099996</v>
      </c>
      <c r="AR1161" s="9">
        <v>37282.195911499999</v>
      </c>
      <c r="AS1161" s="9">
        <v>38950.258579900001</v>
      </c>
      <c r="AT1161" s="9">
        <v>41425.702713300001</v>
      </c>
      <c r="AU1161" s="9">
        <v>44073.260065299997</v>
      </c>
      <c r="AV1161" s="9">
        <v>45913.731003699999</v>
      </c>
      <c r="AW1161" s="9">
        <v>45900.291810299997</v>
      </c>
      <c r="AX1161" s="9">
        <v>47197.917840599999</v>
      </c>
      <c r="AY1161" s="9">
        <v>48955.387474900002</v>
      </c>
      <c r="AZ1161" s="9">
        <v>50167.585108200001</v>
      </c>
      <c r="BA1161" s="9">
        <v>49752.862033700003</v>
      </c>
      <c r="BB1161" s="9">
        <v>50163.3333422</v>
      </c>
      <c r="BC1161" s="9">
        <v>51291.032877600002</v>
      </c>
      <c r="BD1161" s="9">
        <v>50907.851164200001</v>
      </c>
      <c r="BE1161" s="9">
        <v>50081.2581536</v>
      </c>
      <c r="BF1161" s="9">
        <v>49742.891197999998</v>
      </c>
      <c r="BG1161" s="11">
        <v>12.25</v>
      </c>
      <c r="BH1161" s="13">
        <v>0.20416666666666666</v>
      </c>
      <c r="BI1161" s="6">
        <v>8</v>
      </c>
      <c r="BJ1161" s="13">
        <v>0.13333333333333333</v>
      </c>
      <c r="BK1161" s="6">
        <v>3</v>
      </c>
      <c r="BL1161" s="13">
        <v>4.4117647058823532E-2</v>
      </c>
      <c r="BM1161" s="11">
        <v>1.25</v>
      </c>
      <c r="BN1161" s="13">
        <v>1.7605633802816902E-2</v>
      </c>
      <c r="BO1161" s="11">
        <v>4.25</v>
      </c>
      <c r="BP1161" s="13">
        <v>6.25E-2</v>
      </c>
      <c r="BQ1161" s="6">
        <v>60</v>
      </c>
      <c r="BR1161" s="6">
        <v>59</v>
      </c>
      <c r="BS1161" s="6">
        <v>61</v>
      </c>
      <c r="BT1161" s="6">
        <v>68</v>
      </c>
      <c r="BU1161" s="6">
        <v>69</v>
      </c>
      <c r="BV1161" s="6">
        <v>71</v>
      </c>
      <c r="BW1161" s="6">
        <v>71</v>
      </c>
      <c r="BX1161" s="6">
        <v>70</v>
      </c>
      <c r="BY1161" s="6">
        <v>71</v>
      </c>
      <c r="BZ1161" s="6">
        <v>71</v>
      </c>
      <c r="CA1161" s="6">
        <v>71</v>
      </c>
      <c r="CB1161" s="6">
        <v>73</v>
      </c>
      <c r="CC1161" s="11">
        <v>72.25</v>
      </c>
      <c r="CD1161" s="11">
        <v>355.78699999999998</v>
      </c>
      <c r="CE1161" s="11">
        <v>-115.899</v>
      </c>
      <c r="CF1161" s="11">
        <v>216.10599999999999</v>
      </c>
      <c r="CG1161" s="11">
        <v>100</v>
      </c>
      <c r="CH1161" s="20">
        <v>1.1053299999999999</v>
      </c>
      <c r="CI1161" s="20">
        <v>1.08643</v>
      </c>
      <c r="CJ1161" s="20">
        <v>1.10043</v>
      </c>
      <c r="CK1161" s="20">
        <v>1.0670999999999999</v>
      </c>
      <c r="CL1161" s="20">
        <v>1.0607200000000001</v>
      </c>
      <c r="CM1161" s="20">
        <v>1.08517</v>
      </c>
      <c r="CN1161" s="20">
        <v>1.1561399999999999</v>
      </c>
      <c r="CO1161" s="20">
        <v>1.2325600000000001</v>
      </c>
      <c r="CP1161" s="20">
        <v>1.22543</v>
      </c>
      <c r="CQ1161" s="20">
        <v>1.1958800000000001</v>
      </c>
      <c r="CR1161" s="20">
        <v>1.25393</v>
      </c>
      <c r="CS1161" s="20">
        <v>1.31782</v>
      </c>
      <c r="CT1161" s="20">
        <v>1.3564799999999999</v>
      </c>
      <c r="CU1161" s="20">
        <v>1.32623</v>
      </c>
      <c r="CV1161" s="20">
        <v>1.18235</v>
      </c>
      <c r="CW1161" s="20">
        <v>1.1390800000000001</v>
      </c>
      <c r="CX1161" s="20">
        <v>1.1363399999999999</v>
      </c>
      <c r="CY1161" s="6" t="s">
        <v>577</v>
      </c>
      <c r="CZ1161" s="6" t="s">
        <v>578</v>
      </c>
      <c r="DA1161" s="6" t="s">
        <v>164</v>
      </c>
      <c r="DB1161" s="6"/>
      <c r="DC1161" s="6">
        <v>41180</v>
      </c>
      <c r="DD1161" s="6">
        <v>476</v>
      </c>
      <c r="DE1161" s="6" t="s">
        <v>508</v>
      </c>
      <c r="DF1161" s="6" t="s">
        <v>375</v>
      </c>
      <c r="DG1161" s="6" t="s">
        <v>376</v>
      </c>
      <c r="DH1161" s="6" t="s">
        <v>328</v>
      </c>
      <c r="DI1161" s="6" t="s">
        <v>509</v>
      </c>
      <c r="DJ1161" s="6">
        <v>29</v>
      </c>
      <c r="DK1161" s="6">
        <v>113</v>
      </c>
      <c r="DL1161" s="6">
        <v>1</v>
      </c>
      <c r="DM1161" s="6" t="s">
        <v>404</v>
      </c>
      <c r="DN1161" s="6">
        <v>1</v>
      </c>
      <c r="DO1161" s="6" t="s">
        <v>405</v>
      </c>
      <c r="DP1161" s="6"/>
      <c r="DQ1161" s="6"/>
    </row>
    <row r="1162" spans="1:121" x14ac:dyDescent="0.2">
      <c r="A1162" s="6" t="s">
        <v>1</v>
      </c>
      <c r="B1162" s="6" t="s">
        <v>1</v>
      </c>
      <c r="C1162" s="6" t="s">
        <v>2</v>
      </c>
      <c r="D1162" s="6" t="s">
        <v>126</v>
      </c>
      <c r="E1162" s="6" t="s">
        <v>267</v>
      </c>
      <c r="F1162" s="11">
        <v>-25</v>
      </c>
      <c r="G1162" s="13">
        <v>-0.30487804878000002</v>
      </c>
      <c r="H1162" s="11">
        <v>-53.321557023500006</v>
      </c>
      <c r="I1162" s="13">
        <v>-0.64931414055833769</v>
      </c>
      <c r="J1162" s="11">
        <v>54.142471913500003</v>
      </c>
      <c r="K1162" s="13">
        <v>1.8800606681777952</v>
      </c>
      <c r="L1162" s="11">
        <v>-25.743278148599998</v>
      </c>
      <c r="M1162" s="13">
        <v>-0.3103816209368746</v>
      </c>
      <c r="N1162" s="11">
        <v>28.399193764900001</v>
      </c>
      <c r="O1162" s="13">
        <v>0.98614276959223279</v>
      </c>
      <c r="P1162" s="7">
        <v>82.119814882900002</v>
      </c>
      <c r="Q1162" s="7">
        <v>59.373682826299998</v>
      </c>
      <c r="R1162" s="7">
        <v>58.583895307799999</v>
      </c>
      <c r="S1162" s="7">
        <v>56.5181814695</v>
      </c>
      <c r="T1162" s="7">
        <v>50.259779520000002</v>
      </c>
      <c r="U1162" s="7">
        <v>46.116873634500003</v>
      </c>
      <c r="V1162" s="7">
        <v>28.7982578594</v>
      </c>
      <c r="W1162" s="7">
        <v>33.075378336599996</v>
      </c>
      <c r="X1162" s="7">
        <v>42.2638257061</v>
      </c>
      <c r="Y1162" s="7">
        <v>82.940729772899999</v>
      </c>
      <c r="Z1162" s="7">
        <v>70.249667434000003</v>
      </c>
      <c r="AA1162" s="7">
        <v>63.201498323099997</v>
      </c>
      <c r="AB1162" s="7">
        <v>59.761437020199999</v>
      </c>
      <c r="AC1162" s="7">
        <v>54.565994090399997</v>
      </c>
      <c r="AD1162" s="7">
        <v>54.706804168300003</v>
      </c>
      <c r="AE1162" s="7">
        <v>57.189642755999998</v>
      </c>
      <c r="AF1162" s="7">
        <v>57.197451624300001</v>
      </c>
      <c r="AG1162" s="9">
        <v>10208.589237600001</v>
      </c>
      <c r="AH1162" s="13">
        <v>0.7395042523908254</v>
      </c>
      <c r="AI1162" s="9">
        <v>8107.116789300002</v>
      </c>
      <c r="AJ1162" s="13">
        <v>0.58727481347127519</v>
      </c>
      <c r="AK1162" s="9">
        <v>-1289.4515001</v>
      </c>
      <c r="AL1162" s="13">
        <v>-5.8847474978564185E-2</v>
      </c>
      <c r="AM1162" s="9">
        <v>3390.9239483999991</v>
      </c>
      <c r="AN1162" s="13">
        <v>0.16442992509937454</v>
      </c>
      <c r="AO1162" s="9">
        <v>2101.4724482999991</v>
      </c>
      <c r="AP1162" s="13">
        <v>9.5906164217797726E-2</v>
      </c>
      <c r="AQ1162" s="9">
        <v>13804.6389924</v>
      </c>
      <c r="AR1162" s="9">
        <v>10711.5776195</v>
      </c>
      <c r="AS1162" s="9">
        <v>12028.3524607</v>
      </c>
      <c r="AT1162" s="9">
        <v>14550.4560702</v>
      </c>
      <c r="AU1162" s="9">
        <v>15230.084141699999</v>
      </c>
      <c r="AV1162" s="9">
        <v>17141.257738299999</v>
      </c>
      <c r="AW1162" s="9">
        <v>21911.755781700002</v>
      </c>
      <c r="AX1162" s="9">
        <v>23263.985417899999</v>
      </c>
      <c r="AY1162" s="9">
        <v>19146.159542699999</v>
      </c>
      <c r="AZ1162" s="9">
        <v>20622.304281600002</v>
      </c>
      <c r="BA1162" s="9">
        <v>20757.004155300001</v>
      </c>
      <c r="BB1162" s="9">
        <v>25504.745865699999</v>
      </c>
      <c r="BC1162" s="9">
        <v>22507.271421699999</v>
      </c>
      <c r="BD1162" s="9">
        <v>22504.676352099999</v>
      </c>
      <c r="BE1162" s="9">
        <v>23364.4976197</v>
      </c>
      <c r="BF1162" s="9">
        <v>24013.228230000001</v>
      </c>
      <c r="BG1162" s="11">
        <v>1</v>
      </c>
      <c r="BH1162" s="13">
        <v>0.25</v>
      </c>
      <c r="BI1162" s="6">
        <v>-2</v>
      </c>
      <c r="BJ1162" s="13">
        <v>-0.5</v>
      </c>
      <c r="BK1162" s="6">
        <v>0</v>
      </c>
      <c r="BL1162" s="13">
        <v>0</v>
      </c>
      <c r="BM1162" s="11">
        <v>3</v>
      </c>
      <c r="BN1162" s="13">
        <v>1.5</v>
      </c>
      <c r="BO1162" s="11">
        <v>3</v>
      </c>
      <c r="BP1162" s="13">
        <v>1.5</v>
      </c>
      <c r="BQ1162" s="6">
        <v>4</v>
      </c>
      <c r="BR1162" s="6">
        <v>4</v>
      </c>
      <c r="BS1162" s="6">
        <v>3</v>
      </c>
      <c r="BT1162" s="6">
        <v>2</v>
      </c>
      <c r="BU1162" s="6">
        <v>2</v>
      </c>
      <c r="BV1162" s="6">
        <v>3</v>
      </c>
      <c r="BW1162" s="6">
        <v>2</v>
      </c>
      <c r="BX1162" s="6">
        <v>3</v>
      </c>
      <c r="BY1162" s="6">
        <v>5</v>
      </c>
      <c r="BZ1162" s="6">
        <v>5</v>
      </c>
      <c r="CA1162" s="6">
        <v>5</v>
      </c>
      <c r="CB1162" s="6">
        <v>4</v>
      </c>
      <c r="CC1162" s="11">
        <v>5</v>
      </c>
      <c r="CD1162" s="11">
        <v>-26.411899999999999</v>
      </c>
      <c r="CE1162" s="11">
        <v>-7.4871699999999999</v>
      </c>
      <c r="CF1162" s="11">
        <v>8.97668</v>
      </c>
      <c r="CG1162" s="11">
        <v>2</v>
      </c>
      <c r="CH1162" s="20">
        <v>1.0952900000000001</v>
      </c>
      <c r="CI1162" s="20">
        <v>0.79666199999999998</v>
      </c>
      <c r="CJ1162" s="20">
        <v>0.78029800000000005</v>
      </c>
      <c r="CK1162" s="20">
        <v>0.76198500000000002</v>
      </c>
      <c r="CL1162" s="20">
        <v>0.71541200000000005</v>
      </c>
      <c r="CM1162" s="20">
        <v>0.67276400000000003</v>
      </c>
      <c r="CN1162" s="20">
        <v>0.43446600000000002</v>
      </c>
      <c r="CO1162" s="20">
        <v>0.51671999999999996</v>
      </c>
      <c r="CP1162" s="20">
        <v>0.64659199999999994</v>
      </c>
      <c r="CQ1162" s="20">
        <v>1.3871899999999999</v>
      </c>
      <c r="CR1162" s="20">
        <v>1.20919</v>
      </c>
      <c r="CS1162" s="20">
        <v>1.0955699999999999</v>
      </c>
      <c r="CT1162" s="20">
        <v>1.0151399999999999</v>
      </c>
      <c r="CU1162" s="20">
        <v>0.96314599999999995</v>
      </c>
      <c r="CV1162" s="20">
        <v>0.95938199999999996</v>
      </c>
      <c r="CW1162" s="20">
        <v>1.00925</v>
      </c>
      <c r="CX1162" s="20">
        <v>1.01051</v>
      </c>
      <c r="CY1162" s="6" t="s">
        <v>580</v>
      </c>
      <c r="CZ1162" s="6" t="s">
        <v>581</v>
      </c>
      <c r="DA1162" s="6" t="s">
        <v>126</v>
      </c>
      <c r="DB1162" s="6"/>
      <c r="DC1162" s="6"/>
      <c r="DD1162" s="6"/>
      <c r="DE1162" s="6"/>
      <c r="DF1162" s="6"/>
      <c r="DG1162" s="6"/>
      <c r="DH1162" s="6" t="s">
        <v>333</v>
      </c>
      <c r="DI1162" s="6"/>
      <c r="DJ1162" s="6"/>
      <c r="DK1162" s="6"/>
      <c r="DL1162" s="6">
        <v>11</v>
      </c>
      <c r="DM1162" s="6" t="s">
        <v>520</v>
      </c>
      <c r="DN1162" s="6">
        <v>7</v>
      </c>
      <c r="DO1162" s="6" t="s">
        <v>369</v>
      </c>
      <c r="DP1162" s="6"/>
      <c r="DQ1162" s="6"/>
    </row>
    <row r="1163" spans="1:121" x14ac:dyDescent="0.2">
      <c r="A1163" s="6" t="s">
        <v>310</v>
      </c>
      <c r="B1163" s="6" t="s">
        <v>310</v>
      </c>
      <c r="C1163" s="6" t="s">
        <v>173</v>
      </c>
      <c r="D1163" s="6" t="s">
        <v>126</v>
      </c>
      <c r="E1163" s="6" t="s">
        <v>267</v>
      </c>
      <c r="F1163" s="11">
        <v>0</v>
      </c>
      <c r="G1163" s="13">
        <v>0</v>
      </c>
      <c r="H1163" s="11">
        <v>0</v>
      </c>
      <c r="I1163" s="13"/>
      <c r="J1163" s="11">
        <v>0</v>
      </c>
      <c r="K1163" s="13"/>
      <c r="L1163" s="11">
        <v>0</v>
      </c>
      <c r="M1163" s="13"/>
      <c r="N1163" s="11">
        <v>0</v>
      </c>
      <c r="O1163" s="13"/>
      <c r="P1163" s="7">
        <v>0</v>
      </c>
      <c r="Q1163" s="7">
        <v>0</v>
      </c>
      <c r="R1163" s="7">
        <v>0</v>
      </c>
      <c r="S1163" s="7">
        <v>0</v>
      </c>
      <c r="T1163" s="7">
        <v>0</v>
      </c>
      <c r="U1163" s="7">
        <v>0</v>
      </c>
      <c r="V1163" s="7">
        <v>0</v>
      </c>
      <c r="W1163" s="7">
        <v>0</v>
      </c>
      <c r="X1163" s="7">
        <v>0</v>
      </c>
      <c r="Y1163" s="7">
        <v>0</v>
      </c>
      <c r="Z1163" s="7">
        <v>0</v>
      </c>
      <c r="AA1163" s="7">
        <v>0</v>
      </c>
      <c r="AB1163" s="7">
        <v>0</v>
      </c>
      <c r="AC1163" s="7">
        <v>0</v>
      </c>
      <c r="AD1163" s="7">
        <v>0</v>
      </c>
      <c r="AE1163" s="7">
        <v>0</v>
      </c>
      <c r="AF1163" s="7">
        <v>0</v>
      </c>
      <c r="AG1163" s="9">
        <v>0</v>
      </c>
      <c r="AH1163" s="13"/>
      <c r="AI1163" s="9">
        <v>0</v>
      </c>
      <c r="AJ1163" s="13"/>
      <c r="AK1163" s="9">
        <v>0</v>
      </c>
      <c r="AL1163" s="13"/>
      <c r="AM1163" s="9">
        <v>0</v>
      </c>
      <c r="AN1163" s="13"/>
      <c r="AO1163" s="9">
        <v>0</v>
      </c>
      <c r="AP1163" s="13"/>
      <c r="AQ1163" s="9">
        <v>0</v>
      </c>
      <c r="AR1163" s="9">
        <v>0</v>
      </c>
      <c r="AS1163" s="9">
        <v>0</v>
      </c>
      <c r="AT1163" s="9">
        <v>0</v>
      </c>
      <c r="AU1163" s="9">
        <v>0</v>
      </c>
      <c r="AV1163" s="9">
        <v>0</v>
      </c>
      <c r="AW1163" s="9">
        <v>0</v>
      </c>
      <c r="AX1163" s="9">
        <v>0</v>
      </c>
      <c r="AY1163" s="9">
        <v>0</v>
      </c>
      <c r="AZ1163" s="9">
        <v>0</v>
      </c>
      <c r="BA1163" s="9">
        <v>0</v>
      </c>
      <c r="BB1163" s="9">
        <v>0</v>
      </c>
      <c r="BC1163" s="9">
        <v>0</v>
      </c>
      <c r="BD1163" s="9">
        <v>0</v>
      </c>
      <c r="BE1163" s="9">
        <v>0</v>
      </c>
      <c r="BF1163" s="9">
        <v>0</v>
      </c>
      <c r="BG1163" s="11">
        <v>0</v>
      </c>
      <c r="BH1163" s="13" t="e">
        <v>#DIV/0!</v>
      </c>
      <c r="BI1163" s="6">
        <v>0</v>
      </c>
      <c r="BJ1163" s="13" t="e">
        <v>#DIV/0!</v>
      </c>
      <c r="BK1163" s="6">
        <v>0</v>
      </c>
      <c r="BL1163" s="13" t="e">
        <v>#DIV/0!</v>
      </c>
      <c r="BM1163" s="11">
        <v>0</v>
      </c>
      <c r="BN1163" s="13" t="e">
        <v>#DIV/0!</v>
      </c>
      <c r="BO1163" s="11">
        <v>0</v>
      </c>
      <c r="BP1163" s="13" t="e">
        <v>#DIV/0!</v>
      </c>
      <c r="BQ1163" s="6">
        <v>0</v>
      </c>
      <c r="BR1163" s="6">
        <v>0</v>
      </c>
      <c r="BS1163" s="6">
        <v>0</v>
      </c>
      <c r="BT1163" s="6">
        <v>0</v>
      </c>
      <c r="BU1163" s="6">
        <v>0</v>
      </c>
      <c r="BV1163" s="6">
        <v>0</v>
      </c>
      <c r="BW1163" s="6">
        <v>0</v>
      </c>
      <c r="BX1163" s="6">
        <v>0</v>
      </c>
      <c r="BY1163" s="6">
        <v>0</v>
      </c>
      <c r="BZ1163" s="6">
        <v>0</v>
      </c>
      <c r="CA1163" s="6">
        <v>0</v>
      </c>
      <c r="CB1163" s="6">
        <v>0</v>
      </c>
      <c r="CC1163" s="11">
        <v>0</v>
      </c>
      <c r="CD1163" s="11">
        <v>0</v>
      </c>
      <c r="CE1163" s="11">
        <v>0</v>
      </c>
      <c r="CF1163" s="11">
        <v>0</v>
      </c>
      <c r="CG1163" s="11">
        <v>0</v>
      </c>
      <c r="CH1163" s="20">
        <v>0</v>
      </c>
      <c r="CI1163" s="20">
        <v>0</v>
      </c>
      <c r="CJ1163" s="20">
        <v>0</v>
      </c>
      <c r="CK1163" s="20">
        <v>0</v>
      </c>
      <c r="CL1163" s="20">
        <v>0</v>
      </c>
      <c r="CM1163" s="20">
        <v>0</v>
      </c>
      <c r="CN1163" s="20">
        <v>0</v>
      </c>
      <c r="CO1163" s="20">
        <v>0</v>
      </c>
      <c r="CP1163" s="20">
        <v>0</v>
      </c>
      <c r="CQ1163" s="20">
        <v>0</v>
      </c>
      <c r="CR1163" s="20">
        <v>0</v>
      </c>
      <c r="CS1163" s="20">
        <v>0</v>
      </c>
      <c r="CT1163" s="20">
        <v>0</v>
      </c>
      <c r="CU1163" s="20">
        <v>0</v>
      </c>
      <c r="CV1163" s="20">
        <v>0</v>
      </c>
      <c r="CW1163" s="20">
        <v>0</v>
      </c>
      <c r="CX1163" s="20">
        <v>0</v>
      </c>
      <c r="CY1163" s="6" t="s">
        <v>580</v>
      </c>
      <c r="CZ1163" s="6" t="s">
        <v>581</v>
      </c>
      <c r="DA1163" s="6" t="s">
        <v>126</v>
      </c>
      <c r="DB1163" s="6"/>
      <c r="DC1163" s="6"/>
      <c r="DD1163" s="6"/>
      <c r="DE1163" s="6"/>
      <c r="DF1163" s="6"/>
      <c r="DG1163" s="6"/>
      <c r="DH1163" s="6" t="s">
        <v>333</v>
      </c>
      <c r="DI1163" s="6"/>
      <c r="DJ1163" s="6"/>
      <c r="DK1163" s="6"/>
      <c r="DL1163" s="6">
        <v>11</v>
      </c>
      <c r="DM1163" s="6" t="s">
        <v>520</v>
      </c>
      <c r="DN1163" s="6">
        <v>7</v>
      </c>
      <c r="DO1163" s="6" t="s">
        <v>369</v>
      </c>
      <c r="DP1163" s="6"/>
      <c r="DQ1163" s="6"/>
    </row>
    <row r="1164" spans="1:121" x14ac:dyDescent="0.2">
      <c r="A1164" s="6" t="s">
        <v>311</v>
      </c>
      <c r="B1164" s="6" t="s">
        <v>311</v>
      </c>
      <c r="C1164" s="6" t="s">
        <v>174</v>
      </c>
      <c r="D1164" s="6" t="s">
        <v>126</v>
      </c>
      <c r="E1164" s="6" t="s">
        <v>267</v>
      </c>
      <c r="F1164" s="11">
        <v>1</v>
      </c>
      <c r="G1164" s="13">
        <v>1</v>
      </c>
      <c r="H1164" s="11">
        <v>0</v>
      </c>
      <c r="I1164" s="13">
        <v>0</v>
      </c>
      <c r="J1164" s="11">
        <v>0</v>
      </c>
      <c r="K1164" s="13">
        <v>0</v>
      </c>
      <c r="L1164" s="11">
        <v>5.7323834016999999</v>
      </c>
      <c r="M1164" s="13">
        <v>1.1464766803399999</v>
      </c>
      <c r="N1164" s="11">
        <v>5.7323834016999999</v>
      </c>
      <c r="O1164" s="13">
        <v>1.1464766803399999</v>
      </c>
      <c r="P1164" s="7">
        <v>5</v>
      </c>
      <c r="Q1164" s="7">
        <v>5</v>
      </c>
      <c r="R1164" s="7">
        <v>5</v>
      </c>
      <c r="S1164" s="7">
        <v>5</v>
      </c>
      <c r="T1164" s="7">
        <v>5</v>
      </c>
      <c r="U1164" s="7">
        <v>5</v>
      </c>
      <c r="V1164" s="7">
        <v>5</v>
      </c>
      <c r="W1164" s="7">
        <v>5</v>
      </c>
      <c r="X1164" s="7">
        <v>5</v>
      </c>
      <c r="Y1164" s="7">
        <v>5</v>
      </c>
      <c r="Z1164" s="7">
        <v>5</v>
      </c>
      <c r="AA1164" s="7">
        <v>5</v>
      </c>
      <c r="AB1164" s="7">
        <v>5</v>
      </c>
      <c r="AC1164" s="7">
        <v>10.379993000000001</v>
      </c>
      <c r="AD1164" s="7">
        <v>11.117759</v>
      </c>
      <c r="AE1164" s="7">
        <v>10.055815750000001</v>
      </c>
      <c r="AF1164" s="7">
        <v>10.7323834017</v>
      </c>
      <c r="AG1164" s="9">
        <v>61262.207787699997</v>
      </c>
      <c r="AH1164" s="13">
        <v>61262.207787699997</v>
      </c>
      <c r="AI1164" s="9">
        <v>0</v>
      </c>
      <c r="AJ1164" s="13">
        <v>0</v>
      </c>
      <c r="AK1164" s="9">
        <v>0</v>
      </c>
      <c r="AL1164" s="13">
        <v>0</v>
      </c>
      <c r="AM1164" s="9">
        <v>61262.207787699997</v>
      </c>
      <c r="AN1164" s="13">
        <v>61262.207787699997</v>
      </c>
      <c r="AO1164" s="9">
        <v>61262.207787699997</v>
      </c>
      <c r="AP1164" s="13">
        <v>61262.207787699997</v>
      </c>
      <c r="AQ1164" s="9">
        <v>1</v>
      </c>
      <c r="AR1164" s="9">
        <v>1</v>
      </c>
      <c r="AS1164" s="9">
        <v>1</v>
      </c>
      <c r="AT1164" s="9">
        <v>1</v>
      </c>
      <c r="AU1164" s="9">
        <v>1</v>
      </c>
      <c r="AV1164" s="9">
        <v>1</v>
      </c>
      <c r="AW1164" s="9">
        <v>1</v>
      </c>
      <c r="AX1164" s="9">
        <v>1</v>
      </c>
      <c r="AY1164" s="9">
        <v>1</v>
      </c>
      <c r="AZ1164" s="9">
        <v>1</v>
      </c>
      <c r="BA1164" s="9">
        <v>1</v>
      </c>
      <c r="BB1164" s="9">
        <v>1</v>
      </c>
      <c r="BC1164" s="9">
        <v>1</v>
      </c>
      <c r="BD1164" s="9">
        <v>50985.737254899999</v>
      </c>
      <c r="BE1164" s="9">
        <v>45124.384669899999</v>
      </c>
      <c r="BF1164" s="9">
        <v>61263.207787699997</v>
      </c>
      <c r="BG1164" s="11">
        <v>0</v>
      </c>
      <c r="BH1164" s="13">
        <v>0</v>
      </c>
      <c r="BI1164" s="6">
        <v>0</v>
      </c>
      <c r="BJ1164" s="13">
        <v>0</v>
      </c>
      <c r="BK1164" s="6">
        <v>0</v>
      </c>
      <c r="BL1164" s="13">
        <v>0</v>
      </c>
      <c r="BM1164" s="11">
        <v>0</v>
      </c>
      <c r="BN1164" s="13">
        <v>0</v>
      </c>
      <c r="BO1164" s="11">
        <v>0</v>
      </c>
      <c r="BP1164" s="13">
        <v>0</v>
      </c>
      <c r="BQ1164" s="6">
        <v>1</v>
      </c>
      <c r="BR1164" s="6">
        <v>1</v>
      </c>
      <c r="BS1164" s="6">
        <v>1</v>
      </c>
      <c r="BT1164" s="6">
        <v>1</v>
      </c>
      <c r="BU1164" s="6">
        <v>1</v>
      </c>
      <c r="BV1164" s="6">
        <v>1</v>
      </c>
      <c r="BW1164" s="6">
        <v>1</v>
      </c>
      <c r="BX1164" s="6">
        <v>1</v>
      </c>
      <c r="BY1164" s="6">
        <v>1</v>
      </c>
      <c r="BZ1164" s="6">
        <v>1</v>
      </c>
      <c r="CA1164" s="6">
        <v>1</v>
      </c>
      <c r="CB1164" s="6">
        <v>1</v>
      </c>
      <c r="CC1164" s="11">
        <v>1</v>
      </c>
      <c r="CD1164" s="11">
        <v>10.007899999999999</v>
      </c>
      <c r="CE1164" s="11">
        <v>-0.124654</v>
      </c>
      <c r="CF1164" s="11">
        <v>8.3676200000000006E-2</v>
      </c>
      <c r="CG1164" s="11">
        <v>0</v>
      </c>
      <c r="CH1164" s="20">
        <v>3.2843600000000001E-2</v>
      </c>
      <c r="CI1164" s="20">
        <v>0.31975199999999998</v>
      </c>
      <c r="CJ1164" s="20">
        <v>0.14863399999999999</v>
      </c>
      <c r="CK1164" s="20">
        <v>6.4101699999999998E-2</v>
      </c>
      <c r="CL1164" s="20">
        <v>3.37557E-2</v>
      </c>
      <c r="CM1164" s="20">
        <v>1.2936E-2</v>
      </c>
      <c r="CN1164" s="20">
        <v>2.1818199999999999E-2</v>
      </c>
      <c r="CO1164" s="20">
        <v>0.115976</v>
      </c>
      <c r="CP1164" s="20">
        <v>0.21543000000000001</v>
      </c>
      <c r="CQ1164" s="20">
        <v>0.315965</v>
      </c>
      <c r="CR1164" s="20">
        <v>0.289296</v>
      </c>
      <c r="CS1164" s="20">
        <v>0.53796699999999997</v>
      </c>
      <c r="CT1164" s="20">
        <v>0.449984</v>
      </c>
      <c r="CU1164" s="20">
        <v>0.63774399999999998</v>
      </c>
      <c r="CV1164" s="20">
        <v>0.67965100000000001</v>
      </c>
      <c r="CW1164" s="20">
        <v>0.61782300000000001</v>
      </c>
      <c r="CX1164" s="20">
        <v>0.65613999999999995</v>
      </c>
      <c r="CY1164" s="6" t="s">
        <v>580</v>
      </c>
      <c r="CZ1164" s="6" t="s">
        <v>581</v>
      </c>
      <c r="DA1164" s="6" t="s">
        <v>126</v>
      </c>
      <c r="DB1164" s="6"/>
      <c r="DC1164" s="6"/>
      <c r="DD1164" s="6"/>
      <c r="DE1164" s="6"/>
      <c r="DF1164" s="6"/>
      <c r="DG1164" s="6"/>
      <c r="DH1164" s="6" t="s">
        <v>333</v>
      </c>
      <c r="DI1164" s="6"/>
      <c r="DJ1164" s="6"/>
      <c r="DK1164" s="6"/>
      <c r="DL1164" s="6">
        <v>11</v>
      </c>
      <c r="DM1164" s="6" t="s">
        <v>520</v>
      </c>
      <c r="DN1164" s="6">
        <v>7</v>
      </c>
      <c r="DO1164" s="6" t="s">
        <v>369</v>
      </c>
      <c r="DP1164" s="6"/>
      <c r="DQ1164" s="6"/>
    </row>
    <row r="1165" spans="1:121" x14ac:dyDescent="0.2">
      <c r="A1165" s="6" t="s">
        <v>312</v>
      </c>
      <c r="B1165" s="6" t="s">
        <v>312</v>
      </c>
      <c r="C1165" s="6" t="s">
        <v>175</v>
      </c>
      <c r="D1165" s="6" t="s">
        <v>126</v>
      </c>
      <c r="E1165" s="6" t="s">
        <v>267</v>
      </c>
      <c r="F1165" s="11">
        <v>72</v>
      </c>
      <c r="G1165" s="13">
        <v>0.36363636363599999</v>
      </c>
      <c r="H1165" s="11">
        <v>40.248211626999989</v>
      </c>
      <c r="I1165" s="13">
        <v>0.20290602417217801</v>
      </c>
      <c r="J1165" s="11">
        <v>-23.481770874999995</v>
      </c>
      <c r="K1165" s="13">
        <v>-9.8411873470784769E-2</v>
      </c>
      <c r="L1165" s="11">
        <v>54.987487130000034</v>
      </c>
      <c r="M1165" s="13">
        <v>0.25560676460493903</v>
      </c>
      <c r="N1165" s="11">
        <v>31.505716255000038</v>
      </c>
      <c r="O1165" s="13">
        <v>0.13204015055757634</v>
      </c>
      <c r="P1165" s="7">
        <v>198.35887964</v>
      </c>
      <c r="Q1165" s="7">
        <v>193.703390826</v>
      </c>
      <c r="R1165" s="7">
        <v>206.93197541800001</v>
      </c>
      <c r="S1165" s="7">
        <v>212.23338148900001</v>
      </c>
      <c r="T1165" s="7">
        <v>232.41779339600001</v>
      </c>
      <c r="U1165" s="7">
        <v>221.635606505</v>
      </c>
      <c r="V1165" s="7">
        <v>238.60709126699999</v>
      </c>
      <c r="W1165" s="7">
        <v>241.062052255</v>
      </c>
      <c r="X1165" s="7">
        <v>232.120875743</v>
      </c>
      <c r="Y1165" s="7">
        <v>215.12532039199999</v>
      </c>
      <c r="Z1165" s="7">
        <v>235.31424994</v>
      </c>
      <c r="AA1165" s="7">
        <v>236.76300495199999</v>
      </c>
      <c r="AB1165" s="7">
        <v>217.70238930100001</v>
      </c>
      <c r="AC1165" s="7">
        <v>199.99329306999999</v>
      </c>
      <c r="AD1165" s="7">
        <v>262.32509083500003</v>
      </c>
      <c r="AE1165" s="7">
        <v>259.99343955199998</v>
      </c>
      <c r="AF1165" s="7">
        <v>270.11280752200003</v>
      </c>
      <c r="AG1165" s="9">
        <v>9423.3552105000017</v>
      </c>
      <c r="AH1165" s="13">
        <v>0.39876103121482087</v>
      </c>
      <c r="AI1165" s="9">
        <v>504.92139610000231</v>
      </c>
      <c r="AJ1165" s="13">
        <v>2.136637875720921E-2</v>
      </c>
      <c r="AK1165" s="9">
        <v>260.84105379999892</v>
      </c>
      <c r="AL1165" s="13">
        <v>1.080691005313306E-2</v>
      </c>
      <c r="AM1165" s="9">
        <v>8657.5927606000005</v>
      </c>
      <c r="AN1165" s="13">
        <v>0.3548579521791152</v>
      </c>
      <c r="AO1165" s="9">
        <v>8918.4338143999994</v>
      </c>
      <c r="AP1165" s="13">
        <v>0.36949978020308694</v>
      </c>
      <c r="AQ1165" s="9">
        <v>23631.585016699999</v>
      </c>
      <c r="AR1165" s="9">
        <v>24241.236311799999</v>
      </c>
      <c r="AS1165" s="9">
        <v>24447.8280466</v>
      </c>
      <c r="AT1165" s="9">
        <v>24719.643962599999</v>
      </c>
      <c r="AU1165" s="9">
        <v>24159.429735000002</v>
      </c>
      <c r="AV1165" s="9">
        <v>23625.327294399998</v>
      </c>
      <c r="AW1165" s="9">
        <v>24136.506412800001</v>
      </c>
      <c r="AX1165" s="9">
        <v>24869.618261899999</v>
      </c>
      <c r="AY1165" s="9">
        <v>24085.742213699999</v>
      </c>
      <c r="AZ1165" s="9">
        <v>24397.3474666</v>
      </c>
      <c r="BA1165" s="9">
        <v>24744.639837300001</v>
      </c>
      <c r="BB1165" s="9">
        <v>24195.715255800002</v>
      </c>
      <c r="BC1165" s="9">
        <v>23977.191272399999</v>
      </c>
      <c r="BD1165" s="9">
        <v>24981.695947</v>
      </c>
      <c r="BE1165" s="9">
        <v>31552.627686600001</v>
      </c>
      <c r="BF1165" s="9">
        <v>33054.940227200001</v>
      </c>
      <c r="BG1165" s="11">
        <v>6</v>
      </c>
      <c r="BH1165" s="13">
        <v>0.31578947368421051</v>
      </c>
      <c r="BI1165" s="6">
        <v>4</v>
      </c>
      <c r="BJ1165" s="13">
        <v>0.21052631578947367</v>
      </c>
      <c r="BK1165" s="6">
        <v>-1</v>
      </c>
      <c r="BL1165" s="13">
        <v>-4.3478260869565216E-2</v>
      </c>
      <c r="BM1165" s="11">
        <v>3</v>
      </c>
      <c r="BN1165" s="13">
        <v>0.13636363636363635</v>
      </c>
      <c r="BO1165" s="11">
        <v>2</v>
      </c>
      <c r="BP1165" s="13">
        <v>8.6956521739130432E-2</v>
      </c>
      <c r="BQ1165" s="6">
        <v>19</v>
      </c>
      <c r="BR1165" s="6">
        <v>22</v>
      </c>
      <c r="BS1165" s="6">
        <v>24</v>
      </c>
      <c r="BT1165" s="6">
        <v>23</v>
      </c>
      <c r="BU1165" s="6">
        <v>23</v>
      </c>
      <c r="BV1165" s="6">
        <v>24</v>
      </c>
      <c r="BW1165" s="6">
        <v>22</v>
      </c>
      <c r="BX1165" s="6">
        <v>25</v>
      </c>
      <c r="BY1165" s="6">
        <v>23</v>
      </c>
      <c r="BZ1165" s="6">
        <v>24</v>
      </c>
      <c r="CA1165" s="6">
        <v>23</v>
      </c>
      <c r="CB1165" s="6">
        <v>25</v>
      </c>
      <c r="CC1165" s="11">
        <v>25</v>
      </c>
      <c r="CD1165" s="11">
        <v>74.097200000000001</v>
      </c>
      <c r="CE1165" s="11">
        <v>-24.026299999999999</v>
      </c>
      <c r="CF1165" s="11">
        <v>21.683</v>
      </c>
      <c r="CG1165" s="11">
        <v>-2</v>
      </c>
      <c r="CH1165" s="20">
        <v>0.58677299999999999</v>
      </c>
      <c r="CI1165" s="20">
        <v>0.57436600000000004</v>
      </c>
      <c r="CJ1165" s="20">
        <v>0.60102900000000004</v>
      </c>
      <c r="CK1165" s="20">
        <v>0.60094400000000003</v>
      </c>
      <c r="CL1165" s="20">
        <v>0.66764400000000002</v>
      </c>
      <c r="CM1165" s="20">
        <v>0.62468199999999996</v>
      </c>
      <c r="CN1165" s="20">
        <v>0.69534899999999999</v>
      </c>
      <c r="CO1165" s="20">
        <v>0.74768599999999996</v>
      </c>
      <c r="CP1165" s="20">
        <v>0.80208599999999997</v>
      </c>
      <c r="CQ1165" s="20">
        <v>0.87853700000000001</v>
      </c>
      <c r="CR1165" s="20">
        <v>1.0079899999999999</v>
      </c>
      <c r="CS1165" s="20">
        <v>1.0250600000000001</v>
      </c>
      <c r="CT1165" s="20">
        <v>0.91240200000000005</v>
      </c>
      <c r="CU1165" s="20">
        <v>0.85085999999999995</v>
      </c>
      <c r="CV1165" s="20">
        <v>1.0797099999999999</v>
      </c>
      <c r="CW1165" s="20">
        <v>1.0532999999999999</v>
      </c>
      <c r="CX1165" s="20">
        <v>1.0904700000000001</v>
      </c>
      <c r="CY1165" s="6" t="s">
        <v>580</v>
      </c>
      <c r="CZ1165" s="6" t="s">
        <v>581</v>
      </c>
      <c r="DA1165" s="6" t="s">
        <v>126</v>
      </c>
      <c r="DB1165" s="6"/>
      <c r="DC1165" s="6"/>
      <c r="DD1165" s="6"/>
      <c r="DE1165" s="6"/>
      <c r="DF1165" s="6"/>
      <c r="DG1165" s="6"/>
      <c r="DH1165" s="6" t="s">
        <v>333</v>
      </c>
      <c r="DI1165" s="6"/>
      <c r="DJ1165" s="6"/>
      <c r="DK1165" s="6"/>
      <c r="DL1165" s="6">
        <v>11</v>
      </c>
      <c r="DM1165" s="6" t="s">
        <v>520</v>
      </c>
      <c r="DN1165" s="6">
        <v>7</v>
      </c>
      <c r="DO1165" s="6" t="s">
        <v>369</v>
      </c>
      <c r="DP1165" s="6"/>
      <c r="DQ1165" s="6"/>
    </row>
    <row r="1166" spans="1:121" x14ac:dyDescent="0.2">
      <c r="A1166" s="6" t="s">
        <v>792</v>
      </c>
      <c r="B1166" s="6" t="s">
        <v>176</v>
      </c>
      <c r="C1166" s="6" t="s">
        <v>177</v>
      </c>
      <c r="D1166" s="6" t="s">
        <v>126</v>
      </c>
      <c r="E1166" s="6" t="s">
        <v>267</v>
      </c>
      <c r="F1166" s="11">
        <v>-346</v>
      </c>
      <c r="G1166" s="13">
        <v>-0.29149115416999999</v>
      </c>
      <c r="H1166" s="11">
        <v>-231.55087580500003</v>
      </c>
      <c r="I1166" s="13">
        <v>-0.19500947731455012</v>
      </c>
      <c r="J1166" s="11">
        <v>-423.00311908700007</v>
      </c>
      <c r="K1166" s="13">
        <v>-0.44254974276564912</v>
      </c>
      <c r="L1166" s="11">
        <v>307.96641005200001</v>
      </c>
      <c r="M1166" s="13">
        <v>0.57798391611036903</v>
      </c>
      <c r="N1166" s="11">
        <v>-115.03670903500006</v>
      </c>
      <c r="O1166" s="13">
        <v>-0.12035246005260644</v>
      </c>
      <c r="P1166" s="7">
        <v>1187.3826800300001</v>
      </c>
      <c r="Q1166" s="7">
        <v>1148.2434327999999</v>
      </c>
      <c r="R1166" s="7">
        <v>1165.00659286</v>
      </c>
      <c r="S1166" s="7">
        <v>1141.87417295</v>
      </c>
      <c r="T1166" s="7">
        <v>996.46701186999996</v>
      </c>
      <c r="U1166" s="7">
        <v>978.79343567900003</v>
      </c>
      <c r="V1166" s="7">
        <v>955.83180422500004</v>
      </c>
      <c r="W1166" s="7">
        <v>924.95920247000004</v>
      </c>
      <c r="X1166" s="7">
        <v>926.48761479799998</v>
      </c>
      <c r="Y1166" s="7">
        <v>532.82868513799997</v>
      </c>
      <c r="Z1166" s="7">
        <v>484.46803319700001</v>
      </c>
      <c r="AA1166" s="7">
        <v>516.75637979299995</v>
      </c>
      <c r="AB1166" s="7">
        <v>827.66424436600005</v>
      </c>
      <c r="AC1166" s="7">
        <v>775.82759876399996</v>
      </c>
      <c r="AD1166" s="7">
        <v>796.38205726599995</v>
      </c>
      <c r="AE1166" s="7">
        <v>807.26695589500002</v>
      </c>
      <c r="AF1166" s="7">
        <v>840.79509518999998</v>
      </c>
      <c r="AG1166" s="9">
        <v>17891.305349100003</v>
      </c>
      <c r="AH1166" s="13">
        <v>0.61394200269197441</v>
      </c>
      <c r="AI1166" s="9">
        <v>9546.9930070999981</v>
      </c>
      <c r="AJ1166" s="13">
        <v>0.32760605736126974</v>
      </c>
      <c r="AK1166" s="9">
        <v>6287.7502017000006</v>
      </c>
      <c r="AL1166" s="13">
        <v>0.16252170629164644</v>
      </c>
      <c r="AM1166" s="9">
        <v>2056.5621403000041</v>
      </c>
      <c r="AN1166" s="13">
        <v>4.5725331141074119E-2</v>
      </c>
      <c r="AO1166" s="9">
        <v>8344.3123420000047</v>
      </c>
      <c r="AP1166" s="13">
        <v>0.21567839627051849</v>
      </c>
      <c r="AQ1166" s="9">
        <v>29141.6864633</v>
      </c>
      <c r="AR1166" s="9">
        <v>30205.544994600001</v>
      </c>
      <c r="AS1166" s="9">
        <v>32550.468162199999</v>
      </c>
      <c r="AT1166" s="9">
        <v>34466.111340199997</v>
      </c>
      <c r="AU1166" s="9">
        <v>36495.558814199998</v>
      </c>
      <c r="AV1166" s="9">
        <v>35311.273787700004</v>
      </c>
      <c r="AW1166" s="9">
        <v>38688.679470399999</v>
      </c>
      <c r="AX1166" s="9">
        <v>37748.546165699998</v>
      </c>
      <c r="AY1166" s="9">
        <v>39116.542735199997</v>
      </c>
      <c r="AZ1166" s="9">
        <v>44976.429672099999</v>
      </c>
      <c r="BA1166" s="9">
        <v>43469.495283199998</v>
      </c>
      <c r="BB1166" s="9">
        <v>42328.917905599999</v>
      </c>
      <c r="BC1166" s="9">
        <v>43220.148785600002</v>
      </c>
      <c r="BD1166" s="9">
        <v>46312.288868199998</v>
      </c>
      <c r="BE1166" s="9">
        <v>46127.990633399997</v>
      </c>
      <c r="BF1166" s="9">
        <v>47032.991812400003</v>
      </c>
      <c r="BG1166" s="11">
        <v>-6.75</v>
      </c>
      <c r="BH1166" s="13">
        <v>-0.27</v>
      </c>
      <c r="BI1166" s="6">
        <v>-2</v>
      </c>
      <c r="BJ1166" s="13">
        <v>-0.08</v>
      </c>
      <c r="BK1166" s="6">
        <v>0</v>
      </c>
      <c r="BL1166" s="13">
        <v>0</v>
      </c>
      <c r="BM1166" s="11">
        <v>-4.75</v>
      </c>
      <c r="BN1166" s="13">
        <v>-0.20652173913043478</v>
      </c>
      <c r="BO1166" s="11">
        <v>-4.75</v>
      </c>
      <c r="BP1166" s="13">
        <v>-0.20652173913043478</v>
      </c>
      <c r="BQ1166" s="6">
        <v>25</v>
      </c>
      <c r="BR1166" s="6">
        <v>23</v>
      </c>
      <c r="BS1166" s="6">
        <v>24</v>
      </c>
      <c r="BT1166" s="6">
        <v>23</v>
      </c>
      <c r="BU1166" s="6">
        <v>23</v>
      </c>
      <c r="BV1166" s="6">
        <v>22</v>
      </c>
      <c r="BW1166" s="6">
        <v>23</v>
      </c>
      <c r="BX1166" s="6">
        <v>22</v>
      </c>
      <c r="BY1166" s="6">
        <v>22</v>
      </c>
      <c r="BZ1166" s="6">
        <v>21</v>
      </c>
      <c r="CA1166" s="6">
        <v>19</v>
      </c>
      <c r="CB1166" s="6">
        <v>18</v>
      </c>
      <c r="CC1166" s="11">
        <v>18.25</v>
      </c>
      <c r="CD1166" s="11">
        <v>-57.263199999999998</v>
      </c>
      <c r="CE1166" s="11">
        <v>-419.12</v>
      </c>
      <c r="CF1166" s="11">
        <v>129.79499999999999</v>
      </c>
      <c r="CG1166" s="11">
        <v>-289</v>
      </c>
      <c r="CH1166" s="20">
        <v>1.8347</v>
      </c>
      <c r="CI1166" s="20">
        <v>1.9005300000000001</v>
      </c>
      <c r="CJ1166" s="20">
        <v>2.0190399999999999</v>
      </c>
      <c r="CK1166" s="20">
        <v>2.0434000000000001</v>
      </c>
      <c r="CL1166" s="20">
        <v>1.9049700000000001</v>
      </c>
      <c r="CM1166" s="20">
        <v>1.9243600000000001</v>
      </c>
      <c r="CN1166" s="20">
        <v>1.9671400000000001</v>
      </c>
      <c r="CO1166" s="20">
        <v>1.9822599999999999</v>
      </c>
      <c r="CP1166" s="20">
        <v>2.1793900000000002</v>
      </c>
      <c r="CQ1166" s="20">
        <v>1.4013199999999999</v>
      </c>
      <c r="CR1166" s="20">
        <v>1.2966500000000001</v>
      </c>
      <c r="CS1166" s="20">
        <v>1.38785</v>
      </c>
      <c r="CT1166" s="20">
        <v>2.18567</v>
      </c>
      <c r="CU1166" s="20">
        <v>2.1307499999999999</v>
      </c>
      <c r="CV1166" s="20">
        <v>2.1752500000000001</v>
      </c>
      <c r="CW1166" s="20">
        <v>2.2176999999999998</v>
      </c>
      <c r="CX1166" s="20">
        <v>2.3165399999999998</v>
      </c>
      <c r="CY1166" s="6" t="s">
        <v>580</v>
      </c>
      <c r="CZ1166" s="6" t="s">
        <v>581</v>
      </c>
      <c r="DA1166" s="6" t="s">
        <v>126</v>
      </c>
      <c r="DB1166" s="6"/>
      <c r="DC1166" s="6"/>
      <c r="DD1166" s="6"/>
      <c r="DE1166" s="6"/>
      <c r="DF1166" s="6"/>
      <c r="DG1166" s="6"/>
      <c r="DH1166" s="6" t="s">
        <v>333</v>
      </c>
      <c r="DI1166" s="6"/>
      <c r="DJ1166" s="6"/>
      <c r="DK1166" s="6"/>
      <c r="DL1166" s="6">
        <v>11</v>
      </c>
      <c r="DM1166" s="6" t="s">
        <v>520</v>
      </c>
      <c r="DN1166" s="6">
        <v>7</v>
      </c>
      <c r="DO1166" s="6" t="s">
        <v>369</v>
      </c>
      <c r="DP1166" s="6"/>
      <c r="DQ1166" s="6"/>
    </row>
    <row r="1167" spans="1:121" x14ac:dyDescent="0.2">
      <c r="A1167" s="6" t="s">
        <v>313</v>
      </c>
      <c r="B1167" s="6" t="s">
        <v>313</v>
      </c>
      <c r="C1167" s="6" t="s">
        <v>178</v>
      </c>
      <c r="D1167" s="6" t="s">
        <v>126</v>
      </c>
      <c r="E1167" s="6" t="s">
        <v>267</v>
      </c>
      <c r="F1167" s="11">
        <v>-13</v>
      </c>
      <c r="G1167" s="13">
        <v>-0.135416666667</v>
      </c>
      <c r="H1167" s="11">
        <v>7.1885679230999955</v>
      </c>
      <c r="I1167" s="13">
        <v>7.4893991008441199E-2</v>
      </c>
      <c r="J1167" s="11">
        <v>-22.695198257399994</v>
      </c>
      <c r="K1167" s="13">
        <v>-0.21997480402961708</v>
      </c>
      <c r="L1167" s="11">
        <v>2.9984943309000016</v>
      </c>
      <c r="M1167" s="13">
        <v>3.7259202873857394E-2</v>
      </c>
      <c r="N1167" s="11">
        <v>-19.696703926499993</v>
      </c>
      <c r="O1167" s="13">
        <v>-0.1909116870062362</v>
      </c>
      <c r="P1167" s="7">
        <v>95.983240127900004</v>
      </c>
      <c r="Q1167" s="7">
        <v>88.437434873699999</v>
      </c>
      <c r="R1167" s="7">
        <v>78.165576358300001</v>
      </c>
      <c r="S1167" s="7">
        <v>80.237784889500006</v>
      </c>
      <c r="T1167" s="7">
        <v>81.662234086200002</v>
      </c>
      <c r="U1167" s="7">
        <v>99.989292811799999</v>
      </c>
      <c r="V1167" s="7">
        <v>103.171808051</v>
      </c>
      <c r="W1167" s="7">
        <v>104.853118585</v>
      </c>
      <c r="X1167" s="7">
        <v>93.316660607200006</v>
      </c>
      <c r="Y1167" s="7">
        <v>80.476609793600005</v>
      </c>
      <c r="Z1167" s="7">
        <v>81.994117645299994</v>
      </c>
      <c r="AA1167" s="7">
        <v>67.269627127600003</v>
      </c>
      <c r="AB1167" s="7">
        <v>79.149938014200004</v>
      </c>
      <c r="AC1167" s="7">
        <v>77.241499162500006</v>
      </c>
      <c r="AD1167" s="7">
        <v>81.027899335800001</v>
      </c>
      <c r="AE1167" s="7">
        <v>81.597184515199999</v>
      </c>
      <c r="AF1167" s="7">
        <v>83.475104124500007</v>
      </c>
      <c r="AG1167" s="9">
        <v>29699.873632900002</v>
      </c>
      <c r="AH1167" s="13">
        <v>0.8243707553348536</v>
      </c>
      <c r="AI1167" s="9">
        <v>14125.107236399999</v>
      </c>
      <c r="AJ1167" s="13">
        <v>0.39206649380345798</v>
      </c>
      <c r="AK1167" s="9">
        <v>7704.3581611000045</v>
      </c>
      <c r="AL1167" s="13">
        <v>0.15361883207888907</v>
      </c>
      <c r="AM1167" s="9">
        <v>7870.4082353999984</v>
      </c>
      <c r="AN1167" s="13">
        <v>0.13603257452024731</v>
      </c>
      <c r="AO1167" s="9">
        <v>15574.766396500003</v>
      </c>
      <c r="AP1167" s="13">
        <v>0.31054857182162121</v>
      </c>
      <c r="AQ1167" s="9">
        <v>36027.3256186</v>
      </c>
      <c r="AR1167" s="9">
        <v>39096.972267600002</v>
      </c>
      <c r="AS1167" s="9">
        <v>43929.378594900001</v>
      </c>
      <c r="AT1167" s="9">
        <v>44943.168461200003</v>
      </c>
      <c r="AU1167" s="9">
        <v>47582.354429799998</v>
      </c>
      <c r="AV1167" s="9">
        <v>49015.958603699997</v>
      </c>
      <c r="AW1167" s="9">
        <v>50152.432854999999</v>
      </c>
      <c r="AX1167" s="9">
        <v>52592.846937399998</v>
      </c>
      <c r="AY1167" s="9">
        <v>57227.269231300001</v>
      </c>
      <c r="AZ1167" s="9">
        <v>57856.791016100004</v>
      </c>
      <c r="BA1167" s="9">
        <v>57361.990809399998</v>
      </c>
      <c r="BB1167" s="9">
        <v>92634.948094899999</v>
      </c>
      <c r="BC1167" s="9">
        <v>55886.077188199997</v>
      </c>
      <c r="BD1167" s="9">
        <v>62143.223964099998</v>
      </c>
      <c r="BE1167" s="9">
        <v>66111.008548500002</v>
      </c>
      <c r="BF1167" s="9">
        <v>65727.199251500002</v>
      </c>
      <c r="BG1167" s="11">
        <v>-1.75</v>
      </c>
      <c r="BH1167" s="13">
        <v>-8.7499999999999994E-2</v>
      </c>
      <c r="BI1167" s="6">
        <v>3</v>
      </c>
      <c r="BJ1167" s="13">
        <v>0.15</v>
      </c>
      <c r="BK1167" s="6">
        <v>-8</v>
      </c>
      <c r="BL1167" s="13">
        <v>-0.34782608695652173</v>
      </c>
      <c r="BM1167" s="11">
        <v>3.25</v>
      </c>
      <c r="BN1167" s="13">
        <v>0.21666666666666667</v>
      </c>
      <c r="BO1167" s="11">
        <v>-4.75</v>
      </c>
      <c r="BP1167" s="13">
        <v>-0.20652173913043478</v>
      </c>
      <c r="BQ1167" s="6">
        <v>20</v>
      </c>
      <c r="BR1167" s="6">
        <v>18</v>
      </c>
      <c r="BS1167" s="6">
        <v>22</v>
      </c>
      <c r="BT1167" s="6">
        <v>23</v>
      </c>
      <c r="BU1167" s="6">
        <v>21</v>
      </c>
      <c r="BV1167" s="6">
        <v>18</v>
      </c>
      <c r="BW1167" s="6">
        <v>15</v>
      </c>
      <c r="BX1167" s="6">
        <v>16</v>
      </c>
      <c r="BY1167" s="6">
        <v>13</v>
      </c>
      <c r="BZ1167" s="6">
        <v>15</v>
      </c>
      <c r="CA1167" s="6">
        <v>16</v>
      </c>
      <c r="CB1167" s="6">
        <v>18</v>
      </c>
      <c r="CC1167" s="11">
        <v>18.25</v>
      </c>
      <c r="CD1167" s="11">
        <v>-15.151899999999999</v>
      </c>
      <c r="CE1167" s="11">
        <v>-7.8483099999999997</v>
      </c>
      <c r="CF1167" s="11">
        <v>10.492100000000001</v>
      </c>
      <c r="CG1167" s="11">
        <v>2</v>
      </c>
      <c r="CH1167" s="20">
        <v>0.41650700000000002</v>
      </c>
      <c r="CI1167" s="20">
        <v>0.390428</v>
      </c>
      <c r="CJ1167" s="20">
        <v>0.34539599999999998</v>
      </c>
      <c r="CK1167" s="20">
        <v>0.357435</v>
      </c>
      <c r="CL1167" s="20">
        <v>0.37940800000000002</v>
      </c>
      <c r="CM1167" s="20">
        <v>0.464841</v>
      </c>
      <c r="CN1167" s="20">
        <v>0.48430200000000001</v>
      </c>
      <c r="CO1167" s="20">
        <v>0.49940000000000001</v>
      </c>
      <c r="CP1167" s="20">
        <v>0.46115699999999998</v>
      </c>
      <c r="CQ1167" s="20">
        <v>0.44021500000000002</v>
      </c>
      <c r="CR1167" s="20">
        <v>0.45844600000000002</v>
      </c>
      <c r="CS1167" s="20">
        <v>0.37697700000000001</v>
      </c>
      <c r="CT1167" s="20">
        <v>0.43366199999999999</v>
      </c>
      <c r="CU1167" s="20">
        <v>0.440687</v>
      </c>
      <c r="CV1167" s="20">
        <v>0.46006399999999997</v>
      </c>
      <c r="CW1167" s="20">
        <v>0.46717199999999998</v>
      </c>
      <c r="CX1167" s="20">
        <v>0.47541499999999998</v>
      </c>
      <c r="CY1167" s="6" t="s">
        <v>580</v>
      </c>
      <c r="CZ1167" s="6" t="s">
        <v>581</v>
      </c>
      <c r="DA1167" s="6" t="s">
        <v>126</v>
      </c>
      <c r="DB1167" s="6"/>
      <c r="DC1167" s="6"/>
      <c r="DD1167" s="6"/>
      <c r="DE1167" s="6"/>
      <c r="DF1167" s="6"/>
      <c r="DG1167" s="6"/>
      <c r="DH1167" s="6" t="s">
        <v>333</v>
      </c>
      <c r="DI1167" s="6"/>
      <c r="DJ1167" s="6"/>
      <c r="DK1167" s="6"/>
      <c r="DL1167" s="6">
        <v>11</v>
      </c>
      <c r="DM1167" s="6" t="s">
        <v>520</v>
      </c>
      <c r="DN1167" s="6">
        <v>7</v>
      </c>
      <c r="DO1167" s="6" t="s">
        <v>369</v>
      </c>
      <c r="DP1167" s="6"/>
      <c r="DQ1167" s="6"/>
    </row>
    <row r="1168" spans="1:121" x14ac:dyDescent="0.2">
      <c r="A1168" s="6" t="s">
        <v>793</v>
      </c>
      <c r="B1168" s="6" t="s">
        <v>179</v>
      </c>
      <c r="C1168" s="6" t="s">
        <v>180</v>
      </c>
      <c r="D1168" s="6" t="s">
        <v>126</v>
      </c>
      <c r="E1168" s="6" t="s">
        <v>267</v>
      </c>
      <c r="F1168" s="11">
        <v>-87</v>
      </c>
      <c r="G1168" s="13">
        <v>-0.14000000000000001</v>
      </c>
      <c r="H1168" s="11">
        <v>-58</v>
      </c>
      <c r="I1168" s="13">
        <v>-9.2209856915739269E-2</v>
      </c>
      <c r="J1168" s="11">
        <v>36</v>
      </c>
      <c r="K1168" s="13">
        <v>6.3047285464098074E-2</v>
      </c>
      <c r="L1168" s="11">
        <v>-65</v>
      </c>
      <c r="M1168" s="13">
        <v>-0.1070840197693575</v>
      </c>
      <c r="N1168" s="11">
        <v>-29</v>
      </c>
      <c r="O1168" s="13">
        <v>-5.0788091068301226E-2</v>
      </c>
      <c r="P1168" s="7">
        <v>629</v>
      </c>
      <c r="Q1168" s="7">
        <v>635</v>
      </c>
      <c r="R1168" s="7">
        <v>613</v>
      </c>
      <c r="S1168" s="7">
        <v>608</v>
      </c>
      <c r="T1168" s="7">
        <v>592</v>
      </c>
      <c r="U1168" s="7">
        <v>594</v>
      </c>
      <c r="V1168" s="7">
        <v>571</v>
      </c>
      <c r="W1168" s="7">
        <v>566</v>
      </c>
      <c r="X1168" s="7">
        <v>578</v>
      </c>
      <c r="Y1168" s="7">
        <v>607</v>
      </c>
      <c r="Z1168" s="7">
        <v>598</v>
      </c>
      <c r="AA1168" s="7">
        <v>563</v>
      </c>
      <c r="AB1168" s="7">
        <v>529</v>
      </c>
      <c r="AC1168" s="7">
        <v>529</v>
      </c>
      <c r="AD1168" s="7">
        <v>525</v>
      </c>
      <c r="AE1168" s="7">
        <v>541</v>
      </c>
      <c r="AF1168" s="7">
        <v>542</v>
      </c>
      <c r="AG1168" s="9">
        <v>8878</v>
      </c>
      <c r="AH1168" s="13">
        <v>0.49281154593394394</v>
      </c>
      <c r="AI1168" s="9">
        <v>3935</v>
      </c>
      <c r="AJ1168" s="13">
        <v>0.21842908687205104</v>
      </c>
      <c r="AK1168" s="9">
        <v>9458</v>
      </c>
      <c r="AL1168" s="13">
        <v>0.43088838268792712</v>
      </c>
      <c r="AM1168" s="9">
        <v>-4515</v>
      </c>
      <c r="AN1168" s="13">
        <v>-0.14375318390219052</v>
      </c>
      <c r="AO1168" s="9">
        <v>4943</v>
      </c>
      <c r="AP1168" s="13">
        <v>0.22519362186788155</v>
      </c>
      <c r="AQ1168" s="9">
        <v>18015</v>
      </c>
      <c r="AR1168" s="9">
        <v>18213</v>
      </c>
      <c r="AS1168" s="9">
        <v>19460</v>
      </c>
      <c r="AT1168" s="9">
        <v>19753</v>
      </c>
      <c r="AU1168" s="9">
        <v>20566</v>
      </c>
      <c r="AV1168" s="9">
        <v>20748</v>
      </c>
      <c r="AW1168" s="9">
        <v>21950</v>
      </c>
      <c r="AX1168" s="9">
        <v>22809</v>
      </c>
      <c r="AY1168" s="9">
        <v>26524</v>
      </c>
      <c r="AZ1168" s="9">
        <v>31408</v>
      </c>
      <c r="BA1168" s="9">
        <v>30857</v>
      </c>
      <c r="BB1168" s="9">
        <v>27821</v>
      </c>
      <c r="BC1168" s="9">
        <v>28748</v>
      </c>
      <c r="BD1168" s="9">
        <v>26946</v>
      </c>
      <c r="BE1168" s="9">
        <v>26860</v>
      </c>
      <c r="BF1168" s="9">
        <v>26893</v>
      </c>
      <c r="BG1168" s="11">
        <v>-12</v>
      </c>
      <c r="BH1168" s="13">
        <v>-0.19354838709677419</v>
      </c>
      <c r="BI1168" s="6">
        <v>-8</v>
      </c>
      <c r="BJ1168" s="13">
        <v>-0.12903225806451613</v>
      </c>
      <c r="BK1168" s="6">
        <v>-2</v>
      </c>
      <c r="BL1168" s="13">
        <v>-3.7037037037037035E-2</v>
      </c>
      <c r="BM1168" s="11">
        <v>-2</v>
      </c>
      <c r="BN1168" s="13">
        <v>-3.8461538461538464E-2</v>
      </c>
      <c r="BO1168" s="11">
        <v>-4</v>
      </c>
      <c r="BP1168" s="13">
        <v>-7.407407407407407E-2</v>
      </c>
      <c r="BQ1168" s="6">
        <v>62</v>
      </c>
      <c r="BR1168" s="6">
        <v>60</v>
      </c>
      <c r="BS1168" s="6">
        <v>57</v>
      </c>
      <c r="BT1168" s="6">
        <v>54</v>
      </c>
      <c r="BU1168" s="6">
        <v>52</v>
      </c>
      <c r="BV1168" s="6">
        <v>51</v>
      </c>
      <c r="BW1168" s="6">
        <v>52</v>
      </c>
      <c r="BX1168" s="6">
        <v>50</v>
      </c>
      <c r="BY1168" s="6">
        <v>48</v>
      </c>
      <c r="BZ1168" s="6">
        <v>51</v>
      </c>
      <c r="CA1168" s="6">
        <v>52</v>
      </c>
      <c r="CB1168" s="6">
        <v>51</v>
      </c>
      <c r="CC1168" s="11">
        <v>50</v>
      </c>
      <c r="CD1168" s="11">
        <v>-116</v>
      </c>
      <c r="CE1168" s="11">
        <v>-40</v>
      </c>
      <c r="CF1168" s="11">
        <v>69</v>
      </c>
      <c r="CG1168" s="11">
        <v>29</v>
      </c>
      <c r="CH1168" s="20">
        <v>1.02</v>
      </c>
      <c r="CI1168" s="20">
        <v>1.03</v>
      </c>
      <c r="CJ1168" s="20">
        <v>1</v>
      </c>
      <c r="CK1168" s="20">
        <v>1</v>
      </c>
      <c r="CL1168" s="20">
        <v>1.02</v>
      </c>
      <c r="CM1168" s="20">
        <v>1.04</v>
      </c>
      <c r="CN1168" s="20">
        <v>1.02</v>
      </c>
      <c r="CO1168" s="20">
        <v>1.03</v>
      </c>
      <c r="CP1168" s="20">
        <v>1.07</v>
      </c>
      <c r="CQ1168" s="20">
        <v>1.23</v>
      </c>
      <c r="CR1168" s="20">
        <v>1.24</v>
      </c>
      <c r="CS1168" s="20">
        <v>1.18</v>
      </c>
      <c r="CT1168" s="20">
        <v>1.0900000000000001</v>
      </c>
      <c r="CU1168" s="20">
        <v>1.1299999999999999</v>
      </c>
      <c r="CV1168" s="20">
        <v>1.1000000000000001</v>
      </c>
      <c r="CW1168" s="20">
        <v>1.1299999999999999</v>
      </c>
      <c r="CX1168" s="20">
        <v>1.1299999999999999</v>
      </c>
      <c r="CY1168" s="6" t="s">
        <v>580</v>
      </c>
      <c r="CZ1168" s="6" t="s">
        <v>581</v>
      </c>
      <c r="DA1168" s="6" t="s">
        <v>126</v>
      </c>
      <c r="DB1168" s="6"/>
      <c r="DC1168" s="6"/>
      <c r="DD1168" s="6"/>
      <c r="DE1168" s="6"/>
      <c r="DF1168" s="6"/>
      <c r="DG1168" s="6"/>
      <c r="DH1168" s="6" t="s">
        <v>333</v>
      </c>
      <c r="DI1168" s="6"/>
      <c r="DJ1168" s="6"/>
      <c r="DK1168" s="6"/>
      <c r="DL1168" s="6">
        <v>11</v>
      </c>
      <c r="DM1168" s="6" t="s">
        <v>520</v>
      </c>
      <c r="DN1168" s="6">
        <v>7</v>
      </c>
      <c r="DO1168" s="6" t="s">
        <v>369</v>
      </c>
      <c r="DP1168" s="6"/>
      <c r="DQ1168" s="6"/>
    </row>
    <row r="1169" spans="1:121" x14ac:dyDescent="0.2">
      <c r="A1169" s="6" t="s">
        <v>794</v>
      </c>
      <c r="B1169" s="6" t="s">
        <v>181</v>
      </c>
      <c r="C1169" s="6" t="s">
        <v>182</v>
      </c>
      <c r="D1169" s="6" t="s">
        <v>126</v>
      </c>
      <c r="E1169" s="6" t="s">
        <v>267</v>
      </c>
      <c r="F1169" s="11">
        <v>-20</v>
      </c>
      <c r="G1169" s="13">
        <v>-7.6335877862600002E-2</v>
      </c>
      <c r="H1169" s="11">
        <v>29.574505719999991</v>
      </c>
      <c r="I1169" s="13">
        <v>0.11304702965882768</v>
      </c>
      <c r="J1169" s="11">
        <v>-14.458462722999968</v>
      </c>
      <c r="K1169" s="13">
        <v>-4.9653545572892227E-2</v>
      </c>
      <c r="L1169" s="11">
        <v>-34.348483498000007</v>
      </c>
      <c r="M1169" s="13">
        <v>-0.12412342602764724</v>
      </c>
      <c r="N1169" s="11">
        <v>-48.806946220999976</v>
      </c>
      <c r="O1169" s="13">
        <v>-0.16761380340961216</v>
      </c>
      <c r="P1169" s="7">
        <v>261.612408652</v>
      </c>
      <c r="Q1169" s="7">
        <v>268.59735938300003</v>
      </c>
      <c r="R1169" s="7">
        <v>250.95329633200001</v>
      </c>
      <c r="S1169" s="7">
        <v>268.20581556500002</v>
      </c>
      <c r="T1169" s="7">
        <v>275.48867312200002</v>
      </c>
      <c r="U1169" s="7">
        <v>278.01671170200001</v>
      </c>
      <c r="V1169" s="7">
        <v>291.18691437199999</v>
      </c>
      <c r="W1169" s="7">
        <v>291.51583234499998</v>
      </c>
      <c r="X1169" s="7">
        <v>288.08269839000002</v>
      </c>
      <c r="Y1169" s="7">
        <v>276.72845164900002</v>
      </c>
      <c r="Z1169" s="7">
        <v>273.30331491599998</v>
      </c>
      <c r="AA1169" s="7">
        <v>266.22389989499999</v>
      </c>
      <c r="AB1169" s="7">
        <v>257.827917249</v>
      </c>
      <c r="AC1169" s="7">
        <v>237.796245954</v>
      </c>
      <c r="AD1169" s="7">
        <v>240.34726464799999</v>
      </c>
      <c r="AE1169" s="7">
        <v>238.95459896899999</v>
      </c>
      <c r="AF1169" s="7">
        <v>242.37996815100001</v>
      </c>
      <c r="AG1169" s="9">
        <v>21143.432032699995</v>
      </c>
      <c r="AH1169" s="13">
        <v>0.46706743533393719</v>
      </c>
      <c r="AI1169" s="9">
        <v>11148.1178258</v>
      </c>
      <c r="AJ1169" s="13">
        <v>0.24626667958371351</v>
      </c>
      <c r="AK1169" s="9">
        <v>3657.2087776000044</v>
      </c>
      <c r="AL1169" s="13">
        <v>6.4825052071200706E-2</v>
      </c>
      <c r="AM1169" s="9">
        <v>6338.1054292999906</v>
      </c>
      <c r="AN1169" s="13">
        <v>0.10550531044098133</v>
      </c>
      <c r="AO1169" s="9">
        <v>9995.314206899995</v>
      </c>
      <c r="AP1169" s="13">
        <v>0.17716974975530683</v>
      </c>
      <c r="AQ1169" s="9">
        <v>45268.478239299999</v>
      </c>
      <c r="AR1169" s="9">
        <v>48900.868562000003</v>
      </c>
      <c r="AS1169" s="9">
        <v>50499.080732399998</v>
      </c>
      <c r="AT1169" s="9">
        <v>52241.029713999997</v>
      </c>
      <c r="AU1169" s="9">
        <v>52739.428824000002</v>
      </c>
      <c r="AV1169" s="9">
        <v>54088.383817399997</v>
      </c>
      <c r="AW1169" s="9">
        <v>56416.596065099999</v>
      </c>
      <c r="AX1169" s="9">
        <v>59201.695502100003</v>
      </c>
      <c r="AY1169" s="9">
        <v>57656.106544499999</v>
      </c>
      <c r="AZ1169" s="9">
        <v>60073.804842700003</v>
      </c>
      <c r="BA1169" s="9">
        <v>64131.108531700003</v>
      </c>
      <c r="BB1169" s="9">
        <v>66468.819963500006</v>
      </c>
      <c r="BC1169" s="9">
        <v>64372.344493800003</v>
      </c>
      <c r="BD1169" s="9">
        <v>66599.770097600005</v>
      </c>
      <c r="BE1169" s="9">
        <v>66413.9172712</v>
      </c>
      <c r="BF1169" s="9">
        <v>66411.910271999994</v>
      </c>
      <c r="BG1169" s="11">
        <v>-7.75</v>
      </c>
      <c r="BH1169" s="13">
        <v>-0.33695652173913043</v>
      </c>
      <c r="BI1169" s="6">
        <v>2</v>
      </c>
      <c r="BJ1169" s="13">
        <v>8.6956521739130432E-2</v>
      </c>
      <c r="BK1169" s="6">
        <v>-2</v>
      </c>
      <c r="BL1169" s="13">
        <v>-0.08</v>
      </c>
      <c r="BM1169" s="11">
        <v>-7.75</v>
      </c>
      <c r="BN1169" s="13">
        <v>-0.33695652173913043</v>
      </c>
      <c r="BO1169" s="11">
        <v>-9.75</v>
      </c>
      <c r="BP1169" s="13">
        <v>-0.39</v>
      </c>
      <c r="BQ1169" s="6">
        <v>23</v>
      </c>
      <c r="BR1169" s="6">
        <v>24</v>
      </c>
      <c r="BS1169" s="6">
        <v>23</v>
      </c>
      <c r="BT1169" s="6">
        <v>25</v>
      </c>
      <c r="BU1169" s="6">
        <v>26</v>
      </c>
      <c r="BV1169" s="6">
        <v>26</v>
      </c>
      <c r="BW1169" s="6">
        <v>23</v>
      </c>
      <c r="BX1169" s="6">
        <v>21</v>
      </c>
      <c r="BY1169" s="6">
        <v>15</v>
      </c>
      <c r="BZ1169" s="6">
        <v>14</v>
      </c>
      <c r="CA1169" s="6">
        <v>15</v>
      </c>
      <c r="CB1169" s="6">
        <v>16</v>
      </c>
      <c r="CC1169" s="11">
        <v>15.25</v>
      </c>
      <c r="CD1169" s="11">
        <v>-64.319400000000002</v>
      </c>
      <c r="CE1169" s="11">
        <v>16.4895</v>
      </c>
      <c r="CF1169" s="11">
        <v>28.5974</v>
      </c>
      <c r="CG1169" s="11">
        <v>45</v>
      </c>
      <c r="CH1169" s="20">
        <v>1.4340900000000001</v>
      </c>
      <c r="CI1169" s="20">
        <v>1.51067</v>
      </c>
      <c r="CJ1169" s="20">
        <v>1.4156899999999999</v>
      </c>
      <c r="CK1169" s="20">
        <v>1.5106200000000001</v>
      </c>
      <c r="CL1169" s="20">
        <v>1.6086100000000001</v>
      </c>
      <c r="CM1169" s="20">
        <v>1.6196900000000001</v>
      </c>
      <c r="CN1169" s="20">
        <v>1.7092400000000001</v>
      </c>
      <c r="CO1169" s="20">
        <v>1.73641</v>
      </c>
      <c r="CP1169" s="20">
        <v>1.7752600000000001</v>
      </c>
      <c r="CQ1169" s="20">
        <v>1.87618</v>
      </c>
      <c r="CR1169" s="20">
        <v>1.8694299999999999</v>
      </c>
      <c r="CS1169" s="20">
        <v>1.8180499999999999</v>
      </c>
      <c r="CT1169" s="20">
        <v>1.71112</v>
      </c>
      <c r="CU1169" s="20">
        <v>1.6067400000000001</v>
      </c>
      <c r="CV1169" s="20">
        <v>1.5608200000000001</v>
      </c>
      <c r="CW1169" s="20">
        <v>1.5247599999999999</v>
      </c>
      <c r="CX1169" s="20">
        <v>1.5284500000000001</v>
      </c>
      <c r="CY1169" s="6" t="s">
        <v>580</v>
      </c>
      <c r="CZ1169" s="6" t="s">
        <v>581</v>
      </c>
      <c r="DA1169" s="6" t="s">
        <v>126</v>
      </c>
      <c r="DB1169" s="6"/>
      <c r="DC1169" s="6"/>
      <c r="DD1169" s="6"/>
      <c r="DE1169" s="6"/>
      <c r="DF1169" s="6"/>
      <c r="DG1169" s="6"/>
      <c r="DH1169" s="6" t="s">
        <v>333</v>
      </c>
      <c r="DI1169" s="6"/>
      <c r="DJ1169" s="6"/>
      <c r="DK1169" s="6"/>
      <c r="DL1169" s="6">
        <v>11</v>
      </c>
      <c r="DM1169" s="6" t="s">
        <v>520</v>
      </c>
      <c r="DN1169" s="6">
        <v>7</v>
      </c>
      <c r="DO1169" s="6" t="s">
        <v>369</v>
      </c>
      <c r="DP1169" s="6"/>
      <c r="DQ1169" s="6"/>
    </row>
    <row r="1170" spans="1:121" x14ac:dyDescent="0.2">
      <c r="A1170" s="6" t="s">
        <v>314</v>
      </c>
      <c r="B1170" s="6" t="s">
        <v>314</v>
      </c>
      <c r="C1170" s="6" t="s">
        <v>183</v>
      </c>
      <c r="D1170" s="6" t="s">
        <v>126</v>
      </c>
      <c r="E1170" s="6" t="s">
        <v>267</v>
      </c>
      <c r="F1170" s="11">
        <v>-424</v>
      </c>
      <c r="G1170" s="13">
        <v>-0.69508196721299997</v>
      </c>
      <c r="H1170" s="11">
        <v>-273.81476325100004</v>
      </c>
      <c r="I1170" s="13">
        <v>-0.4489592671722808</v>
      </c>
      <c r="J1170" s="11">
        <v>-55.901651619000006</v>
      </c>
      <c r="K1170" s="13">
        <v>-0.16633782427429941</v>
      </c>
      <c r="L1170" s="11">
        <v>-94.403879131999986</v>
      </c>
      <c r="M1170" s="13">
        <v>-0.3369505114429201</v>
      </c>
      <c r="N1170" s="11">
        <v>-150.30553075099999</v>
      </c>
      <c r="O1170" s="13">
        <v>-0.44724072075569177</v>
      </c>
      <c r="P1170" s="7">
        <v>609.88776326100003</v>
      </c>
      <c r="Q1170" s="7">
        <v>557.30100968099998</v>
      </c>
      <c r="R1170" s="7">
        <v>549.27883348499995</v>
      </c>
      <c r="S1170" s="7">
        <v>507.73629910300002</v>
      </c>
      <c r="T1170" s="7">
        <v>445.45521989700001</v>
      </c>
      <c r="U1170" s="7">
        <v>370.80290783599997</v>
      </c>
      <c r="V1170" s="7">
        <v>336.07300000999999</v>
      </c>
      <c r="W1170" s="7">
        <v>308.55922192399998</v>
      </c>
      <c r="X1170" s="7">
        <v>284.62795465200003</v>
      </c>
      <c r="Y1170" s="7">
        <v>280.17134839099998</v>
      </c>
      <c r="Z1170" s="7">
        <v>258.658335368</v>
      </c>
      <c r="AA1170" s="7">
        <v>243.351243342</v>
      </c>
      <c r="AB1170" s="7">
        <v>221.01475136799999</v>
      </c>
      <c r="AC1170" s="7">
        <v>212.026269885</v>
      </c>
      <c r="AD1170" s="7">
        <v>195.516259494</v>
      </c>
      <c r="AE1170" s="7">
        <v>184.83936432900001</v>
      </c>
      <c r="AF1170" s="7">
        <v>185.76746925899999</v>
      </c>
      <c r="AG1170" s="9">
        <v>12149.208672799999</v>
      </c>
      <c r="AH1170" s="13">
        <v>0.44640251158454658</v>
      </c>
      <c r="AI1170" s="9">
        <v>5993.8026124000025</v>
      </c>
      <c r="AJ1170" s="13">
        <v>0.22023233053093383</v>
      </c>
      <c r="AK1170" s="9">
        <v>954.5014727999951</v>
      </c>
      <c r="AL1170" s="13">
        <v>2.8741717282632504E-2</v>
      </c>
      <c r="AM1170" s="9">
        <v>5200.9045876000018</v>
      </c>
      <c r="AN1170" s="13">
        <v>0.15223294367531651</v>
      </c>
      <c r="AO1170" s="9">
        <v>6155.4060603999969</v>
      </c>
      <c r="AP1170" s="13">
        <v>0.18535009718616785</v>
      </c>
      <c r="AQ1170" s="9">
        <v>27215.816124500001</v>
      </c>
      <c r="AR1170" s="9">
        <v>28232.4710075</v>
      </c>
      <c r="AS1170" s="9">
        <v>29164.291403899999</v>
      </c>
      <c r="AT1170" s="9">
        <v>28675.863172500001</v>
      </c>
      <c r="AU1170" s="9">
        <v>29545.585531299999</v>
      </c>
      <c r="AV1170" s="9">
        <v>32946.017752699998</v>
      </c>
      <c r="AW1170" s="9">
        <v>33209.618736900004</v>
      </c>
      <c r="AX1170" s="9">
        <v>29864.5947228</v>
      </c>
      <c r="AY1170" s="9">
        <v>34268.976837100003</v>
      </c>
      <c r="AZ1170" s="9">
        <v>34164.120209699999</v>
      </c>
      <c r="BA1170" s="9">
        <v>38531.955353799996</v>
      </c>
      <c r="BB1170" s="9">
        <v>36348.995137099999</v>
      </c>
      <c r="BC1170" s="9">
        <v>36799.8394845</v>
      </c>
      <c r="BD1170" s="9">
        <v>37525.306688999997</v>
      </c>
      <c r="BE1170" s="9">
        <v>38946.913335099998</v>
      </c>
      <c r="BF1170" s="9">
        <v>39365.024797300001</v>
      </c>
      <c r="BG1170" s="11">
        <v>-3</v>
      </c>
      <c r="BH1170" s="13">
        <v>-0.27272727272727271</v>
      </c>
      <c r="BI1170" s="6">
        <v>-1</v>
      </c>
      <c r="BJ1170" s="13">
        <v>-9.0909090909090912E-2</v>
      </c>
      <c r="BK1170" s="6">
        <v>4</v>
      </c>
      <c r="BL1170" s="13">
        <v>0.4</v>
      </c>
      <c r="BM1170" s="11">
        <v>-6</v>
      </c>
      <c r="BN1170" s="13">
        <v>-0.42857142857142855</v>
      </c>
      <c r="BO1170" s="11">
        <v>-2</v>
      </c>
      <c r="BP1170" s="13">
        <v>-0.2</v>
      </c>
      <c r="BQ1170" s="6">
        <v>11</v>
      </c>
      <c r="BR1170" s="6">
        <v>10</v>
      </c>
      <c r="BS1170" s="6">
        <v>11</v>
      </c>
      <c r="BT1170" s="6">
        <v>10</v>
      </c>
      <c r="BU1170" s="6">
        <v>10</v>
      </c>
      <c r="BV1170" s="6">
        <v>12</v>
      </c>
      <c r="BW1170" s="6">
        <v>14</v>
      </c>
      <c r="BX1170" s="6">
        <v>14</v>
      </c>
      <c r="BY1170" s="6">
        <v>12</v>
      </c>
      <c r="BZ1170" s="6">
        <v>13</v>
      </c>
      <c r="CA1170" s="6">
        <v>11</v>
      </c>
      <c r="CB1170" s="6">
        <v>8</v>
      </c>
      <c r="CC1170" s="11">
        <v>8</v>
      </c>
      <c r="CD1170" s="11">
        <v>-303.98599999999999</v>
      </c>
      <c r="CE1170" s="11">
        <v>-186.803</v>
      </c>
      <c r="CF1170" s="11">
        <v>66.668099999999995</v>
      </c>
      <c r="CG1170" s="11">
        <v>-120</v>
      </c>
      <c r="CH1170" s="20">
        <v>4.2454999999999998</v>
      </c>
      <c r="CI1170" s="20">
        <v>4.0925900000000004</v>
      </c>
      <c r="CJ1170" s="20">
        <v>4.2245400000000002</v>
      </c>
      <c r="CK1170" s="20">
        <v>4.06379</v>
      </c>
      <c r="CL1170" s="20">
        <v>3.8363399999999999</v>
      </c>
      <c r="CM1170" s="20">
        <v>3.2811400000000002</v>
      </c>
      <c r="CN1170" s="20">
        <v>3.0649000000000002</v>
      </c>
      <c r="CO1170" s="20">
        <v>2.8803200000000002</v>
      </c>
      <c r="CP1170" s="20">
        <v>2.7357200000000002</v>
      </c>
      <c r="CQ1170" s="20">
        <v>3.03898</v>
      </c>
      <c r="CR1170" s="20">
        <v>2.9359299999999999</v>
      </c>
      <c r="CS1170" s="20">
        <v>2.8134000000000001</v>
      </c>
      <c r="CT1170" s="20">
        <v>2.5089600000000001</v>
      </c>
      <c r="CU1170" s="20">
        <v>2.5030999999999999</v>
      </c>
      <c r="CV1170" s="20">
        <v>2.2994400000000002</v>
      </c>
      <c r="CW1170" s="20">
        <v>2.1593</v>
      </c>
      <c r="CX1170" s="20">
        <v>2.1717599999999999</v>
      </c>
      <c r="CY1170" s="6" t="s">
        <v>580</v>
      </c>
      <c r="CZ1170" s="6" t="s">
        <v>581</v>
      </c>
      <c r="DA1170" s="6" t="s">
        <v>126</v>
      </c>
      <c r="DB1170" s="6"/>
      <c r="DC1170" s="6"/>
      <c r="DD1170" s="6"/>
      <c r="DE1170" s="6"/>
      <c r="DF1170" s="6"/>
      <c r="DG1170" s="6"/>
      <c r="DH1170" s="6" t="s">
        <v>333</v>
      </c>
      <c r="DI1170" s="6"/>
      <c r="DJ1170" s="6"/>
      <c r="DK1170" s="6"/>
      <c r="DL1170" s="6">
        <v>11</v>
      </c>
      <c r="DM1170" s="6" t="s">
        <v>520</v>
      </c>
      <c r="DN1170" s="6">
        <v>7</v>
      </c>
      <c r="DO1170" s="6" t="s">
        <v>369</v>
      </c>
      <c r="DP1170" s="6"/>
      <c r="DQ1170" s="6"/>
    </row>
    <row r="1171" spans="1:121" x14ac:dyDescent="0.2">
      <c r="A1171" s="6" t="s">
        <v>315</v>
      </c>
      <c r="B1171" s="6" t="s">
        <v>315</v>
      </c>
      <c r="C1171" s="6" t="s">
        <v>184</v>
      </c>
      <c r="D1171" s="6" t="s">
        <v>126</v>
      </c>
      <c r="E1171" s="6" t="s">
        <v>267</v>
      </c>
      <c r="F1171" s="11">
        <v>-50</v>
      </c>
      <c r="G1171" s="13">
        <v>-0.32</v>
      </c>
      <c r="H1171" s="11">
        <v>26</v>
      </c>
      <c r="I1171" s="13">
        <v>0.16774193548387098</v>
      </c>
      <c r="J1171" s="11">
        <v>-37</v>
      </c>
      <c r="K1171" s="13">
        <v>-0.20441988950276244</v>
      </c>
      <c r="L1171" s="11">
        <v>-39</v>
      </c>
      <c r="M1171" s="13">
        <v>-0.27083333333333331</v>
      </c>
      <c r="N1171" s="11">
        <v>-76</v>
      </c>
      <c r="O1171" s="13">
        <v>-0.41988950276243087</v>
      </c>
      <c r="P1171" s="7">
        <v>155</v>
      </c>
      <c r="Q1171" s="7">
        <v>156</v>
      </c>
      <c r="R1171" s="7">
        <v>151</v>
      </c>
      <c r="S1171" s="7">
        <v>145</v>
      </c>
      <c r="T1171" s="7">
        <v>141</v>
      </c>
      <c r="U1171" s="7">
        <v>152</v>
      </c>
      <c r="V1171" s="7">
        <v>181</v>
      </c>
      <c r="W1171" s="7">
        <v>180</v>
      </c>
      <c r="X1171" s="7">
        <v>176</v>
      </c>
      <c r="Y1171" s="7">
        <v>144</v>
      </c>
      <c r="Z1171" s="7">
        <v>168</v>
      </c>
      <c r="AA1171" s="7">
        <v>161</v>
      </c>
      <c r="AB1171" s="7">
        <v>134</v>
      </c>
      <c r="AC1171" s="7">
        <v>112</v>
      </c>
      <c r="AD1171" s="7">
        <v>112</v>
      </c>
      <c r="AE1171" s="7">
        <v>112</v>
      </c>
      <c r="AF1171" s="7">
        <v>105</v>
      </c>
      <c r="AG1171" s="9">
        <v>79794</v>
      </c>
      <c r="AH1171" s="13">
        <v>2.76390717007274</v>
      </c>
      <c r="AI1171" s="9">
        <v>6717</v>
      </c>
      <c r="AJ1171" s="13">
        <v>0.23266366470384481</v>
      </c>
      <c r="AK1171" s="9">
        <v>38852</v>
      </c>
      <c r="AL1171" s="13">
        <v>1.0917469862590272</v>
      </c>
      <c r="AM1171" s="9">
        <v>34225</v>
      </c>
      <c r="AN1171" s="13">
        <v>0.45977243111809663</v>
      </c>
      <c r="AO1171" s="9">
        <v>73077</v>
      </c>
      <c r="AP1171" s="13">
        <v>2.0534745834152921</v>
      </c>
      <c r="AQ1171" s="9">
        <v>28870</v>
      </c>
      <c r="AR1171" s="9">
        <v>29910</v>
      </c>
      <c r="AS1171" s="9">
        <v>28984</v>
      </c>
      <c r="AT1171" s="9">
        <v>30996</v>
      </c>
      <c r="AU1171" s="9">
        <v>33581</v>
      </c>
      <c r="AV1171" s="9">
        <v>34141</v>
      </c>
      <c r="AW1171" s="9">
        <v>35587</v>
      </c>
      <c r="AX1171" s="9">
        <v>37565</v>
      </c>
      <c r="AY1171" s="9">
        <v>59354</v>
      </c>
      <c r="AZ1171" s="9">
        <v>74439</v>
      </c>
      <c r="BA1171" s="9">
        <v>70189</v>
      </c>
      <c r="BB1171" s="9">
        <v>77773</v>
      </c>
      <c r="BC1171" s="9">
        <v>91004</v>
      </c>
      <c r="BD1171" s="9">
        <v>105208</v>
      </c>
      <c r="BE1171" s="9">
        <v>107116</v>
      </c>
      <c r="BF1171" s="9">
        <v>108664</v>
      </c>
      <c r="BG1171" s="11">
        <v>-6</v>
      </c>
      <c r="BH1171" s="13">
        <v>-0.24</v>
      </c>
      <c r="BI1171" s="6">
        <v>2</v>
      </c>
      <c r="BJ1171" s="13">
        <v>0.08</v>
      </c>
      <c r="BK1171" s="6">
        <v>-5</v>
      </c>
      <c r="BL1171" s="13">
        <v>-0.18518518518518517</v>
      </c>
      <c r="BM1171" s="11">
        <v>-3</v>
      </c>
      <c r="BN1171" s="13">
        <v>-0.13636363636363635</v>
      </c>
      <c r="BO1171" s="11">
        <v>-8</v>
      </c>
      <c r="BP1171" s="13">
        <v>-0.29629629629629628</v>
      </c>
      <c r="BQ1171" s="6">
        <v>25</v>
      </c>
      <c r="BR1171" s="6">
        <v>24</v>
      </c>
      <c r="BS1171" s="6">
        <v>24</v>
      </c>
      <c r="BT1171" s="6">
        <v>27</v>
      </c>
      <c r="BU1171" s="6">
        <v>27</v>
      </c>
      <c r="BV1171" s="6">
        <v>25</v>
      </c>
      <c r="BW1171" s="6">
        <v>22</v>
      </c>
      <c r="BX1171" s="6">
        <v>23</v>
      </c>
      <c r="BY1171" s="6">
        <v>21</v>
      </c>
      <c r="BZ1171" s="6">
        <v>20</v>
      </c>
      <c r="CA1171" s="6">
        <v>20</v>
      </c>
      <c r="CB1171" s="6">
        <v>19</v>
      </c>
      <c r="CC1171" s="11">
        <v>19</v>
      </c>
      <c r="CD1171" s="11">
        <v>-55</v>
      </c>
      <c r="CE1171" s="11">
        <v>-12</v>
      </c>
      <c r="CF1171" s="11">
        <v>17</v>
      </c>
      <c r="CG1171" s="11">
        <v>5</v>
      </c>
      <c r="CH1171" s="20">
        <v>0.66</v>
      </c>
      <c r="CI1171" s="20">
        <v>0.66</v>
      </c>
      <c r="CJ1171" s="20">
        <v>0.63</v>
      </c>
      <c r="CK1171" s="20">
        <v>0.61</v>
      </c>
      <c r="CL1171" s="20">
        <v>0.62</v>
      </c>
      <c r="CM1171" s="20">
        <v>0.67</v>
      </c>
      <c r="CN1171" s="20">
        <v>0.82</v>
      </c>
      <c r="CO1171" s="20">
        <v>0.85</v>
      </c>
      <c r="CP1171" s="20">
        <v>0.84</v>
      </c>
      <c r="CQ1171" s="20">
        <v>0.76</v>
      </c>
      <c r="CR1171" s="20">
        <v>0.91</v>
      </c>
      <c r="CS1171" s="20">
        <v>0.89</v>
      </c>
      <c r="CT1171" s="20">
        <v>0.73</v>
      </c>
      <c r="CU1171" s="20">
        <v>0.64</v>
      </c>
      <c r="CV1171" s="20">
        <v>0.63</v>
      </c>
      <c r="CW1171" s="20">
        <v>0.63</v>
      </c>
      <c r="CX1171" s="20">
        <v>0.57999999999999996</v>
      </c>
      <c r="CY1171" s="6" t="s">
        <v>580</v>
      </c>
      <c r="CZ1171" s="6" t="s">
        <v>581</v>
      </c>
      <c r="DA1171" s="6" t="s">
        <v>126</v>
      </c>
      <c r="DB1171" s="6"/>
      <c r="DC1171" s="6"/>
      <c r="DD1171" s="6"/>
      <c r="DE1171" s="6"/>
      <c r="DF1171" s="6"/>
      <c r="DG1171" s="6"/>
      <c r="DH1171" s="6" t="s">
        <v>333</v>
      </c>
      <c r="DI1171" s="6"/>
      <c r="DJ1171" s="6"/>
      <c r="DK1171" s="6"/>
      <c r="DL1171" s="6">
        <v>11</v>
      </c>
      <c r="DM1171" s="6" t="s">
        <v>520</v>
      </c>
      <c r="DN1171" s="6">
        <v>7</v>
      </c>
      <c r="DO1171" s="6" t="s">
        <v>369</v>
      </c>
      <c r="DP1171" s="6"/>
      <c r="DQ1171" s="6"/>
    </row>
    <row r="1172" spans="1:121" x14ac:dyDescent="0.2">
      <c r="A1172" s="6" t="s">
        <v>316</v>
      </c>
      <c r="B1172" s="6" t="s">
        <v>316</v>
      </c>
      <c r="C1172" s="6" t="s">
        <v>185</v>
      </c>
      <c r="D1172" s="6" t="s">
        <v>126</v>
      </c>
      <c r="E1172" s="6" t="s">
        <v>267</v>
      </c>
      <c r="F1172" s="11">
        <v>-15</v>
      </c>
      <c r="G1172" s="13">
        <v>-0.5</v>
      </c>
      <c r="H1172" s="11">
        <v>6</v>
      </c>
      <c r="I1172" s="13">
        <v>0.2</v>
      </c>
      <c r="J1172" s="11">
        <v>-8</v>
      </c>
      <c r="K1172" s="13">
        <v>-0.22222222222222221</v>
      </c>
      <c r="L1172" s="11">
        <v>-13</v>
      </c>
      <c r="M1172" s="13">
        <v>-0.4642857142857143</v>
      </c>
      <c r="N1172" s="11">
        <v>-21</v>
      </c>
      <c r="O1172" s="13">
        <v>-0.58333333333333337</v>
      </c>
      <c r="P1172" s="7">
        <v>30</v>
      </c>
      <c r="Q1172" s="7">
        <v>30</v>
      </c>
      <c r="R1172" s="7">
        <v>29</v>
      </c>
      <c r="S1172" s="7">
        <v>32</v>
      </c>
      <c r="T1172" s="7">
        <v>30</v>
      </c>
      <c r="U1172" s="7">
        <v>32</v>
      </c>
      <c r="V1172" s="7">
        <v>36</v>
      </c>
      <c r="W1172" s="7">
        <v>39</v>
      </c>
      <c r="X1172" s="7">
        <v>32</v>
      </c>
      <c r="Y1172" s="7">
        <v>28</v>
      </c>
      <c r="Z1172" s="7">
        <v>26</v>
      </c>
      <c r="AA1172" s="7">
        <v>29</v>
      </c>
      <c r="AB1172" s="7">
        <v>24</v>
      </c>
      <c r="AC1172" s="7">
        <v>22</v>
      </c>
      <c r="AD1172" s="7">
        <v>17</v>
      </c>
      <c r="AE1172" s="7">
        <v>16</v>
      </c>
      <c r="AF1172" s="7">
        <v>15</v>
      </c>
      <c r="AG1172" s="9">
        <v>11121</v>
      </c>
      <c r="AH1172" s="13">
        <v>0.60664411957233255</v>
      </c>
      <c r="AI1172" s="9">
        <v>1477</v>
      </c>
      <c r="AJ1172" s="13">
        <v>8.0569495963342785E-2</v>
      </c>
      <c r="AK1172" s="9">
        <v>1091</v>
      </c>
      <c r="AL1172" s="13">
        <v>5.507597556666162E-2</v>
      </c>
      <c r="AM1172" s="9">
        <v>8553</v>
      </c>
      <c r="AN1172" s="13">
        <v>0.40923444976076562</v>
      </c>
      <c r="AO1172" s="9">
        <v>9644</v>
      </c>
      <c r="AP1172" s="13">
        <v>0.48684941188348729</v>
      </c>
      <c r="AQ1172" s="9">
        <v>18332</v>
      </c>
      <c r="AR1172" s="9">
        <v>16885</v>
      </c>
      <c r="AS1172" s="9">
        <v>18524</v>
      </c>
      <c r="AT1172" s="9">
        <v>18024</v>
      </c>
      <c r="AU1172" s="9">
        <v>19048</v>
      </c>
      <c r="AV1172" s="9">
        <v>18875</v>
      </c>
      <c r="AW1172" s="9">
        <v>19809</v>
      </c>
      <c r="AX1172" s="9">
        <v>19615</v>
      </c>
      <c r="AY1172" s="9">
        <v>19885</v>
      </c>
      <c r="AZ1172" s="9">
        <v>20900</v>
      </c>
      <c r="BA1172" s="9">
        <v>18733</v>
      </c>
      <c r="BB1172" s="9">
        <v>18776</v>
      </c>
      <c r="BC1172" s="9">
        <v>22531</v>
      </c>
      <c r="BD1172" s="9">
        <v>22609</v>
      </c>
      <c r="BE1172" s="9">
        <v>28864</v>
      </c>
      <c r="BF1172" s="9">
        <v>29453</v>
      </c>
      <c r="BG1172" s="11">
        <v>-5</v>
      </c>
      <c r="BH1172" s="13">
        <v>-0.55555555555555558</v>
      </c>
      <c r="BI1172" s="6">
        <v>0</v>
      </c>
      <c r="BJ1172" s="13">
        <v>0</v>
      </c>
      <c r="BK1172" s="6">
        <v>-2</v>
      </c>
      <c r="BL1172" s="13">
        <v>-0.22222222222222221</v>
      </c>
      <c r="BM1172" s="11">
        <v>-3</v>
      </c>
      <c r="BN1172" s="13">
        <v>-0.42857142857142855</v>
      </c>
      <c r="BO1172" s="11">
        <v>-5</v>
      </c>
      <c r="BP1172" s="13">
        <v>-0.55555555555555558</v>
      </c>
      <c r="BQ1172" s="6">
        <v>9</v>
      </c>
      <c r="BR1172" s="6">
        <v>8</v>
      </c>
      <c r="BS1172" s="6">
        <v>8</v>
      </c>
      <c r="BT1172" s="6">
        <v>9</v>
      </c>
      <c r="BU1172" s="6">
        <v>9</v>
      </c>
      <c r="BV1172" s="6">
        <v>9</v>
      </c>
      <c r="BW1172" s="6">
        <v>7</v>
      </c>
      <c r="BX1172" s="6">
        <v>6</v>
      </c>
      <c r="BY1172" s="6">
        <v>6</v>
      </c>
      <c r="BZ1172" s="6">
        <v>6</v>
      </c>
      <c r="CA1172" s="6">
        <v>5</v>
      </c>
      <c r="CB1172" s="6">
        <v>4</v>
      </c>
      <c r="CC1172" s="11">
        <v>4</v>
      </c>
      <c r="CD1172" s="11">
        <v>-16</v>
      </c>
      <c r="CE1172" s="11">
        <v>-2</v>
      </c>
      <c r="CF1172" s="11">
        <v>3</v>
      </c>
      <c r="CG1172" s="11">
        <v>1</v>
      </c>
      <c r="CH1172" s="20">
        <v>0.31</v>
      </c>
      <c r="CI1172" s="20">
        <v>0.31</v>
      </c>
      <c r="CJ1172" s="20">
        <v>0.28999999999999998</v>
      </c>
      <c r="CK1172" s="20">
        <v>0.31</v>
      </c>
      <c r="CL1172" s="20">
        <v>0.3</v>
      </c>
      <c r="CM1172" s="20">
        <v>0.33</v>
      </c>
      <c r="CN1172" s="20">
        <v>0.38</v>
      </c>
      <c r="CO1172" s="20">
        <v>0.43</v>
      </c>
      <c r="CP1172" s="20">
        <v>0.37</v>
      </c>
      <c r="CQ1172" s="20">
        <v>0.35</v>
      </c>
      <c r="CR1172" s="20">
        <v>0.35</v>
      </c>
      <c r="CS1172" s="20">
        <v>0.39</v>
      </c>
      <c r="CT1172" s="20">
        <v>0.32</v>
      </c>
      <c r="CU1172" s="20">
        <v>0.3</v>
      </c>
      <c r="CV1172" s="20">
        <v>0.22</v>
      </c>
      <c r="CW1172" s="20">
        <v>0.21</v>
      </c>
      <c r="CX1172" s="20">
        <v>0.2</v>
      </c>
      <c r="CY1172" s="6" t="s">
        <v>580</v>
      </c>
      <c r="CZ1172" s="6" t="s">
        <v>581</v>
      </c>
      <c r="DA1172" s="6" t="s">
        <v>126</v>
      </c>
      <c r="DB1172" s="6"/>
      <c r="DC1172" s="6"/>
      <c r="DD1172" s="6"/>
      <c r="DE1172" s="6"/>
      <c r="DF1172" s="6"/>
      <c r="DG1172" s="6"/>
      <c r="DH1172" s="6" t="s">
        <v>333</v>
      </c>
      <c r="DI1172" s="6"/>
      <c r="DJ1172" s="6"/>
      <c r="DK1172" s="6"/>
      <c r="DL1172" s="6">
        <v>11</v>
      </c>
      <c r="DM1172" s="6" t="s">
        <v>520</v>
      </c>
      <c r="DN1172" s="6">
        <v>7</v>
      </c>
      <c r="DO1172" s="6" t="s">
        <v>369</v>
      </c>
      <c r="DP1172" s="6"/>
      <c r="DQ1172" s="6"/>
    </row>
    <row r="1173" spans="1:121" x14ac:dyDescent="0.2">
      <c r="A1173" s="6" t="s">
        <v>317</v>
      </c>
      <c r="B1173" s="6" t="s">
        <v>317</v>
      </c>
      <c r="C1173" s="6" t="s">
        <v>186</v>
      </c>
      <c r="D1173" s="6" t="s">
        <v>126</v>
      </c>
      <c r="E1173" s="6" t="s">
        <v>267</v>
      </c>
      <c r="F1173" s="11">
        <v>14</v>
      </c>
      <c r="G1173" s="13">
        <v>0.18</v>
      </c>
      <c r="H1173" s="11">
        <v>-5</v>
      </c>
      <c r="I1173" s="13">
        <v>-6.4935064935064929E-2</v>
      </c>
      <c r="J1173" s="11">
        <v>1</v>
      </c>
      <c r="K1173" s="13">
        <v>1.3888888888888888E-2</v>
      </c>
      <c r="L1173" s="11">
        <v>18</v>
      </c>
      <c r="M1173" s="13">
        <v>0.24657534246575341</v>
      </c>
      <c r="N1173" s="11">
        <v>19</v>
      </c>
      <c r="O1173" s="13">
        <v>0.2638888888888889</v>
      </c>
      <c r="P1173" s="7">
        <v>77</v>
      </c>
      <c r="Q1173" s="7">
        <v>77</v>
      </c>
      <c r="R1173" s="7">
        <v>155</v>
      </c>
      <c r="S1173" s="7">
        <v>156</v>
      </c>
      <c r="T1173" s="7">
        <v>140</v>
      </c>
      <c r="U1173" s="7">
        <v>130</v>
      </c>
      <c r="V1173" s="7">
        <v>72</v>
      </c>
      <c r="W1173" s="7">
        <v>72</v>
      </c>
      <c r="X1173" s="7">
        <v>78</v>
      </c>
      <c r="Y1173" s="7">
        <v>73</v>
      </c>
      <c r="Z1173" s="7">
        <v>73</v>
      </c>
      <c r="AA1173" s="7">
        <v>72</v>
      </c>
      <c r="AB1173" s="7">
        <v>72</v>
      </c>
      <c r="AC1173" s="7">
        <v>74</v>
      </c>
      <c r="AD1173" s="7">
        <v>91</v>
      </c>
      <c r="AE1173" s="7">
        <v>89</v>
      </c>
      <c r="AF1173" s="7">
        <v>91</v>
      </c>
      <c r="AG1173" s="9">
        <v>3164</v>
      </c>
      <c r="AH1173" s="13">
        <v>0.10738528373608472</v>
      </c>
      <c r="AI1173" s="9">
        <v>920</v>
      </c>
      <c r="AJ1173" s="13">
        <v>3.1224545207711105E-2</v>
      </c>
      <c r="AK1173" s="9">
        <v>-187</v>
      </c>
      <c r="AL1173" s="13">
        <v>-6.1545550289626117E-3</v>
      </c>
      <c r="AM1173" s="9">
        <v>2431</v>
      </c>
      <c r="AN1173" s="13">
        <v>8.0504685895949932E-2</v>
      </c>
      <c r="AO1173" s="9">
        <v>2244</v>
      </c>
      <c r="AP1173" s="13">
        <v>7.3854660347551337E-2</v>
      </c>
      <c r="AQ1173" s="9">
        <v>29464</v>
      </c>
      <c r="AR1173" s="9">
        <v>27623</v>
      </c>
      <c r="AS1173" s="9">
        <v>37697</v>
      </c>
      <c r="AT1173" s="9">
        <v>36738</v>
      </c>
      <c r="AU1173" s="9">
        <v>39546</v>
      </c>
      <c r="AV1173" s="9">
        <v>39325</v>
      </c>
      <c r="AW1173" s="9">
        <v>30384</v>
      </c>
      <c r="AX1173" s="9">
        <v>35424</v>
      </c>
      <c r="AY1173" s="9">
        <v>38668</v>
      </c>
      <c r="AZ1173" s="9">
        <v>30197</v>
      </c>
      <c r="BA1173" s="9">
        <v>29830</v>
      </c>
      <c r="BB1173" s="9">
        <v>29806</v>
      </c>
      <c r="BC1173" s="9">
        <v>29490</v>
      </c>
      <c r="BD1173" s="9">
        <v>31103</v>
      </c>
      <c r="BE1173" s="9">
        <v>29795</v>
      </c>
      <c r="BF1173" s="9">
        <v>32628</v>
      </c>
      <c r="BG1173" s="11">
        <v>-1</v>
      </c>
      <c r="BH1173" s="13">
        <v>-4.5454545454545456E-2</v>
      </c>
      <c r="BI1173" s="6">
        <v>-2</v>
      </c>
      <c r="BJ1173" s="13">
        <v>-9.0909090909090912E-2</v>
      </c>
      <c r="BK1173" s="6">
        <v>-1</v>
      </c>
      <c r="BL1173" s="13">
        <v>-0.05</v>
      </c>
      <c r="BM1173" s="11">
        <v>2</v>
      </c>
      <c r="BN1173" s="13">
        <v>0.10526315789473684</v>
      </c>
      <c r="BO1173" s="11">
        <v>1</v>
      </c>
      <c r="BP1173" s="13">
        <v>0.05</v>
      </c>
      <c r="BQ1173" s="6">
        <v>22</v>
      </c>
      <c r="BR1173" s="6">
        <v>20</v>
      </c>
      <c r="BS1173" s="6">
        <v>21</v>
      </c>
      <c r="BT1173" s="6">
        <v>20</v>
      </c>
      <c r="BU1173" s="6">
        <v>17</v>
      </c>
      <c r="BV1173" s="6">
        <v>18</v>
      </c>
      <c r="BW1173" s="6">
        <v>19</v>
      </c>
      <c r="BX1173" s="6">
        <v>16</v>
      </c>
      <c r="BY1173" s="6">
        <v>17</v>
      </c>
      <c r="BZ1173" s="6">
        <v>16</v>
      </c>
      <c r="CA1173" s="6">
        <v>15</v>
      </c>
      <c r="CB1173" s="6">
        <v>20</v>
      </c>
      <c r="CC1173" s="11">
        <v>21</v>
      </c>
      <c r="CD1173" s="11">
        <v>-9</v>
      </c>
      <c r="CE1173" s="11">
        <v>15</v>
      </c>
      <c r="CF1173" s="11">
        <v>8</v>
      </c>
      <c r="CG1173" s="11">
        <v>23</v>
      </c>
      <c r="CH1173" s="20">
        <v>0.25</v>
      </c>
      <c r="CI1173" s="20">
        <v>0.26</v>
      </c>
      <c r="CJ1173" s="20">
        <v>0.51</v>
      </c>
      <c r="CK1173" s="20">
        <v>0.51</v>
      </c>
      <c r="CL1173" s="20">
        <v>0.47</v>
      </c>
      <c r="CM1173" s="20">
        <v>0.43</v>
      </c>
      <c r="CN1173" s="20">
        <v>0.23</v>
      </c>
      <c r="CO1173" s="20">
        <v>0.23</v>
      </c>
      <c r="CP1173" s="20">
        <v>0.26</v>
      </c>
      <c r="CQ1173" s="20">
        <v>0.26</v>
      </c>
      <c r="CR1173" s="20">
        <v>0.26</v>
      </c>
      <c r="CS1173" s="20">
        <v>0.26</v>
      </c>
      <c r="CT1173" s="20">
        <v>0.25</v>
      </c>
      <c r="CU1173" s="20">
        <v>0.26</v>
      </c>
      <c r="CV1173" s="20">
        <v>0.31</v>
      </c>
      <c r="CW1173" s="20">
        <v>0.3</v>
      </c>
      <c r="CX1173" s="20">
        <v>0.31</v>
      </c>
      <c r="CY1173" s="6" t="s">
        <v>580</v>
      </c>
      <c r="CZ1173" s="6" t="s">
        <v>581</v>
      </c>
      <c r="DA1173" s="6" t="s">
        <v>126</v>
      </c>
      <c r="DB1173" s="6"/>
      <c r="DC1173" s="6"/>
      <c r="DD1173" s="6"/>
      <c r="DE1173" s="6"/>
      <c r="DF1173" s="6"/>
      <c r="DG1173" s="6"/>
      <c r="DH1173" s="6" t="s">
        <v>333</v>
      </c>
      <c r="DI1173" s="6"/>
      <c r="DJ1173" s="6"/>
      <c r="DK1173" s="6"/>
      <c r="DL1173" s="6">
        <v>11</v>
      </c>
      <c r="DM1173" s="6" t="s">
        <v>520</v>
      </c>
      <c r="DN1173" s="6">
        <v>7</v>
      </c>
      <c r="DO1173" s="6" t="s">
        <v>369</v>
      </c>
      <c r="DP1173" s="6"/>
      <c r="DQ1173" s="6"/>
    </row>
    <row r="1174" spans="1:121" x14ac:dyDescent="0.2">
      <c r="A1174" s="6" t="s">
        <v>318</v>
      </c>
      <c r="B1174" s="6" t="s">
        <v>318</v>
      </c>
      <c r="C1174" s="6" t="s">
        <v>187</v>
      </c>
      <c r="D1174" s="6" t="s">
        <v>126</v>
      </c>
      <c r="E1174" s="6" t="s">
        <v>267</v>
      </c>
      <c r="F1174" s="11">
        <v>-23</v>
      </c>
      <c r="G1174" s="13">
        <v>-0.2</v>
      </c>
      <c r="H1174" s="11">
        <v>-21.885302999999993</v>
      </c>
      <c r="I1174" s="13">
        <v>-0.19054846716655055</v>
      </c>
      <c r="J1174" s="11">
        <v>13.917941999999996</v>
      </c>
      <c r="K1174" s="13">
        <v>0.14970526290517874</v>
      </c>
      <c r="L1174" s="11">
        <v>-14.842122031599999</v>
      </c>
      <c r="M1174" s="13">
        <v>-0.13885819786443795</v>
      </c>
      <c r="N1174" s="11">
        <v>-0.92418003160000239</v>
      </c>
      <c r="O1174" s="13">
        <v>-9.9407379770942283E-3</v>
      </c>
      <c r="P1174" s="7">
        <v>114.854259</v>
      </c>
      <c r="Q1174" s="7">
        <v>107.827365</v>
      </c>
      <c r="R1174" s="7">
        <v>97.840207000000007</v>
      </c>
      <c r="S1174" s="7">
        <v>73.745706999999996</v>
      </c>
      <c r="T1174" s="7">
        <v>75.725774000000001</v>
      </c>
      <c r="U1174" s="7">
        <v>86.605880999999997</v>
      </c>
      <c r="V1174" s="7">
        <v>92.968956000000006</v>
      </c>
      <c r="W1174" s="7">
        <v>102.695081</v>
      </c>
      <c r="X1174" s="7">
        <v>119.304051</v>
      </c>
      <c r="Y1174" s="7">
        <v>106.886898</v>
      </c>
      <c r="Z1174" s="7">
        <v>103.894638</v>
      </c>
      <c r="AA1174" s="7">
        <v>95.836993000000007</v>
      </c>
      <c r="AB1174" s="7">
        <v>98.913893999999999</v>
      </c>
      <c r="AC1174" s="7">
        <v>93.552942000000002</v>
      </c>
      <c r="AD1174" s="7">
        <v>84.904736999999997</v>
      </c>
      <c r="AE1174" s="7">
        <v>94.279079749999994</v>
      </c>
      <c r="AF1174" s="7">
        <v>92.044775968400003</v>
      </c>
      <c r="AG1174" s="9">
        <v>55956.699545399999</v>
      </c>
      <c r="AH1174" s="13">
        <v>0.8100401849331561</v>
      </c>
      <c r="AI1174" s="9">
        <v>44659.663012399993</v>
      </c>
      <c r="AJ1174" s="13">
        <v>0.64650206283638523</v>
      </c>
      <c r="AK1174" s="9">
        <v>1456.1044490000058</v>
      </c>
      <c r="AL1174" s="13">
        <v>1.280220339929058E-2</v>
      </c>
      <c r="AM1174" s="9">
        <v>9840.932084</v>
      </c>
      <c r="AN1174" s="13">
        <v>8.5428698737527398E-2</v>
      </c>
      <c r="AO1174" s="9">
        <v>11297.036533000006</v>
      </c>
      <c r="AP1174" s="13">
        <v>9.9324577714192508E-2</v>
      </c>
      <c r="AQ1174" s="9">
        <v>69078.918041600002</v>
      </c>
      <c r="AR1174" s="9">
        <v>80561.713939399997</v>
      </c>
      <c r="AS1174" s="9">
        <v>89364.485308899995</v>
      </c>
      <c r="AT1174" s="9">
        <v>105814.203144</v>
      </c>
      <c r="AU1174" s="9">
        <v>106839.782788</v>
      </c>
      <c r="AV1174" s="9">
        <v>127871.432801</v>
      </c>
      <c r="AW1174" s="9">
        <v>113738.58105399999</v>
      </c>
      <c r="AX1174" s="9">
        <v>93798.546654799997</v>
      </c>
      <c r="AY1174" s="9">
        <v>103714.037184</v>
      </c>
      <c r="AZ1174" s="9">
        <v>115194.685503</v>
      </c>
      <c r="BA1174" s="9">
        <v>86406.928148199993</v>
      </c>
      <c r="BB1174" s="9">
        <v>118058.62536200001</v>
      </c>
      <c r="BC1174" s="9">
        <v>112464.341235</v>
      </c>
      <c r="BD1174" s="9">
        <v>120782.18936400001</v>
      </c>
      <c r="BE1174" s="9">
        <v>121975.669804</v>
      </c>
      <c r="BF1174" s="9">
        <v>125035.617587</v>
      </c>
      <c r="BG1174" s="11">
        <v>0</v>
      </c>
      <c r="BH1174" s="13">
        <v>0</v>
      </c>
      <c r="BI1174" s="6">
        <v>-1</v>
      </c>
      <c r="BJ1174" s="13">
        <v>-0.25</v>
      </c>
      <c r="BK1174" s="6">
        <v>0</v>
      </c>
      <c r="BL1174" s="13">
        <v>0</v>
      </c>
      <c r="BM1174" s="11">
        <v>1</v>
      </c>
      <c r="BN1174" s="13">
        <v>0.33333333333333331</v>
      </c>
      <c r="BO1174" s="11">
        <v>1</v>
      </c>
      <c r="BP1174" s="13">
        <v>0.33333333333333331</v>
      </c>
      <c r="BQ1174" s="6">
        <v>4</v>
      </c>
      <c r="BR1174" s="6">
        <v>3</v>
      </c>
      <c r="BS1174" s="6">
        <v>3</v>
      </c>
      <c r="BT1174" s="6">
        <v>3</v>
      </c>
      <c r="BU1174" s="6">
        <v>3</v>
      </c>
      <c r="BV1174" s="6">
        <v>3</v>
      </c>
      <c r="BW1174" s="6">
        <v>3</v>
      </c>
      <c r="BX1174" s="6">
        <v>3</v>
      </c>
      <c r="BY1174" s="6">
        <v>3</v>
      </c>
      <c r="BZ1174" s="6">
        <v>3</v>
      </c>
      <c r="CA1174" s="6">
        <v>4</v>
      </c>
      <c r="CB1174" s="6">
        <v>4</v>
      </c>
      <c r="CC1174" s="11">
        <v>4</v>
      </c>
      <c r="CD1174" s="11">
        <v>-59.9557</v>
      </c>
      <c r="CE1174" s="11">
        <v>24.591200000000001</v>
      </c>
      <c r="CF1174" s="11">
        <v>12.555</v>
      </c>
      <c r="CG1174" s="11">
        <v>38</v>
      </c>
      <c r="CH1174" s="20">
        <v>1.7226300000000001</v>
      </c>
      <c r="CI1174" s="20">
        <v>1.6308499999999999</v>
      </c>
      <c r="CJ1174" s="20">
        <v>1.5065900000000001</v>
      </c>
      <c r="CK1174" s="20">
        <v>1.1314200000000001</v>
      </c>
      <c r="CL1174" s="20">
        <v>1.20129</v>
      </c>
      <c r="CM1174" s="20">
        <v>1.37188</v>
      </c>
      <c r="CN1174" s="20">
        <v>1.4660899999999999</v>
      </c>
      <c r="CO1174" s="20">
        <v>1.5827199999999999</v>
      </c>
      <c r="CP1174" s="20">
        <v>1.82331</v>
      </c>
      <c r="CQ1174" s="20">
        <v>1.77519</v>
      </c>
      <c r="CR1174" s="20">
        <v>1.73143</v>
      </c>
      <c r="CS1174" s="20">
        <v>1.5580400000000001</v>
      </c>
      <c r="CT1174" s="20">
        <v>1.5285599999999999</v>
      </c>
      <c r="CU1174" s="20">
        <v>1.47662</v>
      </c>
      <c r="CV1174" s="20">
        <v>1.32033</v>
      </c>
      <c r="CW1174" s="20">
        <v>1.4598599999999999</v>
      </c>
      <c r="CX1174" s="20">
        <v>1.4068099999999999</v>
      </c>
      <c r="CY1174" s="6" t="s">
        <v>580</v>
      </c>
      <c r="CZ1174" s="6" t="s">
        <v>581</v>
      </c>
      <c r="DA1174" s="6" t="s">
        <v>126</v>
      </c>
      <c r="DB1174" s="6"/>
      <c r="DC1174" s="6"/>
      <c r="DD1174" s="6"/>
      <c r="DE1174" s="6"/>
      <c r="DF1174" s="6"/>
      <c r="DG1174" s="6"/>
      <c r="DH1174" s="6" t="s">
        <v>333</v>
      </c>
      <c r="DI1174" s="6"/>
      <c r="DJ1174" s="6"/>
      <c r="DK1174" s="6"/>
      <c r="DL1174" s="6">
        <v>11</v>
      </c>
      <c r="DM1174" s="6" t="s">
        <v>520</v>
      </c>
      <c r="DN1174" s="6">
        <v>7</v>
      </c>
      <c r="DO1174" s="6" t="s">
        <v>369</v>
      </c>
      <c r="DP1174" s="6"/>
      <c r="DQ1174" s="6"/>
    </row>
    <row r="1175" spans="1:121" x14ac:dyDescent="0.2">
      <c r="A1175" s="6" t="s">
        <v>319</v>
      </c>
      <c r="B1175" s="6" t="s">
        <v>319</v>
      </c>
      <c r="C1175" s="6" t="s">
        <v>188</v>
      </c>
      <c r="D1175" s="6" t="s">
        <v>126</v>
      </c>
      <c r="E1175" s="6" t="s">
        <v>267</v>
      </c>
      <c r="F1175" s="11">
        <v>8</v>
      </c>
      <c r="G1175" s="13">
        <v>0.13333333333299999</v>
      </c>
      <c r="H1175" s="11">
        <v>23.640037463299997</v>
      </c>
      <c r="I1175" s="13">
        <v>0.39214711170090327</v>
      </c>
      <c r="J1175" s="11">
        <v>-21.267328383599995</v>
      </c>
      <c r="K1175" s="13">
        <v>-0.25341286938969493</v>
      </c>
      <c r="L1175" s="11">
        <v>5.2204635059999944</v>
      </c>
      <c r="M1175" s="13">
        <v>8.3319047060594051E-2</v>
      </c>
      <c r="N1175" s="11">
        <v>-16.046864877600001</v>
      </c>
      <c r="O1175" s="13">
        <v>-0.19120794111954104</v>
      </c>
      <c r="P1175" s="7">
        <v>60.283594492799999</v>
      </c>
      <c r="Q1175" s="7">
        <v>98.4968472109</v>
      </c>
      <c r="R1175" s="7">
        <v>88.049884949100004</v>
      </c>
      <c r="S1175" s="7">
        <v>114.933007179</v>
      </c>
      <c r="T1175" s="7">
        <v>101.724821839</v>
      </c>
      <c r="U1175" s="7">
        <v>86.666237186800004</v>
      </c>
      <c r="V1175" s="7">
        <v>83.923631956099996</v>
      </c>
      <c r="W1175" s="7">
        <v>78.430458354899997</v>
      </c>
      <c r="X1175" s="7">
        <v>63.765971411000002</v>
      </c>
      <c r="Y1175" s="7">
        <v>62.656303572500001</v>
      </c>
      <c r="Z1175" s="7">
        <v>63.8629576003</v>
      </c>
      <c r="AA1175" s="7">
        <v>70.974667697300006</v>
      </c>
      <c r="AB1175" s="7">
        <v>62.900402260699998</v>
      </c>
      <c r="AC1175" s="7">
        <v>67.440985445600006</v>
      </c>
      <c r="AD1175" s="7">
        <v>62.873221608000001</v>
      </c>
      <c r="AE1175" s="7">
        <v>66.884221604199993</v>
      </c>
      <c r="AF1175" s="7">
        <v>67.876767078499995</v>
      </c>
      <c r="AG1175" s="9">
        <v>7097.0325218999988</v>
      </c>
      <c r="AH1175" s="13">
        <v>0.52037979562517056</v>
      </c>
      <c r="AI1175" s="9">
        <v>3971.7436508999981</v>
      </c>
      <c r="AJ1175" s="13">
        <v>0.29122244303561223</v>
      </c>
      <c r="AK1175" s="9">
        <v>-309.03879189999861</v>
      </c>
      <c r="AL1175" s="13">
        <v>-1.7549128830899645E-2</v>
      </c>
      <c r="AM1175" s="9">
        <v>3434.3276628999993</v>
      </c>
      <c r="AN1175" s="13">
        <v>0.19850591433644671</v>
      </c>
      <c r="AO1175" s="9">
        <v>3125.2888710000007</v>
      </c>
      <c r="AP1175" s="13">
        <v>0.17747317964116127</v>
      </c>
      <c r="AQ1175" s="9">
        <v>13638.1784642</v>
      </c>
      <c r="AR1175" s="9">
        <v>16344.0454328</v>
      </c>
      <c r="AS1175" s="9">
        <v>17409.9196591</v>
      </c>
      <c r="AT1175" s="9">
        <v>17771.683273899998</v>
      </c>
      <c r="AU1175" s="9">
        <v>20055.9581344</v>
      </c>
      <c r="AV1175" s="9">
        <v>17543.744158599999</v>
      </c>
      <c r="AW1175" s="9">
        <v>17609.922115099998</v>
      </c>
      <c r="AX1175" s="9">
        <v>40674.276378199997</v>
      </c>
      <c r="AY1175" s="9">
        <v>16864.6874011</v>
      </c>
      <c r="AZ1175" s="9">
        <v>17300.8833232</v>
      </c>
      <c r="BA1175" s="9">
        <v>14680.334018400001</v>
      </c>
      <c r="BB1175" s="9">
        <v>16902.2566773</v>
      </c>
      <c r="BC1175" s="9">
        <v>16000.9078517</v>
      </c>
      <c r="BD1175" s="9">
        <v>18495.789812700001</v>
      </c>
      <c r="BE1175" s="9">
        <v>19792.257562899998</v>
      </c>
      <c r="BF1175" s="9">
        <v>20735.210986099999</v>
      </c>
      <c r="BG1175" s="11">
        <v>-2.25</v>
      </c>
      <c r="BH1175" s="13">
        <v>-0.25</v>
      </c>
      <c r="BI1175" s="6">
        <v>-2</v>
      </c>
      <c r="BJ1175" s="13">
        <v>-0.22222222222222221</v>
      </c>
      <c r="BK1175" s="6">
        <v>-1</v>
      </c>
      <c r="BL1175" s="13">
        <v>-0.14285714285714285</v>
      </c>
      <c r="BM1175" s="11">
        <v>0.75</v>
      </c>
      <c r="BN1175" s="13">
        <v>0.125</v>
      </c>
      <c r="BO1175" s="11">
        <v>-0.25</v>
      </c>
      <c r="BP1175" s="13">
        <v>-3.5714285714285712E-2</v>
      </c>
      <c r="BQ1175" s="6">
        <v>9</v>
      </c>
      <c r="BR1175" s="6">
        <v>10</v>
      </c>
      <c r="BS1175" s="6">
        <v>8</v>
      </c>
      <c r="BT1175" s="6">
        <v>7</v>
      </c>
      <c r="BU1175" s="6">
        <v>8</v>
      </c>
      <c r="BV1175" s="6">
        <v>7</v>
      </c>
      <c r="BW1175" s="6">
        <v>6</v>
      </c>
      <c r="BX1175" s="6">
        <v>7</v>
      </c>
      <c r="BY1175" s="6">
        <v>7</v>
      </c>
      <c r="BZ1175" s="6">
        <v>7</v>
      </c>
      <c r="CA1175" s="6">
        <v>6</v>
      </c>
      <c r="CB1175" s="6">
        <v>5</v>
      </c>
      <c r="CC1175" s="11">
        <v>6.75</v>
      </c>
      <c r="CD1175" s="11">
        <v>-4.42042</v>
      </c>
      <c r="CE1175" s="11">
        <v>5.42387</v>
      </c>
      <c r="CF1175" s="11">
        <v>6.5897199999999998</v>
      </c>
      <c r="CG1175" s="11">
        <v>12</v>
      </c>
      <c r="CH1175" s="20">
        <v>0.18432499999999999</v>
      </c>
      <c r="CI1175" s="20">
        <v>0.30073800000000001</v>
      </c>
      <c r="CJ1175" s="20">
        <v>0.26884599999999997</v>
      </c>
      <c r="CK1175" s="20">
        <v>0.34555999999999998</v>
      </c>
      <c r="CL1175" s="20">
        <v>0.31401200000000001</v>
      </c>
      <c r="CM1175" s="20">
        <v>0.26591900000000002</v>
      </c>
      <c r="CN1175" s="20">
        <v>0.26173600000000002</v>
      </c>
      <c r="CO1175" s="20">
        <v>0.25759100000000001</v>
      </c>
      <c r="CP1175" s="20">
        <v>0.22356799999999999</v>
      </c>
      <c r="CQ1175" s="20">
        <v>0.232047</v>
      </c>
      <c r="CR1175" s="20">
        <v>0.23603299999999999</v>
      </c>
      <c r="CS1175" s="20">
        <v>0.25918400000000003</v>
      </c>
      <c r="CT1175" s="20">
        <v>0.22083</v>
      </c>
      <c r="CU1175" s="20">
        <v>0.24152599999999999</v>
      </c>
      <c r="CV1175" s="20">
        <v>0.22123899999999999</v>
      </c>
      <c r="CW1175" s="20">
        <v>0.233294</v>
      </c>
      <c r="CX1175" s="20">
        <v>0.23338600000000001</v>
      </c>
      <c r="CY1175" s="6" t="s">
        <v>580</v>
      </c>
      <c r="CZ1175" s="6" t="s">
        <v>581</v>
      </c>
      <c r="DA1175" s="6" t="s">
        <v>126</v>
      </c>
      <c r="DB1175" s="6"/>
      <c r="DC1175" s="6"/>
      <c r="DD1175" s="6"/>
      <c r="DE1175" s="6"/>
      <c r="DF1175" s="6"/>
      <c r="DG1175" s="6"/>
      <c r="DH1175" s="6" t="s">
        <v>333</v>
      </c>
      <c r="DI1175" s="6"/>
      <c r="DJ1175" s="6"/>
      <c r="DK1175" s="6"/>
      <c r="DL1175" s="6">
        <v>11</v>
      </c>
      <c r="DM1175" s="6" t="s">
        <v>520</v>
      </c>
      <c r="DN1175" s="6">
        <v>7</v>
      </c>
      <c r="DO1175" s="6" t="s">
        <v>369</v>
      </c>
      <c r="DP1175" s="6"/>
      <c r="DQ1175" s="6"/>
    </row>
    <row r="1176" spans="1:121" x14ac:dyDescent="0.2">
      <c r="A1176" s="6" t="s">
        <v>320</v>
      </c>
      <c r="B1176" s="6" t="s">
        <v>320</v>
      </c>
      <c r="C1176" s="6" t="s">
        <v>189</v>
      </c>
      <c r="D1176" s="6" t="s">
        <v>126</v>
      </c>
      <c r="E1176" s="6" t="s">
        <v>267</v>
      </c>
      <c r="F1176" s="11">
        <v>-1</v>
      </c>
      <c r="G1176" s="13">
        <v>-4.7619047619000002E-2</v>
      </c>
      <c r="H1176" s="11">
        <v>-4.9956094038000032</v>
      </c>
      <c r="I1176" s="13">
        <v>-0.2373075354080281</v>
      </c>
      <c r="J1176" s="11">
        <v>2.9281721914000016</v>
      </c>
      <c r="K1176" s="13">
        <v>0.18237706014288976</v>
      </c>
      <c r="L1176" s="11">
        <v>1.3370614038999982</v>
      </c>
      <c r="M1176" s="13">
        <v>7.0431827335011812E-2</v>
      </c>
      <c r="N1176" s="11">
        <v>4.2652335952999998</v>
      </c>
      <c r="O1176" s="13">
        <v>0.26565403708775265</v>
      </c>
      <c r="P1176" s="7">
        <v>21.051204274700002</v>
      </c>
      <c r="Q1176" s="7">
        <v>17.742656763999999</v>
      </c>
      <c r="R1176" s="7">
        <v>19.601070829699999</v>
      </c>
      <c r="S1176" s="7">
        <v>22.157066996899999</v>
      </c>
      <c r="T1176" s="7">
        <v>14.660554063999999</v>
      </c>
      <c r="U1176" s="7">
        <v>23.859037158</v>
      </c>
      <c r="V1176" s="7">
        <v>16.055594870899998</v>
      </c>
      <c r="W1176" s="7">
        <v>17.031373399500001</v>
      </c>
      <c r="X1176" s="7">
        <v>17.665360514300001</v>
      </c>
      <c r="Y1176" s="7">
        <v>18.9837670623</v>
      </c>
      <c r="Z1176" s="7">
        <v>16.489885814000001</v>
      </c>
      <c r="AA1176" s="7">
        <v>25.352954753799999</v>
      </c>
      <c r="AB1176" s="7">
        <v>56.510134516900003</v>
      </c>
      <c r="AC1176" s="7">
        <v>22.074264185899999</v>
      </c>
      <c r="AD1176" s="7">
        <v>20.822680356700001</v>
      </c>
      <c r="AE1176" s="7">
        <v>21.2767564002</v>
      </c>
      <c r="AF1176" s="7">
        <v>20.320828466199998</v>
      </c>
      <c r="AG1176" s="9">
        <v>-6368.5516989999996</v>
      </c>
      <c r="AH1176" s="13">
        <v>-0.2304970438149776</v>
      </c>
      <c r="AI1176" s="9">
        <v>-17531.4319617</v>
      </c>
      <c r="AJ1176" s="13">
        <v>-0.63451526061251551</v>
      </c>
      <c r="AK1176" s="9">
        <v>5705.7117643000001</v>
      </c>
      <c r="AL1176" s="13">
        <v>0.56502187471434029</v>
      </c>
      <c r="AM1176" s="9">
        <v>5457.1684984000003</v>
      </c>
      <c r="AN1176" s="13">
        <v>0.34530461639693422</v>
      </c>
      <c r="AO1176" s="9">
        <v>11162.8802627</v>
      </c>
      <c r="AP1176" s="13">
        <v>1.1054311528153864</v>
      </c>
      <c r="AQ1176" s="9">
        <v>27629.645888700001</v>
      </c>
      <c r="AR1176" s="9">
        <v>8652.67611167</v>
      </c>
      <c r="AS1176" s="9">
        <v>26678.075283800001</v>
      </c>
      <c r="AT1176" s="9">
        <v>23126.649075599998</v>
      </c>
      <c r="AU1176" s="9">
        <v>14917.057984200001</v>
      </c>
      <c r="AV1176" s="9">
        <v>22861.418213699999</v>
      </c>
      <c r="AW1176" s="9">
        <v>10098.213927000001</v>
      </c>
      <c r="AX1176" s="9">
        <v>23030.394481700001</v>
      </c>
      <c r="AY1176" s="9">
        <v>23051.896370300001</v>
      </c>
      <c r="AZ1176" s="9">
        <v>15803.925691300001</v>
      </c>
      <c r="BA1176" s="9">
        <v>10966.9374931</v>
      </c>
      <c r="BB1176" s="9">
        <v>25153.9926725</v>
      </c>
      <c r="BC1176" s="9">
        <v>22151.6604166</v>
      </c>
      <c r="BD1176" s="9">
        <v>20306.800479599999</v>
      </c>
      <c r="BE1176" s="9">
        <v>21290.733685200001</v>
      </c>
      <c r="BF1176" s="9">
        <v>21261.094189700001</v>
      </c>
      <c r="BG1176" s="11">
        <v>0</v>
      </c>
      <c r="BH1176" s="13" t="e">
        <v>#DIV/0!</v>
      </c>
      <c r="BI1176" s="6">
        <v>0</v>
      </c>
      <c r="BJ1176" s="13" t="e">
        <v>#DIV/0!</v>
      </c>
      <c r="BK1176" s="6">
        <v>0</v>
      </c>
      <c r="BL1176" s="13" t="e">
        <v>#DIV/0!</v>
      </c>
      <c r="BM1176" s="11">
        <v>0</v>
      </c>
      <c r="BN1176" s="13" t="e">
        <v>#DIV/0!</v>
      </c>
      <c r="BO1176" s="11">
        <v>0</v>
      </c>
      <c r="BP1176" s="13" t="e">
        <v>#DIV/0!</v>
      </c>
      <c r="BQ1176" s="6">
        <v>0</v>
      </c>
      <c r="BR1176" s="6">
        <v>0</v>
      </c>
      <c r="BS1176" s="6">
        <v>1</v>
      </c>
      <c r="BT1176" s="6">
        <v>0</v>
      </c>
      <c r="BU1176" s="6">
        <v>0</v>
      </c>
      <c r="BV1176" s="6">
        <v>0</v>
      </c>
      <c r="BW1176" s="6">
        <v>0</v>
      </c>
      <c r="BX1176" s="6">
        <v>0</v>
      </c>
      <c r="BY1176" s="6">
        <v>0</v>
      </c>
      <c r="BZ1176" s="6">
        <v>0</v>
      </c>
      <c r="CA1176" s="6">
        <v>0</v>
      </c>
      <c r="CB1176" s="6">
        <v>0</v>
      </c>
      <c r="CC1176" s="11">
        <v>0</v>
      </c>
      <c r="CD1176" s="11">
        <v>-10.654299999999999</v>
      </c>
      <c r="CE1176" s="11">
        <v>7.6227499999999999</v>
      </c>
      <c r="CF1176" s="11">
        <v>2.3011499999999998</v>
      </c>
      <c r="CG1176" s="11">
        <v>10</v>
      </c>
      <c r="CH1176" s="20">
        <v>0.19292999999999999</v>
      </c>
      <c r="CI1176" s="20">
        <v>0.15517</v>
      </c>
      <c r="CJ1176" s="20">
        <v>0.16647899999999999</v>
      </c>
      <c r="CK1176" s="20">
        <v>0.18460099999999999</v>
      </c>
      <c r="CL1176" s="20">
        <v>0.12821299999999999</v>
      </c>
      <c r="CM1176" s="20">
        <v>0.20841899999999999</v>
      </c>
      <c r="CN1176" s="20">
        <v>0.14033399999999999</v>
      </c>
      <c r="CO1176" s="20">
        <v>0.145702</v>
      </c>
      <c r="CP1176" s="20">
        <v>0.14282600000000001</v>
      </c>
      <c r="CQ1176" s="20">
        <v>0.16334399999999999</v>
      </c>
      <c r="CR1176" s="20">
        <v>0.14263300000000001</v>
      </c>
      <c r="CS1176" s="20">
        <v>0.21876599999999999</v>
      </c>
      <c r="CT1176" s="20">
        <v>0.47491699999999998</v>
      </c>
      <c r="CU1176" s="20">
        <v>0.19150700000000001</v>
      </c>
      <c r="CV1176" s="20">
        <v>0.17941599999999999</v>
      </c>
      <c r="CW1176" s="20">
        <v>0.18196100000000001</v>
      </c>
      <c r="CX1176" s="20">
        <v>0.17069400000000001</v>
      </c>
      <c r="CY1176" s="6" t="s">
        <v>580</v>
      </c>
      <c r="CZ1176" s="6" t="s">
        <v>581</v>
      </c>
      <c r="DA1176" s="6" t="s">
        <v>126</v>
      </c>
      <c r="DB1176" s="6"/>
      <c r="DC1176" s="6"/>
      <c r="DD1176" s="6"/>
      <c r="DE1176" s="6"/>
      <c r="DF1176" s="6"/>
      <c r="DG1176" s="6"/>
      <c r="DH1176" s="6" t="s">
        <v>333</v>
      </c>
      <c r="DI1176" s="6"/>
      <c r="DJ1176" s="6"/>
      <c r="DK1176" s="6"/>
      <c r="DL1176" s="6">
        <v>11</v>
      </c>
      <c r="DM1176" s="6" t="s">
        <v>520</v>
      </c>
      <c r="DN1176" s="6">
        <v>7</v>
      </c>
      <c r="DO1176" s="6" t="s">
        <v>369</v>
      </c>
      <c r="DP1176" s="6"/>
      <c r="DQ1176" s="6"/>
    </row>
    <row r="1177" spans="1:121" x14ac:dyDescent="0.2">
      <c r="A1177" s="6" t="s">
        <v>321</v>
      </c>
      <c r="B1177" s="6" t="s">
        <v>321</v>
      </c>
      <c r="C1177" s="6" t="s">
        <v>190</v>
      </c>
      <c r="D1177" s="6" t="s">
        <v>126</v>
      </c>
      <c r="E1177" s="6" t="s">
        <v>267</v>
      </c>
      <c r="F1177" s="11">
        <v>14</v>
      </c>
      <c r="G1177" s="13">
        <v>2.3688663282600001E-2</v>
      </c>
      <c r="H1177" s="11">
        <v>-31.603319992000024</v>
      </c>
      <c r="I1177" s="13">
        <v>-5.3496024826957013E-2</v>
      </c>
      <c r="J1177" s="11">
        <v>-13.43385079199993</v>
      </c>
      <c r="K1177" s="13">
        <v>-2.4025192786687816E-2</v>
      </c>
      <c r="L1177" s="11">
        <v>59.571211847999962</v>
      </c>
      <c r="M1177" s="13">
        <v>0.10916016627726052</v>
      </c>
      <c r="N1177" s="11">
        <v>46.137361056000032</v>
      </c>
      <c r="O1177" s="13">
        <v>8.2512379451134599E-2</v>
      </c>
      <c r="P1177" s="7">
        <v>590.76015637099999</v>
      </c>
      <c r="Q1177" s="7">
        <v>584.04980606200002</v>
      </c>
      <c r="R1177" s="7">
        <v>544.523540228</v>
      </c>
      <c r="S1177" s="7">
        <v>547.360574391</v>
      </c>
      <c r="T1177" s="7">
        <v>546.73342003400001</v>
      </c>
      <c r="U1177" s="7">
        <v>583.22771996100005</v>
      </c>
      <c r="V1177" s="7">
        <v>559.15683637899997</v>
      </c>
      <c r="W1177" s="7">
        <v>566.47403174600004</v>
      </c>
      <c r="X1177" s="7">
        <v>557.880093837</v>
      </c>
      <c r="Y1177" s="7">
        <v>545.72298558700004</v>
      </c>
      <c r="Z1177" s="7">
        <v>536.87447943100005</v>
      </c>
      <c r="AA1177" s="7">
        <v>583.60901761399998</v>
      </c>
      <c r="AB1177" s="7">
        <v>610.51926843000001</v>
      </c>
      <c r="AC1177" s="7">
        <v>600.078129375</v>
      </c>
      <c r="AD1177" s="7">
        <v>605.26442197699998</v>
      </c>
      <c r="AE1177" s="7">
        <v>595.70184948500003</v>
      </c>
      <c r="AF1177" s="7">
        <v>605.294197435</v>
      </c>
      <c r="AG1177" s="9">
        <v>12102.105466200002</v>
      </c>
      <c r="AH1177" s="13">
        <v>0.58692377229227943</v>
      </c>
      <c r="AI1177" s="9">
        <v>7544.4246948</v>
      </c>
      <c r="AJ1177" s="13">
        <v>0.36588692885002722</v>
      </c>
      <c r="AK1177" s="9">
        <v>4146.5076281000001</v>
      </c>
      <c r="AL1177" s="13">
        <v>0.14722734708237614</v>
      </c>
      <c r="AM1177" s="9">
        <v>411.17314330000227</v>
      </c>
      <c r="AN1177" s="13">
        <v>1.2725687871078651E-2</v>
      </c>
      <c r="AO1177" s="9">
        <v>4557.6807714000024</v>
      </c>
      <c r="AP1177" s="13">
        <v>0.16182660421851203</v>
      </c>
      <c r="AQ1177" s="9">
        <v>20619.552380599998</v>
      </c>
      <c r="AR1177" s="9">
        <v>21549.337591300002</v>
      </c>
      <c r="AS1177" s="9">
        <v>22761.8352485</v>
      </c>
      <c r="AT1177" s="9">
        <v>23981.0663814</v>
      </c>
      <c r="AU1177" s="9">
        <v>24745.076377400001</v>
      </c>
      <c r="AV1177" s="9">
        <v>25539.9888464</v>
      </c>
      <c r="AW1177" s="9">
        <v>28163.977075399998</v>
      </c>
      <c r="AX1177" s="9">
        <v>30818.174877900001</v>
      </c>
      <c r="AY1177" s="9">
        <v>31504.212693099998</v>
      </c>
      <c r="AZ1177" s="9">
        <v>32310.484703499998</v>
      </c>
      <c r="BA1177" s="9">
        <v>34016.411720299999</v>
      </c>
      <c r="BB1177" s="9">
        <v>32104.537510099999</v>
      </c>
      <c r="BC1177" s="9">
        <v>31495.840930900002</v>
      </c>
      <c r="BD1177" s="9">
        <v>31546.740088099999</v>
      </c>
      <c r="BE1177" s="9">
        <v>32164.060098499998</v>
      </c>
      <c r="BF1177" s="9">
        <v>32721.657846800001</v>
      </c>
      <c r="BG1177" s="11">
        <v>47</v>
      </c>
      <c r="BH1177" s="13">
        <v>2.0434782608695654</v>
      </c>
      <c r="BI1177" s="6">
        <v>4</v>
      </c>
      <c r="BJ1177" s="13">
        <v>0.17391304347826086</v>
      </c>
      <c r="BK1177" s="6">
        <v>-4</v>
      </c>
      <c r="BL1177" s="13">
        <v>-0.14814814814814814</v>
      </c>
      <c r="BM1177" s="11">
        <v>47</v>
      </c>
      <c r="BN1177" s="13">
        <v>2.0434782608695654</v>
      </c>
      <c r="BO1177" s="11">
        <v>43</v>
      </c>
      <c r="BP1177" s="13">
        <v>1.5925925925925926</v>
      </c>
      <c r="BQ1177" s="6">
        <v>23</v>
      </c>
      <c r="BR1177" s="6">
        <v>24</v>
      </c>
      <c r="BS1177" s="6">
        <v>25</v>
      </c>
      <c r="BT1177" s="6">
        <v>27</v>
      </c>
      <c r="BU1177" s="6">
        <v>27</v>
      </c>
      <c r="BV1177" s="6">
        <v>25</v>
      </c>
      <c r="BW1177" s="6">
        <v>23</v>
      </c>
      <c r="BX1177" s="6">
        <v>22</v>
      </c>
      <c r="BY1177" s="6">
        <v>21</v>
      </c>
      <c r="BZ1177" s="6">
        <v>66</v>
      </c>
      <c r="CA1177" s="6">
        <v>72</v>
      </c>
      <c r="CB1177" s="6">
        <v>74</v>
      </c>
      <c r="CC1177" s="11">
        <v>70</v>
      </c>
      <c r="CD1177" s="11">
        <v>-265.178</v>
      </c>
      <c r="CE1177" s="11">
        <v>215.13499999999999</v>
      </c>
      <c r="CF1177" s="11">
        <v>64.577200000000005</v>
      </c>
      <c r="CG1177" s="11">
        <v>280</v>
      </c>
      <c r="CH1177" s="20">
        <v>1.0962799999999999</v>
      </c>
      <c r="CI1177" s="20">
        <v>1.0417700000000001</v>
      </c>
      <c r="CJ1177" s="20">
        <v>0.94161799999999996</v>
      </c>
      <c r="CK1177" s="20">
        <v>0.94355800000000001</v>
      </c>
      <c r="CL1177" s="20">
        <v>0.97859799999999997</v>
      </c>
      <c r="CM1177" s="20">
        <v>1.0394300000000001</v>
      </c>
      <c r="CN1177" s="20">
        <v>0.99490199999999995</v>
      </c>
      <c r="CO1177" s="20">
        <v>0.98984399999999995</v>
      </c>
      <c r="CP1177" s="20">
        <v>0.92836799999999997</v>
      </c>
      <c r="CQ1177" s="20">
        <v>0.97255000000000003</v>
      </c>
      <c r="CR1177" s="20">
        <v>0.97898200000000002</v>
      </c>
      <c r="CS1177" s="20">
        <v>1.04416</v>
      </c>
      <c r="CT1177" s="20">
        <v>1.05826</v>
      </c>
      <c r="CU1177" s="20">
        <v>1.07596</v>
      </c>
      <c r="CV1177" s="20">
        <v>1.06711</v>
      </c>
      <c r="CW1177" s="20">
        <v>1.0361499999999999</v>
      </c>
      <c r="CX1177" s="20">
        <v>1.02807</v>
      </c>
      <c r="CY1177" s="6" t="s">
        <v>580</v>
      </c>
      <c r="CZ1177" s="6" t="s">
        <v>581</v>
      </c>
      <c r="DA1177" s="6" t="s">
        <v>126</v>
      </c>
      <c r="DB1177" s="6"/>
      <c r="DC1177" s="6"/>
      <c r="DD1177" s="6"/>
      <c r="DE1177" s="6"/>
      <c r="DF1177" s="6"/>
      <c r="DG1177" s="6"/>
      <c r="DH1177" s="6" t="s">
        <v>333</v>
      </c>
      <c r="DI1177" s="6"/>
      <c r="DJ1177" s="6"/>
      <c r="DK1177" s="6"/>
      <c r="DL1177" s="6">
        <v>11</v>
      </c>
      <c r="DM1177" s="6" t="s">
        <v>520</v>
      </c>
      <c r="DN1177" s="6">
        <v>7</v>
      </c>
      <c r="DO1177" s="6" t="s">
        <v>369</v>
      </c>
      <c r="DP1177" s="6"/>
      <c r="DQ1177" s="6"/>
    </row>
    <row r="1178" spans="1:121" x14ac:dyDescent="0.2">
      <c r="A1178" s="6" t="s">
        <v>322</v>
      </c>
      <c r="B1178" s="6" t="s">
        <v>322</v>
      </c>
      <c r="C1178" s="6" t="s">
        <v>191</v>
      </c>
      <c r="D1178" s="6" t="s">
        <v>126</v>
      </c>
      <c r="E1178" s="6" t="s">
        <v>267</v>
      </c>
      <c r="F1178" s="11">
        <v>1</v>
      </c>
      <c r="G1178" s="13">
        <v>1</v>
      </c>
      <c r="H1178" s="11">
        <v>-14</v>
      </c>
      <c r="I1178" s="13">
        <v>-0.4</v>
      </c>
      <c r="J1178" s="11">
        <v>-2</v>
      </c>
      <c r="K1178" s="13">
        <v>-9.5238095238095233E-2</v>
      </c>
      <c r="L1178" s="11">
        <v>-14</v>
      </c>
      <c r="M1178" s="13">
        <v>-0.73684210526315796</v>
      </c>
      <c r="N1178" s="11">
        <v>-16</v>
      </c>
      <c r="O1178" s="13">
        <v>-0.76190476190476197</v>
      </c>
      <c r="P1178" s="7">
        <v>35</v>
      </c>
      <c r="Q1178" s="7">
        <v>35</v>
      </c>
      <c r="R1178" s="7">
        <v>34</v>
      </c>
      <c r="S1178" s="7">
        <v>18</v>
      </c>
      <c r="T1178" s="7">
        <v>14</v>
      </c>
      <c r="U1178" s="7">
        <v>17</v>
      </c>
      <c r="V1178" s="7">
        <v>21</v>
      </c>
      <c r="W1178" s="7">
        <v>21</v>
      </c>
      <c r="X1178" s="7">
        <v>20</v>
      </c>
      <c r="Y1178" s="7">
        <v>19</v>
      </c>
      <c r="Z1178" s="7">
        <v>21</v>
      </c>
      <c r="AA1178" s="7">
        <v>25</v>
      </c>
      <c r="AB1178" s="7">
        <v>13</v>
      </c>
      <c r="AC1178" s="7">
        <v>10</v>
      </c>
      <c r="AD1178" s="7">
        <v>5</v>
      </c>
      <c r="AE1178" s="7">
        <v>5</v>
      </c>
      <c r="AF1178" s="7">
        <v>5</v>
      </c>
      <c r="AG1178" s="9">
        <v>-15921</v>
      </c>
      <c r="AH1178" s="13">
        <v>-0.99993719381987189</v>
      </c>
      <c r="AI1178" s="9">
        <v>-1040</v>
      </c>
      <c r="AJ1178" s="13">
        <v>-6.5318427333249593E-2</v>
      </c>
      <c r="AK1178" s="9">
        <v>-644</v>
      </c>
      <c r="AL1178" s="13">
        <v>-4.3273753527751646E-2</v>
      </c>
      <c r="AM1178" s="9">
        <v>-14237</v>
      </c>
      <c r="AN1178" s="13">
        <v>-0.99992976541649103</v>
      </c>
      <c r="AO1178" s="9">
        <v>-14881</v>
      </c>
      <c r="AP1178" s="13">
        <v>-0.99993280473054702</v>
      </c>
      <c r="AQ1178" s="9">
        <v>15922</v>
      </c>
      <c r="AR1178" s="9">
        <v>16733</v>
      </c>
      <c r="AS1178" s="9">
        <v>16059</v>
      </c>
      <c r="AT1178" s="9">
        <v>15359</v>
      </c>
      <c r="AU1178" s="9">
        <v>10879</v>
      </c>
      <c r="AV1178" s="9">
        <v>13346</v>
      </c>
      <c r="AW1178" s="9">
        <v>14882</v>
      </c>
      <c r="AX1178" s="9">
        <v>15197</v>
      </c>
      <c r="AY1178" s="9">
        <v>13461</v>
      </c>
      <c r="AZ1178" s="9">
        <v>14238</v>
      </c>
      <c r="BA1178" s="9">
        <v>12374</v>
      </c>
      <c r="BB1178" s="9">
        <v>13102</v>
      </c>
      <c r="BC1178" s="9">
        <v>17204</v>
      </c>
      <c r="BD1178" s="9">
        <v>25833</v>
      </c>
      <c r="BE1178" s="9">
        <v>1</v>
      </c>
      <c r="BF1178" s="9">
        <v>1</v>
      </c>
      <c r="BG1178" s="11">
        <v>-2</v>
      </c>
      <c r="BH1178" s="13">
        <v>-0.5</v>
      </c>
      <c r="BI1178" s="6">
        <v>-2</v>
      </c>
      <c r="BJ1178" s="13">
        <v>-0.5</v>
      </c>
      <c r="BK1178" s="6">
        <v>1</v>
      </c>
      <c r="BL1178" s="13">
        <v>0.5</v>
      </c>
      <c r="BM1178" s="11">
        <v>-1</v>
      </c>
      <c r="BN1178" s="13">
        <v>-0.33333333333333331</v>
      </c>
      <c r="BO1178" s="11">
        <v>0</v>
      </c>
      <c r="BP1178" s="13">
        <v>0</v>
      </c>
      <c r="BQ1178" s="6">
        <v>4</v>
      </c>
      <c r="BR1178" s="6">
        <v>3</v>
      </c>
      <c r="BS1178" s="6">
        <v>2</v>
      </c>
      <c r="BT1178" s="6">
        <v>2</v>
      </c>
      <c r="BU1178" s="6">
        <v>4</v>
      </c>
      <c r="BV1178" s="6">
        <v>4</v>
      </c>
      <c r="BW1178" s="6">
        <v>3</v>
      </c>
      <c r="BX1178" s="6">
        <v>3</v>
      </c>
      <c r="BY1178" s="6">
        <v>3</v>
      </c>
      <c r="BZ1178" s="6">
        <v>3</v>
      </c>
      <c r="CA1178" s="6">
        <v>3</v>
      </c>
      <c r="CB1178" s="6">
        <v>2</v>
      </c>
      <c r="CC1178" s="11">
        <v>2</v>
      </c>
      <c r="CD1178" s="11">
        <v>-37</v>
      </c>
      <c r="CE1178" s="11">
        <v>6</v>
      </c>
      <c r="CF1178" s="11">
        <v>4</v>
      </c>
      <c r="CG1178" s="11">
        <v>10</v>
      </c>
      <c r="CH1178" s="20">
        <v>0.42</v>
      </c>
      <c r="CI1178" s="20">
        <v>0.41</v>
      </c>
      <c r="CJ1178" s="20">
        <v>0.4</v>
      </c>
      <c r="CK1178" s="20">
        <v>0.21</v>
      </c>
      <c r="CL1178" s="20">
        <v>0.17</v>
      </c>
      <c r="CM1178" s="20">
        <v>0.21</v>
      </c>
      <c r="CN1178" s="20">
        <v>0.25</v>
      </c>
      <c r="CO1178" s="20">
        <v>0.25</v>
      </c>
      <c r="CP1178" s="20">
        <v>0.25</v>
      </c>
      <c r="CQ1178" s="20">
        <v>0.25</v>
      </c>
      <c r="CR1178" s="20">
        <v>0.28999999999999998</v>
      </c>
      <c r="CS1178" s="20">
        <v>0.34</v>
      </c>
      <c r="CT1178" s="20">
        <v>0.16</v>
      </c>
      <c r="CU1178" s="20">
        <v>0.14000000000000001</v>
      </c>
      <c r="CV1178" s="20">
        <v>0.1</v>
      </c>
      <c r="CW1178" s="20">
        <v>0.12</v>
      </c>
      <c r="CX1178" s="20">
        <v>0.11</v>
      </c>
      <c r="CY1178" s="6" t="s">
        <v>580</v>
      </c>
      <c r="CZ1178" s="6" t="s">
        <v>581</v>
      </c>
      <c r="DA1178" s="6" t="s">
        <v>126</v>
      </c>
      <c r="DB1178" s="6"/>
      <c r="DC1178" s="6"/>
      <c r="DD1178" s="6"/>
      <c r="DE1178" s="6"/>
      <c r="DF1178" s="6"/>
      <c r="DG1178" s="6"/>
      <c r="DH1178" s="6" t="s">
        <v>333</v>
      </c>
      <c r="DI1178" s="6"/>
      <c r="DJ1178" s="6"/>
      <c r="DK1178" s="6"/>
      <c r="DL1178" s="6">
        <v>11</v>
      </c>
      <c r="DM1178" s="6" t="s">
        <v>520</v>
      </c>
      <c r="DN1178" s="6">
        <v>7</v>
      </c>
      <c r="DO1178" s="6" t="s">
        <v>369</v>
      </c>
      <c r="DP1178" s="6"/>
      <c r="DQ1178" s="6"/>
    </row>
    <row r="1179" spans="1:121" x14ac:dyDescent="0.2">
      <c r="A1179" s="6" t="s">
        <v>323</v>
      </c>
      <c r="B1179" s="6" t="s">
        <v>323</v>
      </c>
      <c r="C1179" s="6" t="s">
        <v>192</v>
      </c>
      <c r="D1179" s="6" t="s">
        <v>126</v>
      </c>
      <c r="E1179" s="6" t="s">
        <v>267</v>
      </c>
      <c r="F1179" s="11">
        <v>-4</v>
      </c>
      <c r="G1179" s="13">
        <v>-1.4336917562700001E-2</v>
      </c>
      <c r="H1179" s="11">
        <v>92.328640038999993</v>
      </c>
      <c r="I1179" s="13">
        <v>0.33065505680414703</v>
      </c>
      <c r="J1179" s="11">
        <v>-7.7089085590000082</v>
      </c>
      <c r="K1179" s="13">
        <v>-2.0747517316570475E-2</v>
      </c>
      <c r="L1179" s="11">
        <v>-89.178917740999964</v>
      </c>
      <c r="M1179" s="13">
        <v>-0.24509855890904517</v>
      </c>
      <c r="N1179" s="11">
        <v>-96.887826299999972</v>
      </c>
      <c r="O1179" s="13">
        <v>-0.26076088963038374</v>
      </c>
      <c r="P1179" s="7">
        <v>279.229481416</v>
      </c>
      <c r="Q1179" s="7">
        <v>308.69006068599998</v>
      </c>
      <c r="R1179" s="7">
        <v>359.70376589599999</v>
      </c>
      <c r="S1179" s="7">
        <v>382.36606354899999</v>
      </c>
      <c r="T1179" s="7">
        <v>371.20961049499999</v>
      </c>
      <c r="U1179" s="7">
        <v>364.64971164000002</v>
      </c>
      <c r="V1179" s="7">
        <v>371.55812145499999</v>
      </c>
      <c r="W1179" s="7">
        <v>365.73002427</v>
      </c>
      <c r="X1179" s="7">
        <v>333.030569469</v>
      </c>
      <c r="Y1179" s="7">
        <v>363.84921289599998</v>
      </c>
      <c r="Z1179" s="7">
        <v>341.228921738</v>
      </c>
      <c r="AA1179" s="7">
        <v>321.32514269799998</v>
      </c>
      <c r="AB1179" s="7">
        <v>263.45373632500002</v>
      </c>
      <c r="AC1179" s="7">
        <v>280.61793134599998</v>
      </c>
      <c r="AD1179" s="7">
        <v>284.48277727499999</v>
      </c>
      <c r="AE1179" s="7">
        <v>283.503345728</v>
      </c>
      <c r="AF1179" s="7">
        <v>274.67029515500002</v>
      </c>
      <c r="AG1179" s="9">
        <v>2065.4780512500001</v>
      </c>
      <c r="AH1179" s="13">
        <v>0.21020055724416611</v>
      </c>
      <c r="AI1179" s="9">
        <v>950.69228225000006</v>
      </c>
      <c r="AJ1179" s="13">
        <v>9.6750506438807199E-2</v>
      </c>
      <c r="AK1179" s="9">
        <v>318.24593379999897</v>
      </c>
      <c r="AL1179" s="13">
        <v>2.953032988337502E-2</v>
      </c>
      <c r="AM1179" s="9">
        <v>796.53983520000111</v>
      </c>
      <c r="AN1179" s="13">
        <v>7.1791625967690884E-2</v>
      </c>
      <c r="AO1179" s="9">
        <v>1114.7857690000001</v>
      </c>
      <c r="AP1179" s="13">
        <v>0.10344198624875568</v>
      </c>
      <c r="AQ1179" s="9">
        <v>9826.2253836500004</v>
      </c>
      <c r="AR1179" s="9">
        <v>9222.2266580300002</v>
      </c>
      <c r="AS1179" s="9">
        <v>9587.0584145699995</v>
      </c>
      <c r="AT1179" s="9">
        <v>9459.2063596499993</v>
      </c>
      <c r="AU1179" s="9">
        <v>9352.3938339600008</v>
      </c>
      <c r="AV1179" s="9">
        <v>9846.5161317999991</v>
      </c>
      <c r="AW1179" s="9">
        <v>10776.9176659</v>
      </c>
      <c r="AX1179" s="9">
        <v>11310.279882000001</v>
      </c>
      <c r="AY1179" s="9">
        <v>11075.6774209</v>
      </c>
      <c r="AZ1179" s="9">
        <v>11095.163599699999</v>
      </c>
      <c r="BA1179" s="9">
        <v>11481.0776453</v>
      </c>
      <c r="BB1179" s="9">
        <v>12291.0756886</v>
      </c>
      <c r="BC1179" s="9">
        <v>11984.2643656</v>
      </c>
      <c r="BD1179" s="9">
        <v>11780.9669366</v>
      </c>
      <c r="BE1179" s="9">
        <v>12016.015215199999</v>
      </c>
      <c r="BF1179" s="9">
        <v>11891.703434900001</v>
      </c>
      <c r="BG1179" s="11">
        <v>-1</v>
      </c>
      <c r="BH1179" s="13">
        <v>-4.3478260869565216E-2</v>
      </c>
      <c r="BI1179" s="6">
        <v>0</v>
      </c>
      <c r="BJ1179" s="13">
        <v>0</v>
      </c>
      <c r="BK1179" s="6">
        <v>-1</v>
      </c>
      <c r="BL1179" s="13">
        <v>-4.3478260869565216E-2</v>
      </c>
      <c r="BM1179" s="11">
        <v>0</v>
      </c>
      <c r="BN1179" s="13">
        <v>0</v>
      </c>
      <c r="BO1179" s="11">
        <v>-1</v>
      </c>
      <c r="BP1179" s="13">
        <v>-4.3478260869565216E-2</v>
      </c>
      <c r="BQ1179" s="6">
        <v>23</v>
      </c>
      <c r="BR1179" s="6">
        <v>23</v>
      </c>
      <c r="BS1179" s="6">
        <v>22</v>
      </c>
      <c r="BT1179" s="6">
        <v>23</v>
      </c>
      <c r="BU1179" s="6">
        <v>20</v>
      </c>
      <c r="BV1179" s="6">
        <v>20</v>
      </c>
      <c r="BW1179" s="6">
        <v>22</v>
      </c>
      <c r="BX1179" s="6">
        <v>21</v>
      </c>
      <c r="BY1179" s="6">
        <v>20</v>
      </c>
      <c r="BZ1179" s="6">
        <v>23</v>
      </c>
      <c r="CA1179" s="6">
        <v>24</v>
      </c>
      <c r="CB1179" s="6">
        <v>23</v>
      </c>
      <c r="CC1179" s="11">
        <v>22</v>
      </c>
      <c r="CD1179" s="11">
        <v>-98.580699999999993</v>
      </c>
      <c r="CE1179" s="11">
        <v>63.4983</v>
      </c>
      <c r="CF1179" s="11">
        <v>30.523099999999999</v>
      </c>
      <c r="CG1179" s="11">
        <v>94</v>
      </c>
      <c r="CH1179" s="20">
        <v>0.69822399999999996</v>
      </c>
      <c r="CI1179" s="20">
        <v>0.76080700000000001</v>
      </c>
      <c r="CJ1179" s="20">
        <v>0.86999599999999999</v>
      </c>
      <c r="CK1179" s="20">
        <v>0.91709700000000005</v>
      </c>
      <c r="CL1179" s="20">
        <v>0.92376599999999998</v>
      </c>
      <c r="CM1179" s="20">
        <v>0.90710999999999997</v>
      </c>
      <c r="CN1179" s="20">
        <v>0.92796199999999995</v>
      </c>
      <c r="CO1179" s="20">
        <v>0.91756499999999996</v>
      </c>
      <c r="CP1179" s="20">
        <v>0.83515099999999998</v>
      </c>
      <c r="CQ1179" s="20">
        <v>0.98993699999999996</v>
      </c>
      <c r="CR1179" s="20">
        <v>0.93953699999999996</v>
      </c>
      <c r="CS1179" s="20">
        <v>0.87344999999999995</v>
      </c>
      <c r="CT1179" s="20">
        <v>0.686415</v>
      </c>
      <c r="CU1179" s="20">
        <v>0.74833799999999995</v>
      </c>
      <c r="CV1179" s="20">
        <v>0.73880999999999997</v>
      </c>
      <c r="CW1179" s="20">
        <v>0.72467300000000001</v>
      </c>
      <c r="CX1179" s="20">
        <v>0.69293899999999997</v>
      </c>
      <c r="CY1179" s="6" t="s">
        <v>580</v>
      </c>
      <c r="CZ1179" s="6" t="s">
        <v>581</v>
      </c>
      <c r="DA1179" s="6" t="s">
        <v>126</v>
      </c>
      <c r="DB1179" s="6"/>
      <c r="DC1179" s="6"/>
      <c r="DD1179" s="6"/>
      <c r="DE1179" s="6"/>
      <c r="DF1179" s="6"/>
      <c r="DG1179" s="6"/>
      <c r="DH1179" s="6" t="s">
        <v>333</v>
      </c>
      <c r="DI1179" s="6"/>
      <c r="DJ1179" s="6"/>
      <c r="DK1179" s="6"/>
      <c r="DL1179" s="6">
        <v>11</v>
      </c>
      <c r="DM1179" s="6" t="s">
        <v>520</v>
      </c>
      <c r="DN1179" s="6">
        <v>7</v>
      </c>
      <c r="DO1179" s="6" t="s">
        <v>369</v>
      </c>
      <c r="DP1179" s="6"/>
      <c r="DQ1179" s="6"/>
    </row>
    <row r="1180" spans="1:121" x14ac:dyDescent="0.2">
      <c r="A1180" s="6" t="s">
        <v>325</v>
      </c>
      <c r="B1180" s="6" t="s">
        <v>325</v>
      </c>
      <c r="C1180" s="6" t="s">
        <v>193</v>
      </c>
      <c r="D1180" s="6" t="s">
        <v>126</v>
      </c>
      <c r="E1180" s="6" t="s">
        <v>267</v>
      </c>
      <c r="F1180" s="11">
        <v>11</v>
      </c>
      <c r="G1180" s="13">
        <v>4.6025104602499999E-2</v>
      </c>
      <c r="H1180" s="11">
        <v>123.13227511699998</v>
      </c>
      <c r="I1180" s="13">
        <v>0.51610485859007049</v>
      </c>
      <c r="J1180" s="11">
        <v>-10.324271033999992</v>
      </c>
      <c r="K1180" s="13">
        <v>-2.8542775469439462E-2</v>
      </c>
      <c r="L1180" s="11">
        <v>-100.99241654099998</v>
      </c>
      <c r="M1180" s="13">
        <v>-0.28741000729741306</v>
      </c>
      <c r="N1180" s="11">
        <v>-111.31668757499997</v>
      </c>
      <c r="O1180" s="13">
        <v>-0.30774930346089252</v>
      </c>
      <c r="P1180" s="7">
        <v>238.57995728500001</v>
      </c>
      <c r="Q1180" s="7">
        <v>289.81143499199999</v>
      </c>
      <c r="R1180" s="7">
        <v>300.65271292199998</v>
      </c>
      <c r="S1180" s="7">
        <v>321.67680561399999</v>
      </c>
      <c r="T1180" s="7">
        <v>339.31404875499999</v>
      </c>
      <c r="U1180" s="7">
        <v>345.41009143899998</v>
      </c>
      <c r="V1180" s="7">
        <v>361.71223240199998</v>
      </c>
      <c r="W1180" s="7">
        <v>345.61049945899998</v>
      </c>
      <c r="X1180" s="7">
        <v>373.39466952399999</v>
      </c>
      <c r="Y1180" s="7">
        <v>351.38796136799999</v>
      </c>
      <c r="Z1180" s="7">
        <v>346.18563236699998</v>
      </c>
      <c r="AA1180" s="7">
        <v>334.10482091799997</v>
      </c>
      <c r="AB1180" s="7">
        <v>245.65898911599999</v>
      </c>
      <c r="AC1180" s="7">
        <v>246.366640872</v>
      </c>
      <c r="AD1180" s="7">
        <v>250.558627527</v>
      </c>
      <c r="AE1180" s="7">
        <v>251.118804541</v>
      </c>
      <c r="AF1180" s="7">
        <v>250.39554482700001</v>
      </c>
      <c r="AG1180" s="9">
        <v>2536.4253671000006</v>
      </c>
      <c r="AH1180" s="13">
        <v>0.15624350817630622</v>
      </c>
      <c r="AI1180" s="9">
        <v>-3503.8270345000001</v>
      </c>
      <c r="AJ1180" s="13">
        <v>-0.21583533858880533</v>
      </c>
      <c r="AK1180" s="9">
        <v>1743.2528070999997</v>
      </c>
      <c r="AL1180" s="13">
        <v>0.13694084398202508</v>
      </c>
      <c r="AM1180" s="9">
        <v>4296.999594500001</v>
      </c>
      <c r="AN1180" s="13">
        <v>0.29689307721594366</v>
      </c>
      <c r="AO1180" s="9">
        <v>6040.2524016000007</v>
      </c>
      <c r="AP1180" s="13">
        <v>0.47449070976434055</v>
      </c>
      <c r="AQ1180" s="9">
        <v>16233.796825900001</v>
      </c>
      <c r="AR1180" s="9">
        <v>17474.594478499999</v>
      </c>
      <c r="AS1180" s="9">
        <v>14802.254592699999</v>
      </c>
      <c r="AT1180" s="9">
        <v>14396.920137900001</v>
      </c>
      <c r="AU1180" s="9">
        <v>14171.4612729</v>
      </c>
      <c r="AV1180" s="9">
        <v>13499.7007125</v>
      </c>
      <c r="AW1180" s="9">
        <v>12729.969791400001</v>
      </c>
      <c r="AX1180" s="9">
        <v>14052.884217000001</v>
      </c>
      <c r="AY1180" s="9">
        <v>13531.1695497</v>
      </c>
      <c r="AZ1180" s="9">
        <v>14473.2225985</v>
      </c>
      <c r="BA1180" s="9">
        <v>15109.491761499999</v>
      </c>
      <c r="BB1180" s="9">
        <v>15554.702151199999</v>
      </c>
      <c r="BC1180" s="9">
        <v>17012.2062836</v>
      </c>
      <c r="BD1180" s="9">
        <v>17495.8002562</v>
      </c>
      <c r="BE1180" s="9">
        <v>17722.831066700001</v>
      </c>
      <c r="BF1180" s="9">
        <v>18770.222193000001</v>
      </c>
      <c r="BG1180" s="11">
        <v>-57.25</v>
      </c>
      <c r="BH1180" s="13">
        <v>-0.66569767441860461</v>
      </c>
      <c r="BI1180" s="6">
        <v>-6</v>
      </c>
      <c r="BJ1180" s="13">
        <v>-6.9767441860465115E-2</v>
      </c>
      <c r="BK1180" s="6">
        <v>3</v>
      </c>
      <c r="BL1180" s="13">
        <v>3.7499999999999999E-2</v>
      </c>
      <c r="BM1180" s="11">
        <v>-54.25</v>
      </c>
      <c r="BN1180" s="13">
        <v>-0.65361445783132532</v>
      </c>
      <c r="BO1180" s="11">
        <v>-51.25</v>
      </c>
      <c r="BP1180" s="13">
        <v>-0.640625</v>
      </c>
      <c r="BQ1180" s="6">
        <v>86</v>
      </c>
      <c r="BR1180" s="6">
        <v>95</v>
      </c>
      <c r="BS1180" s="6">
        <v>86</v>
      </c>
      <c r="BT1180" s="6">
        <v>80</v>
      </c>
      <c r="BU1180" s="6">
        <v>85</v>
      </c>
      <c r="BV1180" s="6">
        <v>88</v>
      </c>
      <c r="BW1180" s="6">
        <v>83</v>
      </c>
      <c r="BX1180" s="6">
        <v>82</v>
      </c>
      <c r="BY1180" s="6">
        <v>77</v>
      </c>
      <c r="BZ1180" s="6">
        <v>30</v>
      </c>
      <c r="CA1180" s="6">
        <v>28</v>
      </c>
      <c r="CB1180" s="6">
        <v>27</v>
      </c>
      <c r="CC1180" s="11">
        <v>28.75</v>
      </c>
      <c r="CD1180" s="11">
        <v>-12.067</v>
      </c>
      <c r="CE1180" s="11">
        <v>-2.1970900000000002</v>
      </c>
      <c r="CF1180" s="11">
        <v>26.079699999999999</v>
      </c>
      <c r="CG1180" s="11">
        <v>24</v>
      </c>
      <c r="CH1180" s="20">
        <v>0.87828300000000004</v>
      </c>
      <c r="CI1180" s="20">
        <v>1.0471999999999999</v>
      </c>
      <c r="CJ1180" s="20">
        <v>1.07223</v>
      </c>
      <c r="CK1180" s="20">
        <v>1.1582300000000001</v>
      </c>
      <c r="CL1180" s="20">
        <v>1.2886299999999999</v>
      </c>
      <c r="CM1180" s="20">
        <v>1.3235699999999999</v>
      </c>
      <c r="CN1180" s="20">
        <v>1.39842</v>
      </c>
      <c r="CO1180" s="20">
        <v>1.34097</v>
      </c>
      <c r="CP1180" s="20">
        <v>1.4186000000000001</v>
      </c>
      <c r="CQ1180" s="20">
        <v>1.45912</v>
      </c>
      <c r="CR1180" s="20">
        <v>1.47601</v>
      </c>
      <c r="CS1180" s="20">
        <v>1.4172</v>
      </c>
      <c r="CT1180" s="20">
        <v>1.08951</v>
      </c>
      <c r="CU1180" s="20">
        <v>1.1302700000000001</v>
      </c>
      <c r="CV1180" s="20">
        <v>1.1415999999999999</v>
      </c>
      <c r="CW1180" s="20">
        <v>1.1380999999999999</v>
      </c>
      <c r="CX1180" s="20">
        <v>1.13001</v>
      </c>
      <c r="CY1180" s="6" t="s">
        <v>580</v>
      </c>
      <c r="CZ1180" s="6" t="s">
        <v>581</v>
      </c>
      <c r="DA1180" s="6" t="s">
        <v>126</v>
      </c>
      <c r="DB1180" s="6"/>
      <c r="DC1180" s="6"/>
      <c r="DD1180" s="6"/>
      <c r="DE1180" s="6"/>
      <c r="DF1180" s="6"/>
      <c r="DG1180" s="6"/>
      <c r="DH1180" s="6" t="s">
        <v>333</v>
      </c>
      <c r="DI1180" s="6"/>
      <c r="DJ1180" s="6"/>
      <c r="DK1180" s="6"/>
      <c r="DL1180" s="6">
        <v>11</v>
      </c>
      <c r="DM1180" s="6" t="s">
        <v>520</v>
      </c>
      <c r="DN1180" s="6">
        <v>7</v>
      </c>
      <c r="DO1180" s="6" t="s">
        <v>369</v>
      </c>
      <c r="DP1180" s="6"/>
      <c r="DQ1180" s="6"/>
    </row>
    <row r="1181" spans="1:121" x14ac:dyDescent="0.2">
      <c r="A1181" s="6" t="s">
        <v>327</v>
      </c>
      <c r="B1181" s="6" t="s">
        <v>327</v>
      </c>
      <c r="C1181" s="6" t="s">
        <v>194</v>
      </c>
      <c r="D1181" s="6" t="s">
        <v>126</v>
      </c>
      <c r="E1181" s="6" t="s">
        <v>267</v>
      </c>
      <c r="F1181" s="11">
        <v>-94</v>
      </c>
      <c r="G1181" s="13">
        <v>-9.8018769551599993E-2</v>
      </c>
      <c r="H1181" s="11">
        <v>-23.81212400000004</v>
      </c>
      <c r="I1181" s="13">
        <v>-2.4832832301499908E-2</v>
      </c>
      <c r="J1181" s="11">
        <v>-47.520416999999952</v>
      </c>
      <c r="K1181" s="13">
        <v>-5.0819371818209967E-2</v>
      </c>
      <c r="L1181" s="11">
        <v>-22.868238921000057</v>
      </c>
      <c r="M1181" s="13">
        <v>-2.5765163588455507E-2</v>
      </c>
      <c r="N1181" s="11">
        <v>-70.388655921000009</v>
      </c>
      <c r="O1181" s="13">
        <v>-7.5275165978306746E-2</v>
      </c>
      <c r="P1181" s="7">
        <v>958.89682300000004</v>
      </c>
      <c r="Q1181" s="7">
        <v>953.81007599999998</v>
      </c>
      <c r="R1181" s="7">
        <v>929.11770999999999</v>
      </c>
      <c r="S1181" s="7">
        <v>916.49996599999997</v>
      </c>
      <c r="T1181" s="7">
        <v>917.429396</v>
      </c>
      <c r="U1181" s="7">
        <v>927.926782</v>
      </c>
      <c r="V1181" s="7">
        <v>935.084699</v>
      </c>
      <c r="W1181" s="7">
        <v>928.27494000000002</v>
      </c>
      <c r="X1181" s="7">
        <v>907.60576300000002</v>
      </c>
      <c r="Y1181" s="7">
        <v>887.56428200000005</v>
      </c>
      <c r="Z1181" s="7">
        <v>863.08473300000003</v>
      </c>
      <c r="AA1181" s="7">
        <v>874.60735099999999</v>
      </c>
      <c r="AB1181" s="7">
        <v>876.58738800000003</v>
      </c>
      <c r="AC1181" s="7">
        <v>876.11685699999998</v>
      </c>
      <c r="AD1181" s="7">
        <v>860.52840000000003</v>
      </c>
      <c r="AE1181" s="7">
        <v>870.26370150000002</v>
      </c>
      <c r="AF1181" s="7">
        <v>864.69604307899999</v>
      </c>
      <c r="AG1181" s="9">
        <v>9919.2617119000024</v>
      </c>
      <c r="AH1181" s="13">
        <v>0.31757490182842474</v>
      </c>
      <c r="AI1181" s="9">
        <v>7548.7215149000003</v>
      </c>
      <c r="AJ1181" s="13">
        <v>0.24167973017069364</v>
      </c>
      <c r="AK1181" s="9">
        <v>2254.9160885000019</v>
      </c>
      <c r="AL1181" s="13">
        <v>5.8141685458238598E-2</v>
      </c>
      <c r="AM1181" s="9">
        <v>115.62410850000015</v>
      </c>
      <c r="AN1181" s="13">
        <v>2.817486251626851E-3</v>
      </c>
      <c r="AO1181" s="9">
        <v>2370.5401970000021</v>
      </c>
      <c r="AP1181" s="13">
        <v>6.1122985109290449E-2</v>
      </c>
      <c r="AQ1181" s="9">
        <v>31234.4006242</v>
      </c>
      <c r="AR1181" s="9">
        <v>31763.0785216</v>
      </c>
      <c r="AS1181" s="9">
        <v>33351.242688999999</v>
      </c>
      <c r="AT1181" s="9">
        <v>34784.355441699998</v>
      </c>
      <c r="AU1181" s="9">
        <v>35848.280711599997</v>
      </c>
      <c r="AV1181" s="9">
        <v>37619.3521157</v>
      </c>
      <c r="AW1181" s="9">
        <v>38783.1221391</v>
      </c>
      <c r="AX1181" s="9">
        <v>39443.829252199997</v>
      </c>
      <c r="AY1181" s="9">
        <v>40650.8711931</v>
      </c>
      <c r="AZ1181" s="9">
        <v>41038.038227600002</v>
      </c>
      <c r="BA1181" s="9">
        <v>40390.1562748</v>
      </c>
      <c r="BB1181" s="9">
        <v>39316.910238199998</v>
      </c>
      <c r="BC1181" s="9">
        <v>39526.022314599999</v>
      </c>
      <c r="BD1181" s="9">
        <v>39935.870988800001</v>
      </c>
      <c r="BE1181" s="9">
        <v>41069.7411202</v>
      </c>
      <c r="BF1181" s="9">
        <v>41153.662336100002</v>
      </c>
      <c r="BG1181" s="11">
        <v>-2.75</v>
      </c>
      <c r="BH1181" s="13">
        <v>-3.9285714285714285E-2</v>
      </c>
      <c r="BI1181" s="6">
        <v>1</v>
      </c>
      <c r="BJ1181" s="13">
        <v>1.4285714285714285E-2</v>
      </c>
      <c r="BK1181" s="6">
        <v>-1</v>
      </c>
      <c r="BL1181" s="13">
        <v>-1.4084507042253521E-2</v>
      </c>
      <c r="BM1181" s="11">
        <v>-2.75</v>
      </c>
      <c r="BN1181" s="13">
        <v>-3.9285714285714285E-2</v>
      </c>
      <c r="BO1181" s="11">
        <v>-3.75</v>
      </c>
      <c r="BP1181" s="13">
        <v>-5.2816901408450703E-2</v>
      </c>
      <c r="BQ1181" s="6">
        <v>70</v>
      </c>
      <c r="BR1181" s="6">
        <v>68</v>
      </c>
      <c r="BS1181" s="6">
        <v>68</v>
      </c>
      <c r="BT1181" s="6">
        <v>71</v>
      </c>
      <c r="BU1181" s="6">
        <v>71</v>
      </c>
      <c r="BV1181" s="6">
        <v>70</v>
      </c>
      <c r="BW1181" s="6">
        <v>70</v>
      </c>
      <c r="BX1181" s="6">
        <v>69</v>
      </c>
      <c r="BY1181" s="6">
        <v>69</v>
      </c>
      <c r="BZ1181" s="6">
        <v>69</v>
      </c>
      <c r="CA1181" s="6">
        <v>69</v>
      </c>
      <c r="CB1181" s="6">
        <v>67</v>
      </c>
      <c r="CC1181" s="11">
        <v>67.25</v>
      </c>
      <c r="CD1181" s="11">
        <v>-142.80500000000001</v>
      </c>
      <c r="CE1181" s="11">
        <v>-56.215000000000003</v>
      </c>
      <c r="CF1181" s="11">
        <v>104.819</v>
      </c>
      <c r="CG1181" s="11">
        <v>49</v>
      </c>
      <c r="CH1181" s="20">
        <v>1.06267</v>
      </c>
      <c r="CI1181" s="20">
        <v>1.03549</v>
      </c>
      <c r="CJ1181" s="20">
        <v>1.0028900000000001</v>
      </c>
      <c r="CK1181" s="20">
        <v>1.0060199999999999</v>
      </c>
      <c r="CL1181" s="20">
        <v>1.0646199999999999</v>
      </c>
      <c r="CM1181" s="20">
        <v>1.09365</v>
      </c>
      <c r="CN1181" s="20">
        <v>1.11991</v>
      </c>
      <c r="CO1181" s="20">
        <v>1.1045799999999999</v>
      </c>
      <c r="CP1181" s="20">
        <v>1.0456700000000001</v>
      </c>
      <c r="CQ1181" s="20">
        <v>1.1112599999999999</v>
      </c>
      <c r="CR1181" s="20">
        <v>1.1355900000000001</v>
      </c>
      <c r="CS1181" s="20">
        <v>1.1836899999999999</v>
      </c>
      <c r="CT1181" s="20">
        <v>1.1781999999999999</v>
      </c>
      <c r="CU1181" s="20">
        <v>1.2411300000000001</v>
      </c>
      <c r="CV1181" s="20">
        <v>1.2210799999999999</v>
      </c>
      <c r="CW1181" s="20">
        <v>1.2345600000000001</v>
      </c>
      <c r="CX1181" s="20">
        <v>1.23001</v>
      </c>
      <c r="CY1181" s="6" t="s">
        <v>580</v>
      </c>
      <c r="CZ1181" s="6" t="s">
        <v>581</v>
      </c>
      <c r="DA1181" s="6" t="s">
        <v>126</v>
      </c>
      <c r="DB1181" s="6"/>
      <c r="DC1181" s="6"/>
      <c r="DD1181" s="6"/>
      <c r="DE1181" s="6"/>
      <c r="DF1181" s="6"/>
      <c r="DG1181" s="6"/>
      <c r="DH1181" s="6" t="s">
        <v>333</v>
      </c>
      <c r="DI1181" s="6"/>
      <c r="DJ1181" s="6"/>
      <c r="DK1181" s="6"/>
      <c r="DL1181" s="6">
        <v>11</v>
      </c>
      <c r="DM1181" s="6" t="s">
        <v>520</v>
      </c>
      <c r="DN1181" s="6">
        <v>7</v>
      </c>
      <c r="DO1181" s="6" t="s">
        <v>369</v>
      </c>
      <c r="DP1181" s="6"/>
      <c r="DQ1181" s="6"/>
    </row>
    <row r="1182" spans="1:121" x14ac:dyDescent="0.2">
      <c r="A1182" s="6" t="s">
        <v>1</v>
      </c>
      <c r="B1182" s="6" t="s">
        <v>1</v>
      </c>
      <c r="C1182" s="6" t="s">
        <v>2</v>
      </c>
      <c r="D1182" s="6" t="s">
        <v>90</v>
      </c>
      <c r="E1182" s="6" t="s">
        <v>231</v>
      </c>
      <c r="F1182" s="11">
        <v>42</v>
      </c>
      <c r="G1182" s="13">
        <v>0.407766990291</v>
      </c>
      <c r="H1182" s="11">
        <v>-4.7139465213000022</v>
      </c>
      <c r="I1182" s="13">
        <v>-4.5934449786361742E-2</v>
      </c>
      <c r="J1182" s="11">
        <v>11.230407128300001</v>
      </c>
      <c r="K1182" s="13">
        <v>0.1147020430929392</v>
      </c>
      <c r="L1182" s="11">
        <v>35.968509358000006</v>
      </c>
      <c r="M1182" s="13">
        <v>0.3295636435079134</v>
      </c>
      <c r="N1182" s="11">
        <v>47.198916486300007</v>
      </c>
      <c r="O1182" s="13">
        <v>0.48206730984036333</v>
      </c>
      <c r="P1182" s="7">
        <v>102.623337021</v>
      </c>
      <c r="Q1182" s="7">
        <v>108.71423174500001</v>
      </c>
      <c r="R1182" s="7">
        <v>115.226216858</v>
      </c>
      <c r="S1182" s="7">
        <v>112.99290436699999</v>
      </c>
      <c r="T1182" s="7">
        <v>108.70079060099999</v>
      </c>
      <c r="U1182" s="7">
        <v>94.598880574500001</v>
      </c>
      <c r="V1182" s="7">
        <v>97.909390499699995</v>
      </c>
      <c r="W1182" s="7">
        <v>111.13683995300001</v>
      </c>
      <c r="X1182" s="7">
        <v>106.69533565099999</v>
      </c>
      <c r="Y1182" s="7">
        <v>109.139797628</v>
      </c>
      <c r="Z1182" s="7">
        <v>107.324564404</v>
      </c>
      <c r="AA1182" s="7">
        <v>95.715608043100005</v>
      </c>
      <c r="AB1182" s="7">
        <v>121.409670443</v>
      </c>
      <c r="AC1182" s="7">
        <v>130.41340832399999</v>
      </c>
      <c r="AD1182" s="7">
        <v>127.181994391</v>
      </c>
      <c r="AE1182" s="7">
        <v>138.294325684</v>
      </c>
      <c r="AF1182" s="7">
        <v>145.108306986</v>
      </c>
      <c r="AG1182" s="9">
        <v>12428.2502375</v>
      </c>
      <c r="AH1182" s="13">
        <v>0.64423564983650483</v>
      </c>
      <c r="AI1182" s="9">
        <v>4208.5598105000026</v>
      </c>
      <c r="AJ1182" s="13">
        <v>0.21815655563583647</v>
      </c>
      <c r="AK1182" s="9">
        <v>6172.9862532999978</v>
      </c>
      <c r="AL1182" s="13">
        <v>0.26267997580967206</v>
      </c>
      <c r="AM1182" s="9">
        <v>2046.7041737</v>
      </c>
      <c r="AN1182" s="13">
        <v>6.8975274849237364E-2</v>
      </c>
      <c r="AO1182" s="9">
        <v>8219.6904269999977</v>
      </c>
      <c r="AP1182" s="13">
        <v>0.34977367418777261</v>
      </c>
      <c r="AQ1182" s="9">
        <v>19291.466159399999</v>
      </c>
      <c r="AR1182" s="9">
        <v>20112.398818999998</v>
      </c>
      <c r="AS1182" s="9">
        <v>20457.110048099999</v>
      </c>
      <c r="AT1182" s="9">
        <v>24760.015585900001</v>
      </c>
      <c r="AU1182" s="9">
        <v>26284.0847751</v>
      </c>
      <c r="AV1182" s="9">
        <v>22666.109176400001</v>
      </c>
      <c r="AW1182" s="9">
        <v>23500.025969900002</v>
      </c>
      <c r="AX1182" s="9">
        <v>28468.0461306</v>
      </c>
      <c r="AY1182" s="9">
        <v>29670.221779899999</v>
      </c>
      <c r="AZ1182" s="9">
        <v>29673.012223199999</v>
      </c>
      <c r="BA1182" s="9">
        <v>29251.6634873</v>
      </c>
      <c r="BB1182" s="9">
        <v>31799.3303977</v>
      </c>
      <c r="BC1182" s="9">
        <v>34035.046474499999</v>
      </c>
      <c r="BD1182" s="9">
        <v>33895.320754599998</v>
      </c>
      <c r="BE1182" s="9">
        <v>32517.7817325</v>
      </c>
      <c r="BF1182" s="9">
        <v>31719.716396899999</v>
      </c>
      <c r="BG1182" s="11">
        <v>3.75</v>
      </c>
      <c r="BH1182" s="13">
        <v>0.5357142857142857</v>
      </c>
      <c r="BI1182" s="6">
        <v>0</v>
      </c>
      <c r="BJ1182" s="13">
        <v>0</v>
      </c>
      <c r="BK1182" s="6">
        <v>0</v>
      </c>
      <c r="BL1182" s="13">
        <v>0</v>
      </c>
      <c r="BM1182" s="11">
        <v>3.75</v>
      </c>
      <c r="BN1182" s="13">
        <v>0.5357142857142857</v>
      </c>
      <c r="BO1182" s="11">
        <v>3.75</v>
      </c>
      <c r="BP1182" s="13">
        <v>0.5357142857142857</v>
      </c>
      <c r="BQ1182" s="6">
        <v>7</v>
      </c>
      <c r="BR1182" s="6">
        <v>6</v>
      </c>
      <c r="BS1182" s="6">
        <v>5</v>
      </c>
      <c r="BT1182" s="6">
        <v>7</v>
      </c>
      <c r="BU1182" s="6">
        <v>7</v>
      </c>
      <c r="BV1182" s="6">
        <v>6</v>
      </c>
      <c r="BW1182" s="6">
        <v>7</v>
      </c>
      <c r="BX1182" s="6">
        <v>7</v>
      </c>
      <c r="BY1182" s="6">
        <v>9</v>
      </c>
      <c r="BZ1182" s="6">
        <v>11</v>
      </c>
      <c r="CA1182" s="6">
        <v>9</v>
      </c>
      <c r="CB1182" s="6">
        <v>9</v>
      </c>
      <c r="CC1182" s="11">
        <v>10.75</v>
      </c>
      <c r="CD1182" s="11">
        <v>40.623600000000003</v>
      </c>
      <c r="CE1182" s="11">
        <v>-9.3565500000000004</v>
      </c>
      <c r="CF1182" s="11">
        <v>11.218</v>
      </c>
      <c r="CG1182" s="11">
        <v>2</v>
      </c>
      <c r="CH1182" s="20">
        <v>1.07453</v>
      </c>
      <c r="CI1182" s="20">
        <v>1.1544399999999999</v>
      </c>
      <c r="CJ1182" s="20">
        <v>1.28047</v>
      </c>
      <c r="CK1182" s="20">
        <v>1.2492000000000001</v>
      </c>
      <c r="CL1182" s="20">
        <v>1.17808</v>
      </c>
      <c r="CM1182" s="20">
        <v>1.07463</v>
      </c>
      <c r="CN1182" s="20">
        <v>1.1179300000000001</v>
      </c>
      <c r="CO1182" s="20">
        <v>1.329</v>
      </c>
      <c r="CP1182" s="20">
        <v>1.2353000000000001</v>
      </c>
      <c r="CQ1182" s="20">
        <v>1.29193</v>
      </c>
      <c r="CR1182" s="20">
        <v>1.29176</v>
      </c>
      <c r="CS1182" s="20">
        <v>1.1231899999999999</v>
      </c>
      <c r="CT1182" s="20">
        <v>1.3987700000000001</v>
      </c>
      <c r="CU1182" s="20">
        <v>1.50705</v>
      </c>
      <c r="CV1182" s="20">
        <v>1.4718199999999999</v>
      </c>
      <c r="CW1182" s="20">
        <v>1.6189199999999999</v>
      </c>
      <c r="CX1182" s="20">
        <v>1.6862699999999999</v>
      </c>
      <c r="CY1182" s="6" t="s">
        <v>582</v>
      </c>
      <c r="CZ1182" s="6" t="s">
        <v>583</v>
      </c>
      <c r="DA1182" s="6" t="s">
        <v>90</v>
      </c>
      <c r="DB1182" s="6"/>
      <c r="DC1182" s="6"/>
      <c r="DD1182" s="6"/>
      <c r="DE1182" s="6"/>
      <c r="DF1182" s="6"/>
      <c r="DG1182" s="6"/>
      <c r="DH1182" s="6" t="s">
        <v>333</v>
      </c>
      <c r="DI1182" s="6"/>
      <c r="DJ1182" s="6"/>
      <c r="DK1182" s="6"/>
      <c r="DL1182" s="6">
        <v>4</v>
      </c>
      <c r="DM1182" s="6" t="s">
        <v>446</v>
      </c>
      <c r="DN1182" s="6">
        <v>6</v>
      </c>
      <c r="DO1182" s="6" t="s">
        <v>393</v>
      </c>
      <c r="DP1182" s="6"/>
      <c r="DQ1182" s="6"/>
    </row>
    <row r="1183" spans="1:121" x14ac:dyDescent="0.2">
      <c r="A1183" s="6" t="s">
        <v>310</v>
      </c>
      <c r="B1183" s="6" t="s">
        <v>310</v>
      </c>
      <c r="C1183" s="6" t="s">
        <v>173</v>
      </c>
      <c r="D1183" s="6" t="s">
        <v>90</v>
      </c>
      <c r="E1183" s="6" t="s">
        <v>231</v>
      </c>
      <c r="F1183" s="11">
        <v>-6</v>
      </c>
      <c r="G1183" s="13">
        <v>-0.35294117647099998</v>
      </c>
      <c r="H1183" s="11">
        <v>-5.2568309999999983</v>
      </c>
      <c r="I1183" s="13">
        <v>-0.30923681289365423</v>
      </c>
      <c r="J1183" s="11">
        <v>-1.6107310000000012</v>
      </c>
      <c r="K1183" s="13">
        <v>-0.13717058976768151</v>
      </c>
      <c r="L1183" s="11">
        <v>0.79191389300000026</v>
      </c>
      <c r="M1183" s="13">
        <v>7.8161162647377477E-2</v>
      </c>
      <c r="N1183" s="11">
        <v>-0.81881710700000099</v>
      </c>
      <c r="O1183" s="13">
        <v>-6.9730839897572491E-2</v>
      </c>
      <c r="P1183" s="7">
        <v>16.999369999999999</v>
      </c>
      <c r="Q1183" s="7">
        <v>18.098548999999998</v>
      </c>
      <c r="R1183" s="7">
        <v>13.183403</v>
      </c>
      <c r="S1183" s="7">
        <v>5</v>
      </c>
      <c r="T1183" s="7">
        <v>5</v>
      </c>
      <c r="U1183" s="7">
        <v>5</v>
      </c>
      <c r="V1183" s="7">
        <v>11.742539000000001</v>
      </c>
      <c r="W1183" s="7">
        <v>5</v>
      </c>
      <c r="X1183" s="7">
        <v>5</v>
      </c>
      <c r="Y1183" s="7">
        <v>10.131807999999999</v>
      </c>
      <c r="Z1183" s="7">
        <v>5</v>
      </c>
      <c r="AA1183" s="7">
        <v>11.975304</v>
      </c>
      <c r="AB1183" s="7">
        <v>5</v>
      </c>
      <c r="AC1183" s="7">
        <v>5</v>
      </c>
      <c r="AD1183" s="7">
        <v>5</v>
      </c>
      <c r="AE1183" s="7">
        <v>11.007205000000001</v>
      </c>
      <c r="AF1183" s="7">
        <v>10.923721893</v>
      </c>
      <c r="AG1183" s="9">
        <v>41033.521951400005</v>
      </c>
      <c r="AH1183" s="13">
        <v>0.99809127263977393</v>
      </c>
      <c r="AI1183" s="9">
        <v>12499.284301300002</v>
      </c>
      <c r="AJ1183" s="13">
        <v>0.30403011932894108</v>
      </c>
      <c r="AK1183" s="9">
        <v>-13164.045340199998</v>
      </c>
      <c r="AL1183" s="13">
        <v>-0.24554619607437092</v>
      </c>
      <c r="AM1183" s="9">
        <v>41698.282990300002</v>
      </c>
      <c r="AN1183" s="13">
        <v>1.030930434880027</v>
      </c>
      <c r="AO1183" s="9">
        <v>28534.237650100004</v>
      </c>
      <c r="AP1183" s="13">
        <v>0.53224319210356841</v>
      </c>
      <c r="AQ1183" s="9">
        <v>41111.993538299997</v>
      </c>
      <c r="AR1183" s="9">
        <v>32583.536240699999</v>
      </c>
      <c r="AS1183" s="9">
        <v>40630.7791382</v>
      </c>
      <c r="AT1183" s="9">
        <v>1</v>
      </c>
      <c r="AU1183" s="9">
        <v>1</v>
      </c>
      <c r="AV1183" s="9">
        <v>1</v>
      </c>
      <c r="AW1183" s="9">
        <v>53611.277839599999</v>
      </c>
      <c r="AX1183" s="9">
        <v>1</v>
      </c>
      <c r="AY1183" s="9">
        <v>1</v>
      </c>
      <c r="AZ1183" s="9">
        <v>40447.232499400001</v>
      </c>
      <c r="BA1183" s="9">
        <v>1</v>
      </c>
      <c r="BB1183" s="9">
        <v>36799.098320899997</v>
      </c>
      <c r="BC1183" s="9">
        <v>1</v>
      </c>
      <c r="BD1183" s="9">
        <v>1</v>
      </c>
      <c r="BE1183" s="9">
        <v>1</v>
      </c>
      <c r="BF1183" s="9">
        <v>82145.515489700003</v>
      </c>
      <c r="BG1183" s="11">
        <v>0</v>
      </c>
      <c r="BH1183" s="13">
        <v>0</v>
      </c>
      <c r="BI1183" s="6">
        <v>-1</v>
      </c>
      <c r="BJ1183" s="13">
        <v>-0.5</v>
      </c>
      <c r="BK1183" s="6">
        <v>0</v>
      </c>
      <c r="BL1183" s="13">
        <v>0</v>
      </c>
      <c r="BM1183" s="11">
        <v>1</v>
      </c>
      <c r="BN1183" s="13">
        <v>1</v>
      </c>
      <c r="BO1183" s="11">
        <v>1</v>
      </c>
      <c r="BP1183" s="13">
        <v>1</v>
      </c>
      <c r="BQ1183" s="6">
        <v>2</v>
      </c>
      <c r="BR1183" s="6">
        <v>3</v>
      </c>
      <c r="BS1183" s="6">
        <v>1</v>
      </c>
      <c r="BT1183" s="6">
        <v>1</v>
      </c>
      <c r="BU1183" s="6">
        <v>1</v>
      </c>
      <c r="BV1183" s="6">
        <v>1</v>
      </c>
      <c r="BW1183" s="6">
        <v>1</v>
      </c>
      <c r="BX1183" s="6">
        <v>1</v>
      </c>
      <c r="BY1183" s="6">
        <v>2</v>
      </c>
      <c r="BZ1183" s="6">
        <v>2</v>
      </c>
      <c r="CA1183" s="6">
        <v>2</v>
      </c>
      <c r="CB1183" s="6">
        <v>2</v>
      </c>
      <c r="CC1183" s="11">
        <v>2</v>
      </c>
      <c r="CD1183" s="11">
        <v>-9.6975300000000004</v>
      </c>
      <c r="CE1183" s="11">
        <v>1.7636499999999999</v>
      </c>
      <c r="CF1183" s="11">
        <v>1.8582399999999999</v>
      </c>
      <c r="CG1183" s="11">
        <v>4</v>
      </c>
      <c r="CH1183" s="20">
        <v>0.62735600000000002</v>
      </c>
      <c r="CI1183" s="20">
        <v>0.70758399999999999</v>
      </c>
      <c r="CJ1183" s="20">
        <v>0.54701999999999995</v>
      </c>
      <c r="CK1183" s="20">
        <v>3.0339499999999998E-2</v>
      </c>
      <c r="CL1183" s="20">
        <v>0.222251</v>
      </c>
      <c r="CM1183" s="20">
        <v>0.194273</v>
      </c>
      <c r="CN1183" s="20">
        <v>0.38070799999999999</v>
      </c>
      <c r="CO1183" s="20">
        <v>7.6589500000000003E-3</v>
      </c>
      <c r="CP1183" s="20">
        <v>5.5955999999999999E-2</v>
      </c>
      <c r="CQ1183" s="20">
        <v>0.33099000000000001</v>
      </c>
      <c r="CR1183" s="20">
        <v>0.26264300000000002</v>
      </c>
      <c r="CS1183" s="20">
        <v>0.32397900000000002</v>
      </c>
      <c r="CT1183" s="20">
        <v>0.202265</v>
      </c>
      <c r="CU1183" s="20">
        <v>0.17242299999999999</v>
      </c>
      <c r="CV1183" s="20">
        <v>0.25485999999999998</v>
      </c>
      <c r="CW1183" s="20">
        <v>0.38494499999999998</v>
      </c>
      <c r="CX1183" s="20">
        <v>0.375523</v>
      </c>
      <c r="CY1183" s="6" t="s">
        <v>582</v>
      </c>
      <c r="CZ1183" s="6" t="s">
        <v>583</v>
      </c>
      <c r="DA1183" s="6" t="s">
        <v>90</v>
      </c>
      <c r="DB1183" s="6"/>
      <c r="DC1183" s="6"/>
      <c r="DD1183" s="6"/>
      <c r="DE1183" s="6"/>
      <c r="DF1183" s="6"/>
      <c r="DG1183" s="6"/>
      <c r="DH1183" s="6" t="s">
        <v>333</v>
      </c>
      <c r="DI1183" s="6"/>
      <c r="DJ1183" s="6"/>
      <c r="DK1183" s="6"/>
      <c r="DL1183" s="6">
        <v>4</v>
      </c>
      <c r="DM1183" s="6" t="s">
        <v>446</v>
      </c>
      <c r="DN1183" s="6">
        <v>6</v>
      </c>
      <c r="DO1183" s="6" t="s">
        <v>393</v>
      </c>
      <c r="DP1183" s="6"/>
      <c r="DQ1183" s="6"/>
    </row>
    <row r="1184" spans="1:121" x14ac:dyDescent="0.2">
      <c r="A1184" s="6" t="s">
        <v>311</v>
      </c>
      <c r="B1184" s="6" t="s">
        <v>311</v>
      </c>
      <c r="C1184" s="6" t="s">
        <v>174</v>
      </c>
      <c r="D1184" s="6" t="s">
        <v>90</v>
      </c>
      <c r="E1184" s="6" t="s">
        <v>231</v>
      </c>
      <c r="F1184" s="11">
        <v>-5</v>
      </c>
      <c r="G1184" s="13">
        <v>-5.4945054945099998E-2</v>
      </c>
      <c r="H1184" s="11">
        <v>-46.380097000000006</v>
      </c>
      <c r="I1184" s="13">
        <v>-0.509500947941119</v>
      </c>
      <c r="J1184" s="11">
        <v>-8.6548579999999973</v>
      </c>
      <c r="K1184" s="13">
        <v>-0.19383630308262331</v>
      </c>
      <c r="L1184" s="11">
        <v>50.202907412400002</v>
      </c>
      <c r="M1184" s="13">
        <v>1.3947000083010404</v>
      </c>
      <c r="N1184" s="11">
        <v>41.548049412400005</v>
      </c>
      <c r="O1184" s="13">
        <v>0.9305202117000394</v>
      </c>
      <c r="P1184" s="7">
        <v>91.030443000000005</v>
      </c>
      <c r="Q1184" s="7">
        <v>87.759174999999999</v>
      </c>
      <c r="R1184" s="7">
        <v>75.415424000000002</v>
      </c>
      <c r="S1184" s="7">
        <v>58.133763999999999</v>
      </c>
      <c r="T1184" s="7">
        <v>47.940159999999999</v>
      </c>
      <c r="U1184" s="7">
        <v>51.313093000000002</v>
      </c>
      <c r="V1184" s="7">
        <v>44.650345999999999</v>
      </c>
      <c r="W1184" s="7">
        <v>53.934252000000001</v>
      </c>
      <c r="X1184" s="7">
        <v>48.671742999999999</v>
      </c>
      <c r="Y1184" s="7">
        <v>35.995488000000002</v>
      </c>
      <c r="Z1184" s="7">
        <v>31.002188</v>
      </c>
      <c r="AA1184" s="7">
        <v>76.544891000000007</v>
      </c>
      <c r="AB1184" s="7">
        <v>62.819203999999999</v>
      </c>
      <c r="AC1184" s="7">
        <v>68.695663478900002</v>
      </c>
      <c r="AD1184" s="7">
        <v>76.700166592100004</v>
      </c>
      <c r="AE1184" s="7">
        <v>84.735940809799999</v>
      </c>
      <c r="AF1184" s="7">
        <v>86.198395412400004</v>
      </c>
      <c r="AG1184" s="9">
        <v>29375.532359000004</v>
      </c>
      <c r="AH1184" s="13">
        <v>0.42163879302187385</v>
      </c>
      <c r="AI1184" s="9">
        <v>68547.297170400008</v>
      </c>
      <c r="AJ1184" s="13">
        <v>0.98388683788343956</v>
      </c>
      <c r="AK1184" s="9">
        <v>45813.432002999994</v>
      </c>
      <c r="AL1184" s="13">
        <v>0.33145971042581984</v>
      </c>
      <c r="AM1184" s="9">
        <v>-84985.196814399998</v>
      </c>
      <c r="AN1184" s="13">
        <v>-0.46179919832304533</v>
      </c>
      <c r="AO1184" s="9">
        <v>-39171.764811400004</v>
      </c>
      <c r="AP1184" s="13">
        <v>-0.2834073164482579</v>
      </c>
      <c r="AQ1184" s="9">
        <v>69669.899556599994</v>
      </c>
      <c r="AR1184" s="9">
        <v>72932.284236499996</v>
      </c>
      <c r="AS1184" s="9">
        <v>83291.393656100001</v>
      </c>
      <c r="AT1184" s="9">
        <v>102955.34488999999</v>
      </c>
      <c r="AU1184" s="9">
        <v>104193.65293900001</v>
      </c>
      <c r="AV1184" s="9">
        <v>130701.15995099999</v>
      </c>
      <c r="AW1184" s="9">
        <v>138217.196727</v>
      </c>
      <c r="AX1184" s="9">
        <v>81920.840275099996</v>
      </c>
      <c r="AY1184" s="9">
        <v>82995.196057900001</v>
      </c>
      <c r="AZ1184" s="9">
        <v>184030.62873</v>
      </c>
      <c r="BA1184" s="9">
        <v>179503.09698999999</v>
      </c>
      <c r="BB1184" s="9">
        <v>88242.633520899995</v>
      </c>
      <c r="BC1184" s="9">
        <v>105223.970438</v>
      </c>
      <c r="BD1184" s="9">
        <v>94929.765971800007</v>
      </c>
      <c r="BE1184" s="9">
        <v>89645.852492799997</v>
      </c>
      <c r="BF1184" s="9">
        <v>99045.431915599998</v>
      </c>
      <c r="BG1184" s="11">
        <v>0</v>
      </c>
      <c r="BH1184" s="13">
        <v>0</v>
      </c>
      <c r="BI1184" s="6">
        <v>0</v>
      </c>
      <c r="BJ1184" s="13">
        <v>0</v>
      </c>
      <c r="BK1184" s="6">
        <v>0</v>
      </c>
      <c r="BL1184" s="13">
        <v>0</v>
      </c>
      <c r="BM1184" s="11">
        <v>0</v>
      </c>
      <c r="BN1184" s="13">
        <v>0</v>
      </c>
      <c r="BO1184" s="11">
        <v>0</v>
      </c>
      <c r="BP1184" s="13">
        <v>0</v>
      </c>
      <c r="BQ1184" s="6">
        <v>2</v>
      </c>
      <c r="BR1184" s="6">
        <v>2</v>
      </c>
      <c r="BS1184" s="6">
        <v>2</v>
      </c>
      <c r="BT1184" s="6">
        <v>2</v>
      </c>
      <c r="BU1184" s="6">
        <v>2</v>
      </c>
      <c r="BV1184" s="6">
        <v>2</v>
      </c>
      <c r="BW1184" s="6">
        <v>2</v>
      </c>
      <c r="BX1184" s="6">
        <v>2</v>
      </c>
      <c r="BY1184" s="6">
        <v>2</v>
      </c>
      <c r="BZ1184" s="6">
        <v>2</v>
      </c>
      <c r="CA1184" s="6">
        <v>2</v>
      </c>
      <c r="CB1184" s="6">
        <v>2</v>
      </c>
      <c r="CC1184" s="11">
        <v>2</v>
      </c>
      <c r="CD1184" s="11">
        <v>4.0969499999999999E-2</v>
      </c>
      <c r="CE1184" s="11">
        <v>-14.823700000000001</v>
      </c>
      <c r="CF1184" s="11">
        <v>9.9507200000000005</v>
      </c>
      <c r="CG1184" s="11">
        <v>-5</v>
      </c>
      <c r="CH1184" s="20">
        <v>3.0661800000000001</v>
      </c>
      <c r="CI1184" s="20">
        <v>3.0078800000000001</v>
      </c>
      <c r="CJ1184" s="20">
        <v>2.7930999999999999</v>
      </c>
      <c r="CK1184" s="20">
        <v>2.2002700000000002</v>
      </c>
      <c r="CL1184" s="20">
        <v>1.83328</v>
      </c>
      <c r="CM1184" s="20">
        <v>2.0675599999999998</v>
      </c>
      <c r="CN1184" s="20">
        <v>1.78393</v>
      </c>
      <c r="CO1184" s="20">
        <v>2.1613199999999999</v>
      </c>
      <c r="CP1184" s="20">
        <v>1.8624400000000001</v>
      </c>
      <c r="CQ1184" s="20">
        <v>1.4230499999999999</v>
      </c>
      <c r="CR1184" s="20">
        <v>1.2568999999999999</v>
      </c>
      <c r="CS1184" s="20">
        <v>3.0653600000000001</v>
      </c>
      <c r="CT1184" s="20">
        <v>2.5005099999999998</v>
      </c>
      <c r="CU1184" s="20">
        <v>2.7632099999999999</v>
      </c>
      <c r="CV1184" s="20">
        <v>3.09416</v>
      </c>
      <c r="CW1184" s="20">
        <v>3.4534500000000001</v>
      </c>
      <c r="CX1184" s="20">
        <v>3.4663400000000002</v>
      </c>
      <c r="CY1184" s="6" t="s">
        <v>582</v>
      </c>
      <c r="CZ1184" s="6" t="s">
        <v>583</v>
      </c>
      <c r="DA1184" s="6" t="s">
        <v>90</v>
      </c>
      <c r="DB1184" s="6"/>
      <c r="DC1184" s="6"/>
      <c r="DD1184" s="6"/>
      <c r="DE1184" s="6"/>
      <c r="DF1184" s="6"/>
      <c r="DG1184" s="6"/>
      <c r="DH1184" s="6" t="s">
        <v>333</v>
      </c>
      <c r="DI1184" s="6"/>
      <c r="DJ1184" s="6"/>
      <c r="DK1184" s="6"/>
      <c r="DL1184" s="6">
        <v>4</v>
      </c>
      <c r="DM1184" s="6" t="s">
        <v>446</v>
      </c>
      <c r="DN1184" s="6">
        <v>6</v>
      </c>
      <c r="DO1184" s="6" t="s">
        <v>393</v>
      </c>
      <c r="DP1184" s="6"/>
      <c r="DQ1184" s="6"/>
    </row>
    <row r="1185" spans="1:121" x14ac:dyDescent="0.2">
      <c r="A1185" s="6" t="s">
        <v>312</v>
      </c>
      <c r="B1185" s="6" t="s">
        <v>312</v>
      </c>
      <c r="C1185" s="6" t="s">
        <v>175</v>
      </c>
      <c r="D1185" s="6" t="s">
        <v>90</v>
      </c>
      <c r="E1185" s="6" t="s">
        <v>231</v>
      </c>
      <c r="F1185" s="11">
        <v>-59</v>
      </c>
      <c r="G1185" s="13">
        <v>-0.138173302108</v>
      </c>
      <c r="H1185" s="11">
        <v>-31.362504046000026</v>
      </c>
      <c r="I1185" s="13">
        <v>-7.3488279698203818E-2</v>
      </c>
      <c r="J1185" s="11">
        <v>-35.520979033000003</v>
      </c>
      <c r="K1185" s="13">
        <v>-8.9834128819847023E-2</v>
      </c>
      <c r="L1185" s="11">
        <v>8.3447915919999787</v>
      </c>
      <c r="M1185" s="13">
        <v>2.3187364090723136E-2</v>
      </c>
      <c r="N1185" s="11">
        <v>-27.176187441000025</v>
      </c>
      <c r="O1185" s="13">
        <v>-6.8729781381842589E-2</v>
      </c>
      <c r="P1185" s="7">
        <v>426.76878782300003</v>
      </c>
      <c r="Q1185" s="7">
        <v>408.53933206800002</v>
      </c>
      <c r="R1185" s="7">
        <v>381.59272076100001</v>
      </c>
      <c r="S1185" s="7">
        <v>383.90968017599999</v>
      </c>
      <c r="T1185" s="7">
        <v>400.61112807799998</v>
      </c>
      <c r="U1185" s="7">
        <v>399.76465020900002</v>
      </c>
      <c r="V1185" s="7">
        <v>395.406283777</v>
      </c>
      <c r="W1185" s="7">
        <v>366.48523146999997</v>
      </c>
      <c r="X1185" s="7">
        <v>371.260949568</v>
      </c>
      <c r="Y1185" s="7">
        <v>359.885304744</v>
      </c>
      <c r="Z1185" s="7">
        <v>385.56016006999999</v>
      </c>
      <c r="AA1185" s="7">
        <v>414.51839314199998</v>
      </c>
      <c r="AB1185" s="7">
        <v>397.580029061</v>
      </c>
      <c r="AC1185" s="7">
        <v>386.25860448100002</v>
      </c>
      <c r="AD1185" s="7">
        <v>370.15080941999997</v>
      </c>
      <c r="AE1185" s="7">
        <v>366.55157777400001</v>
      </c>
      <c r="AF1185" s="7">
        <v>368.23009633599997</v>
      </c>
      <c r="AG1185" s="9">
        <v>8425.7278614000024</v>
      </c>
      <c r="AH1185" s="13">
        <v>0.24913296217097605</v>
      </c>
      <c r="AI1185" s="9">
        <v>-146.01987029999873</v>
      </c>
      <c r="AJ1185" s="13">
        <v>-4.3175335617374015E-3</v>
      </c>
      <c r="AK1185" s="9">
        <v>4149.8192632999999</v>
      </c>
      <c r="AL1185" s="13">
        <v>0.1232344373917847</v>
      </c>
      <c r="AM1185" s="9">
        <v>4421.9284684000013</v>
      </c>
      <c r="AN1185" s="13">
        <v>0.1169079936237556</v>
      </c>
      <c r="AO1185" s="9">
        <v>8571.7477317000012</v>
      </c>
      <c r="AP1185" s="13">
        <v>0.25454952183636614</v>
      </c>
      <c r="AQ1185" s="9">
        <v>33820.2050342</v>
      </c>
      <c r="AR1185" s="9">
        <v>32873.607033</v>
      </c>
      <c r="AS1185" s="9">
        <v>33604.440938799999</v>
      </c>
      <c r="AT1185" s="9">
        <v>33209.550289799998</v>
      </c>
      <c r="AU1185" s="9">
        <v>33113.335262799999</v>
      </c>
      <c r="AV1185" s="9">
        <v>33719.932774399997</v>
      </c>
      <c r="AW1185" s="9">
        <v>33674.185163900001</v>
      </c>
      <c r="AX1185" s="9">
        <v>37169.312821599997</v>
      </c>
      <c r="AY1185" s="9">
        <v>37080.236252199997</v>
      </c>
      <c r="AZ1185" s="9">
        <v>37824.004427200001</v>
      </c>
      <c r="BA1185" s="9">
        <v>39234.785926500001</v>
      </c>
      <c r="BB1185" s="9">
        <v>43497.007921999997</v>
      </c>
      <c r="BC1185" s="9">
        <v>42086.074261399997</v>
      </c>
      <c r="BD1185" s="9">
        <v>44634.135588700003</v>
      </c>
      <c r="BE1185" s="9">
        <v>40468.796798000003</v>
      </c>
      <c r="BF1185" s="9">
        <v>42245.932895600003</v>
      </c>
      <c r="BG1185" s="11">
        <v>-11</v>
      </c>
      <c r="BH1185" s="13">
        <v>-0.19298245614035087</v>
      </c>
      <c r="BI1185" s="6">
        <v>-2</v>
      </c>
      <c r="BJ1185" s="13">
        <v>-3.5087719298245612E-2</v>
      </c>
      <c r="BK1185" s="6">
        <v>-2</v>
      </c>
      <c r="BL1185" s="13">
        <v>-3.6363636363636362E-2</v>
      </c>
      <c r="BM1185" s="11">
        <v>-7</v>
      </c>
      <c r="BN1185" s="13">
        <v>-0.13207547169811321</v>
      </c>
      <c r="BO1185" s="11">
        <v>-9</v>
      </c>
      <c r="BP1185" s="13">
        <v>-0.16363636363636364</v>
      </c>
      <c r="BQ1185" s="6">
        <v>57</v>
      </c>
      <c r="BR1185" s="6">
        <v>55</v>
      </c>
      <c r="BS1185" s="6">
        <v>54</v>
      </c>
      <c r="BT1185" s="6">
        <v>55</v>
      </c>
      <c r="BU1185" s="6">
        <v>53</v>
      </c>
      <c r="BV1185" s="6">
        <v>50</v>
      </c>
      <c r="BW1185" s="6">
        <v>53</v>
      </c>
      <c r="BX1185" s="6">
        <v>50</v>
      </c>
      <c r="BY1185" s="6">
        <v>49</v>
      </c>
      <c r="BZ1185" s="6">
        <v>50</v>
      </c>
      <c r="CA1185" s="6">
        <v>51</v>
      </c>
      <c r="CB1185" s="6">
        <v>48</v>
      </c>
      <c r="CC1185" s="11">
        <v>46</v>
      </c>
      <c r="CD1185" s="11">
        <v>-53.497100000000003</v>
      </c>
      <c r="CE1185" s="11">
        <v>-51.692599999999999</v>
      </c>
      <c r="CF1185" s="11">
        <v>46.651000000000003</v>
      </c>
      <c r="CG1185" s="11">
        <v>-5</v>
      </c>
      <c r="CH1185" s="20">
        <v>0.99107100000000004</v>
      </c>
      <c r="CI1185" s="20">
        <v>0.95871799999999996</v>
      </c>
      <c r="CJ1185" s="20">
        <v>0.92470200000000002</v>
      </c>
      <c r="CK1185" s="20">
        <v>0.89139699999999999</v>
      </c>
      <c r="CL1185" s="20">
        <v>0.87620200000000004</v>
      </c>
      <c r="CM1185" s="20">
        <v>0.87738799999999995</v>
      </c>
      <c r="CN1185" s="20">
        <v>0.87209499999999995</v>
      </c>
      <c r="CO1185" s="20">
        <v>0.87009099999999995</v>
      </c>
      <c r="CP1185" s="20">
        <v>0.97084499999999996</v>
      </c>
      <c r="CQ1185" s="20">
        <v>1.0402100000000001</v>
      </c>
      <c r="CR1185" s="20">
        <v>1.1548700000000001</v>
      </c>
      <c r="CS1185" s="20">
        <v>1.21488</v>
      </c>
      <c r="CT1185" s="20">
        <v>1.1301600000000001</v>
      </c>
      <c r="CU1185" s="20">
        <v>1.07586</v>
      </c>
      <c r="CV1185" s="20">
        <v>1.00536</v>
      </c>
      <c r="CW1185" s="20">
        <v>0.98506499999999997</v>
      </c>
      <c r="CX1185" s="20">
        <v>0.97782100000000005</v>
      </c>
      <c r="CY1185" s="6" t="s">
        <v>582</v>
      </c>
      <c r="CZ1185" s="6" t="s">
        <v>583</v>
      </c>
      <c r="DA1185" s="6" t="s">
        <v>90</v>
      </c>
      <c r="DB1185" s="6"/>
      <c r="DC1185" s="6"/>
      <c r="DD1185" s="6"/>
      <c r="DE1185" s="6"/>
      <c r="DF1185" s="6"/>
      <c r="DG1185" s="6"/>
      <c r="DH1185" s="6" t="s">
        <v>333</v>
      </c>
      <c r="DI1185" s="6"/>
      <c r="DJ1185" s="6"/>
      <c r="DK1185" s="6"/>
      <c r="DL1185" s="6">
        <v>4</v>
      </c>
      <c r="DM1185" s="6" t="s">
        <v>446</v>
      </c>
      <c r="DN1185" s="6">
        <v>6</v>
      </c>
      <c r="DO1185" s="6" t="s">
        <v>393</v>
      </c>
      <c r="DP1185" s="6"/>
      <c r="DQ1185" s="6"/>
    </row>
    <row r="1186" spans="1:121" x14ac:dyDescent="0.2">
      <c r="A1186" s="6" t="s">
        <v>792</v>
      </c>
      <c r="B1186" s="6" t="s">
        <v>176</v>
      </c>
      <c r="C1186" s="6" t="s">
        <v>177</v>
      </c>
      <c r="D1186" s="6" t="s">
        <v>90</v>
      </c>
      <c r="E1186" s="6" t="s">
        <v>231</v>
      </c>
      <c r="F1186" s="11">
        <v>-544</v>
      </c>
      <c r="G1186" s="13">
        <v>-0.51858913250700001</v>
      </c>
      <c r="H1186" s="11">
        <v>-437.71367161000012</v>
      </c>
      <c r="I1186" s="13">
        <v>-0.4173900041362551</v>
      </c>
      <c r="J1186" s="11">
        <v>-98.68938811999999</v>
      </c>
      <c r="K1186" s="13">
        <v>-0.16152675087197554</v>
      </c>
      <c r="L1186" s="11">
        <v>-7.6370792799999663</v>
      </c>
      <c r="M1186" s="13">
        <v>-1.4907749571924289E-2</v>
      </c>
      <c r="N1186" s="11">
        <v>-106.32646739999996</v>
      </c>
      <c r="O1186" s="13">
        <v>-0.17402650009273382</v>
      </c>
      <c r="P1186" s="7">
        <v>1048.6922716700001</v>
      </c>
      <c r="Q1186" s="7">
        <v>954.29136453900003</v>
      </c>
      <c r="R1186" s="7">
        <v>813.58049480900002</v>
      </c>
      <c r="S1186" s="7">
        <v>755.40712723900003</v>
      </c>
      <c r="T1186" s="7">
        <v>679.34311325600004</v>
      </c>
      <c r="U1186" s="7">
        <v>634.49833097400005</v>
      </c>
      <c r="V1186" s="7">
        <v>610.97860005999996</v>
      </c>
      <c r="W1186" s="7">
        <v>593.92720112699999</v>
      </c>
      <c r="X1186" s="7">
        <v>507.09170712000002</v>
      </c>
      <c r="Y1186" s="7">
        <v>512.28921193999997</v>
      </c>
      <c r="Z1186" s="7">
        <v>535.41860673400004</v>
      </c>
      <c r="AA1186" s="7">
        <v>605.82021058800001</v>
      </c>
      <c r="AB1186" s="7">
        <v>574.19388786800005</v>
      </c>
      <c r="AC1186" s="7">
        <v>597.34793677799996</v>
      </c>
      <c r="AD1186" s="7">
        <v>533.49599253400004</v>
      </c>
      <c r="AE1186" s="7">
        <v>501.24202751399997</v>
      </c>
      <c r="AF1186" s="7">
        <v>504.65213266000001</v>
      </c>
      <c r="AG1186" s="9">
        <v>10391.9300908</v>
      </c>
      <c r="AH1186" s="13">
        <v>0.28947037655761515</v>
      </c>
      <c r="AI1186" s="9">
        <v>3166.6185591999965</v>
      </c>
      <c r="AJ1186" s="13">
        <v>8.8207124060376549E-2</v>
      </c>
      <c r="AK1186" s="9">
        <v>6542.7186173000009</v>
      </c>
      <c r="AL1186" s="13">
        <v>0.16747677443091019</v>
      </c>
      <c r="AM1186" s="9">
        <v>682.59291430000303</v>
      </c>
      <c r="AN1186" s="13">
        <v>1.4966142328893482E-2</v>
      </c>
      <c r="AO1186" s="9">
        <v>7225.3115316000039</v>
      </c>
      <c r="AP1186" s="13">
        <v>0.18494939800272067</v>
      </c>
      <c r="AQ1186" s="9">
        <v>35899.805066000001</v>
      </c>
      <c r="AR1186" s="9">
        <v>34839.339879400002</v>
      </c>
      <c r="AS1186" s="9">
        <v>37070.122673099999</v>
      </c>
      <c r="AT1186" s="9">
        <v>40119.084985100002</v>
      </c>
      <c r="AU1186" s="9">
        <v>42142.200242400002</v>
      </c>
      <c r="AV1186" s="9">
        <v>42672.914718699998</v>
      </c>
      <c r="AW1186" s="9">
        <v>39066.423625199997</v>
      </c>
      <c r="AX1186" s="9">
        <v>42103.462601300002</v>
      </c>
      <c r="AY1186" s="9">
        <v>39278.054165000001</v>
      </c>
      <c r="AZ1186" s="9">
        <v>45609.142242499998</v>
      </c>
      <c r="BA1186" s="9">
        <v>43732.659723199999</v>
      </c>
      <c r="BB1186" s="9">
        <v>46471.339977199998</v>
      </c>
      <c r="BC1186" s="9">
        <v>46529.391493499999</v>
      </c>
      <c r="BD1186" s="9">
        <v>48650.696671500002</v>
      </c>
      <c r="BE1186" s="9">
        <v>47476.1425418</v>
      </c>
      <c r="BF1186" s="9">
        <v>46291.735156800001</v>
      </c>
      <c r="BG1186" s="11">
        <v>-3.75</v>
      </c>
      <c r="BH1186" s="13">
        <v>-0.15625</v>
      </c>
      <c r="BI1186" s="6">
        <v>-5</v>
      </c>
      <c r="BJ1186" s="13">
        <v>-0.20833333333333334</v>
      </c>
      <c r="BK1186" s="6">
        <v>0</v>
      </c>
      <c r="BL1186" s="13">
        <v>0</v>
      </c>
      <c r="BM1186" s="11">
        <v>1.25</v>
      </c>
      <c r="BN1186" s="13">
        <v>6.5789473684210523E-2</v>
      </c>
      <c r="BO1186" s="11">
        <v>1.25</v>
      </c>
      <c r="BP1186" s="13">
        <v>6.5789473684210523E-2</v>
      </c>
      <c r="BQ1186" s="6">
        <v>24</v>
      </c>
      <c r="BR1186" s="6">
        <v>21</v>
      </c>
      <c r="BS1186" s="6">
        <v>19</v>
      </c>
      <c r="BT1186" s="6">
        <v>19</v>
      </c>
      <c r="BU1186" s="6">
        <v>19</v>
      </c>
      <c r="BV1186" s="6">
        <v>20</v>
      </c>
      <c r="BW1186" s="6">
        <v>19</v>
      </c>
      <c r="BX1186" s="6">
        <v>19</v>
      </c>
      <c r="BY1186" s="6">
        <v>17</v>
      </c>
      <c r="BZ1186" s="6">
        <v>18</v>
      </c>
      <c r="CA1186" s="6">
        <v>19</v>
      </c>
      <c r="CB1186" s="6">
        <v>21</v>
      </c>
      <c r="CC1186" s="11">
        <v>20.25</v>
      </c>
      <c r="CD1186" s="11">
        <v>-288.51</v>
      </c>
      <c r="CE1186" s="11">
        <v>-370.16500000000002</v>
      </c>
      <c r="CF1186" s="11">
        <v>114.63500000000001</v>
      </c>
      <c r="CG1186" s="11">
        <v>-255</v>
      </c>
      <c r="CH1186" s="20">
        <v>1.2720800000000001</v>
      </c>
      <c r="CI1186" s="20">
        <v>1.2500500000000001</v>
      </c>
      <c r="CJ1186" s="20">
        <v>1.17639</v>
      </c>
      <c r="CK1186" s="20">
        <v>1.1085</v>
      </c>
      <c r="CL1186" s="20">
        <v>0.98882599999999998</v>
      </c>
      <c r="CM1186" s="20">
        <v>0.97138999999999998</v>
      </c>
      <c r="CN1186" s="20">
        <v>0.95165500000000003</v>
      </c>
      <c r="CO1186" s="20">
        <v>0.97429100000000002</v>
      </c>
      <c r="CP1186" s="20">
        <v>0.90270600000000001</v>
      </c>
      <c r="CQ1186" s="20">
        <v>0.95357199999999998</v>
      </c>
      <c r="CR1186" s="20">
        <v>1.00204</v>
      </c>
      <c r="CS1186" s="20">
        <v>1.1014200000000001</v>
      </c>
      <c r="CT1186" s="20">
        <v>1.02844</v>
      </c>
      <c r="CU1186" s="20">
        <v>1.07406</v>
      </c>
      <c r="CV1186" s="20">
        <v>0.96160800000000002</v>
      </c>
      <c r="CW1186" s="20">
        <v>0.91342400000000001</v>
      </c>
      <c r="CX1186" s="20">
        <v>0.91456099999999996</v>
      </c>
      <c r="CY1186" s="6" t="s">
        <v>582</v>
      </c>
      <c r="CZ1186" s="6" t="s">
        <v>583</v>
      </c>
      <c r="DA1186" s="6" t="s">
        <v>90</v>
      </c>
      <c r="DB1186" s="6"/>
      <c r="DC1186" s="6"/>
      <c r="DD1186" s="6"/>
      <c r="DE1186" s="6"/>
      <c r="DF1186" s="6"/>
      <c r="DG1186" s="6"/>
      <c r="DH1186" s="6" t="s">
        <v>333</v>
      </c>
      <c r="DI1186" s="6"/>
      <c r="DJ1186" s="6"/>
      <c r="DK1186" s="6"/>
      <c r="DL1186" s="6">
        <v>4</v>
      </c>
      <c r="DM1186" s="6" t="s">
        <v>446</v>
      </c>
      <c r="DN1186" s="6">
        <v>6</v>
      </c>
      <c r="DO1186" s="6" t="s">
        <v>393</v>
      </c>
      <c r="DP1186" s="6"/>
      <c r="DQ1186" s="6"/>
    </row>
    <row r="1187" spans="1:121" x14ac:dyDescent="0.2">
      <c r="A1187" s="6" t="s">
        <v>313</v>
      </c>
      <c r="B1187" s="6" t="s">
        <v>313</v>
      </c>
      <c r="C1187" s="6" t="s">
        <v>178</v>
      </c>
      <c r="D1187" s="6" t="s">
        <v>90</v>
      </c>
      <c r="E1187" s="6" t="s">
        <v>231</v>
      </c>
      <c r="F1187" s="11">
        <v>-5</v>
      </c>
      <c r="G1187" s="13">
        <v>-1.55763239875E-2</v>
      </c>
      <c r="H1187" s="11">
        <v>233.11607524999999</v>
      </c>
      <c r="I1187" s="13">
        <v>0.72619747552767389</v>
      </c>
      <c r="J1187" s="11">
        <v>-61.562630121999973</v>
      </c>
      <c r="K1187" s="13">
        <v>-0.1110987572118818</v>
      </c>
      <c r="L1187" s="11">
        <v>-176.88364289100002</v>
      </c>
      <c r="M1187" s="13">
        <v>-0.35910892222820673</v>
      </c>
      <c r="N1187" s="11">
        <v>-238.446273013</v>
      </c>
      <c r="O1187" s="13">
        <v>-0.4303111244768365</v>
      </c>
      <c r="P1187" s="7">
        <v>321.00920631899999</v>
      </c>
      <c r="Q1187" s="7">
        <v>302.06311266900002</v>
      </c>
      <c r="R1187" s="7">
        <v>292.58522045900003</v>
      </c>
      <c r="S1187" s="7">
        <v>309.33834920599998</v>
      </c>
      <c r="T1187" s="7">
        <v>387.44399341100001</v>
      </c>
      <c r="U1187" s="7">
        <v>390.205366932</v>
      </c>
      <c r="V1187" s="7">
        <v>554.12528156899998</v>
      </c>
      <c r="W1187" s="7">
        <v>549.50301718000003</v>
      </c>
      <c r="X1187" s="7">
        <v>526.96798468899999</v>
      </c>
      <c r="Y1187" s="7">
        <v>492.56265144700001</v>
      </c>
      <c r="Z1187" s="7">
        <v>447.31010498400002</v>
      </c>
      <c r="AA1187" s="7">
        <v>328.42701775</v>
      </c>
      <c r="AB1187" s="7">
        <v>331.035559417</v>
      </c>
      <c r="AC1187" s="7">
        <v>344.46382516800003</v>
      </c>
      <c r="AD1187" s="7">
        <v>340.22166065599998</v>
      </c>
      <c r="AE1187" s="7">
        <v>306.26945090100003</v>
      </c>
      <c r="AF1187" s="7">
        <v>315.67900855599999</v>
      </c>
      <c r="AG1187" s="9">
        <v>18440.5559727</v>
      </c>
      <c r="AH1187" s="13">
        <v>0.59519015888650051</v>
      </c>
      <c r="AI1187" s="9">
        <v>7981.4468770000021</v>
      </c>
      <c r="AJ1187" s="13">
        <v>0.25761038018043264</v>
      </c>
      <c r="AK1187" s="9">
        <v>5168.6831162000017</v>
      </c>
      <c r="AL1187" s="13">
        <v>0.13265252616894593</v>
      </c>
      <c r="AM1187" s="9">
        <v>5290.4259794999962</v>
      </c>
      <c r="AN1187" s="13">
        <v>0.11987526003273796</v>
      </c>
      <c r="AO1187" s="9">
        <v>10459.109095699998</v>
      </c>
      <c r="AP1187" s="13">
        <v>0.26842954227018578</v>
      </c>
      <c r="AQ1187" s="9">
        <v>30982.6291604</v>
      </c>
      <c r="AR1187" s="9">
        <v>31599.686343900001</v>
      </c>
      <c r="AS1187" s="9">
        <v>31369.904091</v>
      </c>
      <c r="AT1187" s="9">
        <v>31634.4503687</v>
      </c>
      <c r="AU1187" s="9">
        <v>34189.643190700001</v>
      </c>
      <c r="AV1187" s="9">
        <v>36076.373606300003</v>
      </c>
      <c r="AW1187" s="9">
        <v>38964.076037400002</v>
      </c>
      <c r="AX1187" s="9">
        <v>39632.910986100003</v>
      </c>
      <c r="AY1187" s="9">
        <v>43062.275902200003</v>
      </c>
      <c r="AZ1187" s="9">
        <v>44132.759153600004</v>
      </c>
      <c r="BA1187" s="9">
        <v>45591.703845199998</v>
      </c>
      <c r="BB1187" s="9">
        <v>47763.185149700003</v>
      </c>
      <c r="BC1187" s="9">
        <v>50387.962958099997</v>
      </c>
      <c r="BD1187" s="9">
        <v>51568.531285199999</v>
      </c>
      <c r="BE1187" s="9">
        <v>49503.042560399997</v>
      </c>
      <c r="BF1187" s="9">
        <v>49423.1851331</v>
      </c>
      <c r="BG1187" s="11">
        <v>-6.25</v>
      </c>
      <c r="BH1187" s="13">
        <v>-0.17857142857142858</v>
      </c>
      <c r="BI1187" s="6">
        <v>1</v>
      </c>
      <c r="BJ1187" s="13">
        <v>2.8571428571428571E-2</v>
      </c>
      <c r="BK1187" s="6">
        <v>-5</v>
      </c>
      <c r="BL1187" s="13">
        <v>-0.1388888888888889</v>
      </c>
      <c r="BM1187" s="11">
        <v>-2.25</v>
      </c>
      <c r="BN1187" s="13">
        <v>-7.2580645161290328E-2</v>
      </c>
      <c r="BO1187" s="11">
        <v>-7.25</v>
      </c>
      <c r="BP1187" s="13">
        <v>-0.2013888888888889</v>
      </c>
      <c r="BQ1187" s="6">
        <v>35</v>
      </c>
      <c r="BR1187" s="6">
        <v>35</v>
      </c>
      <c r="BS1187" s="6">
        <v>35</v>
      </c>
      <c r="BT1187" s="6">
        <v>36</v>
      </c>
      <c r="BU1187" s="6">
        <v>33</v>
      </c>
      <c r="BV1187" s="6">
        <v>33</v>
      </c>
      <c r="BW1187" s="6">
        <v>31</v>
      </c>
      <c r="BX1187" s="6">
        <v>29</v>
      </c>
      <c r="BY1187" s="6">
        <v>32</v>
      </c>
      <c r="BZ1187" s="6">
        <v>31</v>
      </c>
      <c r="CA1187" s="6">
        <v>32</v>
      </c>
      <c r="CB1187" s="6">
        <v>33</v>
      </c>
      <c r="CC1187" s="11">
        <v>28.75</v>
      </c>
      <c r="CD1187" s="11">
        <v>-14.1722</v>
      </c>
      <c r="CE1187" s="11">
        <v>-26.248100000000001</v>
      </c>
      <c r="CF1187" s="11">
        <v>35.090200000000003</v>
      </c>
      <c r="CG1187" s="11">
        <v>9</v>
      </c>
      <c r="CH1187" s="20">
        <v>1.09355</v>
      </c>
      <c r="CI1187" s="20">
        <v>1.05538</v>
      </c>
      <c r="CJ1187" s="20">
        <v>1.07867</v>
      </c>
      <c r="CK1187" s="20">
        <v>1.12998</v>
      </c>
      <c r="CL1187" s="20">
        <v>1.37056</v>
      </c>
      <c r="CM1187" s="20">
        <v>1.4125799999999999</v>
      </c>
      <c r="CN1187" s="20">
        <v>1.9686300000000001</v>
      </c>
      <c r="CO1187" s="20">
        <v>2.0033400000000001</v>
      </c>
      <c r="CP1187" s="20">
        <v>1.97078</v>
      </c>
      <c r="CQ1187" s="20">
        <v>1.9069799999999999</v>
      </c>
      <c r="CR1187" s="20">
        <v>1.7488300000000001</v>
      </c>
      <c r="CS1187" s="20">
        <v>1.2459199999999999</v>
      </c>
      <c r="CT1187" s="20">
        <v>1.23017</v>
      </c>
      <c r="CU1187" s="20">
        <v>1.28664</v>
      </c>
      <c r="CV1187" s="20">
        <v>1.27475</v>
      </c>
      <c r="CW1187" s="20">
        <v>1.16317</v>
      </c>
      <c r="CX1187" s="20">
        <v>1.18259</v>
      </c>
      <c r="CY1187" s="6" t="s">
        <v>582</v>
      </c>
      <c r="CZ1187" s="6" t="s">
        <v>583</v>
      </c>
      <c r="DA1187" s="6" t="s">
        <v>90</v>
      </c>
      <c r="DB1187" s="6"/>
      <c r="DC1187" s="6"/>
      <c r="DD1187" s="6"/>
      <c r="DE1187" s="6"/>
      <c r="DF1187" s="6"/>
      <c r="DG1187" s="6"/>
      <c r="DH1187" s="6" t="s">
        <v>333</v>
      </c>
      <c r="DI1187" s="6"/>
      <c r="DJ1187" s="6"/>
      <c r="DK1187" s="6"/>
      <c r="DL1187" s="6">
        <v>4</v>
      </c>
      <c r="DM1187" s="6" t="s">
        <v>446</v>
      </c>
      <c r="DN1187" s="6">
        <v>6</v>
      </c>
      <c r="DO1187" s="6" t="s">
        <v>393</v>
      </c>
      <c r="DP1187" s="6"/>
      <c r="DQ1187" s="6"/>
    </row>
    <row r="1188" spans="1:121" x14ac:dyDescent="0.2">
      <c r="A1188" s="6" t="s">
        <v>793</v>
      </c>
      <c r="B1188" s="6" t="s">
        <v>179</v>
      </c>
      <c r="C1188" s="6" t="s">
        <v>180</v>
      </c>
      <c r="D1188" s="6" t="s">
        <v>90</v>
      </c>
      <c r="E1188" s="6" t="s">
        <v>231</v>
      </c>
      <c r="F1188" s="11">
        <v>100</v>
      </c>
      <c r="G1188" s="13">
        <v>0.1</v>
      </c>
      <c r="H1188" s="11">
        <v>70</v>
      </c>
      <c r="I1188" s="13">
        <v>6.7829457364341081E-2</v>
      </c>
      <c r="J1188" s="11">
        <v>-53</v>
      </c>
      <c r="K1188" s="13">
        <v>-4.8094373865698731E-2</v>
      </c>
      <c r="L1188" s="11">
        <v>83</v>
      </c>
      <c r="M1188" s="13">
        <v>7.9122974261201143E-2</v>
      </c>
      <c r="N1188" s="11">
        <v>30</v>
      </c>
      <c r="O1188" s="13">
        <v>2.7223230490018149E-2</v>
      </c>
      <c r="P1188" s="7">
        <v>1032</v>
      </c>
      <c r="Q1188" s="7">
        <v>1022</v>
      </c>
      <c r="R1188" s="7">
        <v>971</v>
      </c>
      <c r="S1188" s="7">
        <v>1047</v>
      </c>
      <c r="T1188" s="7">
        <v>1081</v>
      </c>
      <c r="U1188" s="7">
        <v>1047</v>
      </c>
      <c r="V1188" s="7">
        <v>1102</v>
      </c>
      <c r="W1188" s="7">
        <v>1075</v>
      </c>
      <c r="X1188" s="7">
        <v>1033</v>
      </c>
      <c r="Y1188" s="7">
        <v>1049</v>
      </c>
      <c r="Z1188" s="7">
        <v>1076</v>
      </c>
      <c r="AA1188" s="7">
        <v>1066</v>
      </c>
      <c r="AB1188" s="7">
        <v>1050</v>
      </c>
      <c r="AC1188" s="7">
        <v>1045</v>
      </c>
      <c r="AD1188" s="7">
        <v>1075</v>
      </c>
      <c r="AE1188" s="7">
        <v>1110</v>
      </c>
      <c r="AF1188" s="7">
        <v>1132</v>
      </c>
      <c r="AG1188" s="9">
        <v>9664</v>
      </c>
      <c r="AH1188" s="13">
        <v>0.46560030834457505</v>
      </c>
      <c r="AI1188" s="9">
        <v>3430</v>
      </c>
      <c r="AJ1188" s="13">
        <v>0.1652534206976296</v>
      </c>
      <c r="AK1188" s="9">
        <v>2338</v>
      </c>
      <c r="AL1188" s="13">
        <v>9.6667493591333836E-2</v>
      </c>
      <c r="AM1188" s="9">
        <v>3896</v>
      </c>
      <c r="AN1188" s="13">
        <v>0.14688583923993365</v>
      </c>
      <c r="AO1188" s="9">
        <v>6234</v>
      </c>
      <c r="AP1188" s="13">
        <v>0.25775241875465144</v>
      </c>
      <c r="AQ1188" s="9">
        <v>20756</v>
      </c>
      <c r="AR1188" s="9">
        <v>20565</v>
      </c>
      <c r="AS1188" s="9">
        <v>21647</v>
      </c>
      <c r="AT1188" s="9">
        <v>21596</v>
      </c>
      <c r="AU1188" s="9">
        <v>22500</v>
      </c>
      <c r="AV1188" s="9">
        <v>23594</v>
      </c>
      <c r="AW1188" s="9">
        <v>24186</v>
      </c>
      <c r="AX1188" s="9">
        <v>24734</v>
      </c>
      <c r="AY1188" s="9">
        <v>26069</v>
      </c>
      <c r="AZ1188" s="9">
        <v>26524</v>
      </c>
      <c r="BA1188" s="9">
        <v>26298</v>
      </c>
      <c r="BB1188" s="9">
        <v>26879</v>
      </c>
      <c r="BC1188" s="9">
        <v>27614</v>
      </c>
      <c r="BD1188" s="9">
        <v>27797</v>
      </c>
      <c r="BE1188" s="9">
        <v>28245</v>
      </c>
      <c r="BF1188" s="9">
        <v>30420</v>
      </c>
      <c r="BG1188" s="11">
        <v>-9</v>
      </c>
      <c r="BH1188" s="13">
        <v>-0.125</v>
      </c>
      <c r="BI1188" s="6">
        <v>-8</v>
      </c>
      <c r="BJ1188" s="13">
        <v>-0.1111111111111111</v>
      </c>
      <c r="BK1188" s="6">
        <v>-8</v>
      </c>
      <c r="BL1188" s="13">
        <v>-0.125</v>
      </c>
      <c r="BM1188" s="11">
        <v>7</v>
      </c>
      <c r="BN1188" s="13">
        <v>0.125</v>
      </c>
      <c r="BO1188" s="11">
        <v>-1</v>
      </c>
      <c r="BP1188" s="13">
        <v>-1.5625E-2</v>
      </c>
      <c r="BQ1188" s="6">
        <v>72</v>
      </c>
      <c r="BR1188" s="6">
        <v>70</v>
      </c>
      <c r="BS1188" s="6">
        <v>65</v>
      </c>
      <c r="BT1188" s="6">
        <v>64</v>
      </c>
      <c r="BU1188" s="6">
        <v>61</v>
      </c>
      <c r="BV1188" s="6">
        <v>59</v>
      </c>
      <c r="BW1188" s="6">
        <v>56</v>
      </c>
      <c r="BX1188" s="6">
        <v>59</v>
      </c>
      <c r="BY1188" s="6">
        <v>57</v>
      </c>
      <c r="BZ1188" s="6">
        <v>54</v>
      </c>
      <c r="CA1188" s="6">
        <v>57</v>
      </c>
      <c r="CB1188" s="6">
        <v>61</v>
      </c>
      <c r="CC1188" s="11">
        <v>63</v>
      </c>
      <c r="CD1188" s="11">
        <v>53</v>
      </c>
      <c r="CE1188" s="11">
        <v>-66</v>
      </c>
      <c r="CF1188" s="11">
        <v>113</v>
      </c>
      <c r="CG1188" s="11">
        <v>47</v>
      </c>
      <c r="CH1188" s="20">
        <v>1.31</v>
      </c>
      <c r="CI1188" s="20">
        <v>1.31</v>
      </c>
      <c r="CJ1188" s="20">
        <v>1.32</v>
      </c>
      <c r="CK1188" s="20">
        <v>1.41</v>
      </c>
      <c r="CL1188" s="20">
        <v>1.42</v>
      </c>
      <c r="CM1188" s="20">
        <v>1.43</v>
      </c>
      <c r="CN1188" s="20">
        <v>1.49</v>
      </c>
      <c r="CO1188" s="20">
        <v>1.5</v>
      </c>
      <c r="CP1188" s="20">
        <v>1.45</v>
      </c>
      <c r="CQ1188" s="20">
        <v>1.51</v>
      </c>
      <c r="CR1188" s="20">
        <v>1.57</v>
      </c>
      <c r="CS1188" s="20">
        <v>1.51</v>
      </c>
      <c r="CT1188" s="20">
        <v>1.46</v>
      </c>
      <c r="CU1188" s="20">
        <v>1.46</v>
      </c>
      <c r="CV1188" s="20">
        <v>1.49</v>
      </c>
      <c r="CW1188" s="20">
        <v>1.54</v>
      </c>
      <c r="CX1188" s="20">
        <v>1.55</v>
      </c>
      <c r="CY1188" s="6" t="s">
        <v>582</v>
      </c>
      <c r="CZ1188" s="6" t="s">
        <v>583</v>
      </c>
      <c r="DA1188" s="6" t="s">
        <v>90</v>
      </c>
      <c r="DB1188" s="6"/>
      <c r="DC1188" s="6"/>
      <c r="DD1188" s="6"/>
      <c r="DE1188" s="6"/>
      <c r="DF1188" s="6"/>
      <c r="DG1188" s="6"/>
      <c r="DH1188" s="6" t="s">
        <v>333</v>
      </c>
      <c r="DI1188" s="6"/>
      <c r="DJ1188" s="6"/>
      <c r="DK1188" s="6"/>
      <c r="DL1188" s="6">
        <v>4</v>
      </c>
      <c r="DM1188" s="6" t="s">
        <v>446</v>
      </c>
      <c r="DN1188" s="6">
        <v>6</v>
      </c>
      <c r="DO1188" s="6" t="s">
        <v>393</v>
      </c>
      <c r="DP1188" s="6"/>
      <c r="DQ1188" s="6"/>
    </row>
    <row r="1189" spans="1:121" x14ac:dyDescent="0.2">
      <c r="A1189" s="6" t="s">
        <v>794</v>
      </c>
      <c r="B1189" s="6" t="s">
        <v>181</v>
      </c>
      <c r="C1189" s="6" t="s">
        <v>182</v>
      </c>
      <c r="D1189" s="6" t="s">
        <v>90</v>
      </c>
      <c r="E1189" s="6" t="s">
        <v>231</v>
      </c>
      <c r="F1189" s="11">
        <v>89</v>
      </c>
      <c r="G1189" s="13">
        <v>0.45876288659800002</v>
      </c>
      <c r="H1189" s="11">
        <v>36.609748833999987</v>
      </c>
      <c r="I1189" s="13">
        <v>0.18870158430391815</v>
      </c>
      <c r="J1189" s="11">
        <v>42.010467988999977</v>
      </c>
      <c r="K1189" s="13">
        <v>0.18216438632018139</v>
      </c>
      <c r="L1189" s="11">
        <v>10.118362839000042</v>
      </c>
      <c r="M1189" s="13">
        <v>3.7114048653071025E-2</v>
      </c>
      <c r="N1189" s="11">
        <v>52.128830828000019</v>
      </c>
      <c r="O1189" s="13">
        <v>0.22603929286999647</v>
      </c>
      <c r="P1189" s="7">
        <v>194.00869880900001</v>
      </c>
      <c r="Q1189" s="7">
        <v>197.69751755499999</v>
      </c>
      <c r="R1189" s="7">
        <v>214.93582989999999</v>
      </c>
      <c r="S1189" s="7">
        <v>222.66057709</v>
      </c>
      <c r="T1189" s="7">
        <v>220.88176838199999</v>
      </c>
      <c r="U1189" s="7">
        <v>214.33824174700001</v>
      </c>
      <c r="V1189" s="7">
        <v>230.618447643</v>
      </c>
      <c r="W1189" s="7">
        <v>245.74342391100001</v>
      </c>
      <c r="X1189" s="7">
        <v>261.40567259699998</v>
      </c>
      <c r="Y1189" s="7">
        <v>272.62891563199997</v>
      </c>
      <c r="Z1189" s="7">
        <v>288.71701924000001</v>
      </c>
      <c r="AA1189" s="7">
        <v>250.72796099300001</v>
      </c>
      <c r="AB1189" s="7">
        <v>266.01039520299997</v>
      </c>
      <c r="AC1189" s="7">
        <v>271.04989658900001</v>
      </c>
      <c r="AD1189" s="7">
        <v>272.88480200800001</v>
      </c>
      <c r="AE1189" s="7">
        <v>275.95535796600001</v>
      </c>
      <c r="AF1189" s="7">
        <v>282.74727847100002</v>
      </c>
      <c r="AG1189" s="9">
        <v>19113.833862499996</v>
      </c>
      <c r="AH1189" s="13">
        <v>0.65469997578096506</v>
      </c>
      <c r="AI1189" s="9">
        <v>12259.173940299996</v>
      </c>
      <c r="AJ1189" s="13">
        <v>0.41990952414605071</v>
      </c>
      <c r="AK1189" s="9">
        <v>-3387.8637624999974</v>
      </c>
      <c r="AL1189" s="13">
        <v>-8.1725913443521633E-2</v>
      </c>
      <c r="AM1189" s="9">
        <v>10242.523684699998</v>
      </c>
      <c r="AN1189" s="13">
        <v>0.26907199196111992</v>
      </c>
      <c r="AO1189" s="9">
        <v>6854.6599222000004</v>
      </c>
      <c r="AP1189" s="13">
        <v>0.16535592419250786</v>
      </c>
      <c r="AQ1189" s="9">
        <v>29194.798487200002</v>
      </c>
      <c r="AR1189" s="9">
        <v>29928.569919500002</v>
      </c>
      <c r="AS1189" s="9">
        <v>30754.785452399999</v>
      </c>
      <c r="AT1189" s="9">
        <v>35106.353133099998</v>
      </c>
      <c r="AU1189" s="9">
        <v>38903.240838600002</v>
      </c>
      <c r="AV1189" s="9">
        <v>36383.560574100004</v>
      </c>
      <c r="AW1189" s="9">
        <v>41453.972427499997</v>
      </c>
      <c r="AX1189" s="9">
        <v>48718.800025800003</v>
      </c>
      <c r="AY1189" s="9">
        <v>48011.370110900003</v>
      </c>
      <c r="AZ1189" s="9">
        <v>38066.108665</v>
      </c>
      <c r="BA1189" s="9">
        <v>41702.985461999997</v>
      </c>
      <c r="BB1189" s="9">
        <v>45264.0864869</v>
      </c>
      <c r="BC1189" s="9">
        <v>44948.770928700003</v>
      </c>
      <c r="BD1189" s="9">
        <v>49920.499451299998</v>
      </c>
      <c r="BE1189" s="9">
        <v>51454.670400399998</v>
      </c>
      <c r="BF1189" s="9">
        <v>48308.632349699998</v>
      </c>
      <c r="BG1189" s="11">
        <v>4</v>
      </c>
      <c r="BH1189" s="13">
        <v>0.33333333333333331</v>
      </c>
      <c r="BI1189" s="6">
        <v>-1</v>
      </c>
      <c r="BJ1189" s="13">
        <v>-8.3333333333333329E-2</v>
      </c>
      <c r="BK1189" s="6">
        <v>5</v>
      </c>
      <c r="BL1189" s="13">
        <v>0.45454545454545453</v>
      </c>
      <c r="BM1189" s="11">
        <v>0</v>
      </c>
      <c r="BN1189" s="13">
        <v>0</v>
      </c>
      <c r="BO1189" s="11">
        <v>5</v>
      </c>
      <c r="BP1189" s="13">
        <v>0.45454545454545453</v>
      </c>
      <c r="BQ1189" s="6">
        <v>12</v>
      </c>
      <c r="BR1189" s="6">
        <v>12</v>
      </c>
      <c r="BS1189" s="6">
        <v>13</v>
      </c>
      <c r="BT1189" s="6">
        <v>11</v>
      </c>
      <c r="BU1189" s="6">
        <v>11</v>
      </c>
      <c r="BV1189" s="6">
        <v>11</v>
      </c>
      <c r="BW1189" s="6">
        <v>16</v>
      </c>
      <c r="BX1189" s="6">
        <v>20</v>
      </c>
      <c r="BY1189" s="6">
        <v>20</v>
      </c>
      <c r="BZ1189" s="6">
        <v>18</v>
      </c>
      <c r="CA1189" s="6">
        <v>16</v>
      </c>
      <c r="CB1189" s="6">
        <v>16</v>
      </c>
      <c r="CC1189" s="11">
        <v>16</v>
      </c>
      <c r="CD1189" s="11">
        <v>55.302599999999998</v>
      </c>
      <c r="CE1189" s="11">
        <v>12.228400000000001</v>
      </c>
      <c r="CF1189" s="11">
        <v>21.2075</v>
      </c>
      <c r="CG1189" s="11">
        <v>33</v>
      </c>
      <c r="CH1189" s="20">
        <v>0.83489899999999995</v>
      </c>
      <c r="CI1189" s="20">
        <v>0.87998200000000004</v>
      </c>
      <c r="CJ1189" s="20">
        <v>1.01162</v>
      </c>
      <c r="CK1189" s="20">
        <v>1.0283800000000001</v>
      </c>
      <c r="CL1189" s="20">
        <v>0.98199999999999998</v>
      </c>
      <c r="CM1189" s="20">
        <v>0.97236500000000003</v>
      </c>
      <c r="CN1189" s="20">
        <v>1.0245299999999999</v>
      </c>
      <c r="CO1189" s="20">
        <v>1.1204400000000001</v>
      </c>
      <c r="CP1189" s="20">
        <v>1.21905</v>
      </c>
      <c r="CQ1189" s="20">
        <v>1.3082199999999999</v>
      </c>
      <c r="CR1189" s="20">
        <v>1.38093</v>
      </c>
      <c r="CS1189" s="20">
        <v>1.1590800000000001</v>
      </c>
      <c r="CT1189" s="20">
        <v>1.1974</v>
      </c>
      <c r="CU1189" s="20">
        <v>1.1990099999999999</v>
      </c>
      <c r="CV1189" s="20">
        <v>1.16943</v>
      </c>
      <c r="CW1189" s="20">
        <v>1.16805</v>
      </c>
      <c r="CX1189" s="20">
        <v>1.1728000000000001</v>
      </c>
      <c r="CY1189" s="6" t="s">
        <v>582</v>
      </c>
      <c r="CZ1189" s="6" t="s">
        <v>583</v>
      </c>
      <c r="DA1189" s="6" t="s">
        <v>90</v>
      </c>
      <c r="DB1189" s="6"/>
      <c r="DC1189" s="6"/>
      <c r="DD1189" s="6"/>
      <c r="DE1189" s="6"/>
      <c r="DF1189" s="6"/>
      <c r="DG1189" s="6"/>
      <c r="DH1189" s="6" t="s">
        <v>333</v>
      </c>
      <c r="DI1189" s="6"/>
      <c r="DJ1189" s="6"/>
      <c r="DK1189" s="6"/>
      <c r="DL1189" s="6">
        <v>4</v>
      </c>
      <c r="DM1189" s="6" t="s">
        <v>446</v>
      </c>
      <c r="DN1189" s="6">
        <v>6</v>
      </c>
      <c r="DO1189" s="6" t="s">
        <v>393</v>
      </c>
      <c r="DP1189" s="6"/>
      <c r="DQ1189" s="6"/>
    </row>
    <row r="1190" spans="1:121" x14ac:dyDescent="0.2">
      <c r="A1190" s="6" t="s">
        <v>314</v>
      </c>
      <c r="B1190" s="6" t="s">
        <v>314</v>
      </c>
      <c r="C1190" s="6" t="s">
        <v>183</v>
      </c>
      <c r="D1190" s="6" t="s">
        <v>90</v>
      </c>
      <c r="E1190" s="6" t="s">
        <v>231</v>
      </c>
      <c r="F1190" s="11">
        <v>-80</v>
      </c>
      <c r="G1190" s="13">
        <v>-0.57553956834499997</v>
      </c>
      <c r="H1190" s="11">
        <v>-72.396748273099988</v>
      </c>
      <c r="I1190" s="13">
        <v>-0.52263794426130561</v>
      </c>
      <c r="J1190" s="11">
        <v>-17.424746328399998</v>
      </c>
      <c r="K1190" s="13">
        <v>-0.26351202959599895</v>
      </c>
      <c r="L1190" s="11">
        <v>10.540623527199998</v>
      </c>
      <c r="M1190" s="13">
        <v>0.2164385552395364</v>
      </c>
      <c r="N1190" s="11">
        <v>-6.8841228012000002</v>
      </c>
      <c r="O1190" s="13">
        <v>-0.10410763733045852</v>
      </c>
      <c r="P1190" s="7">
        <v>138.52179901599999</v>
      </c>
      <c r="Q1190" s="7">
        <v>109.076454384</v>
      </c>
      <c r="R1190" s="7">
        <v>101.19627327000001</v>
      </c>
      <c r="S1190" s="7">
        <v>103.642327768</v>
      </c>
      <c r="T1190" s="7">
        <v>94.021958947399995</v>
      </c>
      <c r="U1190" s="7">
        <v>94.268226622200004</v>
      </c>
      <c r="V1190" s="7">
        <v>66.125050742900001</v>
      </c>
      <c r="W1190" s="7">
        <v>62.414230380399999</v>
      </c>
      <c r="X1190" s="7">
        <v>60.060658641700002</v>
      </c>
      <c r="Y1190" s="7">
        <v>48.700304414500003</v>
      </c>
      <c r="Z1190" s="7">
        <v>46.294834529299997</v>
      </c>
      <c r="AA1190" s="7">
        <v>43.447438036000001</v>
      </c>
      <c r="AB1190" s="7">
        <v>58.648196276900002</v>
      </c>
      <c r="AC1190" s="7">
        <v>58.861570547200003</v>
      </c>
      <c r="AD1190" s="7">
        <v>59.3392882769</v>
      </c>
      <c r="AE1190" s="7">
        <v>59.4688218832</v>
      </c>
      <c r="AF1190" s="7">
        <v>59.240927941700001</v>
      </c>
      <c r="AG1190" s="9">
        <v>14248.480678500004</v>
      </c>
      <c r="AH1190" s="13">
        <v>0.61696152185099562</v>
      </c>
      <c r="AI1190" s="9">
        <v>11501.618358</v>
      </c>
      <c r="AJ1190" s="13">
        <v>0.49802193833960834</v>
      </c>
      <c r="AK1190" s="9">
        <v>598.91316300000472</v>
      </c>
      <c r="AL1190" s="13">
        <v>1.7311520163545126E-2</v>
      </c>
      <c r="AM1190" s="9">
        <v>2147.9491574999993</v>
      </c>
      <c r="AN1190" s="13">
        <v>6.1029720710883438E-2</v>
      </c>
      <c r="AO1190" s="9">
        <v>2746.862320500004</v>
      </c>
      <c r="AP1190" s="13">
        <v>7.9397758115090547E-2</v>
      </c>
      <c r="AQ1190" s="9">
        <v>23094.601808799998</v>
      </c>
      <c r="AR1190" s="9">
        <v>27638.769589399999</v>
      </c>
      <c r="AS1190" s="9">
        <v>24835.028517899998</v>
      </c>
      <c r="AT1190" s="9">
        <v>26071.441062499998</v>
      </c>
      <c r="AU1190" s="9">
        <v>29193.655308500001</v>
      </c>
      <c r="AV1190" s="9">
        <v>33599.644327399998</v>
      </c>
      <c r="AW1190" s="9">
        <v>34596.220166799998</v>
      </c>
      <c r="AX1190" s="9">
        <v>34217.9855264</v>
      </c>
      <c r="AY1190" s="9">
        <v>39244.515950399997</v>
      </c>
      <c r="AZ1190" s="9">
        <v>35195.133329800003</v>
      </c>
      <c r="BA1190" s="9">
        <v>36811.207569600003</v>
      </c>
      <c r="BB1190" s="9">
        <v>37987.649857199998</v>
      </c>
      <c r="BC1190" s="9">
        <v>38678.419610099998</v>
      </c>
      <c r="BD1190" s="9">
        <v>36909.347122400002</v>
      </c>
      <c r="BE1190" s="9">
        <v>37601.673132299999</v>
      </c>
      <c r="BF1190" s="9">
        <v>37343.082487300002</v>
      </c>
      <c r="BG1190" s="11">
        <v>-4</v>
      </c>
      <c r="BH1190" s="13">
        <v>-0.36363636363636365</v>
      </c>
      <c r="BI1190" s="6">
        <v>-3</v>
      </c>
      <c r="BJ1190" s="13">
        <v>-0.27272727272727271</v>
      </c>
      <c r="BK1190" s="6">
        <v>0</v>
      </c>
      <c r="BL1190" s="13">
        <v>0</v>
      </c>
      <c r="BM1190" s="11">
        <v>-1</v>
      </c>
      <c r="BN1190" s="13">
        <v>-0.125</v>
      </c>
      <c r="BO1190" s="11">
        <v>-1</v>
      </c>
      <c r="BP1190" s="13">
        <v>-0.125</v>
      </c>
      <c r="BQ1190" s="6">
        <v>11</v>
      </c>
      <c r="BR1190" s="6">
        <v>10</v>
      </c>
      <c r="BS1190" s="6">
        <v>10</v>
      </c>
      <c r="BT1190" s="6">
        <v>8</v>
      </c>
      <c r="BU1190" s="6">
        <v>9</v>
      </c>
      <c r="BV1190" s="6">
        <v>8</v>
      </c>
      <c r="BW1190" s="6">
        <v>8</v>
      </c>
      <c r="BX1190" s="6">
        <v>7</v>
      </c>
      <c r="BY1190" s="6">
        <v>8</v>
      </c>
      <c r="BZ1190" s="6">
        <v>9</v>
      </c>
      <c r="CA1190" s="6">
        <v>8</v>
      </c>
      <c r="CB1190" s="6">
        <v>7</v>
      </c>
      <c r="CC1190" s="11">
        <v>7</v>
      </c>
      <c r="CD1190" s="11">
        <v>-51.995100000000001</v>
      </c>
      <c r="CE1190" s="11">
        <v>-42.427900000000001</v>
      </c>
      <c r="CF1190" s="11">
        <v>15.142099999999999</v>
      </c>
      <c r="CG1190" s="11">
        <v>-27</v>
      </c>
      <c r="CH1190" s="20">
        <v>0.75699099999999997</v>
      </c>
      <c r="CI1190" s="20">
        <v>0.63393600000000006</v>
      </c>
      <c r="CJ1190" s="20">
        <v>0.64936000000000005</v>
      </c>
      <c r="CK1190" s="20">
        <v>0.68022300000000002</v>
      </c>
      <c r="CL1190" s="20">
        <v>0.61651999999999996</v>
      </c>
      <c r="CM1190" s="20">
        <v>0.64955399999999996</v>
      </c>
      <c r="CN1190" s="20">
        <v>0.45640399999999998</v>
      </c>
      <c r="CO1190" s="20">
        <v>0.44596799999999998</v>
      </c>
      <c r="CP1190" s="20">
        <v>0.43686599999999998</v>
      </c>
      <c r="CQ1190" s="20">
        <v>0.37387399999999998</v>
      </c>
      <c r="CR1190" s="20">
        <v>0.36743900000000002</v>
      </c>
      <c r="CS1190" s="20">
        <v>0.34002900000000003</v>
      </c>
      <c r="CT1190" s="20">
        <v>0.45156299999999999</v>
      </c>
      <c r="CU1190" s="20">
        <v>0.45494000000000001</v>
      </c>
      <c r="CV1190" s="20">
        <v>0.46053300000000003</v>
      </c>
      <c r="CW1190" s="20">
        <v>0.46083600000000002</v>
      </c>
      <c r="CX1190" s="20">
        <v>0.45554800000000001</v>
      </c>
      <c r="CY1190" s="6" t="s">
        <v>582</v>
      </c>
      <c r="CZ1190" s="6" t="s">
        <v>583</v>
      </c>
      <c r="DA1190" s="6" t="s">
        <v>90</v>
      </c>
      <c r="DB1190" s="6"/>
      <c r="DC1190" s="6"/>
      <c r="DD1190" s="6"/>
      <c r="DE1190" s="6"/>
      <c r="DF1190" s="6"/>
      <c r="DG1190" s="6"/>
      <c r="DH1190" s="6" t="s">
        <v>333</v>
      </c>
      <c r="DI1190" s="6"/>
      <c r="DJ1190" s="6"/>
      <c r="DK1190" s="6"/>
      <c r="DL1190" s="6">
        <v>4</v>
      </c>
      <c r="DM1190" s="6" t="s">
        <v>446</v>
      </c>
      <c r="DN1190" s="6">
        <v>6</v>
      </c>
      <c r="DO1190" s="6" t="s">
        <v>393</v>
      </c>
      <c r="DP1190" s="6"/>
      <c r="DQ1190" s="6"/>
    </row>
    <row r="1191" spans="1:121" x14ac:dyDescent="0.2">
      <c r="A1191" s="6" t="s">
        <v>315</v>
      </c>
      <c r="B1191" s="6" t="s">
        <v>315</v>
      </c>
      <c r="C1191" s="6" t="s">
        <v>184</v>
      </c>
      <c r="D1191" s="6" t="s">
        <v>90</v>
      </c>
      <c r="E1191" s="6" t="s">
        <v>231</v>
      </c>
      <c r="F1191" s="11">
        <v>-93</v>
      </c>
      <c r="G1191" s="13">
        <v>-0.31</v>
      </c>
      <c r="H1191" s="11">
        <v>2</v>
      </c>
      <c r="I1191" s="13">
        <v>6.6666666666666671E-3</v>
      </c>
      <c r="J1191" s="11">
        <v>-35</v>
      </c>
      <c r="K1191" s="13">
        <v>-0.11589403973509932</v>
      </c>
      <c r="L1191" s="11">
        <v>-60</v>
      </c>
      <c r="M1191" s="13">
        <v>-0.2247191011235955</v>
      </c>
      <c r="N1191" s="11">
        <v>-95</v>
      </c>
      <c r="O1191" s="13">
        <v>-0.31456953642384106</v>
      </c>
      <c r="P1191" s="7">
        <v>300</v>
      </c>
      <c r="Q1191" s="7">
        <v>309</v>
      </c>
      <c r="R1191" s="7">
        <v>308</v>
      </c>
      <c r="S1191" s="7">
        <v>315</v>
      </c>
      <c r="T1191" s="7">
        <v>309</v>
      </c>
      <c r="U1191" s="7">
        <v>300</v>
      </c>
      <c r="V1191" s="7">
        <v>302</v>
      </c>
      <c r="W1191" s="7">
        <v>288</v>
      </c>
      <c r="X1191" s="7">
        <v>289</v>
      </c>
      <c r="Y1191" s="7">
        <v>267</v>
      </c>
      <c r="Z1191" s="7">
        <v>231</v>
      </c>
      <c r="AA1191" s="7">
        <v>210</v>
      </c>
      <c r="AB1191" s="7">
        <v>230</v>
      </c>
      <c r="AC1191" s="7">
        <v>223</v>
      </c>
      <c r="AD1191" s="7">
        <v>214</v>
      </c>
      <c r="AE1191" s="7">
        <v>213</v>
      </c>
      <c r="AF1191" s="7">
        <v>207</v>
      </c>
      <c r="AG1191" s="9">
        <v>17677</v>
      </c>
      <c r="AH1191" s="13">
        <v>0.47872714962762358</v>
      </c>
      <c r="AI1191" s="9">
        <v>9047</v>
      </c>
      <c r="AJ1191" s="13">
        <v>0.24501015572105619</v>
      </c>
      <c r="AK1191" s="9">
        <v>-2268</v>
      </c>
      <c r="AL1191" s="13">
        <v>-4.9334377447141739E-2</v>
      </c>
      <c r="AM1191" s="9">
        <v>10898</v>
      </c>
      <c r="AN1191" s="13">
        <v>0.24935932637744829</v>
      </c>
      <c r="AO1191" s="9">
        <v>8630</v>
      </c>
      <c r="AP1191" s="13">
        <v>0.18772296180283651</v>
      </c>
      <c r="AQ1191" s="9">
        <v>36925</v>
      </c>
      <c r="AR1191" s="9">
        <v>38692</v>
      </c>
      <c r="AS1191" s="9">
        <v>37630</v>
      </c>
      <c r="AT1191" s="9">
        <v>39591</v>
      </c>
      <c r="AU1191" s="9">
        <v>41427</v>
      </c>
      <c r="AV1191" s="9">
        <v>43888</v>
      </c>
      <c r="AW1191" s="9">
        <v>45972</v>
      </c>
      <c r="AX1191" s="9">
        <v>46548</v>
      </c>
      <c r="AY1191" s="9">
        <v>45304</v>
      </c>
      <c r="AZ1191" s="9">
        <v>43704</v>
      </c>
      <c r="BA1191" s="9">
        <v>49711</v>
      </c>
      <c r="BB1191" s="9">
        <v>47962</v>
      </c>
      <c r="BC1191" s="9">
        <v>49136</v>
      </c>
      <c r="BD1191" s="9">
        <v>53066</v>
      </c>
      <c r="BE1191" s="9">
        <v>53579</v>
      </c>
      <c r="BF1191" s="9">
        <v>54602</v>
      </c>
      <c r="BG1191" s="11">
        <v>-6</v>
      </c>
      <c r="BH1191" s="13">
        <v>-0.15789473684210525</v>
      </c>
      <c r="BI1191" s="6">
        <v>-3</v>
      </c>
      <c r="BJ1191" s="13">
        <v>-7.8947368421052627E-2</v>
      </c>
      <c r="BK1191" s="6">
        <v>-6</v>
      </c>
      <c r="BL1191" s="13">
        <v>-0.17142857142857143</v>
      </c>
      <c r="BM1191" s="11">
        <v>3</v>
      </c>
      <c r="BN1191" s="13">
        <v>0.10344827586206896</v>
      </c>
      <c r="BO1191" s="11">
        <v>-3</v>
      </c>
      <c r="BP1191" s="13">
        <v>-8.5714285714285715E-2</v>
      </c>
      <c r="BQ1191" s="6">
        <v>38</v>
      </c>
      <c r="BR1191" s="6">
        <v>39</v>
      </c>
      <c r="BS1191" s="6">
        <v>38</v>
      </c>
      <c r="BT1191" s="6">
        <v>35</v>
      </c>
      <c r="BU1191" s="6">
        <v>34</v>
      </c>
      <c r="BV1191" s="6">
        <v>31</v>
      </c>
      <c r="BW1191" s="6">
        <v>29</v>
      </c>
      <c r="BX1191" s="6">
        <v>29</v>
      </c>
      <c r="BY1191" s="6">
        <v>31</v>
      </c>
      <c r="BZ1191" s="6">
        <v>35</v>
      </c>
      <c r="CA1191" s="6">
        <v>34</v>
      </c>
      <c r="CB1191" s="6">
        <v>33</v>
      </c>
      <c r="CC1191" s="11">
        <v>32</v>
      </c>
      <c r="CD1191" s="11">
        <v>-102</v>
      </c>
      <c r="CE1191" s="11">
        <v>-24</v>
      </c>
      <c r="CF1191" s="11">
        <v>33</v>
      </c>
      <c r="CG1191" s="11">
        <v>9</v>
      </c>
      <c r="CH1191" s="20">
        <v>1</v>
      </c>
      <c r="CI1191" s="20">
        <v>1.04</v>
      </c>
      <c r="CJ1191" s="20">
        <v>1.07</v>
      </c>
      <c r="CK1191" s="20">
        <v>1.0900000000000001</v>
      </c>
      <c r="CL1191" s="20">
        <v>1.04</v>
      </c>
      <c r="CM1191" s="20">
        <v>1.03</v>
      </c>
      <c r="CN1191" s="20">
        <v>1.04</v>
      </c>
      <c r="CO1191" s="20">
        <v>1.04</v>
      </c>
      <c r="CP1191" s="20">
        <v>1.04</v>
      </c>
      <c r="CQ1191" s="20">
        <v>1</v>
      </c>
      <c r="CR1191" s="20">
        <v>0.88</v>
      </c>
      <c r="CS1191" s="20">
        <v>0.78</v>
      </c>
      <c r="CT1191" s="20">
        <v>0.85</v>
      </c>
      <c r="CU1191" s="20">
        <v>0.83</v>
      </c>
      <c r="CV1191" s="20">
        <v>0.8</v>
      </c>
      <c r="CW1191" s="20">
        <v>0.79</v>
      </c>
      <c r="CX1191" s="20">
        <v>0.76</v>
      </c>
      <c r="CY1191" s="6" t="s">
        <v>582</v>
      </c>
      <c r="CZ1191" s="6" t="s">
        <v>583</v>
      </c>
      <c r="DA1191" s="6" t="s">
        <v>90</v>
      </c>
      <c r="DB1191" s="6"/>
      <c r="DC1191" s="6"/>
      <c r="DD1191" s="6"/>
      <c r="DE1191" s="6"/>
      <c r="DF1191" s="6"/>
      <c r="DG1191" s="6"/>
      <c r="DH1191" s="6" t="s">
        <v>333</v>
      </c>
      <c r="DI1191" s="6"/>
      <c r="DJ1191" s="6"/>
      <c r="DK1191" s="6"/>
      <c r="DL1191" s="6">
        <v>4</v>
      </c>
      <c r="DM1191" s="6" t="s">
        <v>446</v>
      </c>
      <c r="DN1191" s="6">
        <v>6</v>
      </c>
      <c r="DO1191" s="6" t="s">
        <v>393</v>
      </c>
      <c r="DP1191" s="6"/>
      <c r="DQ1191" s="6"/>
    </row>
    <row r="1192" spans="1:121" x14ac:dyDescent="0.2">
      <c r="A1192" s="6" t="s">
        <v>316</v>
      </c>
      <c r="B1192" s="6" t="s">
        <v>316</v>
      </c>
      <c r="C1192" s="6" t="s">
        <v>185</v>
      </c>
      <c r="D1192" s="6" t="s">
        <v>90</v>
      </c>
      <c r="E1192" s="6" t="s">
        <v>231</v>
      </c>
      <c r="F1192" s="11">
        <v>-15</v>
      </c>
      <c r="G1192" s="13">
        <v>-0.28999999999999998</v>
      </c>
      <c r="H1192" s="11">
        <v>2</v>
      </c>
      <c r="I1192" s="13">
        <v>3.8461538461538464E-2</v>
      </c>
      <c r="J1192" s="11">
        <v>-2</v>
      </c>
      <c r="K1192" s="13">
        <v>-3.7037037037037035E-2</v>
      </c>
      <c r="L1192" s="11">
        <v>-15</v>
      </c>
      <c r="M1192" s="13">
        <v>-0.28846153846153844</v>
      </c>
      <c r="N1192" s="11">
        <v>-17</v>
      </c>
      <c r="O1192" s="13">
        <v>-0.31481481481481483</v>
      </c>
      <c r="P1192" s="7">
        <v>52</v>
      </c>
      <c r="Q1192" s="7">
        <v>47</v>
      </c>
      <c r="R1192" s="7">
        <v>42</v>
      </c>
      <c r="S1192" s="7">
        <v>39</v>
      </c>
      <c r="T1192" s="7">
        <v>49</v>
      </c>
      <c r="U1192" s="7">
        <v>55</v>
      </c>
      <c r="V1192" s="7">
        <v>54</v>
      </c>
      <c r="W1192" s="7">
        <v>50</v>
      </c>
      <c r="X1192" s="7">
        <v>49</v>
      </c>
      <c r="Y1192" s="7">
        <v>52</v>
      </c>
      <c r="Z1192" s="7">
        <v>49</v>
      </c>
      <c r="AA1192" s="7">
        <v>49</v>
      </c>
      <c r="AB1192" s="7">
        <v>40</v>
      </c>
      <c r="AC1192" s="7">
        <v>40</v>
      </c>
      <c r="AD1192" s="7">
        <v>40</v>
      </c>
      <c r="AE1192" s="7">
        <v>36</v>
      </c>
      <c r="AF1192" s="7">
        <v>37</v>
      </c>
      <c r="AG1192" s="9">
        <v>15702</v>
      </c>
      <c r="AH1192" s="13">
        <v>0.82360346184107003</v>
      </c>
      <c r="AI1192" s="9">
        <v>8381</v>
      </c>
      <c r="AJ1192" s="13">
        <v>0.43960136375557302</v>
      </c>
      <c r="AK1192" s="9">
        <v>-4036</v>
      </c>
      <c r="AL1192" s="13">
        <v>-0.14705239379144502</v>
      </c>
      <c r="AM1192" s="9">
        <v>11357</v>
      </c>
      <c r="AN1192" s="13">
        <v>0.48513455788124737</v>
      </c>
      <c r="AO1192" s="9">
        <v>7321</v>
      </c>
      <c r="AP1192" s="13">
        <v>0.26674196604241057</v>
      </c>
      <c r="AQ1192" s="9">
        <v>19065</v>
      </c>
      <c r="AR1192" s="9">
        <v>21690</v>
      </c>
      <c r="AS1192" s="9">
        <v>22912</v>
      </c>
      <c r="AT1192" s="9">
        <v>25798</v>
      </c>
      <c r="AU1192" s="9">
        <v>26049</v>
      </c>
      <c r="AV1192" s="9">
        <v>24993</v>
      </c>
      <c r="AW1192" s="9">
        <v>27446</v>
      </c>
      <c r="AX1192" s="9">
        <v>25870</v>
      </c>
      <c r="AY1192" s="9">
        <v>26806</v>
      </c>
      <c r="AZ1192" s="9">
        <v>23410</v>
      </c>
      <c r="BA1192" s="9">
        <v>22957</v>
      </c>
      <c r="BB1192" s="9">
        <v>23931</v>
      </c>
      <c r="BC1192" s="9">
        <v>34040</v>
      </c>
      <c r="BD1192" s="9">
        <v>34423</v>
      </c>
      <c r="BE1192" s="9">
        <v>32766</v>
      </c>
      <c r="BF1192" s="9">
        <v>34767</v>
      </c>
      <c r="BG1192" s="11">
        <v>-2</v>
      </c>
      <c r="BH1192" s="13">
        <v>-0.15384615384615385</v>
      </c>
      <c r="BI1192" s="6">
        <v>1</v>
      </c>
      <c r="BJ1192" s="13">
        <v>7.6923076923076927E-2</v>
      </c>
      <c r="BK1192" s="6">
        <v>0</v>
      </c>
      <c r="BL1192" s="13">
        <v>0</v>
      </c>
      <c r="BM1192" s="11">
        <v>-3</v>
      </c>
      <c r="BN1192" s="13">
        <v>-0.21428571428571427</v>
      </c>
      <c r="BO1192" s="11">
        <v>-3</v>
      </c>
      <c r="BP1192" s="13">
        <v>-0.21428571428571427</v>
      </c>
      <c r="BQ1192" s="6">
        <v>13</v>
      </c>
      <c r="BR1192" s="6">
        <v>14</v>
      </c>
      <c r="BS1192" s="6">
        <v>13</v>
      </c>
      <c r="BT1192" s="6">
        <v>14</v>
      </c>
      <c r="BU1192" s="6">
        <v>12</v>
      </c>
      <c r="BV1192" s="6">
        <v>13</v>
      </c>
      <c r="BW1192" s="6">
        <v>14</v>
      </c>
      <c r="BX1192" s="6">
        <v>12</v>
      </c>
      <c r="BY1192" s="6">
        <v>11</v>
      </c>
      <c r="BZ1192" s="6">
        <v>12</v>
      </c>
      <c r="CA1192" s="6">
        <v>11</v>
      </c>
      <c r="CB1192" s="6">
        <v>11</v>
      </c>
      <c r="CC1192" s="11">
        <v>11</v>
      </c>
      <c r="CD1192" s="11">
        <v>-19</v>
      </c>
      <c r="CE1192" s="11">
        <v>-3</v>
      </c>
      <c r="CF1192" s="11">
        <v>6</v>
      </c>
      <c r="CG1192" s="11">
        <v>3</v>
      </c>
      <c r="CH1192" s="20">
        <v>0.42</v>
      </c>
      <c r="CI1192" s="20">
        <v>0.38</v>
      </c>
      <c r="CJ1192" s="20">
        <v>0.35</v>
      </c>
      <c r="CK1192" s="20">
        <v>0.32</v>
      </c>
      <c r="CL1192" s="20">
        <v>0.38</v>
      </c>
      <c r="CM1192" s="20">
        <v>0.44</v>
      </c>
      <c r="CN1192" s="20">
        <v>0.43</v>
      </c>
      <c r="CO1192" s="20">
        <v>0.42</v>
      </c>
      <c r="CP1192" s="20">
        <v>0.42</v>
      </c>
      <c r="CQ1192" s="20">
        <v>0.47</v>
      </c>
      <c r="CR1192" s="20">
        <v>0.46</v>
      </c>
      <c r="CS1192" s="20">
        <v>0.45</v>
      </c>
      <c r="CT1192" s="20">
        <v>0.36</v>
      </c>
      <c r="CU1192" s="20">
        <v>0.35</v>
      </c>
      <c r="CV1192" s="20">
        <v>0.35</v>
      </c>
      <c r="CW1192" s="20">
        <v>0.32</v>
      </c>
      <c r="CX1192" s="20">
        <v>0.32</v>
      </c>
      <c r="CY1192" s="6" t="s">
        <v>582</v>
      </c>
      <c r="CZ1192" s="6" t="s">
        <v>583</v>
      </c>
      <c r="DA1192" s="6" t="s">
        <v>90</v>
      </c>
      <c r="DB1192" s="6"/>
      <c r="DC1192" s="6"/>
      <c r="DD1192" s="6"/>
      <c r="DE1192" s="6"/>
      <c r="DF1192" s="6"/>
      <c r="DG1192" s="6"/>
      <c r="DH1192" s="6" t="s">
        <v>333</v>
      </c>
      <c r="DI1192" s="6"/>
      <c r="DJ1192" s="6"/>
      <c r="DK1192" s="6"/>
      <c r="DL1192" s="6">
        <v>4</v>
      </c>
      <c r="DM1192" s="6" t="s">
        <v>446</v>
      </c>
      <c r="DN1192" s="6">
        <v>6</v>
      </c>
      <c r="DO1192" s="6" t="s">
        <v>393</v>
      </c>
      <c r="DP1192" s="6"/>
      <c r="DQ1192" s="6"/>
    </row>
    <row r="1193" spans="1:121" x14ac:dyDescent="0.2">
      <c r="A1193" s="6" t="s">
        <v>317</v>
      </c>
      <c r="B1193" s="6" t="s">
        <v>317</v>
      </c>
      <c r="C1193" s="6" t="s">
        <v>186</v>
      </c>
      <c r="D1193" s="6" t="s">
        <v>90</v>
      </c>
      <c r="E1193" s="6" t="s">
        <v>231</v>
      </c>
      <c r="F1193" s="11">
        <v>-30</v>
      </c>
      <c r="G1193" s="13">
        <v>-0.2</v>
      </c>
      <c r="H1193" s="11">
        <v>-13</v>
      </c>
      <c r="I1193" s="13">
        <v>-8.5526315789473686E-2</v>
      </c>
      <c r="J1193" s="11">
        <v>-13</v>
      </c>
      <c r="K1193" s="13">
        <v>-9.3525179856115109E-2</v>
      </c>
      <c r="L1193" s="11">
        <v>-4</v>
      </c>
      <c r="M1193" s="13">
        <v>-3.1746031746031744E-2</v>
      </c>
      <c r="N1193" s="11">
        <v>-17</v>
      </c>
      <c r="O1193" s="13">
        <v>-0.1223021582733813</v>
      </c>
      <c r="P1193" s="7">
        <v>152</v>
      </c>
      <c r="Q1193" s="7">
        <v>141</v>
      </c>
      <c r="R1193" s="7">
        <v>144</v>
      </c>
      <c r="S1193" s="7">
        <v>146</v>
      </c>
      <c r="T1193" s="7">
        <v>136</v>
      </c>
      <c r="U1193" s="7">
        <v>131</v>
      </c>
      <c r="V1193" s="7">
        <v>139</v>
      </c>
      <c r="W1193" s="7">
        <v>135</v>
      </c>
      <c r="X1193" s="7">
        <v>130</v>
      </c>
      <c r="Y1193" s="7">
        <v>126</v>
      </c>
      <c r="Z1193" s="7">
        <v>140</v>
      </c>
      <c r="AA1193" s="7">
        <v>138</v>
      </c>
      <c r="AB1193" s="7">
        <v>111</v>
      </c>
      <c r="AC1193" s="7">
        <v>112</v>
      </c>
      <c r="AD1193" s="7">
        <v>116</v>
      </c>
      <c r="AE1193" s="7">
        <v>123</v>
      </c>
      <c r="AF1193" s="7">
        <v>122</v>
      </c>
      <c r="AG1193" s="9">
        <v>-91</v>
      </c>
      <c r="AH1193" s="13">
        <v>-2.682941211156318E-3</v>
      </c>
      <c r="AI1193" s="9">
        <v>-519</v>
      </c>
      <c r="AJ1193" s="13">
        <v>-1.5301609764726694E-2</v>
      </c>
      <c r="AK1193" s="9">
        <v>2249</v>
      </c>
      <c r="AL1193" s="13">
        <v>6.7337345429503884E-2</v>
      </c>
      <c r="AM1193" s="9">
        <v>-1821</v>
      </c>
      <c r="AN1193" s="13">
        <v>-5.1082809694793535E-2</v>
      </c>
      <c r="AO1193" s="9">
        <v>428</v>
      </c>
      <c r="AP1193" s="13">
        <v>1.2814754932782418E-2</v>
      </c>
      <c r="AQ1193" s="9">
        <v>33918</v>
      </c>
      <c r="AR1193" s="9">
        <v>33764</v>
      </c>
      <c r="AS1193" s="9">
        <v>35038</v>
      </c>
      <c r="AT1193" s="9">
        <v>33861</v>
      </c>
      <c r="AU1193" s="9">
        <v>34592</v>
      </c>
      <c r="AV1193" s="9">
        <v>33781</v>
      </c>
      <c r="AW1193" s="9">
        <v>33399</v>
      </c>
      <c r="AX1193" s="9">
        <v>33486</v>
      </c>
      <c r="AY1193" s="9">
        <v>36766</v>
      </c>
      <c r="AZ1193" s="9">
        <v>35648</v>
      </c>
      <c r="BA1193" s="9">
        <v>35381</v>
      </c>
      <c r="BB1193" s="9">
        <v>36860</v>
      </c>
      <c r="BC1193" s="9">
        <v>34660</v>
      </c>
      <c r="BD1193" s="9">
        <v>35562</v>
      </c>
      <c r="BE1193" s="9">
        <v>33796</v>
      </c>
      <c r="BF1193" s="9">
        <v>33827</v>
      </c>
      <c r="BG1193" s="11">
        <v>-2</v>
      </c>
      <c r="BH1193" s="13">
        <v>-7.6923076923076927E-2</v>
      </c>
      <c r="BI1193" s="6">
        <v>0</v>
      </c>
      <c r="BJ1193" s="13">
        <v>0</v>
      </c>
      <c r="BK1193" s="6">
        <v>-1</v>
      </c>
      <c r="BL1193" s="13">
        <v>-3.8461538461538464E-2</v>
      </c>
      <c r="BM1193" s="11">
        <v>-1</v>
      </c>
      <c r="BN1193" s="13">
        <v>-0.04</v>
      </c>
      <c r="BO1193" s="11">
        <v>-2</v>
      </c>
      <c r="BP1193" s="13">
        <v>-7.6923076923076927E-2</v>
      </c>
      <c r="BQ1193" s="6">
        <v>26</v>
      </c>
      <c r="BR1193" s="6">
        <v>26</v>
      </c>
      <c r="BS1193" s="6">
        <v>26</v>
      </c>
      <c r="BT1193" s="6">
        <v>26</v>
      </c>
      <c r="BU1193" s="6">
        <v>24</v>
      </c>
      <c r="BV1193" s="6">
        <v>24</v>
      </c>
      <c r="BW1193" s="6">
        <v>25</v>
      </c>
      <c r="BX1193" s="6">
        <v>26</v>
      </c>
      <c r="BY1193" s="6">
        <v>23</v>
      </c>
      <c r="BZ1193" s="6">
        <v>21</v>
      </c>
      <c r="CA1193" s="6">
        <v>21</v>
      </c>
      <c r="CB1193" s="6">
        <v>24</v>
      </c>
      <c r="CC1193" s="11">
        <v>24</v>
      </c>
      <c r="CD1193" s="11">
        <v>-78</v>
      </c>
      <c r="CE1193" s="11">
        <v>30</v>
      </c>
      <c r="CF1193" s="11">
        <v>17</v>
      </c>
      <c r="CG1193" s="11">
        <v>47</v>
      </c>
      <c r="CH1193" s="20">
        <v>0.39</v>
      </c>
      <c r="CI1193" s="20">
        <v>0.37</v>
      </c>
      <c r="CJ1193" s="20">
        <v>0.4</v>
      </c>
      <c r="CK1193" s="20">
        <v>0.39</v>
      </c>
      <c r="CL1193" s="20">
        <v>0.35</v>
      </c>
      <c r="CM1193" s="20">
        <v>0.33</v>
      </c>
      <c r="CN1193" s="20">
        <v>0.34</v>
      </c>
      <c r="CO1193" s="20">
        <v>0.34</v>
      </c>
      <c r="CP1193" s="20">
        <v>0.32</v>
      </c>
      <c r="CQ1193" s="20">
        <v>0.32</v>
      </c>
      <c r="CR1193" s="20">
        <v>0.35</v>
      </c>
      <c r="CS1193" s="20">
        <v>0.33</v>
      </c>
      <c r="CT1193" s="20">
        <v>0.26</v>
      </c>
      <c r="CU1193" s="20">
        <v>0.26</v>
      </c>
      <c r="CV1193" s="20">
        <v>0.26</v>
      </c>
      <c r="CW1193" s="20">
        <v>0.28000000000000003</v>
      </c>
      <c r="CX1193" s="20">
        <v>0.27</v>
      </c>
      <c r="CY1193" s="6" t="s">
        <v>582</v>
      </c>
      <c r="CZ1193" s="6" t="s">
        <v>583</v>
      </c>
      <c r="DA1193" s="6" t="s">
        <v>90</v>
      </c>
      <c r="DB1193" s="6"/>
      <c r="DC1193" s="6"/>
      <c r="DD1193" s="6"/>
      <c r="DE1193" s="6"/>
      <c r="DF1193" s="6"/>
      <c r="DG1193" s="6"/>
      <c r="DH1193" s="6" t="s">
        <v>333</v>
      </c>
      <c r="DI1193" s="6"/>
      <c r="DJ1193" s="6"/>
      <c r="DK1193" s="6"/>
      <c r="DL1193" s="6">
        <v>4</v>
      </c>
      <c r="DM1193" s="6" t="s">
        <v>446</v>
      </c>
      <c r="DN1193" s="6">
        <v>6</v>
      </c>
      <c r="DO1193" s="6" t="s">
        <v>393</v>
      </c>
      <c r="DP1193" s="6"/>
      <c r="DQ1193" s="6"/>
    </row>
    <row r="1194" spans="1:121" x14ac:dyDescent="0.2">
      <c r="A1194" s="6" t="s">
        <v>318</v>
      </c>
      <c r="B1194" s="6" t="s">
        <v>318</v>
      </c>
      <c r="C1194" s="6" t="s">
        <v>187</v>
      </c>
      <c r="D1194" s="6" t="s">
        <v>90</v>
      </c>
      <c r="E1194" s="6" t="s">
        <v>231</v>
      </c>
      <c r="F1194" s="11">
        <v>-29</v>
      </c>
      <c r="G1194" s="13">
        <v>-0.35802469135800002</v>
      </c>
      <c r="H1194" s="11">
        <v>-45.007968999999996</v>
      </c>
      <c r="I1194" s="13">
        <v>-0.55237497224193577</v>
      </c>
      <c r="J1194" s="11">
        <v>0.52047100000000057</v>
      </c>
      <c r="K1194" s="13">
        <v>1.4270091317496751E-2</v>
      </c>
      <c r="L1194" s="11">
        <v>15.2272800402</v>
      </c>
      <c r="M1194" s="13">
        <v>0.41162233471397874</v>
      </c>
      <c r="N1194" s="11">
        <v>15.747751040200001</v>
      </c>
      <c r="O1194" s="13">
        <v>0.43176631433616514</v>
      </c>
      <c r="P1194" s="7">
        <v>81.480825999999993</v>
      </c>
      <c r="Q1194" s="7">
        <v>83.102868000000001</v>
      </c>
      <c r="R1194" s="7">
        <v>19.490307000000001</v>
      </c>
      <c r="S1194" s="7">
        <v>14.896082</v>
      </c>
      <c r="T1194" s="7">
        <v>13.862646</v>
      </c>
      <c r="U1194" s="7">
        <v>11.275178</v>
      </c>
      <c r="V1194" s="7">
        <v>36.472856999999998</v>
      </c>
      <c r="W1194" s="7">
        <v>43.424944000000004</v>
      </c>
      <c r="X1194" s="7">
        <v>38.968173</v>
      </c>
      <c r="Y1194" s="7">
        <v>36.993327999999998</v>
      </c>
      <c r="Z1194" s="7">
        <v>36.011195999999998</v>
      </c>
      <c r="AA1194" s="7">
        <v>38.913460000000001</v>
      </c>
      <c r="AB1194" s="7">
        <v>41.031475999999998</v>
      </c>
      <c r="AC1194" s="7">
        <v>43.063167999999997</v>
      </c>
      <c r="AD1194" s="7">
        <v>49.902816000000001</v>
      </c>
      <c r="AE1194" s="7">
        <v>50.873707750000001</v>
      </c>
      <c r="AF1194" s="7">
        <v>52.220608040199998</v>
      </c>
      <c r="AG1194" s="9">
        <v>33486.215316000002</v>
      </c>
      <c r="AH1194" s="13">
        <v>1.3613406918852924</v>
      </c>
      <c r="AI1194" s="9">
        <v>40773.098904500002</v>
      </c>
      <c r="AJ1194" s="13">
        <v>1.6575799369729971</v>
      </c>
      <c r="AK1194" s="9">
        <v>-14119.878734000005</v>
      </c>
      <c r="AL1194" s="13">
        <v>-0.21599584215083495</v>
      </c>
      <c r="AM1194" s="9">
        <v>6832.9951455000046</v>
      </c>
      <c r="AN1194" s="13">
        <v>0.13332364256399612</v>
      </c>
      <c r="AO1194" s="9">
        <v>-7286.8835885000008</v>
      </c>
      <c r="AP1194" s="13">
        <v>-0.11146955204106608</v>
      </c>
      <c r="AQ1194" s="9">
        <v>24597.968396600001</v>
      </c>
      <c r="AR1194" s="9">
        <v>25278.541503699998</v>
      </c>
      <c r="AS1194" s="9">
        <v>62194.186254499997</v>
      </c>
      <c r="AT1194" s="9">
        <v>73318.714920400002</v>
      </c>
      <c r="AU1194" s="9">
        <v>74353.193404100006</v>
      </c>
      <c r="AV1194" s="9">
        <v>92306.645612799999</v>
      </c>
      <c r="AW1194" s="9">
        <v>65371.067301100004</v>
      </c>
      <c r="AX1194" s="9">
        <v>62066.258509400002</v>
      </c>
      <c r="AY1194" s="9">
        <v>56505.804572200002</v>
      </c>
      <c r="AZ1194" s="9">
        <v>51251.188567099998</v>
      </c>
      <c r="BA1194" s="9">
        <v>48904.120179600002</v>
      </c>
      <c r="BB1194" s="9">
        <v>45851.656506799998</v>
      </c>
      <c r="BC1194" s="9">
        <v>45900.522426299998</v>
      </c>
      <c r="BD1194" s="9">
        <v>60145.861512199997</v>
      </c>
      <c r="BE1194" s="9">
        <v>59165.835425199999</v>
      </c>
      <c r="BF1194" s="9">
        <v>58084.183712600003</v>
      </c>
      <c r="BG1194" s="11">
        <v>3</v>
      </c>
      <c r="BH1194" s="13">
        <v>1</v>
      </c>
      <c r="BI1194" s="6">
        <v>0</v>
      </c>
      <c r="BJ1194" s="13">
        <v>0</v>
      </c>
      <c r="BK1194" s="6">
        <v>0</v>
      </c>
      <c r="BL1194" s="13">
        <v>0</v>
      </c>
      <c r="BM1194" s="11">
        <v>3</v>
      </c>
      <c r="BN1194" s="13">
        <v>1</v>
      </c>
      <c r="BO1194" s="11">
        <v>3</v>
      </c>
      <c r="BP1194" s="13">
        <v>1</v>
      </c>
      <c r="BQ1194" s="6">
        <v>3</v>
      </c>
      <c r="BR1194" s="6">
        <v>3</v>
      </c>
      <c r="BS1194" s="6">
        <v>3</v>
      </c>
      <c r="BT1194" s="6">
        <v>3</v>
      </c>
      <c r="BU1194" s="6">
        <v>3</v>
      </c>
      <c r="BV1194" s="6">
        <v>3</v>
      </c>
      <c r="BW1194" s="6">
        <v>3</v>
      </c>
      <c r="BX1194" s="6">
        <v>3</v>
      </c>
      <c r="BY1194" s="6">
        <v>3</v>
      </c>
      <c r="BZ1194" s="6">
        <v>3</v>
      </c>
      <c r="CA1194" s="6">
        <v>5</v>
      </c>
      <c r="CB1194" s="6">
        <v>6</v>
      </c>
      <c r="CC1194" s="11">
        <v>6</v>
      </c>
      <c r="CD1194" s="11">
        <v>-55.6128</v>
      </c>
      <c r="CE1194" s="11">
        <v>17.445699999999999</v>
      </c>
      <c r="CF1194" s="11">
        <v>8.9068400000000008</v>
      </c>
      <c r="CG1194" s="11">
        <v>26</v>
      </c>
      <c r="CH1194" s="20">
        <v>0.95938900000000005</v>
      </c>
      <c r="CI1194" s="20">
        <v>0.99473</v>
      </c>
      <c r="CJ1194" s="20">
        <v>0.25039800000000001</v>
      </c>
      <c r="CK1194" s="20">
        <v>0.18740499999999999</v>
      </c>
      <c r="CL1194" s="20">
        <v>0.167439</v>
      </c>
      <c r="CM1194" s="20">
        <v>0.13907800000000001</v>
      </c>
      <c r="CN1194" s="20">
        <v>0.435305</v>
      </c>
      <c r="CO1194" s="20">
        <v>0.51228300000000004</v>
      </c>
      <c r="CP1194" s="20">
        <v>0.45069199999999998</v>
      </c>
      <c r="CQ1194" s="20">
        <v>0.43484299999999998</v>
      </c>
      <c r="CR1194" s="20">
        <v>0.41964499999999999</v>
      </c>
      <c r="CS1194" s="20">
        <v>0.42825299999999999</v>
      </c>
      <c r="CT1194" s="20">
        <v>0.430064</v>
      </c>
      <c r="CU1194" s="20">
        <v>0.44499100000000003</v>
      </c>
      <c r="CV1194" s="20">
        <v>0.51209899999999997</v>
      </c>
      <c r="CW1194" s="20">
        <v>0.52254800000000001</v>
      </c>
      <c r="CX1194" s="20">
        <v>0.52498900000000004</v>
      </c>
      <c r="CY1194" s="6" t="s">
        <v>582</v>
      </c>
      <c r="CZ1194" s="6" t="s">
        <v>583</v>
      </c>
      <c r="DA1194" s="6" t="s">
        <v>90</v>
      </c>
      <c r="DB1194" s="6"/>
      <c r="DC1194" s="6"/>
      <c r="DD1194" s="6"/>
      <c r="DE1194" s="6"/>
      <c r="DF1194" s="6"/>
      <c r="DG1194" s="6"/>
      <c r="DH1194" s="6" t="s">
        <v>333</v>
      </c>
      <c r="DI1194" s="6"/>
      <c r="DJ1194" s="6"/>
      <c r="DK1194" s="6"/>
      <c r="DL1194" s="6">
        <v>4</v>
      </c>
      <c r="DM1194" s="6" t="s">
        <v>446</v>
      </c>
      <c r="DN1194" s="6">
        <v>6</v>
      </c>
      <c r="DO1194" s="6" t="s">
        <v>393</v>
      </c>
      <c r="DP1194" s="6"/>
      <c r="DQ1194" s="6"/>
    </row>
    <row r="1195" spans="1:121" x14ac:dyDescent="0.2">
      <c r="A1195" s="6" t="s">
        <v>319</v>
      </c>
      <c r="B1195" s="6" t="s">
        <v>319</v>
      </c>
      <c r="C1195" s="6" t="s">
        <v>188</v>
      </c>
      <c r="D1195" s="6" t="s">
        <v>90</v>
      </c>
      <c r="E1195" s="6" t="s">
        <v>231</v>
      </c>
      <c r="F1195" s="11">
        <v>194</v>
      </c>
      <c r="G1195" s="13">
        <v>0.82203389830499995</v>
      </c>
      <c r="H1195" s="11">
        <v>6.2566723200000069</v>
      </c>
      <c r="I1195" s="13">
        <v>2.6482981533709309E-2</v>
      </c>
      <c r="J1195" s="11">
        <v>-153.63536975149998</v>
      </c>
      <c r="K1195" s="13">
        <v>-0.63352378391073383</v>
      </c>
      <c r="L1195" s="11">
        <v>341.19643609350004</v>
      </c>
      <c r="M1195" s="13">
        <v>3.8391086702476342</v>
      </c>
      <c r="N1195" s="11">
        <v>187.56106634200003</v>
      </c>
      <c r="O1195" s="13">
        <v>0.77341823471711291</v>
      </c>
      <c r="P1195" s="7">
        <v>236.25256514399999</v>
      </c>
      <c r="Q1195" s="7">
        <v>296.44601965700002</v>
      </c>
      <c r="R1195" s="7">
        <v>196.391491935</v>
      </c>
      <c r="S1195" s="7">
        <v>276.52874882399999</v>
      </c>
      <c r="T1195" s="7">
        <v>461.86905267200001</v>
      </c>
      <c r="U1195" s="7">
        <v>374.22663495900002</v>
      </c>
      <c r="V1195" s="7">
        <v>242.50923746399999</v>
      </c>
      <c r="W1195" s="7">
        <v>160.516566415</v>
      </c>
      <c r="X1195" s="7">
        <v>99.779488788199998</v>
      </c>
      <c r="Y1195" s="7">
        <v>88.873867712500001</v>
      </c>
      <c r="Z1195" s="7">
        <v>113.848852661</v>
      </c>
      <c r="AA1195" s="7">
        <v>296.33053744599999</v>
      </c>
      <c r="AB1195" s="7">
        <v>375.36825850899999</v>
      </c>
      <c r="AC1195" s="7">
        <v>320.22889540800003</v>
      </c>
      <c r="AD1195" s="7">
        <v>441.10059837699998</v>
      </c>
      <c r="AE1195" s="7">
        <v>400.17432088700002</v>
      </c>
      <c r="AF1195" s="7">
        <v>430.07030380600003</v>
      </c>
      <c r="AG1195" s="9">
        <v>12492.733239600002</v>
      </c>
      <c r="AH1195" s="13">
        <v>0.58276345960304576</v>
      </c>
      <c r="AI1195" s="9">
        <v>5415.1832694000004</v>
      </c>
      <c r="AJ1195" s="13">
        <v>0.2526085265678113</v>
      </c>
      <c r="AK1195" s="9">
        <v>-5408.0844313000016</v>
      </c>
      <c r="AL1195" s="13">
        <v>-0.20140161369744836</v>
      </c>
      <c r="AM1195" s="9">
        <v>12485.634401500003</v>
      </c>
      <c r="AN1195" s="13">
        <v>0.58223950417807169</v>
      </c>
      <c r="AO1195" s="9">
        <v>7077.5499702000016</v>
      </c>
      <c r="AP1195" s="13">
        <v>0.26357391478075748</v>
      </c>
      <c r="AQ1195" s="9">
        <v>21437.056551400001</v>
      </c>
      <c r="AR1195" s="9">
        <v>21175.3069946</v>
      </c>
      <c r="AS1195" s="9">
        <v>26759.750188999998</v>
      </c>
      <c r="AT1195" s="9">
        <v>24744.214825700001</v>
      </c>
      <c r="AU1195" s="9">
        <v>15468.5266409</v>
      </c>
      <c r="AV1195" s="9">
        <v>21374.7148977</v>
      </c>
      <c r="AW1195" s="9">
        <v>26852.239820800001</v>
      </c>
      <c r="AX1195" s="9">
        <v>35169.855348899997</v>
      </c>
      <c r="AY1195" s="9">
        <v>21521.836131399999</v>
      </c>
      <c r="AZ1195" s="9">
        <v>21444.1553895</v>
      </c>
      <c r="BA1195" s="9">
        <v>18463.518767000001</v>
      </c>
      <c r="BB1195" s="9">
        <v>23070.356137700001</v>
      </c>
      <c r="BC1195" s="9">
        <v>26052.500100699999</v>
      </c>
      <c r="BD1195" s="9">
        <v>34390.9283679</v>
      </c>
      <c r="BE1195" s="9">
        <v>31959.824224100001</v>
      </c>
      <c r="BF1195" s="9">
        <v>33929.789791000003</v>
      </c>
      <c r="BG1195" s="11">
        <v>3.5</v>
      </c>
      <c r="BH1195" s="13">
        <v>0.29166666666666669</v>
      </c>
      <c r="BI1195" s="6">
        <v>0</v>
      </c>
      <c r="BJ1195" s="13">
        <v>0</v>
      </c>
      <c r="BK1195" s="6">
        <v>-4</v>
      </c>
      <c r="BL1195" s="13">
        <v>-0.33333333333333331</v>
      </c>
      <c r="BM1195" s="11">
        <v>7.5</v>
      </c>
      <c r="BN1195" s="13">
        <v>0.9375</v>
      </c>
      <c r="BO1195" s="11">
        <v>3.5</v>
      </c>
      <c r="BP1195" s="13">
        <v>0.29166666666666669</v>
      </c>
      <c r="BQ1195" s="6">
        <v>12</v>
      </c>
      <c r="BR1195" s="6">
        <v>13</v>
      </c>
      <c r="BS1195" s="6">
        <v>11</v>
      </c>
      <c r="BT1195" s="6">
        <v>12</v>
      </c>
      <c r="BU1195" s="6">
        <v>9</v>
      </c>
      <c r="BV1195" s="6">
        <v>8</v>
      </c>
      <c r="BW1195" s="6">
        <v>8</v>
      </c>
      <c r="BX1195" s="6">
        <v>9</v>
      </c>
      <c r="BY1195" s="6">
        <v>11</v>
      </c>
      <c r="BZ1195" s="6">
        <v>11</v>
      </c>
      <c r="CA1195" s="6">
        <v>13</v>
      </c>
      <c r="CB1195" s="6">
        <v>17</v>
      </c>
      <c r="CC1195" s="11">
        <v>15.5</v>
      </c>
      <c r="CD1195" s="11">
        <v>146.73599999999999</v>
      </c>
      <c r="CE1195" s="11">
        <v>21.2562</v>
      </c>
      <c r="CF1195" s="11">
        <v>25.825299999999999</v>
      </c>
      <c r="CG1195" s="11">
        <v>47</v>
      </c>
      <c r="CH1195" s="20">
        <v>0.56709500000000002</v>
      </c>
      <c r="CI1195" s="20">
        <v>0.716337</v>
      </c>
      <c r="CJ1195" s="20">
        <v>0.50030200000000002</v>
      </c>
      <c r="CK1195" s="20">
        <v>0.68177399999999999</v>
      </c>
      <c r="CL1195" s="20">
        <v>1.0855399999999999</v>
      </c>
      <c r="CM1195" s="20">
        <v>0.89413299999999996</v>
      </c>
      <c r="CN1195" s="20">
        <v>0.57241200000000003</v>
      </c>
      <c r="CO1195" s="20">
        <v>0.40353800000000001</v>
      </c>
      <c r="CP1195" s="20">
        <v>0.26474399999999998</v>
      </c>
      <c r="CQ1195" s="20">
        <v>0.232957</v>
      </c>
      <c r="CR1195" s="20">
        <v>0.29422900000000002</v>
      </c>
      <c r="CS1195" s="20">
        <v>0.73254600000000003</v>
      </c>
      <c r="CT1195" s="20">
        <v>0.89382799999999996</v>
      </c>
      <c r="CU1195" s="20">
        <v>0.75081900000000001</v>
      </c>
      <c r="CV1195" s="20">
        <v>1.0242599999999999</v>
      </c>
      <c r="CW1195" s="20">
        <v>0.92590600000000001</v>
      </c>
      <c r="CX1195" s="20">
        <v>0.972665</v>
      </c>
      <c r="CY1195" s="6" t="s">
        <v>582</v>
      </c>
      <c r="CZ1195" s="6" t="s">
        <v>583</v>
      </c>
      <c r="DA1195" s="6" t="s">
        <v>90</v>
      </c>
      <c r="DB1195" s="6"/>
      <c r="DC1195" s="6"/>
      <c r="DD1195" s="6"/>
      <c r="DE1195" s="6"/>
      <c r="DF1195" s="6"/>
      <c r="DG1195" s="6"/>
      <c r="DH1195" s="6" t="s">
        <v>333</v>
      </c>
      <c r="DI1195" s="6"/>
      <c r="DJ1195" s="6"/>
      <c r="DK1195" s="6"/>
      <c r="DL1195" s="6">
        <v>4</v>
      </c>
      <c r="DM1195" s="6" t="s">
        <v>446</v>
      </c>
      <c r="DN1195" s="6">
        <v>6</v>
      </c>
      <c r="DO1195" s="6" t="s">
        <v>393</v>
      </c>
      <c r="DP1195" s="6"/>
      <c r="DQ1195" s="6"/>
    </row>
    <row r="1196" spans="1:121" x14ac:dyDescent="0.2">
      <c r="A1196" s="6" t="s">
        <v>320</v>
      </c>
      <c r="B1196" s="6" t="s">
        <v>320</v>
      </c>
      <c r="C1196" s="6" t="s">
        <v>189</v>
      </c>
      <c r="D1196" s="6" t="s">
        <v>90</v>
      </c>
      <c r="E1196" s="6" t="s">
        <v>231</v>
      </c>
      <c r="F1196" s="11">
        <v>1</v>
      </c>
      <c r="G1196" s="13">
        <v>1</v>
      </c>
      <c r="H1196" s="11">
        <v>13.114820414499999</v>
      </c>
      <c r="I1196" s="13">
        <v>2.6229640828999998</v>
      </c>
      <c r="J1196" s="11">
        <v>-13.114820414499999</v>
      </c>
      <c r="K1196" s="13">
        <v>-0.72398291092095235</v>
      </c>
      <c r="L1196" s="11">
        <v>10.659166019900001</v>
      </c>
      <c r="M1196" s="13">
        <v>2.1318332039800003</v>
      </c>
      <c r="N1196" s="11">
        <v>-2.455654394599998</v>
      </c>
      <c r="O1196" s="13">
        <v>-0.13556051555633258</v>
      </c>
      <c r="P1196" s="7">
        <v>5</v>
      </c>
      <c r="Q1196" s="7">
        <v>5</v>
      </c>
      <c r="R1196" s="7">
        <v>5</v>
      </c>
      <c r="S1196" s="7">
        <v>5</v>
      </c>
      <c r="T1196" s="7">
        <v>5</v>
      </c>
      <c r="U1196" s="7">
        <v>18.4215087109</v>
      </c>
      <c r="V1196" s="7">
        <v>18.114820414499999</v>
      </c>
      <c r="W1196" s="7">
        <v>15.013727316600001</v>
      </c>
      <c r="X1196" s="7">
        <v>12.2369822685</v>
      </c>
      <c r="Y1196" s="7">
        <v>5</v>
      </c>
      <c r="Z1196" s="7">
        <v>10.3353186801</v>
      </c>
      <c r="AA1196" s="7">
        <v>5</v>
      </c>
      <c r="AB1196" s="7">
        <v>5</v>
      </c>
      <c r="AC1196" s="7">
        <v>5</v>
      </c>
      <c r="AD1196" s="7">
        <v>12.7728900386</v>
      </c>
      <c r="AE1196" s="7">
        <v>14.1476393259</v>
      </c>
      <c r="AF1196" s="7">
        <v>15.659166019900001</v>
      </c>
      <c r="AG1196" s="9">
        <v>24324.228032700001</v>
      </c>
      <c r="AH1196" s="13">
        <v>24324.228032700001</v>
      </c>
      <c r="AI1196" s="9">
        <v>18724.8131994</v>
      </c>
      <c r="AJ1196" s="13">
        <v>18724.8131994</v>
      </c>
      <c r="AK1196" s="9">
        <v>-18724.8131994</v>
      </c>
      <c r="AL1196" s="13">
        <v>-0.99994659777979455</v>
      </c>
      <c r="AM1196" s="9">
        <v>24324.228032700001</v>
      </c>
      <c r="AN1196" s="13">
        <v>24324.228032700001</v>
      </c>
      <c r="AO1196" s="9">
        <v>5599.4148333000012</v>
      </c>
      <c r="AP1196" s="13">
        <v>0.29902118394940597</v>
      </c>
      <c r="AQ1196" s="9">
        <v>1</v>
      </c>
      <c r="AR1196" s="9">
        <v>1</v>
      </c>
      <c r="AS1196" s="9">
        <v>1</v>
      </c>
      <c r="AT1196" s="9">
        <v>1</v>
      </c>
      <c r="AU1196" s="9">
        <v>1</v>
      </c>
      <c r="AV1196" s="9">
        <v>15453.3855638</v>
      </c>
      <c r="AW1196" s="9">
        <v>18725.8131994</v>
      </c>
      <c r="AX1196" s="9">
        <v>21767.462293</v>
      </c>
      <c r="AY1196" s="9">
        <v>21398.3676127</v>
      </c>
      <c r="AZ1196" s="9">
        <v>1</v>
      </c>
      <c r="BA1196" s="9">
        <v>30811.279236900002</v>
      </c>
      <c r="BB1196" s="9">
        <v>1</v>
      </c>
      <c r="BC1196" s="9">
        <v>1</v>
      </c>
      <c r="BD1196" s="9">
        <v>1</v>
      </c>
      <c r="BE1196" s="9">
        <v>25841.267255800001</v>
      </c>
      <c r="BF1196" s="9">
        <v>24325.228032700001</v>
      </c>
      <c r="BG1196" s="11">
        <v>1.5</v>
      </c>
      <c r="BH1196" s="13">
        <v>1.5</v>
      </c>
      <c r="BI1196" s="6">
        <v>2</v>
      </c>
      <c r="BJ1196" s="13">
        <v>2</v>
      </c>
      <c r="BK1196" s="6">
        <v>-1</v>
      </c>
      <c r="BL1196" s="13">
        <v>-0.33333333333333331</v>
      </c>
      <c r="BM1196" s="11">
        <v>0.5</v>
      </c>
      <c r="BN1196" s="13">
        <v>0.25</v>
      </c>
      <c r="BO1196" s="11">
        <v>-0.5</v>
      </c>
      <c r="BP1196" s="13">
        <v>-0.16666666666666666</v>
      </c>
      <c r="BQ1196" s="6">
        <v>1</v>
      </c>
      <c r="BR1196" s="6">
        <v>1</v>
      </c>
      <c r="BS1196" s="6">
        <v>3</v>
      </c>
      <c r="BT1196" s="6">
        <v>3</v>
      </c>
      <c r="BU1196" s="6">
        <v>3</v>
      </c>
      <c r="BV1196" s="6">
        <v>3</v>
      </c>
      <c r="BW1196" s="6">
        <v>2</v>
      </c>
      <c r="BX1196" s="6">
        <v>2</v>
      </c>
      <c r="BY1196" s="6">
        <v>2</v>
      </c>
      <c r="BZ1196" s="6">
        <v>2</v>
      </c>
      <c r="CA1196" s="6">
        <v>2</v>
      </c>
      <c r="CB1196" s="6">
        <v>2</v>
      </c>
      <c r="CC1196" s="11">
        <v>2.5</v>
      </c>
      <c r="CD1196" s="11">
        <v>8.4853199999999998</v>
      </c>
      <c r="CE1196" s="11">
        <v>1.7654300000000001</v>
      </c>
      <c r="CF1196" s="11">
        <v>0.53294799999999998</v>
      </c>
      <c r="CG1196" s="11">
        <v>3</v>
      </c>
      <c r="CH1196" s="20">
        <v>3.5077900000000002E-2</v>
      </c>
      <c r="CI1196" s="20">
        <v>6.5310000000000007E-2</v>
      </c>
      <c r="CJ1196" s="20">
        <v>5.9579600000000003E-2</v>
      </c>
      <c r="CK1196" s="20">
        <v>2.6825000000000002E-2</v>
      </c>
      <c r="CL1196" s="20">
        <v>3.3011600000000002E-2</v>
      </c>
      <c r="CM1196" s="20">
        <v>0.125308</v>
      </c>
      <c r="CN1196" s="20">
        <v>0.11983099999999999</v>
      </c>
      <c r="CO1196" s="20">
        <v>9.8315600000000003E-2</v>
      </c>
      <c r="CP1196" s="20">
        <v>7.48727E-2</v>
      </c>
      <c r="CQ1196" s="20">
        <v>2.7444900000000001E-2</v>
      </c>
      <c r="CR1196" s="20">
        <v>6.2511300000000006E-2</v>
      </c>
      <c r="CS1196" s="20">
        <v>3.0517800000000001E-2</v>
      </c>
      <c r="CT1196" s="20">
        <v>4.5832199999999997E-2</v>
      </c>
      <c r="CU1196" s="20">
        <v>3.7789799999999998E-2</v>
      </c>
      <c r="CV1196" s="20">
        <v>7.2626099999999999E-2</v>
      </c>
      <c r="CW1196" s="20">
        <v>8.0259499999999998E-2</v>
      </c>
      <c r="CX1196" s="20">
        <v>8.652E-2</v>
      </c>
      <c r="CY1196" s="6" t="s">
        <v>582</v>
      </c>
      <c r="CZ1196" s="6" t="s">
        <v>583</v>
      </c>
      <c r="DA1196" s="6" t="s">
        <v>90</v>
      </c>
      <c r="DB1196" s="6"/>
      <c r="DC1196" s="6"/>
      <c r="DD1196" s="6"/>
      <c r="DE1196" s="6"/>
      <c r="DF1196" s="6"/>
      <c r="DG1196" s="6"/>
      <c r="DH1196" s="6" t="s">
        <v>333</v>
      </c>
      <c r="DI1196" s="6"/>
      <c r="DJ1196" s="6"/>
      <c r="DK1196" s="6"/>
      <c r="DL1196" s="6">
        <v>4</v>
      </c>
      <c r="DM1196" s="6" t="s">
        <v>446</v>
      </c>
      <c r="DN1196" s="6">
        <v>6</v>
      </c>
      <c r="DO1196" s="6" t="s">
        <v>393</v>
      </c>
      <c r="DP1196" s="6"/>
      <c r="DQ1196" s="6"/>
    </row>
    <row r="1197" spans="1:121" x14ac:dyDescent="0.2">
      <c r="A1197" s="6" t="s">
        <v>321</v>
      </c>
      <c r="B1197" s="6" t="s">
        <v>321</v>
      </c>
      <c r="C1197" s="6" t="s">
        <v>190</v>
      </c>
      <c r="D1197" s="6" t="s">
        <v>90</v>
      </c>
      <c r="E1197" s="6" t="s">
        <v>231</v>
      </c>
      <c r="F1197" s="11">
        <v>60</v>
      </c>
      <c r="G1197" s="13">
        <v>7.3349633251799995E-2</v>
      </c>
      <c r="H1197" s="11">
        <v>35.937452378999978</v>
      </c>
      <c r="I1197" s="13">
        <v>4.3934392283098686E-2</v>
      </c>
      <c r="J1197" s="11">
        <v>-22.845296226999949</v>
      </c>
      <c r="K1197" s="13">
        <v>-2.6753519642996739E-2</v>
      </c>
      <c r="L1197" s="11">
        <v>47.255916232999994</v>
      </c>
      <c r="M1197" s="13">
        <v>5.6861390722380077E-2</v>
      </c>
      <c r="N1197" s="11">
        <v>24.410620006000045</v>
      </c>
      <c r="O1197" s="13">
        <v>2.8586628745764037E-2</v>
      </c>
      <c r="P1197" s="7">
        <v>817.97995855800002</v>
      </c>
      <c r="Q1197" s="7">
        <v>852.79046750099997</v>
      </c>
      <c r="R1197" s="7">
        <v>896.12513834399999</v>
      </c>
      <c r="S1197" s="7">
        <v>877.10440627599996</v>
      </c>
      <c r="T1197" s="7">
        <v>876.21166860300002</v>
      </c>
      <c r="U1197" s="7">
        <v>859.49206082800004</v>
      </c>
      <c r="V1197" s="7">
        <v>853.917410937</v>
      </c>
      <c r="W1197" s="7">
        <v>858.50809669</v>
      </c>
      <c r="X1197" s="7">
        <v>872.78819964299998</v>
      </c>
      <c r="Y1197" s="7">
        <v>831.07211471000005</v>
      </c>
      <c r="Z1197" s="7">
        <v>829.90646743399998</v>
      </c>
      <c r="AA1197" s="7">
        <v>859.77099314600002</v>
      </c>
      <c r="AB1197" s="7">
        <v>902.45585321600004</v>
      </c>
      <c r="AC1197" s="7">
        <v>896.35299450000002</v>
      </c>
      <c r="AD1197" s="7">
        <v>864.99815458199998</v>
      </c>
      <c r="AE1197" s="7">
        <v>866.340866097</v>
      </c>
      <c r="AF1197" s="7">
        <v>878.32803094300004</v>
      </c>
      <c r="AG1197" s="9">
        <v>20316.034640400001</v>
      </c>
      <c r="AH1197" s="13">
        <v>0.86726722135382539</v>
      </c>
      <c r="AI1197" s="9">
        <v>9086.1713703999994</v>
      </c>
      <c r="AJ1197" s="13">
        <v>0.38787778897960851</v>
      </c>
      <c r="AK1197" s="9">
        <v>5133.8523385000008</v>
      </c>
      <c r="AL1197" s="13">
        <v>0.15790872807243311</v>
      </c>
      <c r="AM1197" s="9">
        <v>6096.0109315000009</v>
      </c>
      <c r="AN1197" s="13">
        <v>0.16193255628090883</v>
      </c>
      <c r="AO1197" s="9">
        <v>11229.863270000002</v>
      </c>
      <c r="AP1197" s="13">
        <v>0.34541184834917799</v>
      </c>
      <c r="AQ1197" s="9">
        <v>23425.345891299999</v>
      </c>
      <c r="AR1197" s="9">
        <v>24087.7643126</v>
      </c>
      <c r="AS1197" s="9">
        <v>24944.3102516</v>
      </c>
      <c r="AT1197" s="9">
        <v>27177.973844600001</v>
      </c>
      <c r="AU1197" s="9">
        <v>28496.193764399999</v>
      </c>
      <c r="AV1197" s="9">
        <v>29937.914208800001</v>
      </c>
      <c r="AW1197" s="9">
        <v>32511.517261699999</v>
      </c>
      <c r="AX1197" s="9">
        <v>32699.7898642</v>
      </c>
      <c r="AY1197" s="9">
        <v>33994.873003300003</v>
      </c>
      <c r="AZ1197" s="9">
        <v>37645.3696002</v>
      </c>
      <c r="BA1197" s="9">
        <v>37336.415153200003</v>
      </c>
      <c r="BB1197" s="9">
        <v>38534.051400600001</v>
      </c>
      <c r="BC1197" s="9">
        <v>40332.199948399997</v>
      </c>
      <c r="BD1197" s="9">
        <v>40733.792524500001</v>
      </c>
      <c r="BE1197" s="9">
        <v>43255.082161799997</v>
      </c>
      <c r="BF1197" s="9">
        <v>43741.380531700001</v>
      </c>
      <c r="BG1197" s="11">
        <v>21.5</v>
      </c>
      <c r="BH1197" s="13">
        <v>0.52439024390243905</v>
      </c>
      <c r="BI1197" s="6">
        <v>1</v>
      </c>
      <c r="BJ1197" s="13">
        <v>2.4390243902439025E-2</v>
      </c>
      <c r="BK1197" s="6">
        <v>2</v>
      </c>
      <c r="BL1197" s="13">
        <v>4.7619047619047616E-2</v>
      </c>
      <c r="BM1197" s="11">
        <v>18.5</v>
      </c>
      <c r="BN1197" s="13">
        <v>0.42045454545454547</v>
      </c>
      <c r="BO1197" s="11">
        <v>20.5</v>
      </c>
      <c r="BP1197" s="13">
        <v>0.48809523809523808</v>
      </c>
      <c r="BQ1197" s="6">
        <v>41</v>
      </c>
      <c r="BR1197" s="6">
        <v>42</v>
      </c>
      <c r="BS1197" s="6">
        <v>40</v>
      </c>
      <c r="BT1197" s="6">
        <v>42</v>
      </c>
      <c r="BU1197" s="6">
        <v>45</v>
      </c>
      <c r="BV1197" s="6">
        <v>44</v>
      </c>
      <c r="BW1197" s="6">
        <v>44</v>
      </c>
      <c r="BX1197" s="6">
        <v>46</v>
      </c>
      <c r="BY1197" s="6">
        <v>49</v>
      </c>
      <c r="BZ1197" s="6">
        <v>61</v>
      </c>
      <c r="CA1197" s="6">
        <v>58</v>
      </c>
      <c r="CB1197" s="6">
        <v>57</v>
      </c>
      <c r="CC1197" s="11">
        <v>62.5</v>
      </c>
      <c r="CD1197" s="11">
        <v>-326.94799999999998</v>
      </c>
      <c r="CE1197" s="11">
        <v>297.88099999999997</v>
      </c>
      <c r="CF1197" s="11">
        <v>89.415099999999995</v>
      </c>
      <c r="CG1197" s="11">
        <v>387</v>
      </c>
      <c r="CH1197" s="20">
        <v>1.19164</v>
      </c>
      <c r="CI1197" s="20">
        <v>1.20384</v>
      </c>
      <c r="CJ1197" s="20">
        <v>1.2928900000000001</v>
      </c>
      <c r="CK1197" s="20">
        <v>1.2398499999999999</v>
      </c>
      <c r="CL1197" s="20">
        <v>1.19411</v>
      </c>
      <c r="CM1197" s="20">
        <v>1.19279</v>
      </c>
      <c r="CN1197" s="20">
        <v>1.14991</v>
      </c>
      <c r="CO1197" s="20">
        <v>1.14828</v>
      </c>
      <c r="CP1197" s="20">
        <v>1.09914</v>
      </c>
      <c r="CQ1197" s="20">
        <v>1.04826</v>
      </c>
      <c r="CR1197" s="20">
        <v>1.05819</v>
      </c>
      <c r="CS1197" s="20">
        <v>1.04131</v>
      </c>
      <c r="CT1197" s="20">
        <v>1.06098</v>
      </c>
      <c r="CU1197" s="20">
        <v>1.0522100000000001</v>
      </c>
      <c r="CV1197" s="20">
        <v>1.00637</v>
      </c>
      <c r="CW1197" s="20">
        <v>0.99958599999999997</v>
      </c>
      <c r="CX1197" s="20">
        <v>0.98125600000000002</v>
      </c>
      <c r="CY1197" s="6" t="s">
        <v>582</v>
      </c>
      <c r="CZ1197" s="6" t="s">
        <v>583</v>
      </c>
      <c r="DA1197" s="6" t="s">
        <v>90</v>
      </c>
      <c r="DB1197" s="6"/>
      <c r="DC1197" s="6"/>
      <c r="DD1197" s="6"/>
      <c r="DE1197" s="6"/>
      <c r="DF1197" s="6"/>
      <c r="DG1197" s="6"/>
      <c r="DH1197" s="6" t="s">
        <v>333</v>
      </c>
      <c r="DI1197" s="6"/>
      <c r="DJ1197" s="6"/>
      <c r="DK1197" s="6"/>
      <c r="DL1197" s="6">
        <v>4</v>
      </c>
      <c r="DM1197" s="6" t="s">
        <v>446</v>
      </c>
      <c r="DN1197" s="6">
        <v>6</v>
      </c>
      <c r="DO1197" s="6" t="s">
        <v>393</v>
      </c>
      <c r="DP1197" s="6"/>
      <c r="DQ1197" s="6"/>
    </row>
    <row r="1198" spans="1:121" x14ac:dyDescent="0.2">
      <c r="A1198" s="6" t="s">
        <v>322</v>
      </c>
      <c r="B1198" s="6" t="s">
        <v>322</v>
      </c>
      <c r="C1198" s="6" t="s">
        <v>191</v>
      </c>
      <c r="D1198" s="6" t="s">
        <v>90</v>
      </c>
      <c r="E1198" s="6" t="s">
        <v>231</v>
      </c>
      <c r="F1198" s="11">
        <v>1</v>
      </c>
      <c r="G1198" s="13">
        <v>0.03</v>
      </c>
      <c r="H1198" s="11">
        <v>20</v>
      </c>
      <c r="I1198" s="13">
        <v>0.64516129032258063</v>
      </c>
      <c r="J1198" s="11">
        <v>-15</v>
      </c>
      <c r="K1198" s="13">
        <v>-0.29411764705882354</v>
      </c>
      <c r="L1198" s="11">
        <v>-4</v>
      </c>
      <c r="M1198" s="13">
        <v>-0.1111111111111111</v>
      </c>
      <c r="N1198" s="11">
        <v>-19</v>
      </c>
      <c r="O1198" s="13">
        <v>-0.37254901960784315</v>
      </c>
      <c r="P1198" s="7">
        <v>31</v>
      </c>
      <c r="Q1198" s="7">
        <v>33</v>
      </c>
      <c r="R1198" s="7">
        <v>39</v>
      </c>
      <c r="S1198" s="7">
        <v>33</v>
      </c>
      <c r="T1198" s="7">
        <v>30</v>
      </c>
      <c r="U1198" s="7">
        <v>51</v>
      </c>
      <c r="V1198" s="7">
        <v>51</v>
      </c>
      <c r="W1198" s="7">
        <v>48</v>
      </c>
      <c r="X1198" s="7">
        <v>45</v>
      </c>
      <c r="Y1198" s="7">
        <v>36</v>
      </c>
      <c r="Z1198" s="7">
        <v>33</v>
      </c>
      <c r="AA1198" s="7">
        <v>29</v>
      </c>
      <c r="AB1198" s="7">
        <v>32</v>
      </c>
      <c r="AC1198" s="7">
        <v>32</v>
      </c>
      <c r="AD1198" s="7">
        <v>31</v>
      </c>
      <c r="AE1198" s="7">
        <v>32</v>
      </c>
      <c r="AF1198" s="7">
        <v>32</v>
      </c>
      <c r="AG1198" s="9">
        <v>3239</v>
      </c>
      <c r="AH1198" s="13">
        <v>0.30461769961440799</v>
      </c>
      <c r="AI1198" s="9">
        <v>2228</v>
      </c>
      <c r="AJ1198" s="13">
        <v>0.20953634910185273</v>
      </c>
      <c r="AK1198" s="9">
        <v>2496</v>
      </c>
      <c r="AL1198" s="13">
        <v>0.19407511080009329</v>
      </c>
      <c r="AM1198" s="9">
        <v>-1485</v>
      </c>
      <c r="AN1198" s="13">
        <v>-9.6698573940222701E-2</v>
      </c>
      <c r="AO1198" s="9">
        <v>1011</v>
      </c>
      <c r="AP1198" s="13">
        <v>7.8609750408210874E-2</v>
      </c>
      <c r="AQ1198" s="9">
        <v>10633</v>
      </c>
      <c r="AR1198" s="9">
        <v>10200</v>
      </c>
      <c r="AS1198" s="9">
        <v>8947</v>
      </c>
      <c r="AT1198" s="9">
        <v>10186</v>
      </c>
      <c r="AU1198" s="9">
        <v>11920</v>
      </c>
      <c r="AV1198" s="9">
        <v>13065</v>
      </c>
      <c r="AW1198" s="9">
        <v>12861</v>
      </c>
      <c r="AX1198" s="9">
        <v>14261</v>
      </c>
      <c r="AY1198" s="9">
        <v>15338</v>
      </c>
      <c r="AZ1198" s="9">
        <v>15357</v>
      </c>
      <c r="BA1198" s="9">
        <v>14410</v>
      </c>
      <c r="BB1198" s="9">
        <v>12450</v>
      </c>
      <c r="BC1198" s="9">
        <v>16101</v>
      </c>
      <c r="BD1198" s="9">
        <v>15917</v>
      </c>
      <c r="BE1198" s="9">
        <v>16114</v>
      </c>
      <c r="BF1198" s="9">
        <v>13872</v>
      </c>
      <c r="BG1198" s="11">
        <v>1</v>
      </c>
      <c r="BH1198" s="13">
        <v>0.33333333333333331</v>
      </c>
      <c r="BI1198" s="6">
        <v>1</v>
      </c>
      <c r="BJ1198" s="13">
        <v>0.33333333333333331</v>
      </c>
      <c r="BK1198" s="6">
        <v>0</v>
      </c>
      <c r="BL1198" s="13">
        <v>0</v>
      </c>
      <c r="BM1198" s="11">
        <v>0</v>
      </c>
      <c r="BN1198" s="13">
        <v>0</v>
      </c>
      <c r="BO1198" s="11">
        <v>0</v>
      </c>
      <c r="BP1198" s="13">
        <v>0</v>
      </c>
      <c r="BQ1198" s="6">
        <v>3</v>
      </c>
      <c r="BR1198" s="6">
        <v>3</v>
      </c>
      <c r="BS1198" s="6">
        <v>4</v>
      </c>
      <c r="BT1198" s="6">
        <v>4</v>
      </c>
      <c r="BU1198" s="6">
        <v>4</v>
      </c>
      <c r="BV1198" s="6">
        <v>4</v>
      </c>
      <c r="BW1198" s="6">
        <v>4</v>
      </c>
      <c r="BX1198" s="6">
        <v>4</v>
      </c>
      <c r="BY1198" s="6">
        <v>4</v>
      </c>
      <c r="BZ1198" s="6">
        <v>4</v>
      </c>
      <c r="CA1198" s="6">
        <v>4</v>
      </c>
      <c r="CB1198" s="6">
        <v>4</v>
      </c>
      <c r="CC1198" s="11">
        <v>4</v>
      </c>
      <c r="CD1198" s="11">
        <v>-7</v>
      </c>
      <c r="CE1198" s="11">
        <v>6</v>
      </c>
      <c r="CF1198" s="11">
        <v>3</v>
      </c>
      <c r="CG1198" s="11">
        <v>9</v>
      </c>
      <c r="CH1198" s="20">
        <v>0.28999999999999998</v>
      </c>
      <c r="CI1198" s="20">
        <v>0.31</v>
      </c>
      <c r="CJ1198" s="20">
        <v>0.38</v>
      </c>
      <c r="CK1198" s="20">
        <v>0.31</v>
      </c>
      <c r="CL1198" s="20">
        <v>0.27</v>
      </c>
      <c r="CM1198" s="20">
        <v>0.48</v>
      </c>
      <c r="CN1198" s="20">
        <v>0.47</v>
      </c>
      <c r="CO1198" s="20">
        <v>0.45</v>
      </c>
      <c r="CP1198" s="20">
        <v>0.42</v>
      </c>
      <c r="CQ1198" s="20">
        <v>0.34</v>
      </c>
      <c r="CR1198" s="20">
        <v>0.31</v>
      </c>
      <c r="CS1198" s="20">
        <v>0.26</v>
      </c>
      <c r="CT1198" s="20">
        <v>0.28999999999999998</v>
      </c>
      <c r="CU1198" s="20">
        <v>0.28000000000000003</v>
      </c>
      <c r="CV1198" s="20">
        <v>0.27</v>
      </c>
      <c r="CW1198" s="20">
        <v>0.27</v>
      </c>
      <c r="CX1198" s="20">
        <v>0.27</v>
      </c>
      <c r="CY1198" s="6" t="s">
        <v>582</v>
      </c>
      <c r="CZ1198" s="6" t="s">
        <v>583</v>
      </c>
      <c r="DA1198" s="6" t="s">
        <v>90</v>
      </c>
      <c r="DB1198" s="6"/>
      <c r="DC1198" s="6"/>
      <c r="DD1198" s="6"/>
      <c r="DE1198" s="6"/>
      <c r="DF1198" s="6"/>
      <c r="DG1198" s="6"/>
      <c r="DH1198" s="6" t="s">
        <v>333</v>
      </c>
      <c r="DI1198" s="6"/>
      <c r="DJ1198" s="6"/>
      <c r="DK1198" s="6"/>
      <c r="DL1198" s="6">
        <v>4</v>
      </c>
      <c r="DM1198" s="6" t="s">
        <v>446</v>
      </c>
      <c r="DN1198" s="6">
        <v>6</v>
      </c>
      <c r="DO1198" s="6" t="s">
        <v>393</v>
      </c>
      <c r="DP1198" s="6"/>
      <c r="DQ1198" s="6"/>
    </row>
    <row r="1199" spans="1:121" x14ac:dyDescent="0.2">
      <c r="A1199" s="6" t="s">
        <v>323</v>
      </c>
      <c r="B1199" s="6" t="s">
        <v>323</v>
      </c>
      <c r="C1199" s="6" t="s">
        <v>192</v>
      </c>
      <c r="D1199" s="6" t="s">
        <v>90</v>
      </c>
      <c r="E1199" s="6" t="s">
        <v>231</v>
      </c>
      <c r="F1199" s="11">
        <v>18</v>
      </c>
      <c r="G1199" s="13">
        <v>3.9301310043700001E-2</v>
      </c>
      <c r="H1199" s="11">
        <v>53.251486329999977</v>
      </c>
      <c r="I1199" s="13">
        <v>0.11631490775662956</v>
      </c>
      <c r="J1199" s="11">
        <v>-134.18981143600001</v>
      </c>
      <c r="K1199" s="13">
        <v>-0.26256477665247085</v>
      </c>
      <c r="L1199" s="11">
        <v>98.864557520999995</v>
      </c>
      <c r="M1199" s="13">
        <v>0.26232136965296199</v>
      </c>
      <c r="N1199" s="11">
        <v>-35.325253915000019</v>
      </c>
      <c r="O1199" s="13">
        <v>-6.9119758833609102E-2</v>
      </c>
      <c r="P1199" s="7">
        <v>457.82167872600002</v>
      </c>
      <c r="Q1199" s="7">
        <v>464.96280904600002</v>
      </c>
      <c r="R1199" s="7">
        <v>458.96209245400001</v>
      </c>
      <c r="S1199" s="7">
        <v>487.244614415</v>
      </c>
      <c r="T1199" s="7">
        <v>475.49705284599997</v>
      </c>
      <c r="U1199" s="7">
        <v>487.19112750900001</v>
      </c>
      <c r="V1199" s="7">
        <v>511.07316505599999</v>
      </c>
      <c r="W1199" s="7">
        <v>452.18308005400002</v>
      </c>
      <c r="X1199" s="7">
        <v>407.149452043</v>
      </c>
      <c r="Y1199" s="7">
        <v>376.88335361999998</v>
      </c>
      <c r="Z1199" s="7">
        <v>349.01741521500003</v>
      </c>
      <c r="AA1199" s="7">
        <v>394.52716258700002</v>
      </c>
      <c r="AB1199" s="7">
        <v>411.29014302100001</v>
      </c>
      <c r="AC1199" s="7">
        <v>435.836612914</v>
      </c>
      <c r="AD1199" s="7">
        <v>446.25239257200002</v>
      </c>
      <c r="AE1199" s="7">
        <v>472.44909943499999</v>
      </c>
      <c r="AF1199" s="7">
        <v>475.74791114099997</v>
      </c>
      <c r="AG1199" s="9">
        <v>3828.1927443999994</v>
      </c>
      <c r="AH1199" s="13">
        <v>0.36932850099916942</v>
      </c>
      <c r="AI1199" s="9">
        <v>876.08037889999832</v>
      </c>
      <c r="AJ1199" s="13">
        <v>8.4520679782186164E-2</v>
      </c>
      <c r="AK1199" s="9">
        <v>585.05177580000054</v>
      </c>
      <c r="AL1199" s="13">
        <v>5.2044578046923931E-2</v>
      </c>
      <c r="AM1199" s="9">
        <v>2367.0605897000005</v>
      </c>
      <c r="AN1199" s="13">
        <v>0.2001503814760619</v>
      </c>
      <c r="AO1199" s="9">
        <v>2952.112365500001</v>
      </c>
      <c r="AP1199" s="13">
        <v>0.26261170167283832</v>
      </c>
      <c r="AQ1199" s="9">
        <v>10365.278428400001</v>
      </c>
      <c r="AR1199" s="9">
        <v>10660.9203812</v>
      </c>
      <c r="AS1199" s="9">
        <v>10785.955317600001</v>
      </c>
      <c r="AT1199" s="9">
        <v>11641.3392427</v>
      </c>
      <c r="AU1199" s="9">
        <v>11912.5991856</v>
      </c>
      <c r="AV1199" s="9">
        <v>12108.7369117</v>
      </c>
      <c r="AW1199" s="9">
        <v>11241.358807299999</v>
      </c>
      <c r="AX1199" s="9">
        <v>12057.768987400001</v>
      </c>
      <c r="AY1199" s="9">
        <v>11560.162041699999</v>
      </c>
      <c r="AZ1199" s="9">
        <v>11826.4105831</v>
      </c>
      <c r="BA1199" s="9">
        <v>12380.085978200001</v>
      </c>
      <c r="BB1199" s="9">
        <v>13126.5390346</v>
      </c>
      <c r="BC1199" s="9">
        <v>13351.336777</v>
      </c>
      <c r="BD1199" s="9">
        <v>13732.900067</v>
      </c>
      <c r="BE1199" s="9">
        <v>14341.264943</v>
      </c>
      <c r="BF1199" s="9">
        <v>14193.4711728</v>
      </c>
      <c r="BG1199" s="11">
        <v>5.5</v>
      </c>
      <c r="BH1199" s="13">
        <v>0.22916666666666666</v>
      </c>
      <c r="BI1199" s="6">
        <v>7</v>
      </c>
      <c r="BJ1199" s="13">
        <v>0.29166666666666669</v>
      </c>
      <c r="BK1199" s="6">
        <v>-4</v>
      </c>
      <c r="BL1199" s="13">
        <v>-0.12903225806451613</v>
      </c>
      <c r="BM1199" s="11">
        <v>2.5</v>
      </c>
      <c r="BN1199" s="13">
        <v>9.2592592592592587E-2</v>
      </c>
      <c r="BO1199" s="11">
        <v>-1.5</v>
      </c>
      <c r="BP1199" s="13">
        <v>-4.8387096774193547E-2</v>
      </c>
      <c r="BQ1199" s="6">
        <v>24</v>
      </c>
      <c r="BR1199" s="6">
        <v>26</v>
      </c>
      <c r="BS1199" s="6">
        <v>28</v>
      </c>
      <c r="BT1199" s="6">
        <v>31</v>
      </c>
      <c r="BU1199" s="6">
        <v>29</v>
      </c>
      <c r="BV1199" s="6">
        <v>27</v>
      </c>
      <c r="BW1199" s="6">
        <v>27</v>
      </c>
      <c r="BX1199" s="6">
        <v>28</v>
      </c>
      <c r="BY1199" s="6">
        <v>27</v>
      </c>
      <c r="BZ1199" s="6">
        <v>30</v>
      </c>
      <c r="CA1199" s="6">
        <v>30</v>
      </c>
      <c r="CB1199" s="6">
        <v>30</v>
      </c>
      <c r="CC1199" s="11">
        <v>29.5</v>
      </c>
      <c r="CD1199" s="11">
        <v>-136.22999999999999</v>
      </c>
      <c r="CE1199" s="11">
        <v>104.111</v>
      </c>
      <c r="CF1199" s="11">
        <v>50.045400000000001</v>
      </c>
      <c r="CG1199" s="11">
        <v>154</v>
      </c>
      <c r="CH1199" s="20">
        <v>0.89871800000000002</v>
      </c>
      <c r="CI1199" s="20">
        <v>0.90693400000000002</v>
      </c>
      <c r="CJ1199" s="20">
        <v>0.92615400000000003</v>
      </c>
      <c r="CK1199" s="20">
        <v>0.95830599999999999</v>
      </c>
      <c r="CL1199" s="20">
        <v>0.90093999999999996</v>
      </c>
      <c r="CM1199" s="20">
        <v>0.94373799999999997</v>
      </c>
      <c r="CN1199" s="20">
        <v>0.96602200000000005</v>
      </c>
      <c r="CO1199" s="20">
        <v>0.86837699999999995</v>
      </c>
      <c r="CP1199" s="20">
        <v>0.77267799999999998</v>
      </c>
      <c r="CQ1199" s="20">
        <v>0.725742</v>
      </c>
      <c r="CR1199" s="20">
        <v>0.67196800000000001</v>
      </c>
      <c r="CS1199" s="20">
        <v>0.72597999999999996</v>
      </c>
      <c r="CT1199" s="20">
        <v>0.72681099999999998</v>
      </c>
      <c r="CU1199" s="20">
        <v>0.76092199999999999</v>
      </c>
      <c r="CV1199" s="20">
        <v>0.76477799999999996</v>
      </c>
      <c r="CW1199" s="20">
        <v>0.80108199999999996</v>
      </c>
      <c r="CX1199" s="20">
        <v>0.78946099999999997</v>
      </c>
      <c r="CY1199" s="6" t="s">
        <v>582</v>
      </c>
      <c r="CZ1199" s="6" t="s">
        <v>583</v>
      </c>
      <c r="DA1199" s="6" t="s">
        <v>90</v>
      </c>
      <c r="DB1199" s="6"/>
      <c r="DC1199" s="6"/>
      <c r="DD1199" s="6"/>
      <c r="DE1199" s="6"/>
      <c r="DF1199" s="6"/>
      <c r="DG1199" s="6"/>
      <c r="DH1199" s="6" t="s">
        <v>333</v>
      </c>
      <c r="DI1199" s="6"/>
      <c r="DJ1199" s="6"/>
      <c r="DK1199" s="6"/>
      <c r="DL1199" s="6">
        <v>4</v>
      </c>
      <c r="DM1199" s="6" t="s">
        <v>446</v>
      </c>
      <c r="DN1199" s="6">
        <v>6</v>
      </c>
      <c r="DO1199" s="6" t="s">
        <v>393</v>
      </c>
      <c r="DP1199" s="6"/>
      <c r="DQ1199" s="6"/>
    </row>
    <row r="1200" spans="1:121" x14ac:dyDescent="0.2">
      <c r="A1200" s="6" t="s">
        <v>325</v>
      </c>
      <c r="B1200" s="6" t="s">
        <v>325</v>
      </c>
      <c r="C1200" s="6" t="s">
        <v>193</v>
      </c>
      <c r="D1200" s="6" t="s">
        <v>90</v>
      </c>
      <c r="E1200" s="6" t="s">
        <v>231</v>
      </c>
      <c r="F1200" s="11">
        <v>28</v>
      </c>
      <c r="G1200" s="13">
        <v>7.1611253196899996E-2</v>
      </c>
      <c r="H1200" s="11">
        <v>-18.199610868999969</v>
      </c>
      <c r="I1200" s="13">
        <v>-4.6586653833808174E-2</v>
      </c>
      <c r="J1200" s="11">
        <v>2.611639729999979</v>
      </c>
      <c r="K1200" s="13">
        <v>7.0118312409369705E-3</v>
      </c>
      <c r="L1200" s="11">
        <v>44.189318684999989</v>
      </c>
      <c r="M1200" s="13">
        <v>0.11781509041200412</v>
      </c>
      <c r="N1200" s="11">
        <v>46.800958414999968</v>
      </c>
      <c r="O1200" s="13">
        <v>0.1256530211845458</v>
      </c>
      <c r="P1200" s="7">
        <v>390.66147429099999</v>
      </c>
      <c r="Q1200" s="7">
        <v>405.39447871599998</v>
      </c>
      <c r="R1200" s="7">
        <v>407.567174131</v>
      </c>
      <c r="S1200" s="7">
        <v>399.96465283100002</v>
      </c>
      <c r="T1200" s="7">
        <v>412.12192754300003</v>
      </c>
      <c r="U1200" s="7">
        <v>381.78646918999999</v>
      </c>
      <c r="V1200" s="7">
        <v>372.46186342200002</v>
      </c>
      <c r="W1200" s="7">
        <v>391.06515953299999</v>
      </c>
      <c r="X1200" s="7">
        <v>367.06812478299997</v>
      </c>
      <c r="Y1200" s="7">
        <v>375.073503152</v>
      </c>
      <c r="Z1200" s="7">
        <v>366.69124778700001</v>
      </c>
      <c r="AA1200" s="7">
        <v>379.76594708200003</v>
      </c>
      <c r="AB1200" s="7">
        <v>411.09185466100001</v>
      </c>
      <c r="AC1200" s="7">
        <v>424.05066676799999</v>
      </c>
      <c r="AD1200" s="7">
        <v>400.53554212799997</v>
      </c>
      <c r="AE1200" s="7">
        <v>410.61222187800001</v>
      </c>
      <c r="AF1200" s="7">
        <v>419.26282183699999</v>
      </c>
      <c r="AG1200" s="9">
        <v>6472.83583</v>
      </c>
      <c r="AH1200" s="13">
        <v>0.4747015516660677</v>
      </c>
      <c r="AI1200" s="9">
        <v>3805.8842283000013</v>
      </c>
      <c r="AJ1200" s="13">
        <v>0.27911400753623394</v>
      </c>
      <c r="AK1200" s="9">
        <v>1103.8578994999989</v>
      </c>
      <c r="AL1200" s="13">
        <v>6.3289253639701892E-2</v>
      </c>
      <c r="AM1200" s="9">
        <v>1563.0937021999998</v>
      </c>
      <c r="AN1200" s="13">
        <v>8.4285019746729917E-2</v>
      </c>
      <c r="AO1200" s="9">
        <v>2666.9516016999987</v>
      </c>
      <c r="AP1200" s="13">
        <v>0.15290860937920989</v>
      </c>
      <c r="AQ1200" s="9">
        <v>13635.5902088</v>
      </c>
      <c r="AR1200" s="9">
        <v>14048.5992355</v>
      </c>
      <c r="AS1200" s="9">
        <v>14415.349909799999</v>
      </c>
      <c r="AT1200" s="9">
        <v>15034.4378641</v>
      </c>
      <c r="AU1200" s="9">
        <v>14707.4785312</v>
      </c>
      <c r="AV1200" s="9">
        <v>15591.7804574</v>
      </c>
      <c r="AW1200" s="9">
        <v>17441.474437100002</v>
      </c>
      <c r="AX1200" s="9">
        <v>17387.641143500001</v>
      </c>
      <c r="AY1200" s="9">
        <v>18503.678909099999</v>
      </c>
      <c r="AZ1200" s="9">
        <v>18545.3323366</v>
      </c>
      <c r="BA1200" s="9">
        <v>19096.548043899998</v>
      </c>
      <c r="BB1200" s="9">
        <v>19057.805495799999</v>
      </c>
      <c r="BC1200" s="9">
        <v>18565.1781796</v>
      </c>
      <c r="BD1200" s="9">
        <v>18446.054444400001</v>
      </c>
      <c r="BE1200" s="9">
        <v>19586.111348300001</v>
      </c>
      <c r="BF1200" s="9">
        <v>20108.4260388</v>
      </c>
      <c r="BG1200" s="11">
        <v>-13.5</v>
      </c>
      <c r="BH1200" s="13">
        <v>-0.28723404255319152</v>
      </c>
      <c r="BI1200" s="6">
        <v>-7</v>
      </c>
      <c r="BJ1200" s="13">
        <v>-0.14893617021276595</v>
      </c>
      <c r="BK1200" s="6">
        <v>7</v>
      </c>
      <c r="BL1200" s="13">
        <v>0.17499999999999999</v>
      </c>
      <c r="BM1200" s="11">
        <v>-13.5</v>
      </c>
      <c r="BN1200" s="13">
        <v>-0.28723404255319152</v>
      </c>
      <c r="BO1200" s="11">
        <v>-6.5</v>
      </c>
      <c r="BP1200" s="13">
        <v>-0.16250000000000001</v>
      </c>
      <c r="BQ1200" s="6">
        <v>47</v>
      </c>
      <c r="BR1200" s="6">
        <v>44</v>
      </c>
      <c r="BS1200" s="6">
        <v>42</v>
      </c>
      <c r="BT1200" s="6">
        <v>40</v>
      </c>
      <c r="BU1200" s="6">
        <v>46</v>
      </c>
      <c r="BV1200" s="6">
        <v>42</v>
      </c>
      <c r="BW1200" s="6">
        <v>47</v>
      </c>
      <c r="BX1200" s="6">
        <v>46</v>
      </c>
      <c r="BY1200" s="6">
        <v>44</v>
      </c>
      <c r="BZ1200" s="6">
        <v>29</v>
      </c>
      <c r="CA1200" s="6">
        <v>31</v>
      </c>
      <c r="CB1200" s="6">
        <v>32</v>
      </c>
      <c r="CC1200" s="11">
        <v>33.5</v>
      </c>
      <c r="CD1200" s="11">
        <v>-10.505000000000001</v>
      </c>
      <c r="CE1200" s="11">
        <v>-3.59762</v>
      </c>
      <c r="CF1200" s="11">
        <v>42.704000000000001</v>
      </c>
      <c r="CG1200" s="11">
        <v>39</v>
      </c>
      <c r="CH1200" s="20">
        <v>1.129</v>
      </c>
      <c r="CI1200" s="20">
        <v>1.1593</v>
      </c>
      <c r="CJ1200" s="20">
        <v>1.2126999999999999</v>
      </c>
      <c r="CK1200" s="20">
        <v>1.18092</v>
      </c>
      <c r="CL1200" s="20">
        <v>1.19167</v>
      </c>
      <c r="CM1200" s="20">
        <v>1.1392</v>
      </c>
      <c r="CN1200" s="20">
        <v>1.08982</v>
      </c>
      <c r="CO1200" s="20">
        <v>1.16144</v>
      </c>
      <c r="CP1200" s="20">
        <v>1.0553699999999999</v>
      </c>
      <c r="CQ1200" s="20">
        <v>1.10233</v>
      </c>
      <c r="CR1200" s="20">
        <v>1.0932299999999999</v>
      </c>
      <c r="CS1200" s="20">
        <v>1.0904799999999999</v>
      </c>
      <c r="CT1200" s="20">
        <v>1.2365999999999999</v>
      </c>
      <c r="CU1200" s="20">
        <v>1.2736499999999999</v>
      </c>
      <c r="CV1200" s="20">
        <v>1.20427</v>
      </c>
      <c r="CW1200" s="20">
        <v>1.23444</v>
      </c>
      <c r="CX1200" s="20">
        <v>1.24455</v>
      </c>
      <c r="CY1200" s="6" t="s">
        <v>582</v>
      </c>
      <c r="CZ1200" s="6" t="s">
        <v>583</v>
      </c>
      <c r="DA1200" s="6" t="s">
        <v>90</v>
      </c>
      <c r="DB1200" s="6"/>
      <c r="DC1200" s="6"/>
      <c r="DD1200" s="6"/>
      <c r="DE1200" s="6"/>
      <c r="DF1200" s="6"/>
      <c r="DG1200" s="6"/>
      <c r="DH1200" s="6" t="s">
        <v>333</v>
      </c>
      <c r="DI1200" s="6"/>
      <c r="DJ1200" s="6"/>
      <c r="DK1200" s="6"/>
      <c r="DL1200" s="6">
        <v>4</v>
      </c>
      <c r="DM1200" s="6" t="s">
        <v>446</v>
      </c>
      <c r="DN1200" s="6">
        <v>6</v>
      </c>
      <c r="DO1200" s="6" t="s">
        <v>393</v>
      </c>
      <c r="DP1200" s="6"/>
      <c r="DQ1200" s="6"/>
    </row>
    <row r="1201" spans="1:121" x14ac:dyDescent="0.2">
      <c r="A1201" s="6" t="s">
        <v>327</v>
      </c>
      <c r="B1201" s="6" t="s">
        <v>327</v>
      </c>
      <c r="C1201" s="6" t="s">
        <v>194</v>
      </c>
      <c r="D1201" s="6" t="s">
        <v>90</v>
      </c>
      <c r="E1201" s="6" t="s">
        <v>231</v>
      </c>
      <c r="F1201" s="11">
        <v>192</v>
      </c>
      <c r="G1201" s="13">
        <v>0.151181102362</v>
      </c>
      <c r="H1201" s="11">
        <v>-20.358075999999983</v>
      </c>
      <c r="I1201" s="13">
        <v>-1.6030314999939115E-2</v>
      </c>
      <c r="J1201" s="11">
        <v>280.19707399999993</v>
      </c>
      <c r="K1201" s="13">
        <v>0.22422663651545005</v>
      </c>
      <c r="L1201" s="11">
        <v>-68.186616490000006</v>
      </c>
      <c r="M1201" s="13">
        <v>-4.4571876935418912E-2</v>
      </c>
      <c r="N1201" s="11">
        <v>212.01045750999992</v>
      </c>
      <c r="O1201" s="13">
        <v>0.1696605575316216</v>
      </c>
      <c r="P1201" s="7">
        <v>1269.9735470000001</v>
      </c>
      <c r="Q1201" s="7">
        <v>1245.60977</v>
      </c>
      <c r="R1201" s="7">
        <v>1253.33809</v>
      </c>
      <c r="S1201" s="7">
        <v>1249.089757</v>
      </c>
      <c r="T1201" s="7">
        <v>1256.129643</v>
      </c>
      <c r="U1201" s="7">
        <v>1257.0621430000001</v>
      </c>
      <c r="V1201" s="7">
        <v>1249.6154710000001</v>
      </c>
      <c r="W1201" s="7">
        <v>1276.3645899999999</v>
      </c>
      <c r="X1201" s="7">
        <v>1550.1669179999999</v>
      </c>
      <c r="Y1201" s="7">
        <v>1529.812545</v>
      </c>
      <c r="Z1201" s="7">
        <v>1445.7027880000001</v>
      </c>
      <c r="AA1201" s="7">
        <v>1440.111989</v>
      </c>
      <c r="AB1201" s="7">
        <v>1433.792549</v>
      </c>
      <c r="AC1201" s="7">
        <v>1435.7763660000001</v>
      </c>
      <c r="AD1201" s="7">
        <v>1435.10681</v>
      </c>
      <c r="AE1201" s="7">
        <v>1446.1136570000001</v>
      </c>
      <c r="AF1201" s="7">
        <v>1461.62592851</v>
      </c>
      <c r="AG1201" s="9">
        <v>12902.867688899998</v>
      </c>
      <c r="AH1201" s="13">
        <v>0.38101080752788591</v>
      </c>
      <c r="AI1201" s="9">
        <v>8309.0163102000006</v>
      </c>
      <c r="AJ1201" s="13">
        <v>0.24535824829352892</v>
      </c>
      <c r="AK1201" s="9">
        <v>909.6268160000036</v>
      </c>
      <c r="AL1201" s="13">
        <v>2.1568503058635488E-2</v>
      </c>
      <c r="AM1201" s="9">
        <v>3684.2245626999938</v>
      </c>
      <c r="AN1201" s="13">
        <v>8.5513631256545958E-2</v>
      </c>
      <c r="AO1201" s="9">
        <v>4593.8513786999974</v>
      </c>
      <c r="AP1201" s="13">
        <v>0.10892653533249327</v>
      </c>
      <c r="AQ1201" s="9">
        <v>33864.833841899999</v>
      </c>
      <c r="AR1201" s="9">
        <v>34564.595538399997</v>
      </c>
      <c r="AS1201" s="9">
        <v>35692.998591000003</v>
      </c>
      <c r="AT1201" s="9">
        <v>37363.877178199997</v>
      </c>
      <c r="AU1201" s="9">
        <v>38865.423502799997</v>
      </c>
      <c r="AV1201" s="9">
        <v>40339.364569400001</v>
      </c>
      <c r="AW1201" s="9">
        <v>42173.8501521</v>
      </c>
      <c r="AX1201" s="9">
        <v>42285.042207899998</v>
      </c>
      <c r="AY1201" s="9">
        <v>42448.316346899999</v>
      </c>
      <c r="AZ1201" s="9">
        <v>43083.476968100003</v>
      </c>
      <c r="BA1201" s="9">
        <v>43064.4095906</v>
      </c>
      <c r="BB1201" s="9">
        <v>42587.929751600001</v>
      </c>
      <c r="BC1201" s="9">
        <v>44701.053307499998</v>
      </c>
      <c r="BD1201" s="9">
        <v>44969.988673300002</v>
      </c>
      <c r="BE1201" s="9">
        <v>46398.137671099998</v>
      </c>
      <c r="BF1201" s="9">
        <v>46767.701530799997</v>
      </c>
      <c r="BG1201" s="11">
        <v>-7</v>
      </c>
      <c r="BH1201" s="13">
        <v>-8.8607594936708861E-2</v>
      </c>
      <c r="BI1201" s="6">
        <v>2</v>
      </c>
      <c r="BJ1201" s="13">
        <v>2.5316455696202531E-2</v>
      </c>
      <c r="BK1201" s="6">
        <v>0</v>
      </c>
      <c r="BL1201" s="13">
        <v>0</v>
      </c>
      <c r="BM1201" s="11">
        <v>-9</v>
      </c>
      <c r="BN1201" s="13">
        <v>-0.1111111111111111</v>
      </c>
      <c r="BO1201" s="11">
        <v>-9</v>
      </c>
      <c r="BP1201" s="13">
        <v>-0.1111111111111111</v>
      </c>
      <c r="BQ1201" s="6">
        <v>79</v>
      </c>
      <c r="BR1201" s="6">
        <v>78</v>
      </c>
      <c r="BS1201" s="6">
        <v>78</v>
      </c>
      <c r="BT1201" s="6">
        <v>81</v>
      </c>
      <c r="BU1201" s="6">
        <v>81</v>
      </c>
      <c r="BV1201" s="6">
        <v>82</v>
      </c>
      <c r="BW1201" s="6">
        <v>81</v>
      </c>
      <c r="BX1201" s="6">
        <v>79</v>
      </c>
      <c r="BY1201" s="6">
        <v>78</v>
      </c>
      <c r="BZ1201" s="6">
        <v>73</v>
      </c>
      <c r="CA1201" s="6">
        <v>72</v>
      </c>
      <c r="CB1201" s="6">
        <v>72</v>
      </c>
      <c r="CC1201" s="11">
        <v>72</v>
      </c>
      <c r="CD1201" s="11">
        <v>127.28100000000001</v>
      </c>
      <c r="CE1201" s="11">
        <v>-74.451700000000002</v>
      </c>
      <c r="CF1201" s="11">
        <v>138.82300000000001</v>
      </c>
      <c r="CG1201" s="11">
        <v>65</v>
      </c>
      <c r="CH1201" s="20">
        <v>1.1048800000000001</v>
      </c>
      <c r="CI1201" s="20">
        <v>1.0702199999999999</v>
      </c>
      <c r="CJ1201" s="20">
        <v>1.1287199999999999</v>
      </c>
      <c r="CK1201" s="20">
        <v>1.12432</v>
      </c>
      <c r="CL1201" s="20">
        <v>1.10985</v>
      </c>
      <c r="CM1201" s="20">
        <v>1.1536900000000001</v>
      </c>
      <c r="CN1201" s="20">
        <v>1.1326799999999999</v>
      </c>
      <c r="CO1201" s="20">
        <v>1.16256</v>
      </c>
      <c r="CP1201" s="20">
        <v>1.35158</v>
      </c>
      <c r="CQ1201" s="20">
        <v>1.35564</v>
      </c>
      <c r="CR1201" s="20">
        <v>1.33009</v>
      </c>
      <c r="CS1201" s="20">
        <v>1.3193900000000001</v>
      </c>
      <c r="CT1201" s="20">
        <v>1.30707</v>
      </c>
      <c r="CU1201" s="20">
        <v>1.33161</v>
      </c>
      <c r="CV1201" s="20">
        <v>1.34382</v>
      </c>
      <c r="CW1201" s="20">
        <v>1.36083</v>
      </c>
      <c r="CX1201" s="20">
        <v>1.36757</v>
      </c>
      <c r="CY1201" s="6" t="s">
        <v>582</v>
      </c>
      <c r="CZ1201" s="6" t="s">
        <v>583</v>
      </c>
      <c r="DA1201" s="6" t="s">
        <v>90</v>
      </c>
      <c r="DB1201" s="6"/>
      <c r="DC1201" s="6"/>
      <c r="DD1201" s="6"/>
      <c r="DE1201" s="6"/>
      <c r="DF1201" s="6"/>
      <c r="DG1201" s="6"/>
      <c r="DH1201" s="6" t="s">
        <v>333</v>
      </c>
      <c r="DI1201" s="6"/>
      <c r="DJ1201" s="6"/>
      <c r="DK1201" s="6"/>
      <c r="DL1201" s="6">
        <v>4</v>
      </c>
      <c r="DM1201" s="6" t="s">
        <v>446</v>
      </c>
      <c r="DN1201" s="6">
        <v>6</v>
      </c>
      <c r="DO1201" s="6" t="s">
        <v>393</v>
      </c>
      <c r="DP1201" s="6"/>
      <c r="DQ1201" s="6"/>
    </row>
    <row r="1202" spans="1:121" x14ac:dyDescent="0.2">
      <c r="A1202" s="6" t="s">
        <v>1</v>
      </c>
      <c r="B1202" s="6" t="s">
        <v>1</v>
      </c>
      <c r="C1202" s="6" t="s">
        <v>2</v>
      </c>
      <c r="D1202" s="6" t="s">
        <v>82</v>
      </c>
      <c r="E1202" s="6" t="s">
        <v>223</v>
      </c>
      <c r="F1202" s="11">
        <v>62</v>
      </c>
      <c r="G1202" s="13">
        <v>0.41059602648999999</v>
      </c>
      <c r="H1202" s="11">
        <v>171.47961822999997</v>
      </c>
      <c r="I1202" s="13">
        <v>1.1339411103800814</v>
      </c>
      <c r="J1202" s="11">
        <v>-90.735270499999984</v>
      </c>
      <c r="K1202" s="13">
        <v>-0.2811717609339035</v>
      </c>
      <c r="L1202" s="11">
        <v>-18.650592547999992</v>
      </c>
      <c r="M1202" s="13">
        <v>-8.0401299265947093E-2</v>
      </c>
      <c r="N1202" s="11">
        <v>-109.38586304799998</v>
      </c>
      <c r="O1202" s="13">
        <v>-0.33896648530387047</v>
      </c>
      <c r="P1202" s="7">
        <v>151.22444777800001</v>
      </c>
      <c r="Q1202" s="7">
        <v>127.84527611</v>
      </c>
      <c r="R1202" s="7">
        <v>144.56248275999999</v>
      </c>
      <c r="S1202" s="7">
        <v>147.72644508600001</v>
      </c>
      <c r="T1202" s="7">
        <v>201.867139173</v>
      </c>
      <c r="U1202" s="7">
        <v>406.450390648</v>
      </c>
      <c r="V1202" s="7">
        <v>322.70406600799998</v>
      </c>
      <c r="W1202" s="7">
        <v>272.82567397399998</v>
      </c>
      <c r="X1202" s="7">
        <v>216.73173353000001</v>
      </c>
      <c r="Y1202" s="7">
        <v>231.968795508</v>
      </c>
      <c r="Z1202" s="7">
        <v>248.623978424</v>
      </c>
      <c r="AA1202" s="7">
        <v>247.747721797</v>
      </c>
      <c r="AB1202" s="7">
        <v>260.93493472699998</v>
      </c>
      <c r="AC1202" s="7">
        <v>241.46233047499999</v>
      </c>
      <c r="AD1202" s="7">
        <v>231.80214888399999</v>
      </c>
      <c r="AE1202" s="7">
        <v>218.33201169899999</v>
      </c>
      <c r="AF1202" s="7">
        <v>213.31820296000001</v>
      </c>
      <c r="AG1202" s="9">
        <v>10324.771265899999</v>
      </c>
      <c r="AH1202" s="13">
        <v>0.52760750699833103</v>
      </c>
      <c r="AI1202" s="9">
        <v>647.40525119999802</v>
      </c>
      <c r="AJ1202" s="13">
        <v>3.3083141679989984E-2</v>
      </c>
      <c r="AK1202" s="9">
        <v>3268.9777762000012</v>
      </c>
      <c r="AL1202" s="13">
        <v>0.16169895774639584</v>
      </c>
      <c r="AM1202" s="9">
        <v>6408.3882384999997</v>
      </c>
      <c r="AN1202" s="13">
        <v>0.27286665528996074</v>
      </c>
      <c r="AO1202" s="9">
        <v>9677.366014700001</v>
      </c>
      <c r="AP1202" s="13">
        <v>0.4786878668004883</v>
      </c>
      <c r="AQ1202" s="9">
        <v>19569.037833900002</v>
      </c>
      <c r="AR1202" s="9">
        <v>20315.5545738</v>
      </c>
      <c r="AS1202" s="9">
        <v>19417.583732399999</v>
      </c>
      <c r="AT1202" s="9">
        <v>19392.638344499999</v>
      </c>
      <c r="AU1202" s="9">
        <v>20540.7787847</v>
      </c>
      <c r="AV1202" s="9">
        <v>20461.526243</v>
      </c>
      <c r="AW1202" s="9">
        <v>20216.4430851</v>
      </c>
      <c r="AX1202" s="9">
        <v>21746.1404473</v>
      </c>
      <c r="AY1202" s="9">
        <v>23422.496607599998</v>
      </c>
      <c r="AZ1202" s="9">
        <v>23485.420861300001</v>
      </c>
      <c r="BA1202" s="9">
        <v>23543.791623100002</v>
      </c>
      <c r="BB1202" s="9">
        <v>25679.443988999999</v>
      </c>
      <c r="BC1202" s="9">
        <v>26281.396669400001</v>
      </c>
      <c r="BD1202" s="9">
        <v>27108.372533500002</v>
      </c>
      <c r="BE1202" s="9">
        <v>28258.3013789</v>
      </c>
      <c r="BF1202" s="9">
        <v>29893.809099800001</v>
      </c>
      <c r="BG1202" s="11">
        <v>3.25</v>
      </c>
      <c r="BH1202" s="13">
        <v>0.54166666666666663</v>
      </c>
      <c r="BI1202" s="6">
        <v>2</v>
      </c>
      <c r="BJ1202" s="13">
        <v>0.33333333333333331</v>
      </c>
      <c r="BK1202" s="6">
        <v>0</v>
      </c>
      <c r="BL1202" s="13">
        <v>0</v>
      </c>
      <c r="BM1202" s="11">
        <v>1.25</v>
      </c>
      <c r="BN1202" s="13">
        <v>0.15625</v>
      </c>
      <c r="BO1202" s="11">
        <v>1.25</v>
      </c>
      <c r="BP1202" s="13">
        <v>0.15625</v>
      </c>
      <c r="BQ1202" s="6">
        <v>6</v>
      </c>
      <c r="BR1202" s="6">
        <v>7</v>
      </c>
      <c r="BS1202" s="6">
        <v>8</v>
      </c>
      <c r="BT1202" s="6">
        <v>8</v>
      </c>
      <c r="BU1202" s="6">
        <v>9</v>
      </c>
      <c r="BV1202" s="6">
        <v>8</v>
      </c>
      <c r="BW1202" s="6">
        <v>8</v>
      </c>
      <c r="BX1202" s="6">
        <v>9</v>
      </c>
      <c r="BY1202" s="6">
        <v>11</v>
      </c>
      <c r="BZ1202" s="6">
        <v>11</v>
      </c>
      <c r="CA1202" s="6">
        <v>11</v>
      </c>
      <c r="CB1202" s="6">
        <v>11</v>
      </c>
      <c r="CC1202" s="11">
        <v>9.25</v>
      </c>
      <c r="CD1202" s="11">
        <v>59.3508</v>
      </c>
      <c r="CE1202" s="11">
        <v>-13.787699999999999</v>
      </c>
      <c r="CF1202" s="11">
        <v>16.5307</v>
      </c>
      <c r="CG1202" s="11">
        <v>3</v>
      </c>
      <c r="CH1202" s="20">
        <v>1.9814000000000001</v>
      </c>
      <c r="CI1202" s="20">
        <v>1.6735599999999999</v>
      </c>
      <c r="CJ1202" s="20">
        <v>1.8452500000000001</v>
      </c>
      <c r="CK1202" s="20">
        <v>1.9021699999999999</v>
      </c>
      <c r="CL1202" s="20">
        <v>2.58792</v>
      </c>
      <c r="CM1202" s="20">
        <v>5.1003400000000001</v>
      </c>
      <c r="CN1202" s="20">
        <v>4.2931299999999997</v>
      </c>
      <c r="CO1202" s="20">
        <v>3.9201000000000001</v>
      </c>
      <c r="CP1202" s="20">
        <v>2.9833799999999999</v>
      </c>
      <c r="CQ1202" s="20">
        <v>3.1961200000000001</v>
      </c>
      <c r="CR1202" s="20">
        <v>3.4242400000000002</v>
      </c>
      <c r="CS1202" s="20">
        <v>3.42225</v>
      </c>
      <c r="CT1202" s="20">
        <v>3.61659</v>
      </c>
      <c r="CU1202" s="20">
        <v>3.39723</v>
      </c>
      <c r="CV1202" s="20">
        <v>3.26342</v>
      </c>
      <c r="CW1202" s="20">
        <v>3.0500400000000001</v>
      </c>
      <c r="CX1202" s="20">
        <v>2.9619200000000001</v>
      </c>
      <c r="CY1202" s="6" t="s">
        <v>589</v>
      </c>
      <c r="CZ1202" s="6" t="s">
        <v>590</v>
      </c>
      <c r="DA1202" s="6" t="s">
        <v>82</v>
      </c>
      <c r="DB1202" s="6"/>
      <c r="DC1202" s="6"/>
      <c r="DD1202" s="6"/>
      <c r="DE1202" s="6"/>
      <c r="DF1202" s="6"/>
      <c r="DG1202" s="6"/>
      <c r="DH1202" s="6" t="s">
        <v>333</v>
      </c>
      <c r="DI1202" s="6"/>
      <c r="DJ1202" s="6"/>
      <c r="DK1202" s="6"/>
      <c r="DL1202" s="6">
        <v>9</v>
      </c>
      <c r="DM1202" s="6" t="s">
        <v>440</v>
      </c>
      <c r="DN1202" s="6">
        <v>7</v>
      </c>
      <c r="DO1202" s="6" t="s">
        <v>369</v>
      </c>
      <c r="DP1202" s="6"/>
      <c r="DQ1202" s="6"/>
    </row>
    <row r="1203" spans="1:121" x14ac:dyDescent="0.2">
      <c r="A1203" s="6" t="s">
        <v>310</v>
      </c>
      <c r="B1203" s="6" t="s">
        <v>310</v>
      </c>
      <c r="C1203" s="6" t="s">
        <v>173</v>
      </c>
      <c r="D1203" s="6" t="s">
        <v>82</v>
      </c>
      <c r="E1203" s="6" t="s">
        <v>223</v>
      </c>
      <c r="F1203" s="11">
        <v>1</v>
      </c>
      <c r="G1203" s="13">
        <v>1</v>
      </c>
      <c r="H1203" s="11">
        <v>-5</v>
      </c>
      <c r="I1203" s="13">
        <v>-1</v>
      </c>
      <c r="J1203" s="11">
        <v>0</v>
      </c>
      <c r="K1203" s="13"/>
      <c r="L1203" s="11">
        <v>0</v>
      </c>
      <c r="M1203" s="13"/>
      <c r="N1203" s="11">
        <v>0</v>
      </c>
      <c r="O1203" s="13"/>
      <c r="P1203" s="7">
        <v>5</v>
      </c>
      <c r="Q1203" s="7">
        <v>5</v>
      </c>
      <c r="R1203" s="7">
        <v>0</v>
      </c>
      <c r="S1203" s="7">
        <v>0</v>
      </c>
      <c r="T1203" s="7">
        <v>0</v>
      </c>
      <c r="U1203" s="7">
        <v>0</v>
      </c>
      <c r="V1203" s="7">
        <v>0</v>
      </c>
      <c r="W1203" s="7">
        <v>0</v>
      </c>
      <c r="X1203" s="7">
        <v>0</v>
      </c>
      <c r="Y1203" s="7">
        <v>0</v>
      </c>
      <c r="Z1203" s="7">
        <v>0</v>
      </c>
      <c r="AA1203" s="7">
        <v>0</v>
      </c>
      <c r="AB1203" s="7">
        <v>0</v>
      </c>
      <c r="AC1203" s="7">
        <v>0</v>
      </c>
      <c r="AD1203" s="7">
        <v>0</v>
      </c>
      <c r="AE1203" s="7">
        <v>0</v>
      </c>
      <c r="AF1203" s="7">
        <v>0</v>
      </c>
      <c r="AG1203" s="9">
        <v>-1</v>
      </c>
      <c r="AH1203" s="13">
        <v>-1</v>
      </c>
      <c r="AI1203" s="9">
        <v>-1</v>
      </c>
      <c r="AJ1203" s="13">
        <v>-1</v>
      </c>
      <c r="AK1203" s="9">
        <v>0</v>
      </c>
      <c r="AL1203" s="13"/>
      <c r="AM1203" s="9">
        <v>0</v>
      </c>
      <c r="AN1203" s="13"/>
      <c r="AO1203" s="9">
        <v>0</v>
      </c>
      <c r="AP1203" s="13"/>
      <c r="AQ1203" s="9">
        <v>1</v>
      </c>
      <c r="AR1203" s="9">
        <v>1</v>
      </c>
      <c r="AS1203" s="9">
        <v>0</v>
      </c>
      <c r="AT1203" s="9">
        <v>0</v>
      </c>
      <c r="AU1203" s="9">
        <v>0</v>
      </c>
      <c r="AV1203" s="9">
        <v>0</v>
      </c>
      <c r="AW1203" s="9">
        <v>0</v>
      </c>
      <c r="AX1203" s="9">
        <v>0</v>
      </c>
      <c r="AY1203" s="9">
        <v>0</v>
      </c>
      <c r="AZ1203" s="9">
        <v>0</v>
      </c>
      <c r="BA1203" s="9">
        <v>0</v>
      </c>
      <c r="BB1203" s="9">
        <v>0</v>
      </c>
      <c r="BC1203" s="9">
        <v>0</v>
      </c>
      <c r="BD1203" s="9">
        <v>0</v>
      </c>
      <c r="BE1203" s="9">
        <v>0</v>
      </c>
      <c r="BF1203" s="9">
        <v>0</v>
      </c>
      <c r="BG1203" s="11">
        <v>0</v>
      </c>
      <c r="BH1203" s="13" t="e">
        <v>#DIV/0!</v>
      </c>
      <c r="BI1203" s="6">
        <v>0</v>
      </c>
      <c r="BJ1203" s="13" t="e">
        <v>#DIV/0!</v>
      </c>
      <c r="BK1203" s="6">
        <v>0</v>
      </c>
      <c r="BL1203" s="13" t="e">
        <v>#DIV/0!</v>
      </c>
      <c r="BM1203" s="11">
        <v>0</v>
      </c>
      <c r="BN1203" s="13" t="e">
        <v>#DIV/0!</v>
      </c>
      <c r="BO1203" s="11">
        <v>0</v>
      </c>
      <c r="BP1203" s="13" t="e">
        <v>#DIV/0!</v>
      </c>
      <c r="BQ1203" s="6">
        <v>0</v>
      </c>
      <c r="BR1203" s="6">
        <v>0</v>
      </c>
      <c r="BS1203" s="6">
        <v>0</v>
      </c>
      <c r="BT1203" s="6">
        <v>0</v>
      </c>
      <c r="BU1203" s="6">
        <v>0</v>
      </c>
      <c r="BV1203" s="6">
        <v>0</v>
      </c>
      <c r="BW1203" s="6">
        <v>0</v>
      </c>
      <c r="BX1203" s="6">
        <v>0</v>
      </c>
      <c r="BY1203" s="6">
        <v>0</v>
      </c>
      <c r="BZ1203" s="6">
        <v>0</v>
      </c>
      <c r="CA1203" s="6">
        <v>0</v>
      </c>
      <c r="CB1203" s="6">
        <v>0</v>
      </c>
      <c r="CC1203" s="11">
        <v>0</v>
      </c>
      <c r="CD1203" s="11">
        <v>-0.316577</v>
      </c>
      <c r="CE1203" s="11">
        <v>2.7075499999999999E-2</v>
      </c>
      <c r="CF1203" s="11">
        <v>2.85276E-2</v>
      </c>
      <c r="CG1203" s="11">
        <v>0</v>
      </c>
      <c r="CH1203" s="20">
        <v>1.2051900000000001E-2</v>
      </c>
      <c r="CI1203" s="20">
        <v>2.79989E-2</v>
      </c>
      <c r="CJ1203" s="20">
        <v>0</v>
      </c>
      <c r="CK1203" s="20">
        <v>0</v>
      </c>
      <c r="CL1203" s="20">
        <v>0</v>
      </c>
      <c r="CM1203" s="20">
        <v>0</v>
      </c>
      <c r="CN1203" s="20">
        <v>0</v>
      </c>
      <c r="CO1203" s="20">
        <v>0</v>
      </c>
      <c r="CP1203" s="20">
        <v>0</v>
      </c>
      <c r="CQ1203" s="20">
        <v>0</v>
      </c>
      <c r="CR1203" s="20">
        <v>0</v>
      </c>
      <c r="CS1203" s="20">
        <v>0</v>
      </c>
      <c r="CT1203" s="20">
        <v>0</v>
      </c>
      <c r="CU1203" s="20">
        <v>0</v>
      </c>
      <c r="CV1203" s="20">
        <v>0</v>
      </c>
      <c r="CW1203" s="20">
        <v>0</v>
      </c>
      <c r="CX1203" s="20">
        <v>0</v>
      </c>
      <c r="CY1203" s="6" t="s">
        <v>589</v>
      </c>
      <c r="CZ1203" s="6" t="s">
        <v>590</v>
      </c>
      <c r="DA1203" s="6" t="s">
        <v>82</v>
      </c>
      <c r="DB1203" s="6"/>
      <c r="DC1203" s="6"/>
      <c r="DD1203" s="6"/>
      <c r="DE1203" s="6"/>
      <c r="DF1203" s="6"/>
      <c r="DG1203" s="6"/>
      <c r="DH1203" s="6" t="s">
        <v>333</v>
      </c>
      <c r="DI1203" s="6"/>
      <c r="DJ1203" s="6"/>
      <c r="DK1203" s="6"/>
      <c r="DL1203" s="6">
        <v>9</v>
      </c>
      <c r="DM1203" s="6" t="s">
        <v>440</v>
      </c>
      <c r="DN1203" s="6">
        <v>7</v>
      </c>
      <c r="DO1203" s="6" t="s">
        <v>369</v>
      </c>
      <c r="DP1203" s="6"/>
      <c r="DQ1203" s="6"/>
    </row>
    <row r="1204" spans="1:121" x14ac:dyDescent="0.2">
      <c r="A1204" s="6" t="s">
        <v>311</v>
      </c>
      <c r="B1204" s="6" t="s">
        <v>311</v>
      </c>
      <c r="C1204" s="6" t="s">
        <v>174</v>
      </c>
      <c r="D1204" s="6" t="s">
        <v>82</v>
      </c>
      <c r="E1204" s="6" t="s">
        <v>223</v>
      </c>
      <c r="F1204" s="11">
        <v>-5</v>
      </c>
      <c r="G1204" s="13">
        <v>-0.104166666667</v>
      </c>
      <c r="H1204" s="11">
        <v>-11.417856999999998</v>
      </c>
      <c r="I1204" s="13">
        <v>-0.23579303852501321</v>
      </c>
      <c r="J1204" s="11">
        <v>5.7257309999999961</v>
      </c>
      <c r="K1204" s="13">
        <v>0.15472708033252902</v>
      </c>
      <c r="L1204" s="11">
        <v>0.68233541330000236</v>
      </c>
      <c r="M1204" s="13">
        <v>1.5968126000720517E-2</v>
      </c>
      <c r="N1204" s="11">
        <v>6.4080664132999985</v>
      </c>
      <c r="O1204" s="13">
        <v>0.17316590784772298</v>
      </c>
      <c r="P1204" s="7">
        <v>48.423214999999999</v>
      </c>
      <c r="Q1204" s="7">
        <v>72.915620000000004</v>
      </c>
      <c r="R1204" s="7">
        <v>58.130155000000002</v>
      </c>
      <c r="S1204" s="7">
        <v>39.877975999999997</v>
      </c>
      <c r="T1204" s="7">
        <v>34.248137</v>
      </c>
      <c r="U1204" s="7">
        <v>43.741498999999997</v>
      </c>
      <c r="V1204" s="7">
        <v>37.005358000000001</v>
      </c>
      <c r="W1204" s="7">
        <v>34.787210999999999</v>
      </c>
      <c r="X1204" s="7">
        <v>38.982878999999997</v>
      </c>
      <c r="Y1204" s="7">
        <v>42.731088999999997</v>
      </c>
      <c r="Z1204" s="7">
        <v>39.936483000000003</v>
      </c>
      <c r="AA1204" s="7">
        <v>50.161481999999999</v>
      </c>
      <c r="AB1204" s="7">
        <v>44.911844000000002</v>
      </c>
      <c r="AC1204" s="7">
        <v>41.608013</v>
      </c>
      <c r="AD1204" s="7">
        <v>48.754959828899999</v>
      </c>
      <c r="AE1204" s="7">
        <v>44.380029631399999</v>
      </c>
      <c r="AF1204" s="7">
        <v>43.4134244133</v>
      </c>
      <c r="AG1204" s="9">
        <v>21726.555471799991</v>
      </c>
      <c r="AH1204" s="13">
        <v>0.25543103023614228</v>
      </c>
      <c r="AI1204" s="9">
        <v>18740.951593799997</v>
      </c>
      <c r="AJ1204" s="13">
        <v>0.22033039611011165</v>
      </c>
      <c r="AK1204" s="9">
        <v>8176.2410130000062</v>
      </c>
      <c r="AL1204" s="13">
        <v>7.8769671124867061E-2</v>
      </c>
      <c r="AM1204" s="9">
        <v>-5190.6371350000118</v>
      </c>
      <c r="AN1204" s="13">
        <v>-4.6355075081651605E-2</v>
      </c>
      <c r="AO1204" s="9">
        <v>2985.6038779999944</v>
      </c>
      <c r="AP1204" s="13">
        <v>2.8763222024065241E-2</v>
      </c>
      <c r="AQ1204" s="9">
        <v>85058.402856200002</v>
      </c>
      <c r="AR1204" s="9">
        <v>74042.623985900005</v>
      </c>
      <c r="AS1204" s="9">
        <v>86829.098593200004</v>
      </c>
      <c r="AT1204" s="9">
        <v>99163.5151128</v>
      </c>
      <c r="AU1204" s="9">
        <v>114264.684723</v>
      </c>
      <c r="AV1204" s="9">
        <v>94280.623054900003</v>
      </c>
      <c r="AW1204" s="9">
        <v>103799.35445</v>
      </c>
      <c r="AX1204" s="9">
        <v>116692.513575</v>
      </c>
      <c r="AY1204" s="9">
        <v>110356.471146</v>
      </c>
      <c r="AZ1204" s="9">
        <v>111975.59546300001</v>
      </c>
      <c r="BA1204" s="9">
        <v>105916.458164</v>
      </c>
      <c r="BB1204" s="9">
        <v>90551.120883900003</v>
      </c>
      <c r="BC1204" s="9">
        <v>85976.765870699994</v>
      </c>
      <c r="BD1204" s="9">
        <v>103369.509972</v>
      </c>
      <c r="BE1204" s="9">
        <v>87834.196701399997</v>
      </c>
      <c r="BF1204" s="9">
        <v>106784.95832799999</v>
      </c>
      <c r="BG1204" s="11">
        <v>0</v>
      </c>
      <c r="BH1204" s="13">
        <v>0</v>
      </c>
      <c r="BI1204" s="6">
        <v>0</v>
      </c>
      <c r="BJ1204" s="13">
        <v>0</v>
      </c>
      <c r="BK1204" s="6">
        <v>0</v>
      </c>
      <c r="BL1204" s="13">
        <v>0</v>
      </c>
      <c r="BM1204" s="11">
        <v>0</v>
      </c>
      <c r="BN1204" s="13">
        <v>0</v>
      </c>
      <c r="BO1204" s="11">
        <v>0</v>
      </c>
      <c r="BP1204" s="13">
        <v>0</v>
      </c>
      <c r="BQ1204" s="6">
        <v>1</v>
      </c>
      <c r="BR1204" s="6">
        <v>1</v>
      </c>
      <c r="BS1204" s="6">
        <v>1</v>
      </c>
      <c r="BT1204" s="6">
        <v>1</v>
      </c>
      <c r="BU1204" s="6">
        <v>1</v>
      </c>
      <c r="BV1204" s="6">
        <v>1</v>
      </c>
      <c r="BW1204" s="6">
        <v>1</v>
      </c>
      <c r="BX1204" s="6">
        <v>1</v>
      </c>
      <c r="BY1204" s="6">
        <v>1</v>
      </c>
      <c r="BZ1204" s="6">
        <v>1</v>
      </c>
      <c r="CA1204" s="6">
        <v>1</v>
      </c>
      <c r="CB1204" s="6">
        <v>1</v>
      </c>
      <c r="CC1204" s="11">
        <v>1</v>
      </c>
      <c r="CD1204" s="11">
        <v>-2.4176099999999998</v>
      </c>
      <c r="CE1204" s="11">
        <v>-7.8854199999999999</v>
      </c>
      <c r="CF1204" s="11">
        <v>5.2932399999999999</v>
      </c>
      <c r="CG1204" s="11">
        <v>-3</v>
      </c>
      <c r="CH1204" s="20">
        <v>2.0409899999999999</v>
      </c>
      <c r="CI1204" s="20">
        <v>3.0807799999999999</v>
      </c>
      <c r="CJ1204" s="20">
        <v>2.4729199999999998</v>
      </c>
      <c r="CK1204" s="20">
        <v>1.7579</v>
      </c>
      <c r="CL1204" s="20">
        <v>1.54921</v>
      </c>
      <c r="CM1204" s="20">
        <v>1.9469000000000001</v>
      </c>
      <c r="CN1204" s="20">
        <v>1.72265</v>
      </c>
      <c r="CO1204" s="20">
        <v>1.6750100000000001</v>
      </c>
      <c r="CP1204" s="20">
        <v>1.7735300000000001</v>
      </c>
      <c r="CQ1204" s="20">
        <v>1.96631</v>
      </c>
      <c r="CR1204" s="20">
        <v>1.8527499999999999</v>
      </c>
      <c r="CS1204" s="20">
        <v>2.3646600000000002</v>
      </c>
      <c r="CT1204" s="20">
        <v>2.1506500000000002</v>
      </c>
      <c r="CU1204" s="20">
        <v>2.0376599999999998</v>
      </c>
      <c r="CV1204" s="20">
        <v>2.3927299999999998</v>
      </c>
      <c r="CW1204" s="20">
        <v>2.1584400000000001</v>
      </c>
      <c r="CX1204" s="20">
        <v>2.0859700000000001</v>
      </c>
      <c r="CY1204" s="6" t="s">
        <v>589</v>
      </c>
      <c r="CZ1204" s="6" t="s">
        <v>590</v>
      </c>
      <c r="DA1204" s="6" t="s">
        <v>82</v>
      </c>
      <c r="DB1204" s="6"/>
      <c r="DC1204" s="6"/>
      <c r="DD1204" s="6"/>
      <c r="DE1204" s="6"/>
      <c r="DF1204" s="6"/>
      <c r="DG1204" s="6"/>
      <c r="DH1204" s="6" t="s">
        <v>333</v>
      </c>
      <c r="DI1204" s="6"/>
      <c r="DJ1204" s="6"/>
      <c r="DK1204" s="6"/>
      <c r="DL1204" s="6">
        <v>9</v>
      </c>
      <c r="DM1204" s="6" t="s">
        <v>440</v>
      </c>
      <c r="DN1204" s="6">
        <v>7</v>
      </c>
      <c r="DO1204" s="6" t="s">
        <v>369</v>
      </c>
      <c r="DP1204" s="6"/>
      <c r="DQ1204" s="6"/>
    </row>
    <row r="1205" spans="1:121" x14ac:dyDescent="0.2">
      <c r="A1205" s="6" t="s">
        <v>312</v>
      </c>
      <c r="B1205" s="6" t="s">
        <v>312</v>
      </c>
      <c r="C1205" s="6" t="s">
        <v>175</v>
      </c>
      <c r="D1205" s="6" t="s">
        <v>82</v>
      </c>
      <c r="E1205" s="6" t="s">
        <v>223</v>
      </c>
      <c r="F1205" s="11">
        <v>13</v>
      </c>
      <c r="G1205" s="13">
        <v>3.9634146341499997E-2</v>
      </c>
      <c r="H1205" s="11">
        <v>-3.0162643960000537</v>
      </c>
      <c r="I1205" s="13">
        <v>-9.1913432327517426E-3</v>
      </c>
      <c r="J1205" s="11">
        <v>-18.346110874999965</v>
      </c>
      <c r="K1205" s="13">
        <v>-5.6423990539420515E-2</v>
      </c>
      <c r="L1205" s="11">
        <v>33.776264225999967</v>
      </c>
      <c r="M1205" s="13">
        <v>0.11009168205071081</v>
      </c>
      <c r="N1205" s="11">
        <v>15.430153351000001</v>
      </c>
      <c r="O1205" s="13">
        <v>4.7455879484792081E-2</v>
      </c>
      <c r="P1205" s="7">
        <v>328.16361217500003</v>
      </c>
      <c r="Q1205" s="7">
        <v>345.19573684599999</v>
      </c>
      <c r="R1205" s="7">
        <v>361.62755887100002</v>
      </c>
      <c r="S1205" s="7">
        <v>328.27446094300001</v>
      </c>
      <c r="T1205" s="7">
        <v>341.47483142599998</v>
      </c>
      <c r="U1205" s="7">
        <v>351.303751315</v>
      </c>
      <c r="V1205" s="7">
        <v>325.14734777899997</v>
      </c>
      <c r="W1205" s="7">
        <v>316.29128193700001</v>
      </c>
      <c r="X1205" s="7">
        <v>325.48823880100002</v>
      </c>
      <c r="Y1205" s="7">
        <v>306.80123690400001</v>
      </c>
      <c r="Z1205" s="7">
        <v>313.28519676100001</v>
      </c>
      <c r="AA1205" s="7">
        <v>326.489972722</v>
      </c>
      <c r="AB1205" s="7">
        <v>304.87482076600003</v>
      </c>
      <c r="AC1205" s="7">
        <v>302.136058048</v>
      </c>
      <c r="AD1205" s="7">
        <v>299.98704529700001</v>
      </c>
      <c r="AE1205" s="7">
        <v>335.96512098099998</v>
      </c>
      <c r="AF1205" s="7">
        <v>340.57750112999997</v>
      </c>
      <c r="AG1205" s="9">
        <v>14156.289465699996</v>
      </c>
      <c r="AH1205" s="13">
        <v>0.5886761299998563</v>
      </c>
      <c r="AI1205" s="9">
        <v>2956.206355899998</v>
      </c>
      <c r="AJ1205" s="13">
        <v>0.12293109160339832</v>
      </c>
      <c r="AK1205" s="9">
        <v>2322.7278397000009</v>
      </c>
      <c r="AL1205" s="13">
        <v>8.6014607180834576E-2</v>
      </c>
      <c r="AM1205" s="9">
        <v>8877.3552700999971</v>
      </c>
      <c r="AN1205" s="13">
        <v>0.30270655038680427</v>
      </c>
      <c r="AO1205" s="9">
        <v>11200.083109799998</v>
      </c>
      <c r="AP1205" s="13">
        <v>0.41475834259022526</v>
      </c>
      <c r="AQ1205" s="9">
        <v>24047.670262600001</v>
      </c>
      <c r="AR1205" s="9">
        <v>24836.3866299</v>
      </c>
      <c r="AS1205" s="9">
        <v>26117.5879742</v>
      </c>
      <c r="AT1205" s="9">
        <v>24573.061560999999</v>
      </c>
      <c r="AU1205" s="9">
        <v>25669.473592599999</v>
      </c>
      <c r="AV1205" s="9">
        <v>26908.984045199999</v>
      </c>
      <c r="AW1205" s="9">
        <v>27003.876618499999</v>
      </c>
      <c r="AX1205" s="9">
        <v>27139.4355884</v>
      </c>
      <c r="AY1205" s="9">
        <v>27084.056881299999</v>
      </c>
      <c r="AZ1205" s="9">
        <v>29326.604458199999</v>
      </c>
      <c r="BA1205" s="9">
        <v>29065.154538999999</v>
      </c>
      <c r="BB1205" s="9">
        <v>29018.236426200001</v>
      </c>
      <c r="BC1205" s="9">
        <v>29854.475689899999</v>
      </c>
      <c r="BD1205" s="9">
        <v>29347.6101581</v>
      </c>
      <c r="BE1205" s="9">
        <v>30626.149910299999</v>
      </c>
      <c r="BF1205" s="9">
        <v>38203.959728299997</v>
      </c>
      <c r="BG1205" s="11">
        <v>-10.25</v>
      </c>
      <c r="BH1205" s="13">
        <v>-0.21354166666666666</v>
      </c>
      <c r="BI1205" s="6">
        <v>-3</v>
      </c>
      <c r="BJ1205" s="13">
        <v>-6.25E-2</v>
      </c>
      <c r="BK1205" s="6">
        <v>-3</v>
      </c>
      <c r="BL1205" s="13">
        <v>-6.6666666666666666E-2</v>
      </c>
      <c r="BM1205" s="11">
        <v>-4.25</v>
      </c>
      <c r="BN1205" s="13">
        <v>-0.10119047619047619</v>
      </c>
      <c r="BO1205" s="11">
        <v>-7.25</v>
      </c>
      <c r="BP1205" s="13">
        <v>-0.16111111111111112</v>
      </c>
      <c r="BQ1205" s="6">
        <v>48</v>
      </c>
      <c r="BR1205" s="6">
        <v>48</v>
      </c>
      <c r="BS1205" s="6">
        <v>41</v>
      </c>
      <c r="BT1205" s="6">
        <v>45</v>
      </c>
      <c r="BU1205" s="6">
        <v>44</v>
      </c>
      <c r="BV1205" s="6">
        <v>44</v>
      </c>
      <c r="BW1205" s="6">
        <v>42</v>
      </c>
      <c r="BX1205" s="6">
        <v>44</v>
      </c>
      <c r="BY1205" s="6">
        <v>43</v>
      </c>
      <c r="BZ1205" s="6">
        <v>41</v>
      </c>
      <c r="CA1205" s="6">
        <v>40</v>
      </c>
      <c r="CB1205" s="6">
        <v>39</v>
      </c>
      <c r="CC1205" s="11">
        <v>37.75</v>
      </c>
      <c r="CD1205" s="11">
        <v>16.290600000000001</v>
      </c>
      <c r="CE1205" s="11">
        <v>-39.749000000000002</v>
      </c>
      <c r="CF1205" s="11">
        <v>35.872199999999999</v>
      </c>
      <c r="CG1205" s="11">
        <v>-4</v>
      </c>
      <c r="CH1205" s="20">
        <v>0.953627</v>
      </c>
      <c r="CI1205" s="20">
        <v>0.99860599999999999</v>
      </c>
      <c r="CJ1205" s="20">
        <v>1.00657</v>
      </c>
      <c r="CK1205" s="20">
        <v>0.88775000000000004</v>
      </c>
      <c r="CL1205" s="20">
        <v>0.88345300000000004</v>
      </c>
      <c r="CM1205" s="20">
        <v>0.85170699999999999</v>
      </c>
      <c r="CN1205" s="20">
        <v>0.835565</v>
      </c>
      <c r="CO1205" s="20">
        <v>0.90227599999999997</v>
      </c>
      <c r="CP1205" s="20">
        <v>1.01197</v>
      </c>
      <c r="CQ1205" s="20">
        <v>1.03217</v>
      </c>
      <c r="CR1205" s="20">
        <v>1.07379</v>
      </c>
      <c r="CS1205" s="20">
        <v>1.1264000000000001</v>
      </c>
      <c r="CT1205" s="20">
        <v>1.0425800000000001</v>
      </c>
      <c r="CU1205" s="20">
        <v>1.0245899999999999</v>
      </c>
      <c r="CV1205" s="20">
        <v>0.99122900000000003</v>
      </c>
      <c r="CW1205" s="20">
        <v>1.07744</v>
      </c>
      <c r="CX1205" s="20">
        <v>1.0806100000000001</v>
      </c>
      <c r="CY1205" s="6" t="s">
        <v>589</v>
      </c>
      <c r="CZ1205" s="6" t="s">
        <v>590</v>
      </c>
      <c r="DA1205" s="6" t="s">
        <v>82</v>
      </c>
      <c r="DB1205" s="6"/>
      <c r="DC1205" s="6"/>
      <c r="DD1205" s="6"/>
      <c r="DE1205" s="6"/>
      <c r="DF1205" s="6"/>
      <c r="DG1205" s="6"/>
      <c r="DH1205" s="6" t="s">
        <v>333</v>
      </c>
      <c r="DI1205" s="6"/>
      <c r="DJ1205" s="6"/>
      <c r="DK1205" s="6"/>
      <c r="DL1205" s="6">
        <v>9</v>
      </c>
      <c r="DM1205" s="6" t="s">
        <v>440</v>
      </c>
      <c r="DN1205" s="6">
        <v>7</v>
      </c>
      <c r="DO1205" s="6" t="s">
        <v>369</v>
      </c>
      <c r="DP1205" s="6"/>
      <c r="DQ1205" s="6"/>
    </row>
    <row r="1206" spans="1:121" x14ac:dyDescent="0.2">
      <c r="A1206" s="6" t="s">
        <v>792</v>
      </c>
      <c r="B1206" s="6" t="s">
        <v>176</v>
      </c>
      <c r="C1206" s="6" t="s">
        <v>177</v>
      </c>
      <c r="D1206" s="6" t="s">
        <v>82</v>
      </c>
      <c r="E1206" s="6" t="s">
        <v>223</v>
      </c>
      <c r="F1206" s="11">
        <v>-103</v>
      </c>
      <c r="G1206" s="13">
        <v>-0.17398648648600001</v>
      </c>
      <c r="H1206" s="11">
        <v>-121.04197256399993</v>
      </c>
      <c r="I1206" s="13">
        <v>-0.2045424735000918</v>
      </c>
      <c r="J1206" s="11">
        <v>20.566026584999975</v>
      </c>
      <c r="K1206" s="13">
        <v>4.3689885685216395E-2</v>
      </c>
      <c r="L1206" s="11">
        <v>-1.9650773980000054</v>
      </c>
      <c r="M1206" s="13">
        <v>-3.9998039157589337E-3</v>
      </c>
      <c r="N1206" s="11">
        <v>18.600949186999969</v>
      </c>
      <c r="O1206" s="13">
        <v>3.9515330793614675E-2</v>
      </c>
      <c r="P1206" s="7">
        <v>591.76937920399996</v>
      </c>
      <c r="Q1206" s="7">
        <v>524.75022067099997</v>
      </c>
      <c r="R1206" s="7">
        <v>538.25893205900002</v>
      </c>
      <c r="S1206" s="7">
        <v>603.35669796000002</v>
      </c>
      <c r="T1206" s="7">
        <v>613.53220737300001</v>
      </c>
      <c r="U1206" s="7">
        <v>555.98166700499996</v>
      </c>
      <c r="V1206" s="7">
        <v>470.72740664000003</v>
      </c>
      <c r="W1206" s="7">
        <v>303.66076122999999</v>
      </c>
      <c r="X1206" s="7">
        <v>467.12975376700001</v>
      </c>
      <c r="Y1206" s="7">
        <v>491.293433225</v>
      </c>
      <c r="Z1206" s="7">
        <v>518.13202285600005</v>
      </c>
      <c r="AA1206" s="7">
        <v>507.47728977200001</v>
      </c>
      <c r="AB1206" s="7">
        <v>472.84122602000002</v>
      </c>
      <c r="AC1206" s="7">
        <v>443.39141629800002</v>
      </c>
      <c r="AD1206" s="7">
        <v>443.11050218899999</v>
      </c>
      <c r="AE1206" s="7">
        <v>470.70204275600003</v>
      </c>
      <c r="AF1206" s="7">
        <v>489.328355827</v>
      </c>
      <c r="AG1206" s="9">
        <v>20973.357984799994</v>
      </c>
      <c r="AH1206" s="13">
        <v>0.60788048873553724</v>
      </c>
      <c r="AI1206" s="9">
        <v>9839.2344459999949</v>
      </c>
      <c r="AJ1206" s="13">
        <v>0.2851750610537746</v>
      </c>
      <c r="AK1206" s="9">
        <v>7046.9696474000011</v>
      </c>
      <c r="AL1206" s="13">
        <v>0.15892431410782715</v>
      </c>
      <c r="AM1206" s="9">
        <v>4087.1538913999975</v>
      </c>
      <c r="AN1206" s="13">
        <v>7.9534189681722212E-2</v>
      </c>
      <c r="AO1206" s="9">
        <v>11134.123538799999</v>
      </c>
      <c r="AP1206" s="13">
        <v>0.25109842033283891</v>
      </c>
      <c r="AQ1206" s="9">
        <v>34502.436537200003</v>
      </c>
      <c r="AR1206" s="9">
        <v>35922.438284399999</v>
      </c>
      <c r="AS1206" s="9">
        <v>40083.436091299998</v>
      </c>
      <c r="AT1206" s="9">
        <v>42500.247389800003</v>
      </c>
      <c r="AU1206" s="9">
        <v>39128.987154299997</v>
      </c>
      <c r="AV1206" s="9">
        <v>39488.507323799997</v>
      </c>
      <c r="AW1206" s="9">
        <v>44341.670983199998</v>
      </c>
      <c r="AX1206" s="9">
        <v>43104.597910099998</v>
      </c>
      <c r="AY1206" s="9">
        <v>51951.679650600003</v>
      </c>
      <c r="AZ1206" s="9">
        <v>51388.640630599999</v>
      </c>
      <c r="BA1206" s="9">
        <v>44933.275990599999</v>
      </c>
      <c r="BB1206" s="9">
        <v>42107.829070200001</v>
      </c>
      <c r="BC1206" s="9">
        <v>44496.232757899998</v>
      </c>
      <c r="BD1206" s="9">
        <v>49691.549508700002</v>
      </c>
      <c r="BE1206" s="9">
        <v>55112.583497799998</v>
      </c>
      <c r="BF1206" s="9">
        <v>55475.794521999997</v>
      </c>
      <c r="BG1206" s="11">
        <v>-3</v>
      </c>
      <c r="BH1206" s="13">
        <v>-0.1875</v>
      </c>
      <c r="BI1206" s="6">
        <v>0</v>
      </c>
      <c r="BJ1206" s="13">
        <v>0</v>
      </c>
      <c r="BK1206" s="6">
        <v>-2</v>
      </c>
      <c r="BL1206" s="13">
        <v>-0.125</v>
      </c>
      <c r="BM1206" s="11">
        <v>-1</v>
      </c>
      <c r="BN1206" s="13">
        <v>-7.1428571428571425E-2</v>
      </c>
      <c r="BO1206" s="11">
        <v>-3</v>
      </c>
      <c r="BP1206" s="13">
        <v>-0.1875</v>
      </c>
      <c r="BQ1206" s="6">
        <v>16</v>
      </c>
      <c r="BR1206" s="6">
        <v>15</v>
      </c>
      <c r="BS1206" s="6">
        <v>17</v>
      </c>
      <c r="BT1206" s="6">
        <v>16</v>
      </c>
      <c r="BU1206" s="6">
        <v>16</v>
      </c>
      <c r="BV1206" s="6">
        <v>16</v>
      </c>
      <c r="BW1206" s="6">
        <v>14</v>
      </c>
      <c r="BX1206" s="6">
        <v>14</v>
      </c>
      <c r="BY1206" s="6">
        <v>14</v>
      </c>
      <c r="BZ1206" s="6">
        <v>12</v>
      </c>
      <c r="CA1206" s="6">
        <v>13</v>
      </c>
      <c r="CB1206" s="6">
        <v>14</v>
      </c>
      <c r="CC1206" s="11">
        <v>13</v>
      </c>
      <c r="CD1206" s="11">
        <v>41.752899999999997</v>
      </c>
      <c r="CE1206" s="11">
        <v>-208.881</v>
      </c>
      <c r="CF1206" s="11">
        <v>64.6875</v>
      </c>
      <c r="CG1206" s="11">
        <v>-144</v>
      </c>
      <c r="CH1206" s="20">
        <v>0.89824700000000002</v>
      </c>
      <c r="CI1206" s="20">
        <v>0.84736299999999998</v>
      </c>
      <c r="CJ1206" s="20">
        <v>0.89397199999999999</v>
      </c>
      <c r="CK1206" s="20">
        <v>1.0311999999999999</v>
      </c>
      <c r="CL1206" s="20">
        <v>1.05636</v>
      </c>
      <c r="CM1206" s="20">
        <v>0.94025099999999995</v>
      </c>
      <c r="CN1206" s="20">
        <v>0.85428499999999996</v>
      </c>
      <c r="CO1206" s="20">
        <v>0.59853299999999998</v>
      </c>
      <c r="CP1206" s="20">
        <v>0.98868500000000004</v>
      </c>
      <c r="CQ1206" s="20">
        <v>1.06443</v>
      </c>
      <c r="CR1206" s="20">
        <v>1.10961</v>
      </c>
      <c r="CS1206" s="20">
        <v>1.0860799999999999</v>
      </c>
      <c r="CT1206" s="20">
        <v>1.01885</v>
      </c>
      <c r="CU1206" s="20">
        <v>0.97064300000000003</v>
      </c>
      <c r="CV1206" s="20">
        <v>0.97164300000000003</v>
      </c>
      <c r="CW1206" s="20">
        <v>1.02362</v>
      </c>
      <c r="CX1206" s="20">
        <v>1.05958</v>
      </c>
      <c r="CY1206" s="6" t="s">
        <v>589</v>
      </c>
      <c r="CZ1206" s="6" t="s">
        <v>590</v>
      </c>
      <c r="DA1206" s="6" t="s">
        <v>82</v>
      </c>
      <c r="DB1206" s="6"/>
      <c r="DC1206" s="6"/>
      <c r="DD1206" s="6"/>
      <c r="DE1206" s="6"/>
      <c r="DF1206" s="6"/>
      <c r="DG1206" s="6"/>
      <c r="DH1206" s="6" t="s">
        <v>333</v>
      </c>
      <c r="DI1206" s="6"/>
      <c r="DJ1206" s="6"/>
      <c r="DK1206" s="6"/>
      <c r="DL1206" s="6">
        <v>9</v>
      </c>
      <c r="DM1206" s="6" t="s">
        <v>440</v>
      </c>
      <c r="DN1206" s="6">
        <v>7</v>
      </c>
      <c r="DO1206" s="6" t="s">
        <v>369</v>
      </c>
      <c r="DP1206" s="6"/>
      <c r="DQ1206" s="6"/>
    </row>
    <row r="1207" spans="1:121" x14ac:dyDescent="0.2">
      <c r="A1207" s="6" t="s">
        <v>313</v>
      </c>
      <c r="B1207" s="6" t="s">
        <v>313</v>
      </c>
      <c r="C1207" s="6" t="s">
        <v>178</v>
      </c>
      <c r="D1207" s="6" t="s">
        <v>82</v>
      </c>
      <c r="E1207" s="6" t="s">
        <v>223</v>
      </c>
      <c r="F1207" s="11">
        <v>-71</v>
      </c>
      <c r="G1207" s="13">
        <v>-0.327188940092</v>
      </c>
      <c r="H1207" s="11">
        <v>-36.612233236000009</v>
      </c>
      <c r="I1207" s="13">
        <v>-0.16848899350394422</v>
      </c>
      <c r="J1207" s="11">
        <v>-15.173502960999997</v>
      </c>
      <c r="K1207" s="13">
        <v>-8.3977543612962322E-2</v>
      </c>
      <c r="L1207" s="11">
        <v>-19.465426913000016</v>
      </c>
      <c r="M1207" s="13">
        <v>-0.11760752915125385</v>
      </c>
      <c r="N1207" s="11">
        <v>-34.638929874000013</v>
      </c>
      <c r="O1207" s="13">
        <v>-0.19170868135570401</v>
      </c>
      <c r="P1207" s="7">
        <v>217.29747726900001</v>
      </c>
      <c r="Q1207" s="7">
        <v>204.31986929000001</v>
      </c>
      <c r="R1207" s="7">
        <v>208.01290149299999</v>
      </c>
      <c r="S1207" s="7">
        <v>195.22716090399999</v>
      </c>
      <c r="T1207" s="7">
        <v>197.65358489600001</v>
      </c>
      <c r="U1207" s="7">
        <v>164.399229093</v>
      </c>
      <c r="V1207" s="7">
        <v>180.685244033</v>
      </c>
      <c r="W1207" s="7">
        <v>167.66824254100001</v>
      </c>
      <c r="X1207" s="7">
        <v>164.40593042399999</v>
      </c>
      <c r="Y1207" s="7">
        <v>165.51174107200001</v>
      </c>
      <c r="Z1207" s="7">
        <v>166.28802790899999</v>
      </c>
      <c r="AA1207" s="7">
        <v>172.601754548</v>
      </c>
      <c r="AB1207" s="7">
        <v>189.16108826999999</v>
      </c>
      <c r="AC1207" s="7">
        <v>164.54396090399999</v>
      </c>
      <c r="AD1207" s="7">
        <v>169.787784703</v>
      </c>
      <c r="AE1207" s="7">
        <v>146.11785258</v>
      </c>
      <c r="AF1207" s="7">
        <v>146.04631415899999</v>
      </c>
      <c r="AG1207" s="9">
        <v>15963.051091700003</v>
      </c>
      <c r="AH1207" s="13">
        <v>0.75182238166853643</v>
      </c>
      <c r="AI1207" s="9">
        <v>5167.8542930000003</v>
      </c>
      <c r="AJ1207" s="13">
        <v>0.24339385374136896</v>
      </c>
      <c r="AK1207" s="9">
        <v>7196.8109362000032</v>
      </c>
      <c r="AL1207" s="13">
        <v>0.27260305856974865</v>
      </c>
      <c r="AM1207" s="9">
        <v>3598.3858624999993</v>
      </c>
      <c r="AN1207" s="13">
        <v>0.1071039282358812</v>
      </c>
      <c r="AO1207" s="9">
        <v>10795.196798700003</v>
      </c>
      <c r="AP1207" s="13">
        <v>0.4089038452275659</v>
      </c>
      <c r="AQ1207" s="9">
        <v>21232.476554199999</v>
      </c>
      <c r="AR1207" s="9">
        <v>21437.139406900002</v>
      </c>
      <c r="AS1207" s="9">
        <v>22744.387685000002</v>
      </c>
      <c r="AT1207" s="9">
        <v>26249.544182099999</v>
      </c>
      <c r="AU1207" s="9">
        <v>26851.582215599999</v>
      </c>
      <c r="AV1207" s="9">
        <v>27532.016276999999</v>
      </c>
      <c r="AW1207" s="9">
        <v>26400.330847199999</v>
      </c>
      <c r="AX1207" s="9">
        <v>28688.496500400001</v>
      </c>
      <c r="AY1207" s="9">
        <v>34098.307606100003</v>
      </c>
      <c r="AZ1207" s="9">
        <v>33597.141783400002</v>
      </c>
      <c r="BA1207" s="9">
        <v>36220.162632400003</v>
      </c>
      <c r="BB1207" s="9">
        <v>36568.918627400002</v>
      </c>
      <c r="BC1207" s="9">
        <v>36889.052476299999</v>
      </c>
      <c r="BD1207" s="9">
        <v>43354.457191200003</v>
      </c>
      <c r="BE1207" s="9">
        <v>41791.232647199999</v>
      </c>
      <c r="BF1207" s="9">
        <v>37195.527645900002</v>
      </c>
      <c r="BG1207" s="11">
        <v>-1</v>
      </c>
      <c r="BH1207" s="13">
        <v>-5.8823529411764705E-2</v>
      </c>
      <c r="BI1207" s="6">
        <v>-1</v>
      </c>
      <c r="BJ1207" s="13">
        <v>-5.8823529411764705E-2</v>
      </c>
      <c r="BK1207" s="6">
        <v>-3</v>
      </c>
      <c r="BL1207" s="13">
        <v>-0.1875</v>
      </c>
      <c r="BM1207" s="11">
        <v>3</v>
      </c>
      <c r="BN1207" s="13">
        <v>0.23076923076923078</v>
      </c>
      <c r="BO1207" s="11">
        <v>0</v>
      </c>
      <c r="BP1207" s="13">
        <v>0</v>
      </c>
      <c r="BQ1207" s="6">
        <v>17</v>
      </c>
      <c r="BR1207" s="6">
        <v>16</v>
      </c>
      <c r="BS1207" s="6">
        <v>14</v>
      </c>
      <c r="BT1207" s="6">
        <v>16</v>
      </c>
      <c r="BU1207" s="6">
        <v>13</v>
      </c>
      <c r="BV1207" s="6">
        <v>13</v>
      </c>
      <c r="BW1207" s="6">
        <v>13</v>
      </c>
      <c r="BX1207" s="6">
        <v>15</v>
      </c>
      <c r="BY1207" s="6">
        <v>15</v>
      </c>
      <c r="BZ1207" s="6">
        <v>16</v>
      </c>
      <c r="CA1207" s="6">
        <v>16</v>
      </c>
      <c r="CB1207" s="6">
        <v>17</v>
      </c>
      <c r="CC1207" s="11">
        <v>16</v>
      </c>
      <c r="CD1207" s="11">
        <v>-77.236500000000007</v>
      </c>
      <c r="CE1207" s="11">
        <v>-17.767900000000001</v>
      </c>
      <c r="CF1207" s="11">
        <v>23.7532</v>
      </c>
      <c r="CG1207" s="11">
        <v>6</v>
      </c>
      <c r="CH1207" s="20">
        <v>0.92630000000000001</v>
      </c>
      <c r="CI1207" s="20">
        <v>0.88002100000000005</v>
      </c>
      <c r="CJ1207" s="20">
        <v>0.88086200000000003</v>
      </c>
      <c r="CK1207" s="20">
        <v>0.83059799999999995</v>
      </c>
      <c r="CL1207" s="20">
        <v>0.82706299999999999</v>
      </c>
      <c r="CM1207" s="20">
        <v>0.65741400000000005</v>
      </c>
      <c r="CN1207" s="20">
        <v>0.74792499999999995</v>
      </c>
      <c r="CO1207" s="20">
        <v>0.73448000000000002</v>
      </c>
      <c r="CP1207" s="20">
        <v>0.73102500000000004</v>
      </c>
      <c r="CQ1207" s="20">
        <v>0.74584700000000004</v>
      </c>
      <c r="CR1207" s="20">
        <v>0.74394000000000005</v>
      </c>
      <c r="CS1207" s="20">
        <v>0.77077700000000005</v>
      </c>
      <c r="CT1207" s="20">
        <v>0.845661</v>
      </c>
      <c r="CU1207" s="20">
        <v>0.74828499999999998</v>
      </c>
      <c r="CV1207" s="20">
        <v>0.77392000000000005</v>
      </c>
      <c r="CW1207" s="20">
        <v>0.66223299999999996</v>
      </c>
      <c r="CX1207" s="20">
        <v>0.65371699999999999</v>
      </c>
      <c r="CY1207" s="6" t="s">
        <v>589</v>
      </c>
      <c r="CZ1207" s="6" t="s">
        <v>590</v>
      </c>
      <c r="DA1207" s="6" t="s">
        <v>82</v>
      </c>
      <c r="DB1207" s="6"/>
      <c r="DC1207" s="6"/>
      <c r="DD1207" s="6"/>
      <c r="DE1207" s="6"/>
      <c r="DF1207" s="6"/>
      <c r="DG1207" s="6"/>
      <c r="DH1207" s="6" t="s">
        <v>333</v>
      </c>
      <c r="DI1207" s="6"/>
      <c r="DJ1207" s="6"/>
      <c r="DK1207" s="6"/>
      <c r="DL1207" s="6">
        <v>9</v>
      </c>
      <c r="DM1207" s="6" t="s">
        <v>440</v>
      </c>
      <c r="DN1207" s="6">
        <v>7</v>
      </c>
      <c r="DO1207" s="6" t="s">
        <v>369</v>
      </c>
      <c r="DP1207" s="6"/>
      <c r="DQ1207" s="6"/>
    </row>
    <row r="1208" spans="1:121" x14ac:dyDescent="0.2">
      <c r="A1208" s="6" t="s">
        <v>793</v>
      </c>
      <c r="B1208" s="6" t="s">
        <v>179</v>
      </c>
      <c r="C1208" s="6" t="s">
        <v>180</v>
      </c>
      <c r="D1208" s="6" t="s">
        <v>82</v>
      </c>
      <c r="E1208" s="6" t="s">
        <v>223</v>
      </c>
      <c r="F1208" s="11">
        <v>-121</v>
      </c>
      <c r="G1208" s="13">
        <v>-0.16</v>
      </c>
      <c r="H1208" s="11">
        <v>-61</v>
      </c>
      <c r="I1208" s="13">
        <v>-7.8507078507078512E-2</v>
      </c>
      <c r="J1208" s="11">
        <v>-111</v>
      </c>
      <c r="K1208" s="13">
        <v>-0.15502793296089384</v>
      </c>
      <c r="L1208" s="11">
        <v>51</v>
      </c>
      <c r="M1208" s="13">
        <v>8.4297520661157019E-2</v>
      </c>
      <c r="N1208" s="11">
        <v>-60</v>
      </c>
      <c r="O1208" s="13">
        <v>-8.3798882681564241E-2</v>
      </c>
      <c r="P1208" s="7">
        <v>777</v>
      </c>
      <c r="Q1208" s="7">
        <v>795</v>
      </c>
      <c r="R1208" s="7">
        <v>776</v>
      </c>
      <c r="S1208" s="7">
        <v>773</v>
      </c>
      <c r="T1208" s="7">
        <v>774</v>
      </c>
      <c r="U1208" s="7">
        <v>752</v>
      </c>
      <c r="V1208" s="7">
        <v>716</v>
      </c>
      <c r="W1208" s="7">
        <v>707</v>
      </c>
      <c r="X1208" s="7">
        <v>626</v>
      </c>
      <c r="Y1208" s="7">
        <v>605</v>
      </c>
      <c r="Z1208" s="7">
        <v>581</v>
      </c>
      <c r="AA1208" s="7">
        <v>585</v>
      </c>
      <c r="AB1208" s="7">
        <v>586</v>
      </c>
      <c r="AC1208" s="7">
        <v>591</v>
      </c>
      <c r="AD1208" s="7">
        <v>608</v>
      </c>
      <c r="AE1208" s="7">
        <v>649</v>
      </c>
      <c r="AF1208" s="7">
        <v>656</v>
      </c>
      <c r="AG1208" s="9">
        <v>9120</v>
      </c>
      <c r="AH1208" s="13">
        <v>0.5004664435054601</v>
      </c>
      <c r="AI1208" s="9">
        <v>5631</v>
      </c>
      <c r="AJ1208" s="13">
        <v>0.30900510344070681</v>
      </c>
      <c r="AK1208" s="9">
        <v>-2361</v>
      </c>
      <c r="AL1208" s="13">
        <v>-9.8977110757105732E-2</v>
      </c>
      <c r="AM1208" s="9">
        <v>5850</v>
      </c>
      <c r="AN1208" s="13">
        <v>0.27218164053412741</v>
      </c>
      <c r="AO1208" s="9">
        <v>3489</v>
      </c>
      <c r="AP1208" s="13">
        <v>0.14626477739582461</v>
      </c>
      <c r="AQ1208" s="9">
        <v>18223</v>
      </c>
      <c r="AR1208" s="9">
        <v>18704</v>
      </c>
      <c r="AS1208" s="9">
        <v>19652</v>
      </c>
      <c r="AT1208" s="9">
        <v>20619</v>
      </c>
      <c r="AU1208" s="9">
        <v>21458</v>
      </c>
      <c r="AV1208" s="9">
        <v>22288</v>
      </c>
      <c r="AW1208" s="9">
        <v>23854</v>
      </c>
      <c r="AX1208" s="9">
        <v>23741</v>
      </c>
      <c r="AY1208" s="9">
        <v>21668</v>
      </c>
      <c r="AZ1208" s="9">
        <v>21493</v>
      </c>
      <c r="BA1208" s="9">
        <v>22184</v>
      </c>
      <c r="BB1208" s="9">
        <v>22983</v>
      </c>
      <c r="BC1208" s="9">
        <v>23530</v>
      </c>
      <c r="BD1208" s="9">
        <v>24571</v>
      </c>
      <c r="BE1208" s="9">
        <v>24833</v>
      </c>
      <c r="BF1208" s="9">
        <v>27343</v>
      </c>
      <c r="BG1208" s="11">
        <v>-12</v>
      </c>
      <c r="BH1208" s="13">
        <v>-0.17910447761194029</v>
      </c>
      <c r="BI1208" s="6">
        <v>-7</v>
      </c>
      <c r="BJ1208" s="13">
        <v>-0.1044776119402985</v>
      </c>
      <c r="BK1208" s="6">
        <v>-1</v>
      </c>
      <c r="BL1208" s="13">
        <v>-1.6666666666666666E-2</v>
      </c>
      <c r="BM1208" s="11">
        <v>-4</v>
      </c>
      <c r="BN1208" s="13">
        <v>-6.7796610169491525E-2</v>
      </c>
      <c r="BO1208" s="11">
        <v>-5</v>
      </c>
      <c r="BP1208" s="13">
        <v>-8.3333333333333329E-2</v>
      </c>
      <c r="BQ1208" s="6">
        <v>67</v>
      </c>
      <c r="BR1208" s="6">
        <v>65</v>
      </c>
      <c r="BS1208" s="6">
        <v>61</v>
      </c>
      <c r="BT1208" s="6">
        <v>60</v>
      </c>
      <c r="BU1208" s="6">
        <v>62</v>
      </c>
      <c r="BV1208" s="6">
        <v>63</v>
      </c>
      <c r="BW1208" s="6">
        <v>59</v>
      </c>
      <c r="BX1208" s="6">
        <v>59</v>
      </c>
      <c r="BY1208" s="6">
        <v>60</v>
      </c>
      <c r="BZ1208" s="6">
        <v>57</v>
      </c>
      <c r="CA1208" s="6">
        <v>55</v>
      </c>
      <c r="CB1208" s="6">
        <v>53</v>
      </c>
      <c r="CC1208" s="11">
        <v>55</v>
      </c>
      <c r="CD1208" s="11">
        <v>-156</v>
      </c>
      <c r="CE1208" s="11">
        <v>-50</v>
      </c>
      <c r="CF1208" s="11">
        <v>85</v>
      </c>
      <c r="CG1208" s="11">
        <v>35</v>
      </c>
      <c r="CH1208" s="20">
        <v>1.23</v>
      </c>
      <c r="CI1208" s="20">
        <v>1.25</v>
      </c>
      <c r="CJ1208" s="20">
        <v>1.21</v>
      </c>
      <c r="CK1208" s="20">
        <v>1.21</v>
      </c>
      <c r="CL1208" s="20">
        <v>1.2</v>
      </c>
      <c r="CM1208" s="20">
        <v>1.1299999999999999</v>
      </c>
      <c r="CN1208" s="20">
        <v>1.1299999999999999</v>
      </c>
      <c r="CO1208" s="20">
        <v>1.18</v>
      </c>
      <c r="CP1208" s="20">
        <v>1.05</v>
      </c>
      <c r="CQ1208" s="20">
        <v>1.01</v>
      </c>
      <c r="CR1208" s="20">
        <v>0.97</v>
      </c>
      <c r="CS1208" s="20">
        <v>0.98</v>
      </c>
      <c r="CT1208" s="20">
        <v>0.98</v>
      </c>
      <c r="CU1208" s="20">
        <v>1</v>
      </c>
      <c r="CV1208" s="20">
        <v>1.03</v>
      </c>
      <c r="CW1208" s="20">
        <v>1.08</v>
      </c>
      <c r="CX1208" s="20">
        <v>1.08</v>
      </c>
      <c r="CY1208" s="6" t="s">
        <v>589</v>
      </c>
      <c r="CZ1208" s="6" t="s">
        <v>590</v>
      </c>
      <c r="DA1208" s="6" t="s">
        <v>82</v>
      </c>
      <c r="DB1208" s="6"/>
      <c r="DC1208" s="6"/>
      <c r="DD1208" s="6"/>
      <c r="DE1208" s="6"/>
      <c r="DF1208" s="6"/>
      <c r="DG1208" s="6"/>
      <c r="DH1208" s="6" t="s">
        <v>333</v>
      </c>
      <c r="DI1208" s="6"/>
      <c r="DJ1208" s="6"/>
      <c r="DK1208" s="6"/>
      <c r="DL1208" s="6">
        <v>9</v>
      </c>
      <c r="DM1208" s="6" t="s">
        <v>440</v>
      </c>
      <c r="DN1208" s="6">
        <v>7</v>
      </c>
      <c r="DO1208" s="6" t="s">
        <v>369</v>
      </c>
      <c r="DP1208" s="6"/>
      <c r="DQ1208" s="6"/>
    </row>
    <row r="1209" spans="1:121" x14ac:dyDescent="0.2">
      <c r="A1209" s="6" t="s">
        <v>794</v>
      </c>
      <c r="B1209" s="6" t="s">
        <v>181</v>
      </c>
      <c r="C1209" s="6" t="s">
        <v>182</v>
      </c>
      <c r="D1209" s="6" t="s">
        <v>82</v>
      </c>
      <c r="E1209" s="6" t="s">
        <v>223</v>
      </c>
      <c r="F1209" s="11">
        <v>93</v>
      </c>
      <c r="G1209" s="13">
        <v>0.55357142857099995</v>
      </c>
      <c r="H1209" s="11">
        <v>47.186701118000002</v>
      </c>
      <c r="I1209" s="13">
        <v>0.28011802992150392</v>
      </c>
      <c r="J1209" s="11">
        <v>-59.700948947000001</v>
      </c>
      <c r="K1209" s="13">
        <v>-0.27685518837602274</v>
      </c>
      <c r="L1209" s="11">
        <v>105.02180842799999</v>
      </c>
      <c r="M1209" s="13">
        <v>0.67348146859321079</v>
      </c>
      <c r="N1209" s="11">
        <v>45.320859480999985</v>
      </c>
      <c r="O1209" s="13">
        <v>0.2101694413620542</v>
      </c>
      <c r="P1209" s="7">
        <v>168.452923688</v>
      </c>
      <c r="Q1209" s="7">
        <v>212.03096898999999</v>
      </c>
      <c r="R1209" s="7">
        <v>213.66497642300001</v>
      </c>
      <c r="S1209" s="7">
        <v>215.04994314999999</v>
      </c>
      <c r="T1209" s="7">
        <v>194.05429350700001</v>
      </c>
      <c r="U1209" s="7">
        <v>215.56742802299999</v>
      </c>
      <c r="V1209" s="7">
        <v>215.639624806</v>
      </c>
      <c r="W1209" s="7">
        <v>186.155905655</v>
      </c>
      <c r="X1209" s="7">
        <v>174.51983896300001</v>
      </c>
      <c r="Y1209" s="7">
        <v>155.938675859</v>
      </c>
      <c r="Z1209" s="7">
        <v>152.962259074</v>
      </c>
      <c r="AA1209" s="7">
        <v>116.826321896</v>
      </c>
      <c r="AB1209" s="7">
        <v>225.82913918</v>
      </c>
      <c r="AC1209" s="7">
        <v>219.367360698</v>
      </c>
      <c r="AD1209" s="7">
        <v>233.39386922599999</v>
      </c>
      <c r="AE1209" s="7">
        <v>240.86487483799999</v>
      </c>
      <c r="AF1209" s="7">
        <v>260.96048428699999</v>
      </c>
      <c r="AG1209" s="9">
        <v>4261.440824199999</v>
      </c>
      <c r="AH1209" s="13">
        <v>0.1096761853273818</v>
      </c>
      <c r="AI1209" s="9">
        <v>6604.1068882999971</v>
      </c>
      <c r="AJ1209" s="13">
        <v>0.16996909751504166</v>
      </c>
      <c r="AK1209" s="9">
        <v>6699.1598153000014</v>
      </c>
      <c r="AL1209" s="13">
        <v>0.14736753605535025</v>
      </c>
      <c r="AM1209" s="9">
        <v>-9041.8258793999994</v>
      </c>
      <c r="AN1209" s="13">
        <v>-0.17335447841566229</v>
      </c>
      <c r="AO1209" s="9">
        <v>-2342.666064099998</v>
      </c>
      <c r="AP1209" s="13">
        <v>-5.1533764708588579E-2</v>
      </c>
      <c r="AQ1209" s="9">
        <v>38854.7505685</v>
      </c>
      <c r="AR1209" s="9">
        <v>36087.3633998</v>
      </c>
      <c r="AS1209" s="9">
        <v>38390.171440999999</v>
      </c>
      <c r="AT1209" s="9">
        <v>39908.516371700003</v>
      </c>
      <c r="AU1209" s="9">
        <v>40880.636361299999</v>
      </c>
      <c r="AV1209" s="9">
        <v>42678.254880100001</v>
      </c>
      <c r="AW1209" s="9">
        <v>45458.857456799997</v>
      </c>
      <c r="AX1209" s="9">
        <v>50494.283444399996</v>
      </c>
      <c r="AY1209" s="9">
        <v>51284.836444599998</v>
      </c>
      <c r="AZ1209" s="9">
        <v>52158.017272099998</v>
      </c>
      <c r="BA1209" s="9">
        <v>53206.226208599997</v>
      </c>
      <c r="BB1209" s="9">
        <v>60544.0286634</v>
      </c>
      <c r="BC1209" s="9">
        <v>43129.076524099997</v>
      </c>
      <c r="BD1209" s="9">
        <v>42151.748099600001</v>
      </c>
      <c r="BE1209" s="9">
        <v>43887.356476599998</v>
      </c>
      <c r="BF1209" s="9">
        <v>43116.191392699999</v>
      </c>
      <c r="BG1209" s="11">
        <v>-0.25</v>
      </c>
      <c r="BH1209" s="13">
        <v>-1.5625E-2</v>
      </c>
      <c r="BI1209" s="6">
        <v>4</v>
      </c>
      <c r="BJ1209" s="13">
        <v>0.25</v>
      </c>
      <c r="BK1209" s="6">
        <v>-6</v>
      </c>
      <c r="BL1209" s="13">
        <v>-0.3</v>
      </c>
      <c r="BM1209" s="11">
        <v>1.75</v>
      </c>
      <c r="BN1209" s="13">
        <v>0.125</v>
      </c>
      <c r="BO1209" s="11">
        <v>-4.25</v>
      </c>
      <c r="BP1209" s="13">
        <v>-0.21249999999999999</v>
      </c>
      <c r="BQ1209" s="6">
        <v>16</v>
      </c>
      <c r="BR1209" s="6">
        <v>15</v>
      </c>
      <c r="BS1209" s="6">
        <v>18</v>
      </c>
      <c r="BT1209" s="6">
        <v>20</v>
      </c>
      <c r="BU1209" s="6">
        <v>17</v>
      </c>
      <c r="BV1209" s="6">
        <v>14</v>
      </c>
      <c r="BW1209" s="6">
        <v>14</v>
      </c>
      <c r="BX1209" s="6">
        <v>13</v>
      </c>
      <c r="BY1209" s="6">
        <v>11</v>
      </c>
      <c r="BZ1209" s="6">
        <v>14</v>
      </c>
      <c r="CA1209" s="6">
        <v>13</v>
      </c>
      <c r="CB1209" s="6">
        <v>15</v>
      </c>
      <c r="CC1209" s="11">
        <v>15.75</v>
      </c>
      <c r="CD1209" s="11">
        <v>63.475999999999999</v>
      </c>
      <c r="CE1209" s="11">
        <v>10.617699999999999</v>
      </c>
      <c r="CF1209" s="11">
        <v>18.413900000000002</v>
      </c>
      <c r="CG1209" s="11">
        <v>29</v>
      </c>
      <c r="CH1209" s="20">
        <v>0.90712499999999996</v>
      </c>
      <c r="CI1209" s="20">
        <v>1.16344</v>
      </c>
      <c r="CJ1209" s="20">
        <v>1.1551100000000001</v>
      </c>
      <c r="CK1209" s="20">
        <v>1.1568099999999999</v>
      </c>
      <c r="CL1209" s="20">
        <v>1.02051</v>
      </c>
      <c r="CM1209" s="20">
        <v>1.0802700000000001</v>
      </c>
      <c r="CN1209" s="20">
        <v>1.11619</v>
      </c>
      <c r="CO1209" s="20">
        <v>1.01983</v>
      </c>
      <c r="CP1209" s="20">
        <v>0.96763999999999994</v>
      </c>
      <c r="CQ1209" s="20">
        <v>0.87096399999999996</v>
      </c>
      <c r="CR1209" s="20">
        <v>0.83718499999999996</v>
      </c>
      <c r="CS1209" s="20">
        <v>0.63574900000000001</v>
      </c>
      <c r="CT1209" s="20">
        <v>1.2229099999999999</v>
      </c>
      <c r="CU1209" s="20">
        <v>1.18146</v>
      </c>
      <c r="CV1209" s="20">
        <v>1.2167699999999999</v>
      </c>
      <c r="CW1209" s="20">
        <v>1.21665</v>
      </c>
      <c r="CX1209" s="20">
        <v>1.2933399999999999</v>
      </c>
      <c r="CY1209" s="6" t="s">
        <v>589</v>
      </c>
      <c r="CZ1209" s="6" t="s">
        <v>590</v>
      </c>
      <c r="DA1209" s="6" t="s">
        <v>82</v>
      </c>
      <c r="DB1209" s="6"/>
      <c r="DC1209" s="6"/>
      <c r="DD1209" s="6"/>
      <c r="DE1209" s="6"/>
      <c r="DF1209" s="6"/>
      <c r="DG1209" s="6"/>
      <c r="DH1209" s="6" t="s">
        <v>333</v>
      </c>
      <c r="DI1209" s="6"/>
      <c r="DJ1209" s="6"/>
      <c r="DK1209" s="6"/>
      <c r="DL1209" s="6">
        <v>9</v>
      </c>
      <c r="DM1209" s="6" t="s">
        <v>440</v>
      </c>
      <c r="DN1209" s="6">
        <v>7</v>
      </c>
      <c r="DO1209" s="6" t="s">
        <v>369</v>
      </c>
      <c r="DP1209" s="6"/>
      <c r="DQ1209" s="6"/>
    </row>
    <row r="1210" spans="1:121" x14ac:dyDescent="0.2">
      <c r="A1210" s="6" t="s">
        <v>314</v>
      </c>
      <c r="B1210" s="6" t="s">
        <v>314</v>
      </c>
      <c r="C1210" s="6" t="s">
        <v>183</v>
      </c>
      <c r="D1210" s="6" t="s">
        <v>82</v>
      </c>
      <c r="E1210" s="6" t="s">
        <v>223</v>
      </c>
      <c r="F1210" s="11">
        <v>-32</v>
      </c>
      <c r="G1210" s="13">
        <v>-0.4</v>
      </c>
      <c r="H1210" s="11">
        <v>-16.6075043333</v>
      </c>
      <c r="I1210" s="13">
        <v>-0.20835562699941301</v>
      </c>
      <c r="J1210" s="11">
        <v>-5.849367308399998</v>
      </c>
      <c r="K1210" s="13">
        <v>-9.2699976442150431E-2</v>
      </c>
      <c r="L1210" s="11">
        <v>-9.4373357214000038</v>
      </c>
      <c r="M1210" s="13">
        <v>-0.16484250777087536</v>
      </c>
      <c r="N1210" s="11">
        <v>-15.286703029800002</v>
      </c>
      <c r="O1210" s="13">
        <v>-0.24226158762600064</v>
      </c>
      <c r="P1210" s="7">
        <v>79.707491333299998</v>
      </c>
      <c r="Q1210" s="7">
        <v>65.056281509100003</v>
      </c>
      <c r="R1210" s="7">
        <v>70.4408818518</v>
      </c>
      <c r="S1210" s="7">
        <v>69.243351242000003</v>
      </c>
      <c r="T1210" s="7">
        <v>69.907210000000006</v>
      </c>
      <c r="U1210" s="7">
        <v>69.802486999999999</v>
      </c>
      <c r="V1210" s="7">
        <v>63.099986999999999</v>
      </c>
      <c r="W1210" s="7">
        <v>58.013202375799999</v>
      </c>
      <c r="X1210" s="7">
        <v>59.630758229500003</v>
      </c>
      <c r="Y1210" s="7">
        <v>57.250619691600001</v>
      </c>
      <c r="Z1210" s="7">
        <v>65.731203990899999</v>
      </c>
      <c r="AA1210" s="7">
        <v>67.827614083499995</v>
      </c>
      <c r="AB1210" s="7">
        <v>65.734294000000006</v>
      </c>
      <c r="AC1210" s="7">
        <v>58.236007886899998</v>
      </c>
      <c r="AD1210" s="7">
        <v>47.778050553500002</v>
      </c>
      <c r="AE1210" s="7">
        <v>48.5203536223</v>
      </c>
      <c r="AF1210" s="7">
        <v>47.813283970199997</v>
      </c>
      <c r="AG1210" s="9">
        <v>18490.176822400001</v>
      </c>
      <c r="AH1210" s="13">
        <v>0.91403705139562941</v>
      </c>
      <c r="AI1210" s="9">
        <v>6341.964398199998</v>
      </c>
      <c r="AJ1210" s="13">
        <v>0.31350649019019866</v>
      </c>
      <c r="AK1210" s="9">
        <v>7697.308931800002</v>
      </c>
      <c r="AL1210" s="13">
        <v>0.28968728306417035</v>
      </c>
      <c r="AM1210" s="9">
        <v>4450.9034924000007</v>
      </c>
      <c r="AN1210" s="13">
        <v>0.12988358682594278</v>
      </c>
      <c r="AO1210" s="9">
        <v>12148.212424200003</v>
      </c>
      <c r="AP1210" s="13">
        <v>0.45719649327234974</v>
      </c>
      <c r="AQ1210" s="9">
        <v>20229.132718600002</v>
      </c>
      <c r="AR1210" s="9">
        <v>24960.8132358</v>
      </c>
      <c r="AS1210" s="9">
        <v>25758.1156935</v>
      </c>
      <c r="AT1210" s="9">
        <v>28583.6674719</v>
      </c>
      <c r="AU1210" s="9">
        <v>24167.489160199999</v>
      </c>
      <c r="AV1210" s="9">
        <v>25396.296435699998</v>
      </c>
      <c r="AW1210" s="9">
        <v>26571.0971168</v>
      </c>
      <c r="AX1210" s="9">
        <v>32848.438866299999</v>
      </c>
      <c r="AY1210" s="9">
        <v>36746.396521800001</v>
      </c>
      <c r="AZ1210" s="9">
        <v>34268.406048600002</v>
      </c>
      <c r="BA1210" s="9">
        <v>34693.870908999997</v>
      </c>
      <c r="BB1210" s="9">
        <v>37239.653465099997</v>
      </c>
      <c r="BC1210" s="9">
        <v>33532.160746000001</v>
      </c>
      <c r="BD1210" s="9">
        <v>34568.474937899999</v>
      </c>
      <c r="BE1210" s="9">
        <v>37485.613088600003</v>
      </c>
      <c r="BF1210" s="9">
        <v>38719.309541000002</v>
      </c>
      <c r="BG1210" s="11">
        <v>-4.75</v>
      </c>
      <c r="BH1210" s="13">
        <v>-0.39583333333333331</v>
      </c>
      <c r="BI1210" s="6">
        <v>-1</v>
      </c>
      <c r="BJ1210" s="13">
        <v>-8.3333333333333329E-2</v>
      </c>
      <c r="BK1210" s="6">
        <v>0</v>
      </c>
      <c r="BL1210" s="13">
        <v>0</v>
      </c>
      <c r="BM1210" s="11">
        <v>-3.75</v>
      </c>
      <c r="BN1210" s="13">
        <v>-0.34090909090909088</v>
      </c>
      <c r="BO1210" s="11">
        <v>-3.75</v>
      </c>
      <c r="BP1210" s="13">
        <v>-0.34090909090909088</v>
      </c>
      <c r="BQ1210" s="6">
        <v>12</v>
      </c>
      <c r="BR1210" s="6">
        <v>13</v>
      </c>
      <c r="BS1210" s="6">
        <v>12</v>
      </c>
      <c r="BT1210" s="6">
        <v>11</v>
      </c>
      <c r="BU1210" s="6">
        <v>11</v>
      </c>
      <c r="BV1210" s="6">
        <v>11</v>
      </c>
      <c r="BW1210" s="6">
        <v>11</v>
      </c>
      <c r="BX1210" s="6">
        <v>12</v>
      </c>
      <c r="BY1210" s="6">
        <v>12</v>
      </c>
      <c r="BZ1210" s="6">
        <v>11</v>
      </c>
      <c r="CA1210" s="6">
        <v>10</v>
      </c>
      <c r="CB1210" s="6">
        <v>7</v>
      </c>
      <c r="CC1210" s="11">
        <v>7.25</v>
      </c>
      <c r="CD1210" s="11">
        <v>-16.1936</v>
      </c>
      <c r="CE1210" s="11">
        <v>-24.413599999999999</v>
      </c>
      <c r="CF1210" s="11">
        <v>8.7129899999999996</v>
      </c>
      <c r="CG1210" s="11">
        <v>-15</v>
      </c>
      <c r="CH1210" s="20">
        <v>0.54506399999999999</v>
      </c>
      <c r="CI1210" s="20">
        <v>0.46609600000000001</v>
      </c>
      <c r="CJ1210" s="20">
        <v>0.51919199999999999</v>
      </c>
      <c r="CK1210" s="20">
        <v>0.52930299999999997</v>
      </c>
      <c r="CL1210" s="20">
        <v>0.54222999999999999</v>
      </c>
      <c r="CM1210" s="20">
        <v>0.53130100000000002</v>
      </c>
      <c r="CN1210" s="20">
        <v>0.50744900000000004</v>
      </c>
      <c r="CO1210" s="20">
        <v>0.49807000000000001</v>
      </c>
      <c r="CP1210" s="20">
        <v>0.51569100000000001</v>
      </c>
      <c r="CQ1210" s="20">
        <v>0.51157600000000003</v>
      </c>
      <c r="CR1210" s="20">
        <v>0.59698499999999999</v>
      </c>
      <c r="CS1210" s="20">
        <v>0.62487199999999998</v>
      </c>
      <c r="CT1210" s="20">
        <v>0.60887500000000006</v>
      </c>
      <c r="CU1210" s="20">
        <v>0.54800499999999996</v>
      </c>
      <c r="CV1210" s="20">
        <v>0.45110099999999997</v>
      </c>
      <c r="CW1210" s="20">
        <v>0.44869300000000001</v>
      </c>
      <c r="CX1210" s="20">
        <v>0.43931199999999998</v>
      </c>
      <c r="CY1210" s="6" t="s">
        <v>589</v>
      </c>
      <c r="CZ1210" s="6" t="s">
        <v>590</v>
      </c>
      <c r="DA1210" s="6" t="s">
        <v>82</v>
      </c>
      <c r="DB1210" s="6"/>
      <c r="DC1210" s="6"/>
      <c r="DD1210" s="6"/>
      <c r="DE1210" s="6"/>
      <c r="DF1210" s="6"/>
      <c r="DG1210" s="6"/>
      <c r="DH1210" s="6" t="s">
        <v>333</v>
      </c>
      <c r="DI1210" s="6"/>
      <c r="DJ1210" s="6"/>
      <c r="DK1210" s="6"/>
      <c r="DL1210" s="6">
        <v>9</v>
      </c>
      <c r="DM1210" s="6" t="s">
        <v>440</v>
      </c>
      <c r="DN1210" s="6">
        <v>7</v>
      </c>
      <c r="DO1210" s="6" t="s">
        <v>369</v>
      </c>
      <c r="DP1210" s="6"/>
      <c r="DQ1210" s="6"/>
    </row>
    <row r="1211" spans="1:121" x14ac:dyDescent="0.2">
      <c r="A1211" s="6" t="s">
        <v>315</v>
      </c>
      <c r="B1211" s="6" t="s">
        <v>315</v>
      </c>
      <c r="C1211" s="6" t="s">
        <v>184</v>
      </c>
      <c r="D1211" s="6" t="s">
        <v>82</v>
      </c>
      <c r="E1211" s="6" t="s">
        <v>223</v>
      </c>
      <c r="F1211" s="11">
        <v>14</v>
      </c>
      <c r="G1211" s="13">
        <v>0.09</v>
      </c>
      <c r="H1211" s="11">
        <v>-2</v>
      </c>
      <c r="I1211" s="13">
        <v>-1.2500000000000001E-2</v>
      </c>
      <c r="J1211" s="11">
        <v>-7</v>
      </c>
      <c r="K1211" s="13">
        <v>-4.4303797468354431E-2</v>
      </c>
      <c r="L1211" s="11">
        <v>23</v>
      </c>
      <c r="M1211" s="13">
        <v>0.15231788079470199</v>
      </c>
      <c r="N1211" s="11">
        <v>16</v>
      </c>
      <c r="O1211" s="13">
        <v>0.10126582278481013</v>
      </c>
      <c r="P1211" s="7">
        <v>160</v>
      </c>
      <c r="Q1211" s="7">
        <v>162</v>
      </c>
      <c r="R1211" s="7">
        <v>170</v>
      </c>
      <c r="S1211" s="7">
        <v>166</v>
      </c>
      <c r="T1211" s="7">
        <v>168</v>
      </c>
      <c r="U1211" s="7">
        <v>168</v>
      </c>
      <c r="V1211" s="7">
        <v>158</v>
      </c>
      <c r="W1211" s="7">
        <v>152</v>
      </c>
      <c r="X1211" s="7">
        <v>153</v>
      </c>
      <c r="Y1211" s="7">
        <v>151</v>
      </c>
      <c r="Z1211" s="7">
        <v>152</v>
      </c>
      <c r="AA1211" s="7">
        <v>158</v>
      </c>
      <c r="AB1211" s="7">
        <v>167</v>
      </c>
      <c r="AC1211" s="7">
        <v>172</v>
      </c>
      <c r="AD1211" s="7">
        <v>179</v>
      </c>
      <c r="AE1211" s="7">
        <v>170</v>
      </c>
      <c r="AF1211" s="7">
        <v>174</v>
      </c>
      <c r="AG1211" s="9">
        <v>13892</v>
      </c>
      <c r="AH1211" s="13">
        <v>0.38828330258818267</v>
      </c>
      <c r="AI1211" s="9">
        <v>5938</v>
      </c>
      <c r="AJ1211" s="13">
        <v>0.16596791324277488</v>
      </c>
      <c r="AK1211" s="9">
        <v>166</v>
      </c>
      <c r="AL1211" s="13">
        <v>3.9792885223894911E-3</v>
      </c>
      <c r="AM1211" s="9">
        <v>7788</v>
      </c>
      <c r="AN1211" s="13">
        <v>0.18595100520510005</v>
      </c>
      <c r="AO1211" s="9">
        <v>7954</v>
      </c>
      <c r="AP1211" s="13">
        <v>0.19067024642822897</v>
      </c>
      <c r="AQ1211" s="9">
        <v>35778</v>
      </c>
      <c r="AR1211" s="9">
        <v>34890</v>
      </c>
      <c r="AS1211" s="9">
        <v>35286</v>
      </c>
      <c r="AT1211" s="9">
        <v>36747</v>
      </c>
      <c r="AU1211" s="9">
        <v>38807</v>
      </c>
      <c r="AV1211" s="9">
        <v>39308</v>
      </c>
      <c r="AW1211" s="9">
        <v>41716</v>
      </c>
      <c r="AX1211" s="9">
        <v>42930</v>
      </c>
      <c r="AY1211" s="9">
        <v>43965</v>
      </c>
      <c r="AZ1211" s="9">
        <v>41882</v>
      </c>
      <c r="BA1211" s="9">
        <v>42797</v>
      </c>
      <c r="BB1211" s="9">
        <v>44103</v>
      </c>
      <c r="BC1211" s="9">
        <v>46558</v>
      </c>
      <c r="BD1211" s="9">
        <v>47123</v>
      </c>
      <c r="BE1211" s="9">
        <v>46807</v>
      </c>
      <c r="BF1211" s="9">
        <v>49670</v>
      </c>
      <c r="BG1211" s="11">
        <v>2</v>
      </c>
      <c r="BH1211" s="13">
        <v>8.6956521739130432E-2</v>
      </c>
      <c r="BI1211" s="6">
        <v>1</v>
      </c>
      <c r="BJ1211" s="13">
        <v>4.3478260869565216E-2</v>
      </c>
      <c r="BK1211" s="6">
        <v>1</v>
      </c>
      <c r="BL1211" s="13">
        <v>4.1666666666666664E-2</v>
      </c>
      <c r="BM1211" s="11">
        <v>0</v>
      </c>
      <c r="BN1211" s="13">
        <v>0</v>
      </c>
      <c r="BO1211" s="11">
        <v>1</v>
      </c>
      <c r="BP1211" s="13">
        <v>4.1666666666666664E-2</v>
      </c>
      <c r="BQ1211" s="6">
        <v>23</v>
      </c>
      <c r="BR1211" s="6">
        <v>24</v>
      </c>
      <c r="BS1211" s="6">
        <v>25</v>
      </c>
      <c r="BT1211" s="6">
        <v>24</v>
      </c>
      <c r="BU1211" s="6">
        <v>23</v>
      </c>
      <c r="BV1211" s="6">
        <v>23</v>
      </c>
      <c r="BW1211" s="6">
        <v>25</v>
      </c>
      <c r="BX1211" s="6">
        <v>25</v>
      </c>
      <c r="BY1211" s="6">
        <v>25</v>
      </c>
      <c r="BZ1211" s="6">
        <v>27</v>
      </c>
      <c r="CA1211" s="6">
        <v>27</v>
      </c>
      <c r="CB1211" s="6">
        <v>26</v>
      </c>
      <c r="CC1211" s="11">
        <v>25</v>
      </c>
      <c r="CD1211" s="11">
        <v>9</v>
      </c>
      <c r="CE1211" s="11">
        <v>-13</v>
      </c>
      <c r="CF1211" s="11">
        <v>17</v>
      </c>
      <c r="CG1211" s="11">
        <v>4</v>
      </c>
      <c r="CH1211" s="20">
        <v>0.67</v>
      </c>
      <c r="CI1211" s="20">
        <v>0.67</v>
      </c>
      <c r="CJ1211" s="20">
        <v>0.68</v>
      </c>
      <c r="CK1211" s="20">
        <v>0.67</v>
      </c>
      <c r="CL1211" s="20">
        <v>0.67</v>
      </c>
      <c r="CM1211" s="20">
        <v>0.64</v>
      </c>
      <c r="CN1211" s="20">
        <v>0.64</v>
      </c>
      <c r="CO1211" s="20">
        <v>0.66</v>
      </c>
      <c r="CP1211" s="20">
        <v>0.66</v>
      </c>
      <c r="CQ1211" s="20">
        <v>0.66</v>
      </c>
      <c r="CR1211" s="20">
        <v>0.66</v>
      </c>
      <c r="CS1211" s="20">
        <v>0.69</v>
      </c>
      <c r="CT1211" s="20">
        <v>0.74</v>
      </c>
      <c r="CU1211" s="20">
        <v>0.78</v>
      </c>
      <c r="CV1211" s="20">
        <v>0.81</v>
      </c>
      <c r="CW1211" s="20">
        <v>0.76</v>
      </c>
      <c r="CX1211" s="20">
        <v>0.76</v>
      </c>
      <c r="CY1211" s="6" t="s">
        <v>589</v>
      </c>
      <c r="CZ1211" s="6" t="s">
        <v>590</v>
      </c>
      <c r="DA1211" s="6" t="s">
        <v>82</v>
      </c>
      <c r="DB1211" s="6"/>
      <c r="DC1211" s="6"/>
      <c r="DD1211" s="6"/>
      <c r="DE1211" s="6"/>
      <c r="DF1211" s="6"/>
      <c r="DG1211" s="6"/>
      <c r="DH1211" s="6" t="s">
        <v>333</v>
      </c>
      <c r="DI1211" s="6"/>
      <c r="DJ1211" s="6"/>
      <c r="DK1211" s="6"/>
      <c r="DL1211" s="6">
        <v>9</v>
      </c>
      <c r="DM1211" s="6" t="s">
        <v>440</v>
      </c>
      <c r="DN1211" s="6">
        <v>7</v>
      </c>
      <c r="DO1211" s="6" t="s">
        <v>369</v>
      </c>
      <c r="DP1211" s="6"/>
      <c r="DQ1211" s="6"/>
    </row>
    <row r="1212" spans="1:121" x14ac:dyDescent="0.2">
      <c r="A1212" s="6" t="s">
        <v>316</v>
      </c>
      <c r="B1212" s="6" t="s">
        <v>316</v>
      </c>
      <c r="C1212" s="6" t="s">
        <v>185</v>
      </c>
      <c r="D1212" s="6" t="s">
        <v>82</v>
      </c>
      <c r="E1212" s="6" t="s">
        <v>223</v>
      </c>
      <c r="F1212" s="11">
        <v>8</v>
      </c>
      <c r="G1212" s="13">
        <v>0.24</v>
      </c>
      <c r="H1212" s="11">
        <v>5</v>
      </c>
      <c r="I1212" s="13">
        <v>0.14705882352941177</v>
      </c>
      <c r="J1212" s="11">
        <v>-8</v>
      </c>
      <c r="K1212" s="13">
        <v>-0.20512820512820512</v>
      </c>
      <c r="L1212" s="11">
        <v>11</v>
      </c>
      <c r="M1212" s="13">
        <v>0.35483870967741937</v>
      </c>
      <c r="N1212" s="11">
        <v>3</v>
      </c>
      <c r="O1212" s="13">
        <v>7.6923076923076927E-2</v>
      </c>
      <c r="P1212" s="7">
        <v>34</v>
      </c>
      <c r="Q1212" s="7">
        <v>34</v>
      </c>
      <c r="R1212" s="7">
        <v>34</v>
      </c>
      <c r="S1212" s="7">
        <v>40</v>
      </c>
      <c r="T1212" s="7">
        <v>41</v>
      </c>
      <c r="U1212" s="7">
        <v>42</v>
      </c>
      <c r="V1212" s="7">
        <v>39</v>
      </c>
      <c r="W1212" s="7">
        <v>35</v>
      </c>
      <c r="X1212" s="7">
        <v>33</v>
      </c>
      <c r="Y1212" s="7">
        <v>31</v>
      </c>
      <c r="Z1212" s="7">
        <v>27</v>
      </c>
      <c r="AA1212" s="7">
        <v>28</v>
      </c>
      <c r="AB1212" s="7">
        <v>26</v>
      </c>
      <c r="AC1212" s="7">
        <v>39</v>
      </c>
      <c r="AD1212" s="7">
        <v>38</v>
      </c>
      <c r="AE1212" s="7">
        <v>39</v>
      </c>
      <c r="AF1212" s="7">
        <v>42</v>
      </c>
      <c r="AG1212" s="9">
        <v>9455</v>
      </c>
      <c r="AH1212" s="13">
        <v>0.57036858297641313</v>
      </c>
      <c r="AI1212" s="9">
        <v>5308</v>
      </c>
      <c r="AJ1212" s="13">
        <v>0.32020269047475419</v>
      </c>
      <c r="AK1212" s="9">
        <v>-314</v>
      </c>
      <c r="AL1212" s="13">
        <v>-1.4347726753484122E-2</v>
      </c>
      <c r="AM1212" s="9">
        <v>4461</v>
      </c>
      <c r="AN1212" s="13">
        <v>0.20680543322052755</v>
      </c>
      <c r="AO1212" s="9">
        <v>4147</v>
      </c>
      <c r="AP1212" s="13">
        <v>0.18949051862005939</v>
      </c>
      <c r="AQ1212" s="9">
        <v>16577</v>
      </c>
      <c r="AR1212" s="9">
        <v>16611</v>
      </c>
      <c r="AS1212" s="9">
        <v>15118</v>
      </c>
      <c r="AT1212" s="9">
        <v>17469</v>
      </c>
      <c r="AU1212" s="9">
        <v>18921</v>
      </c>
      <c r="AV1212" s="9">
        <v>20783</v>
      </c>
      <c r="AW1212" s="9">
        <v>21885</v>
      </c>
      <c r="AX1212" s="9">
        <v>22691</v>
      </c>
      <c r="AY1212" s="9">
        <v>21826</v>
      </c>
      <c r="AZ1212" s="9">
        <v>21571</v>
      </c>
      <c r="BA1212" s="9">
        <v>22720</v>
      </c>
      <c r="BB1212" s="9">
        <v>24380</v>
      </c>
      <c r="BC1212" s="9">
        <v>26443</v>
      </c>
      <c r="BD1212" s="9">
        <v>25593</v>
      </c>
      <c r="BE1212" s="9">
        <v>24560</v>
      </c>
      <c r="BF1212" s="9">
        <v>26032</v>
      </c>
      <c r="BG1212" s="11">
        <v>-4</v>
      </c>
      <c r="BH1212" s="13">
        <v>-0.33333333333333331</v>
      </c>
      <c r="BI1212" s="6">
        <v>0</v>
      </c>
      <c r="BJ1212" s="13">
        <v>0</v>
      </c>
      <c r="BK1212" s="6">
        <v>-2</v>
      </c>
      <c r="BL1212" s="13">
        <v>-0.16666666666666666</v>
      </c>
      <c r="BM1212" s="11">
        <v>-2</v>
      </c>
      <c r="BN1212" s="13">
        <v>-0.2</v>
      </c>
      <c r="BO1212" s="11">
        <v>-4</v>
      </c>
      <c r="BP1212" s="13">
        <v>-0.33333333333333331</v>
      </c>
      <c r="BQ1212" s="6">
        <v>12</v>
      </c>
      <c r="BR1212" s="6">
        <v>12</v>
      </c>
      <c r="BS1212" s="6">
        <v>12</v>
      </c>
      <c r="BT1212" s="6">
        <v>12</v>
      </c>
      <c r="BU1212" s="6">
        <v>10</v>
      </c>
      <c r="BV1212" s="6">
        <v>10</v>
      </c>
      <c r="BW1212" s="6">
        <v>10</v>
      </c>
      <c r="BX1212" s="6">
        <v>6</v>
      </c>
      <c r="BY1212" s="6">
        <v>6</v>
      </c>
      <c r="BZ1212" s="6">
        <v>6</v>
      </c>
      <c r="CA1212" s="6">
        <v>8</v>
      </c>
      <c r="CB1212" s="6">
        <v>7</v>
      </c>
      <c r="CC1212" s="11">
        <v>8</v>
      </c>
      <c r="CD1212" s="11">
        <v>6</v>
      </c>
      <c r="CE1212" s="11">
        <v>-2</v>
      </c>
      <c r="CF1212" s="11">
        <v>4</v>
      </c>
      <c r="CG1212" s="11">
        <v>2</v>
      </c>
      <c r="CH1212" s="20">
        <v>0.35</v>
      </c>
      <c r="CI1212" s="20">
        <v>0.34</v>
      </c>
      <c r="CJ1212" s="20">
        <v>0.33</v>
      </c>
      <c r="CK1212" s="20">
        <v>0.38</v>
      </c>
      <c r="CL1212" s="20">
        <v>0.38</v>
      </c>
      <c r="CM1212" s="20">
        <v>0.37</v>
      </c>
      <c r="CN1212" s="20">
        <v>0.37</v>
      </c>
      <c r="CO1212" s="20">
        <v>0.35</v>
      </c>
      <c r="CP1212" s="20">
        <v>0.34</v>
      </c>
      <c r="CQ1212" s="20">
        <v>0.33</v>
      </c>
      <c r="CR1212" s="20">
        <v>0.28999999999999998</v>
      </c>
      <c r="CS1212" s="20">
        <v>0.3</v>
      </c>
      <c r="CT1212" s="20">
        <v>0.28000000000000003</v>
      </c>
      <c r="CU1212" s="20">
        <v>0.43</v>
      </c>
      <c r="CV1212" s="20">
        <v>0.4</v>
      </c>
      <c r="CW1212" s="20">
        <v>0.41</v>
      </c>
      <c r="CX1212" s="20">
        <v>0.43</v>
      </c>
      <c r="CY1212" s="6" t="s">
        <v>589</v>
      </c>
      <c r="CZ1212" s="6" t="s">
        <v>590</v>
      </c>
      <c r="DA1212" s="6" t="s">
        <v>82</v>
      </c>
      <c r="DB1212" s="6"/>
      <c r="DC1212" s="6"/>
      <c r="DD1212" s="6"/>
      <c r="DE1212" s="6"/>
      <c r="DF1212" s="6"/>
      <c r="DG1212" s="6"/>
      <c r="DH1212" s="6" t="s">
        <v>333</v>
      </c>
      <c r="DI1212" s="6"/>
      <c r="DJ1212" s="6"/>
      <c r="DK1212" s="6"/>
      <c r="DL1212" s="6">
        <v>9</v>
      </c>
      <c r="DM1212" s="6" t="s">
        <v>440</v>
      </c>
      <c r="DN1212" s="6">
        <v>7</v>
      </c>
      <c r="DO1212" s="6" t="s">
        <v>369</v>
      </c>
      <c r="DP1212" s="6"/>
      <c r="DQ1212" s="6"/>
    </row>
    <row r="1213" spans="1:121" x14ac:dyDescent="0.2">
      <c r="A1213" s="6" t="s">
        <v>317</v>
      </c>
      <c r="B1213" s="6" t="s">
        <v>317</v>
      </c>
      <c r="C1213" s="6" t="s">
        <v>186</v>
      </c>
      <c r="D1213" s="6" t="s">
        <v>82</v>
      </c>
      <c r="E1213" s="6" t="s">
        <v>223</v>
      </c>
      <c r="F1213" s="11">
        <v>356</v>
      </c>
      <c r="G1213" s="13">
        <v>5.84</v>
      </c>
      <c r="H1213" s="11">
        <v>104</v>
      </c>
      <c r="I1213" s="13">
        <v>1.7049180327868851</v>
      </c>
      <c r="J1213" s="11">
        <v>44</v>
      </c>
      <c r="K1213" s="13">
        <v>0.26666666666666666</v>
      </c>
      <c r="L1213" s="11">
        <v>208</v>
      </c>
      <c r="M1213" s="13">
        <v>0.99521531100478466</v>
      </c>
      <c r="N1213" s="11">
        <v>252</v>
      </c>
      <c r="O1213" s="13">
        <v>1.5272727272727271</v>
      </c>
      <c r="P1213" s="7">
        <v>61</v>
      </c>
      <c r="Q1213" s="7">
        <v>47</v>
      </c>
      <c r="R1213" s="7">
        <v>64</v>
      </c>
      <c r="S1213" s="7">
        <v>74</v>
      </c>
      <c r="T1213" s="7">
        <v>77</v>
      </c>
      <c r="U1213" s="7">
        <v>79</v>
      </c>
      <c r="V1213" s="7">
        <v>165</v>
      </c>
      <c r="W1213" s="7">
        <v>188</v>
      </c>
      <c r="X1213" s="7">
        <v>185</v>
      </c>
      <c r="Y1213" s="7">
        <v>209</v>
      </c>
      <c r="Z1213" s="7">
        <v>221</v>
      </c>
      <c r="AA1213" s="7">
        <v>193</v>
      </c>
      <c r="AB1213" s="7">
        <v>265</v>
      </c>
      <c r="AC1213" s="7">
        <v>300</v>
      </c>
      <c r="AD1213" s="7">
        <v>342</v>
      </c>
      <c r="AE1213" s="7">
        <v>375</v>
      </c>
      <c r="AF1213" s="7">
        <v>417</v>
      </c>
      <c r="AG1213" s="9">
        <v>12632</v>
      </c>
      <c r="AH1213" s="13">
        <v>0.42397798214405585</v>
      </c>
      <c r="AI1213" s="9">
        <v>19023</v>
      </c>
      <c r="AJ1213" s="13">
        <v>0.63848425857555213</v>
      </c>
      <c r="AK1213" s="9">
        <v>-2089</v>
      </c>
      <c r="AL1213" s="13">
        <v>-4.2792469836327507E-2</v>
      </c>
      <c r="AM1213" s="9">
        <v>-4302</v>
      </c>
      <c r="AN1213" s="13">
        <v>-9.206471494607088E-2</v>
      </c>
      <c r="AO1213" s="9">
        <v>-6391</v>
      </c>
      <c r="AP1213" s="13">
        <v>-0.13091750824507856</v>
      </c>
      <c r="AQ1213" s="9">
        <v>29794</v>
      </c>
      <c r="AR1213" s="9">
        <v>29872</v>
      </c>
      <c r="AS1213" s="9">
        <v>37916</v>
      </c>
      <c r="AT1213" s="9">
        <v>37026</v>
      </c>
      <c r="AU1213" s="9">
        <v>36494</v>
      </c>
      <c r="AV1213" s="9">
        <v>40039</v>
      </c>
      <c r="AW1213" s="9">
        <v>48817</v>
      </c>
      <c r="AX1213" s="9">
        <v>45977</v>
      </c>
      <c r="AY1213" s="9">
        <v>48622</v>
      </c>
      <c r="AZ1213" s="9">
        <v>46728</v>
      </c>
      <c r="BA1213" s="9">
        <v>47368</v>
      </c>
      <c r="BB1213" s="9">
        <v>50075</v>
      </c>
      <c r="BC1213" s="9">
        <v>40766</v>
      </c>
      <c r="BD1213" s="9">
        <v>41090</v>
      </c>
      <c r="BE1213" s="9">
        <v>42609</v>
      </c>
      <c r="BF1213" s="9">
        <v>42426</v>
      </c>
      <c r="BG1213" s="11">
        <v>9</v>
      </c>
      <c r="BH1213" s="13">
        <v>0.6428571428571429</v>
      </c>
      <c r="BI1213" s="6">
        <v>4</v>
      </c>
      <c r="BJ1213" s="13">
        <v>0.2857142857142857</v>
      </c>
      <c r="BK1213" s="6">
        <v>-2</v>
      </c>
      <c r="BL1213" s="13">
        <v>-0.1111111111111111</v>
      </c>
      <c r="BM1213" s="11">
        <v>7</v>
      </c>
      <c r="BN1213" s="13">
        <v>0.4375</v>
      </c>
      <c r="BO1213" s="11">
        <v>5</v>
      </c>
      <c r="BP1213" s="13">
        <v>0.27777777777777779</v>
      </c>
      <c r="BQ1213" s="6">
        <v>14</v>
      </c>
      <c r="BR1213" s="6">
        <v>16</v>
      </c>
      <c r="BS1213" s="6">
        <v>15</v>
      </c>
      <c r="BT1213" s="6">
        <v>18</v>
      </c>
      <c r="BU1213" s="6">
        <v>18</v>
      </c>
      <c r="BV1213" s="6">
        <v>17</v>
      </c>
      <c r="BW1213" s="6">
        <v>16</v>
      </c>
      <c r="BX1213" s="6">
        <v>18</v>
      </c>
      <c r="BY1213" s="6">
        <v>18</v>
      </c>
      <c r="BZ1213" s="6">
        <v>21</v>
      </c>
      <c r="CA1213" s="6">
        <v>22</v>
      </c>
      <c r="CB1213" s="6">
        <v>23</v>
      </c>
      <c r="CC1213" s="11">
        <v>23</v>
      </c>
      <c r="CD1213" s="11">
        <v>337</v>
      </c>
      <c r="CE1213" s="11">
        <v>12</v>
      </c>
      <c r="CF1213" s="11">
        <v>7</v>
      </c>
      <c r="CG1213" s="11">
        <v>19</v>
      </c>
      <c r="CH1213" s="20">
        <v>0.19</v>
      </c>
      <c r="CI1213" s="20">
        <v>0.15</v>
      </c>
      <c r="CJ1213" s="20">
        <v>0.2</v>
      </c>
      <c r="CK1213" s="20">
        <v>0.23</v>
      </c>
      <c r="CL1213" s="20">
        <v>0.23</v>
      </c>
      <c r="CM1213" s="20">
        <v>0.22</v>
      </c>
      <c r="CN1213" s="20">
        <v>0.47</v>
      </c>
      <c r="CO1213" s="20">
        <v>0.56000000000000005</v>
      </c>
      <c r="CP1213" s="20">
        <v>0.54</v>
      </c>
      <c r="CQ1213" s="20">
        <v>0.61</v>
      </c>
      <c r="CR1213" s="20">
        <v>0.64</v>
      </c>
      <c r="CS1213" s="20">
        <v>0.55000000000000004</v>
      </c>
      <c r="CT1213" s="20">
        <v>0.75</v>
      </c>
      <c r="CU1213" s="20">
        <v>0.85</v>
      </c>
      <c r="CV1213" s="20">
        <v>0.95</v>
      </c>
      <c r="CW1213" s="20">
        <v>1.01</v>
      </c>
      <c r="CX1213" s="20">
        <v>1.1000000000000001</v>
      </c>
      <c r="CY1213" s="6" t="s">
        <v>589</v>
      </c>
      <c r="CZ1213" s="6" t="s">
        <v>590</v>
      </c>
      <c r="DA1213" s="6" t="s">
        <v>82</v>
      </c>
      <c r="DB1213" s="6"/>
      <c r="DC1213" s="6"/>
      <c r="DD1213" s="6"/>
      <c r="DE1213" s="6"/>
      <c r="DF1213" s="6"/>
      <c r="DG1213" s="6"/>
      <c r="DH1213" s="6" t="s">
        <v>333</v>
      </c>
      <c r="DI1213" s="6"/>
      <c r="DJ1213" s="6"/>
      <c r="DK1213" s="6"/>
      <c r="DL1213" s="6">
        <v>9</v>
      </c>
      <c r="DM1213" s="6" t="s">
        <v>440</v>
      </c>
      <c r="DN1213" s="6">
        <v>7</v>
      </c>
      <c r="DO1213" s="6" t="s">
        <v>369</v>
      </c>
      <c r="DP1213" s="6"/>
      <c r="DQ1213" s="6"/>
    </row>
    <row r="1214" spans="1:121" x14ac:dyDescent="0.2">
      <c r="A1214" s="6" t="s">
        <v>318</v>
      </c>
      <c r="B1214" s="6" t="s">
        <v>318</v>
      </c>
      <c r="C1214" s="6" t="s">
        <v>187</v>
      </c>
      <c r="D1214" s="6" t="s">
        <v>82</v>
      </c>
      <c r="E1214" s="6" t="s">
        <v>223</v>
      </c>
      <c r="F1214" s="11">
        <v>1</v>
      </c>
      <c r="G1214" s="13">
        <v>1</v>
      </c>
      <c r="H1214" s="11">
        <v>0</v>
      </c>
      <c r="I1214" s="13">
        <v>0</v>
      </c>
      <c r="J1214" s="11">
        <v>0</v>
      </c>
      <c r="K1214" s="13">
        <v>0</v>
      </c>
      <c r="L1214" s="11">
        <v>5.2377791305999999</v>
      </c>
      <c r="M1214" s="13">
        <v>1.04755582612</v>
      </c>
      <c r="N1214" s="11">
        <v>5.2377791305999999</v>
      </c>
      <c r="O1214" s="13">
        <v>1.04755582612</v>
      </c>
      <c r="P1214" s="7">
        <v>5</v>
      </c>
      <c r="Q1214" s="7">
        <v>25.017029000000001</v>
      </c>
      <c r="R1214" s="7">
        <v>10.724337999999999</v>
      </c>
      <c r="S1214" s="7">
        <v>5</v>
      </c>
      <c r="T1214" s="7">
        <v>5</v>
      </c>
      <c r="U1214" s="7">
        <v>14.058508</v>
      </c>
      <c r="V1214" s="7">
        <v>5</v>
      </c>
      <c r="W1214" s="7">
        <v>10.20628</v>
      </c>
      <c r="X1214" s="7">
        <v>5</v>
      </c>
      <c r="Y1214" s="7">
        <v>5</v>
      </c>
      <c r="Z1214" s="7">
        <v>5</v>
      </c>
      <c r="AA1214" s="7">
        <v>5</v>
      </c>
      <c r="AB1214" s="7">
        <v>5</v>
      </c>
      <c r="AC1214" s="7">
        <v>5</v>
      </c>
      <c r="AD1214" s="7">
        <v>5</v>
      </c>
      <c r="AE1214" s="7">
        <v>10.02409825</v>
      </c>
      <c r="AF1214" s="7">
        <v>10.2377791306</v>
      </c>
      <c r="AG1214" s="9">
        <v>144808.95258899999</v>
      </c>
      <c r="AH1214" s="13">
        <v>144808.95258899999</v>
      </c>
      <c r="AI1214" s="9">
        <v>0</v>
      </c>
      <c r="AJ1214" s="13">
        <v>0</v>
      </c>
      <c r="AK1214" s="9">
        <v>0</v>
      </c>
      <c r="AL1214" s="13">
        <v>0</v>
      </c>
      <c r="AM1214" s="9">
        <v>144808.95258899999</v>
      </c>
      <c r="AN1214" s="13">
        <v>144808.95258899999</v>
      </c>
      <c r="AO1214" s="9">
        <v>144808.95258899999</v>
      </c>
      <c r="AP1214" s="13">
        <v>144808.95258899999</v>
      </c>
      <c r="AQ1214" s="9">
        <v>1</v>
      </c>
      <c r="AR1214" s="9">
        <v>47020.124629700003</v>
      </c>
      <c r="AS1214" s="9">
        <v>19308.0034547</v>
      </c>
      <c r="AT1214" s="9">
        <v>1</v>
      </c>
      <c r="AU1214" s="9">
        <v>1</v>
      </c>
      <c r="AV1214" s="9">
        <v>61451.986324799997</v>
      </c>
      <c r="AW1214" s="9">
        <v>1</v>
      </c>
      <c r="AX1214" s="9">
        <v>35926.266461699997</v>
      </c>
      <c r="AY1214" s="9">
        <v>1</v>
      </c>
      <c r="AZ1214" s="9">
        <v>1</v>
      </c>
      <c r="BA1214" s="9">
        <v>1</v>
      </c>
      <c r="BB1214" s="9">
        <v>1</v>
      </c>
      <c r="BC1214" s="9">
        <v>1</v>
      </c>
      <c r="BD1214" s="9">
        <v>1</v>
      </c>
      <c r="BE1214" s="9">
        <v>1</v>
      </c>
      <c r="BF1214" s="9">
        <v>144809.95258899999</v>
      </c>
      <c r="BG1214" s="11">
        <v>1</v>
      </c>
      <c r="BH1214" s="13">
        <v>1</v>
      </c>
      <c r="BI1214" s="6">
        <v>1</v>
      </c>
      <c r="BJ1214" s="13">
        <v>1</v>
      </c>
      <c r="BK1214" s="6">
        <v>-1</v>
      </c>
      <c r="BL1214" s="13">
        <v>-0.5</v>
      </c>
      <c r="BM1214" s="11">
        <v>1</v>
      </c>
      <c r="BN1214" s="13">
        <v>1</v>
      </c>
      <c r="BO1214" s="11">
        <v>0</v>
      </c>
      <c r="BP1214" s="13">
        <v>0</v>
      </c>
      <c r="BQ1214" s="6">
        <v>1</v>
      </c>
      <c r="BR1214" s="6">
        <v>2</v>
      </c>
      <c r="BS1214" s="6">
        <v>2</v>
      </c>
      <c r="BT1214" s="6">
        <v>2</v>
      </c>
      <c r="BU1214" s="6">
        <v>2</v>
      </c>
      <c r="BV1214" s="6">
        <v>1</v>
      </c>
      <c r="BW1214" s="6">
        <v>1</v>
      </c>
      <c r="BX1214" s="6">
        <v>1</v>
      </c>
      <c r="BY1214" s="6">
        <v>1</v>
      </c>
      <c r="BZ1214" s="6">
        <v>1</v>
      </c>
      <c r="CA1214" s="6">
        <v>1</v>
      </c>
      <c r="CB1214" s="6">
        <v>2</v>
      </c>
      <c r="CC1214" s="11">
        <v>2</v>
      </c>
      <c r="CD1214" s="11">
        <v>-2.7467700000000002</v>
      </c>
      <c r="CE1214" s="11">
        <v>2.1006900000000002</v>
      </c>
      <c r="CF1214" s="11">
        <v>1.0725</v>
      </c>
      <c r="CG1214" s="11">
        <v>3</v>
      </c>
      <c r="CH1214" s="20">
        <v>0.14455899999999999</v>
      </c>
      <c r="CI1214" s="20">
        <v>0.369145</v>
      </c>
      <c r="CJ1214" s="20">
        <v>0.15825800000000001</v>
      </c>
      <c r="CK1214" s="20">
        <v>2.2651999999999999E-2</v>
      </c>
      <c r="CL1214" s="20">
        <v>2.4862200000000001E-2</v>
      </c>
      <c r="CM1214" s="20">
        <v>0.191556</v>
      </c>
      <c r="CN1214" s="20">
        <v>5.1890100000000002E-2</v>
      </c>
      <c r="CO1214" s="20">
        <v>0.14467099999999999</v>
      </c>
      <c r="CP1214" s="20">
        <v>8.3627300000000002E-2</v>
      </c>
      <c r="CQ1214" s="20">
        <v>3.1896399999999998E-2</v>
      </c>
      <c r="CR1214" s="20">
        <v>9.2913599999999999E-2</v>
      </c>
      <c r="CS1214" s="20">
        <v>8.9186699999999994E-2</v>
      </c>
      <c r="CT1214" s="20">
        <v>5.8021299999999998E-2</v>
      </c>
      <c r="CU1214" s="20">
        <v>4.7567999999999999E-2</v>
      </c>
      <c r="CV1214" s="20">
        <v>4.6434200000000002E-2</v>
      </c>
      <c r="CW1214" s="20">
        <v>0.12286999999999999</v>
      </c>
      <c r="CX1214" s="20">
        <v>0.122978</v>
      </c>
      <c r="CY1214" s="6" t="s">
        <v>589</v>
      </c>
      <c r="CZ1214" s="6" t="s">
        <v>590</v>
      </c>
      <c r="DA1214" s="6" t="s">
        <v>82</v>
      </c>
      <c r="DB1214" s="6"/>
      <c r="DC1214" s="6"/>
      <c r="DD1214" s="6"/>
      <c r="DE1214" s="6"/>
      <c r="DF1214" s="6"/>
      <c r="DG1214" s="6"/>
      <c r="DH1214" s="6" t="s">
        <v>333</v>
      </c>
      <c r="DI1214" s="6"/>
      <c r="DJ1214" s="6"/>
      <c r="DK1214" s="6"/>
      <c r="DL1214" s="6">
        <v>9</v>
      </c>
      <c r="DM1214" s="6" t="s">
        <v>440</v>
      </c>
      <c r="DN1214" s="6">
        <v>7</v>
      </c>
      <c r="DO1214" s="6" t="s">
        <v>369</v>
      </c>
      <c r="DP1214" s="6"/>
      <c r="DQ1214" s="6"/>
    </row>
    <row r="1215" spans="1:121" x14ac:dyDescent="0.2">
      <c r="A1215" s="6" t="s">
        <v>319</v>
      </c>
      <c r="B1215" s="6" t="s">
        <v>319</v>
      </c>
      <c r="C1215" s="6" t="s">
        <v>188</v>
      </c>
      <c r="D1215" s="6" t="s">
        <v>82</v>
      </c>
      <c r="E1215" s="6" t="s">
        <v>223</v>
      </c>
      <c r="F1215" s="11">
        <v>-54</v>
      </c>
      <c r="G1215" s="13">
        <v>-0.27272727272699998</v>
      </c>
      <c r="H1215" s="11">
        <v>-53.971773748999993</v>
      </c>
      <c r="I1215" s="13">
        <v>-0.27223873582471936</v>
      </c>
      <c r="J1215" s="11">
        <v>-20.554258367000017</v>
      </c>
      <c r="K1215" s="13">
        <v>-0.14246103770323906</v>
      </c>
      <c r="L1215" s="11">
        <v>20.348103006999992</v>
      </c>
      <c r="M1215" s="13">
        <v>0.16446154214549832</v>
      </c>
      <c r="N1215" s="11">
        <v>-0.20615536000002521</v>
      </c>
      <c r="O1215" s="13">
        <v>-1.4288575140633964E-3</v>
      </c>
      <c r="P1215" s="7">
        <v>198.25163228700001</v>
      </c>
      <c r="Q1215" s="7">
        <v>211.26546476799999</v>
      </c>
      <c r="R1215" s="7">
        <v>164.66671438899999</v>
      </c>
      <c r="S1215" s="7">
        <v>148.141587147</v>
      </c>
      <c r="T1215" s="7">
        <v>130.445628739</v>
      </c>
      <c r="U1215" s="7">
        <v>140.70106618200001</v>
      </c>
      <c r="V1215" s="7">
        <v>144.27985853800001</v>
      </c>
      <c r="W1215" s="7">
        <v>129.36361508499999</v>
      </c>
      <c r="X1215" s="7">
        <v>122.22651455899999</v>
      </c>
      <c r="Y1215" s="7">
        <v>123.725600171</v>
      </c>
      <c r="Z1215" s="7">
        <v>109.648355362</v>
      </c>
      <c r="AA1215" s="7">
        <v>102.01634067000001</v>
      </c>
      <c r="AB1215" s="7">
        <v>98.898956354199996</v>
      </c>
      <c r="AC1215" s="7">
        <v>98.693351424100001</v>
      </c>
      <c r="AD1215" s="7">
        <v>98.127798287600001</v>
      </c>
      <c r="AE1215" s="7">
        <v>138.00554436199999</v>
      </c>
      <c r="AF1215" s="7">
        <v>144.07370317799999</v>
      </c>
      <c r="AG1215" s="9">
        <v>5071.8244163000018</v>
      </c>
      <c r="AH1215" s="13">
        <v>0.17591639840183301</v>
      </c>
      <c r="AI1215" s="9">
        <v>1567.2009975000001</v>
      </c>
      <c r="AJ1215" s="13">
        <v>5.4358418671970936E-2</v>
      </c>
      <c r="AK1215" s="9">
        <v>3032.8283732999989</v>
      </c>
      <c r="AL1215" s="13">
        <v>9.9770392152575021E-2</v>
      </c>
      <c r="AM1215" s="9">
        <v>471.79504550000274</v>
      </c>
      <c r="AN1215" s="13">
        <v>1.411254036754751E-2</v>
      </c>
      <c r="AO1215" s="9">
        <v>3504.6234188000017</v>
      </c>
      <c r="AP1215" s="13">
        <v>0.1152909462068618</v>
      </c>
      <c r="AQ1215" s="9">
        <v>28830.879112899998</v>
      </c>
      <c r="AR1215" s="9">
        <v>28357.719448200001</v>
      </c>
      <c r="AS1215" s="9">
        <v>26566.695321200001</v>
      </c>
      <c r="AT1215" s="9">
        <v>26216.035030499999</v>
      </c>
      <c r="AU1215" s="9">
        <v>27369.350325300002</v>
      </c>
      <c r="AV1215" s="9">
        <v>28361.429759400002</v>
      </c>
      <c r="AW1215" s="9">
        <v>30398.080110399998</v>
      </c>
      <c r="AX1215" s="9">
        <v>32188.098783500001</v>
      </c>
      <c r="AY1215" s="9">
        <v>32220.2845032</v>
      </c>
      <c r="AZ1215" s="9">
        <v>33430.908483699997</v>
      </c>
      <c r="BA1215" s="9">
        <v>32577.7938177</v>
      </c>
      <c r="BB1215" s="9">
        <v>28285.435281900001</v>
      </c>
      <c r="BC1215" s="9">
        <v>29580.4127281</v>
      </c>
      <c r="BD1215" s="9">
        <v>29859.131409900001</v>
      </c>
      <c r="BE1215" s="9">
        <v>30561.674071900001</v>
      </c>
      <c r="BF1215" s="9">
        <v>33902.7035292</v>
      </c>
      <c r="BG1215" s="11">
        <v>-3.75</v>
      </c>
      <c r="BH1215" s="13">
        <v>-0.26785714285714285</v>
      </c>
      <c r="BI1215" s="6">
        <v>-2</v>
      </c>
      <c r="BJ1215" s="13">
        <v>-0.14285714285714285</v>
      </c>
      <c r="BK1215" s="6">
        <v>0</v>
      </c>
      <c r="BL1215" s="13">
        <v>0</v>
      </c>
      <c r="BM1215" s="11">
        <v>-1.75</v>
      </c>
      <c r="BN1215" s="13">
        <v>-0.14583333333333334</v>
      </c>
      <c r="BO1215" s="11">
        <v>-1.75</v>
      </c>
      <c r="BP1215" s="13">
        <v>-0.14583333333333334</v>
      </c>
      <c r="BQ1215" s="6">
        <v>14</v>
      </c>
      <c r="BR1215" s="6">
        <v>14</v>
      </c>
      <c r="BS1215" s="6">
        <v>11</v>
      </c>
      <c r="BT1215" s="6">
        <v>12</v>
      </c>
      <c r="BU1215" s="6">
        <v>10</v>
      </c>
      <c r="BV1215" s="6">
        <v>11</v>
      </c>
      <c r="BW1215" s="6">
        <v>12</v>
      </c>
      <c r="BX1215" s="6">
        <v>13</v>
      </c>
      <c r="BY1215" s="6">
        <v>13</v>
      </c>
      <c r="BZ1215" s="6">
        <v>14</v>
      </c>
      <c r="CA1215" s="6">
        <v>13</v>
      </c>
      <c r="CB1215" s="6">
        <v>11</v>
      </c>
      <c r="CC1215" s="11">
        <v>10.25</v>
      </c>
      <c r="CD1215" s="11">
        <v>-93.686400000000006</v>
      </c>
      <c r="CE1215" s="11">
        <v>17.837199999999999</v>
      </c>
      <c r="CF1215" s="11">
        <v>21.671299999999999</v>
      </c>
      <c r="CG1215" s="11">
        <v>40</v>
      </c>
      <c r="CH1215" s="20">
        <v>0.59548699999999999</v>
      </c>
      <c r="CI1215" s="20">
        <v>0.62932100000000002</v>
      </c>
      <c r="CJ1215" s="20">
        <v>0.48183399999999998</v>
      </c>
      <c r="CK1215" s="20">
        <v>0.42539199999999999</v>
      </c>
      <c r="CL1215" s="20">
        <v>0.36265900000000001</v>
      </c>
      <c r="CM1215" s="20">
        <v>0.37135099999999999</v>
      </c>
      <c r="CN1215" s="20">
        <v>0.39679399999999998</v>
      </c>
      <c r="CO1215" s="20">
        <v>0.39076899999999998</v>
      </c>
      <c r="CP1215" s="20">
        <v>0.38557799999999998</v>
      </c>
      <c r="CQ1215" s="20">
        <v>0.37748300000000001</v>
      </c>
      <c r="CR1215" s="20">
        <v>0.32426300000000002</v>
      </c>
      <c r="CS1215" s="20">
        <v>0.29686699999999999</v>
      </c>
      <c r="CT1215" s="20">
        <v>0.28330899999999998</v>
      </c>
      <c r="CU1215" s="20">
        <v>0.28172999999999998</v>
      </c>
      <c r="CV1215" s="20">
        <v>0.2772</v>
      </c>
      <c r="CW1215" s="20">
        <v>0.38105</v>
      </c>
      <c r="CX1215" s="20">
        <v>0.38933299999999998</v>
      </c>
      <c r="CY1215" s="6" t="s">
        <v>589</v>
      </c>
      <c r="CZ1215" s="6" t="s">
        <v>590</v>
      </c>
      <c r="DA1215" s="6" t="s">
        <v>82</v>
      </c>
      <c r="DB1215" s="6"/>
      <c r="DC1215" s="6"/>
      <c r="DD1215" s="6"/>
      <c r="DE1215" s="6"/>
      <c r="DF1215" s="6"/>
      <c r="DG1215" s="6"/>
      <c r="DH1215" s="6" t="s">
        <v>333</v>
      </c>
      <c r="DI1215" s="6"/>
      <c r="DJ1215" s="6"/>
      <c r="DK1215" s="6"/>
      <c r="DL1215" s="6">
        <v>9</v>
      </c>
      <c r="DM1215" s="6" t="s">
        <v>440</v>
      </c>
      <c r="DN1215" s="6">
        <v>7</v>
      </c>
      <c r="DO1215" s="6" t="s">
        <v>369</v>
      </c>
      <c r="DP1215" s="6"/>
      <c r="DQ1215" s="6"/>
    </row>
    <row r="1216" spans="1:121" x14ac:dyDescent="0.2">
      <c r="A1216" s="6" t="s">
        <v>320</v>
      </c>
      <c r="B1216" s="6" t="s">
        <v>320</v>
      </c>
      <c r="C1216" s="6" t="s">
        <v>189</v>
      </c>
      <c r="D1216" s="6" t="s">
        <v>82</v>
      </c>
      <c r="E1216" s="6" t="s">
        <v>223</v>
      </c>
      <c r="F1216" s="11">
        <v>1</v>
      </c>
      <c r="G1216" s="13">
        <v>1</v>
      </c>
      <c r="H1216" s="11">
        <v>-41.294724143300002</v>
      </c>
      <c r="I1216" s="13">
        <v>-0.59060211335705992</v>
      </c>
      <c r="J1216" s="11">
        <v>7.0759664915000009</v>
      </c>
      <c r="K1216" s="13">
        <v>0.2471955216598726</v>
      </c>
      <c r="L1216" s="11">
        <v>-30.7009449862</v>
      </c>
      <c r="M1216" s="13">
        <v>-0.85994768480406547</v>
      </c>
      <c r="N1216" s="11">
        <v>-23.624978494699999</v>
      </c>
      <c r="O1216" s="13">
        <v>-0.8253273796895334</v>
      </c>
      <c r="P1216" s="7">
        <v>69.919702638000004</v>
      </c>
      <c r="Q1216" s="7">
        <v>54.265457662599999</v>
      </c>
      <c r="R1216" s="7">
        <v>68.154956185100005</v>
      </c>
      <c r="S1216" s="7">
        <v>29.820833376300001</v>
      </c>
      <c r="T1216" s="7">
        <v>26.110179819999999</v>
      </c>
      <c r="U1216" s="7">
        <v>42.894148053800002</v>
      </c>
      <c r="V1216" s="7">
        <v>28.624978494699999</v>
      </c>
      <c r="W1216" s="7">
        <v>29.751551706000001</v>
      </c>
      <c r="X1216" s="7">
        <v>19.7092766385</v>
      </c>
      <c r="Y1216" s="7">
        <v>35.7009449862</v>
      </c>
      <c r="Z1216" s="7">
        <v>49.710052415299998</v>
      </c>
      <c r="AA1216" s="7">
        <v>38.708470907299997</v>
      </c>
      <c r="AB1216" s="7">
        <v>25.303309026600001</v>
      </c>
      <c r="AC1216" s="7">
        <v>14.164999786799999</v>
      </c>
      <c r="AD1216" s="7">
        <v>5</v>
      </c>
      <c r="AE1216" s="7">
        <v>5</v>
      </c>
      <c r="AF1216" s="7">
        <v>5</v>
      </c>
      <c r="AG1216" s="9">
        <v>-13234.322335700001</v>
      </c>
      <c r="AH1216" s="13">
        <v>-0.99992444460553087</v>
      </c>
      <c r="AI1216" s="9">
        <v>17872.772834299998</v>
      </c>
      <c r="AJ1216" s="13">
        <v>1.3503844017528213</v>
      </c>
      <c r="AK1216" s="9">
        <v>274.54287869999825</v>
      </c>
      <c r="AL1216" s="13">
        <v>8.8254480770896468E-3</v>
      </c>
      <c r="AM1216" s="9">
        <v>-31381.638048699999</v>
      </c>
      <c r="AN1216" s="13">
        <v>-0.99996813524731587</v>
      </c>
      <c r="AO1216" s="9">
        <v>-31107.095170000001</v>
      </c>
      <c r="AP1216" s="13">
        <v>-0.99996785402659549</v>
      </c>
      <c r="AQ1216" s="9">
        <v>13235.322335700001</v>
      </c>
      <c r="AR1216" s="9">
        <v>14171.8331246</v>
      </c>
      <c r="AS1216" s="9">
        <v>12825.534444700001</v>
      </c>
      <c r="AT1216" s="9">
        <v>19078.860591199998</v>
      </c>
      <c r="AU1216" s="9">
        <v>28379.908626699998</v>
      </c>
      <c r="AV1216" s="9">
        <v>21399.838577400002</v>
      </c>
      <c r="AW1216" s="9">
        <v>31108.095170000001</v>
      </c>
      <c r="AX1216" s="9">
        <v>21015.503682899998</v>
      </c>
      <c r="AY1216" s="9">
        <v>28671.399599</v>
      </c>
      <c r="AZ1216" s="9">
        <v>31382.638048699999</v>
      </c>
      <c r="BA1216" s="9">
        <v>27079.6445513</v>
      </c>
      <c r="BB1216" s="9">
        <v>24735.2080895</v>
      </c>
      <c r="BC1216" s="9">
        <v>12358.160821199999</v>
      </c>
      <c r="BD1216" s="9">
        <v>18850.2571995</v>
      </c>
      <c r="BE1216" s="9">
        <v>1</v>
      </c>
      <c r="BF1216" s="9">
        <v>1</v>
      </c>
      <c r="BG1216" s="11">
        <v>-2</v>
      </c>
      <c r="BH1216" s="13">
        <v>-0.66666666666666663</v>
      </c>
      <c r="BI1216" s="6">
        <v>-1</v>
      </c>
      <c r="BJ1216" s="13">
        <v>-0.33333333333333331</v>
      </c>
      <c r="BK1216" s="6">
        <v>0</v>
      </c>
      <c r="BL1216" s="13">
        <v>0</v>
      </c>
      <c r="BM1216" s="11">
        <v>-1</v>
      </c>
      <c r="BN1216" s="13">
        <v>-0.5</v>
      </c>
      <c r="BO1216" s="11">
        <v>-1</v>
      </c>
      <c r="BP1216" s="13">
        <v>-0.5</v>
      </c>
      <c r="BQ1216" s="6">
        <v>3</v>
      </c>
      <c r="BR1216" s="6">
        <v>3</v>
      </c>
      <c r="BS1216" s="6">
        <v>2</v>
      </c>
      <c r="BT1216" s="6">
        <v>2</v>
      </c>
      <c r="BU1216" s="6">
        <v>2</v>
      </c>
      <c r="BV1216" s="6">
        <v>2</v>
      </c>
      <c r="BW1216" s="6">
        <v>2</v>
      </c>
      <c r="BX1216" s="6">
        <v>2</v>
      </c>
      <c r="BY1216" s="6">
        <v>2</v>
      </c>
      <c r="BZ1216" s="6">
        <v>1</v>
      </c>
      <c r="CA1216" s="6">
        <v>1</v>
      </c>
      <c r="CB1216" s="6">
        <v>1</v>
      </c>
      <c r="CC1216" s="11">
        <v>1</v>
      </c>
      <c r="CD1216" s="11">
        <v>-98.767099999999999</v>
      </c>
      <c r="CE1216" s="11">
        <v>25.318300000000001</v>
      </c>
      <c r="CF1216" s="11">
        <v>7.6430699999999998</v>
      </c>
      <c r="CG1216" s="11">
        <v>33</v>
      </c>
      <c r="CH1216" s="20">
        <v>0.62949500000000003</v>
      </c>
      <c r="CI1216" s="20">
        <v>0.46300999999999998</v>
      </c>
      <c r="CJ1216" s="20">
        <v>0.55474500000000004</v>
      </c>
      <c r="CK1216" s="20">
        <v>0.237287</v>
      </c>
      <c r="CL1216" s="20">
        <v>0.205655</v>
      </c>
      <c r="CM1216" s="20">
        <v>0.32230799999999998</v>
      </c>
      <c r="CN1216" s="20">
        <v>0.22062899999999999</v>
      </c>
      <c r="CO1216" s="20">
        <v>0.23409199999999999</v>
      </c>
      <c r="CP1216" s="20">
        <v>0.143377</v>
      </c>
      <c r="CQ1216" s="20">
        <v>0.25306200000000001</v>
      </c>
      <c r="CR1216" s="20">
        <v>0.34404699999999999</v>
      </c>
      <c r="CS1216" s="20">
        <v>0.26616200000000001</v>
      </c>
      <c r="CT1216" s="20">
        <v>0.173513</v>
      </c>
      <c r="CU1216" s="20">
        <v>9.7953799999999994E-2</v>
      </c>
      <c r="CV1216" s="20">
        <v>2.8427000000000001E-2</v>
      </c>
      <c r="CW1216" s="20">
        <v>3.2552299999999999E-2</v>
      </c>
      <c r="CX1216" s="20">
        <v>2.7158999999999999E-2</v>
      </c>
      <c r="CY1216" s="6" t="s">
        <v>589</v>
      </c>
      <c r="CZ1216" s="6" t="s">
        <v>590</v>
      </c>
      <c r="DA1216" s="6" t="s">
        <v>82</v>
      </c>
      <c r="DB1216" s="6"/>
      <c r="DC1216" s="6"/>
      <c r="DD1216" s="6"/>
      <c r="DE1216" s="6"/>
      <c r="DF1216" s="6"/>
      <c r="DG1216" s="6"/>
      <c r="DH1216" s="6" t="s">
        <v>333</v>
      </c>
      <c r="DI1216" s="6"/>
      <c r="DJ1216" s="6"/>
      <c r="DK1216" s="6"/>
      <c r="DL1216" s="6">
        <v>9</v>
      </c>
      <c r="DM1216" s="6" t="s">
        <v>440</v>
      </c>
      <c r="DN1216" s="6">
        <v>7</v>
      </c>
      <c r="DO1216" s="6" t="s">
        <v>369</v>
      </c>
      <c r="DP1216" s="6"/>
      <c r="DQ1216" s="6"/>
    </row>
    <row r="1217" spans="1:121" x14ac:dyDescent="0.2">
      <c r="A1217" s="6" t="s">
        <v>321</v>
      </c>
      <c r="B1217" s="6" t="s">
        <v>321</v>
      </c>
      <c r="C1217" s="6" t="s">
        <v>190</v>
      </c>
      <c r="D1217" s="6" t="s">
        <v>82</v>
      </c>
      <c r="E1217" s="6" t="s">
        <v>223</v>
      </c>
      <c r="F1217" s="11">
        <v>135</v>
      </c>
      <c r="G1217" s="13">
        <v>0.42319749216300001</v>
      </c>
      <c r="H1217" s="11">
        <v>25.150346538000008</v>
      </c>
      <c r="I1217" s="13">
        <v>7.885106945017481E-2</v>
      </c>
      <c r="J1217" s="11">
        <v>22.443872922999958</v>
      </c>
      <c r="K1217" s="13">
        <v>6.5222872115873631E-2</v>
      </c>
      <c r="L1217" s="11">
        <v>87.287555136000037</v>
      </c>
      <c r="M1217" s="13">
        <v>0.23812991921726889</v>
      </c>
      <c r="N1217" s="11">
        <v>109.731428059</v>
      </c>
      <c r="O1217" s="13">
        <v>0.31888430860121375</v>
      </c>
      <c r="P1217" s="7">
        <v>318.96011954400001</v>
      </c>
      <c r="Q1217" s="7">
        <v>344.30288227199998</v>
      </c>
      <c r="R1217" s="7">
        <v>344.44011375700001</v>
      </c>
      <c r="S1217" s="7">
        <v>351.46540873499998</v>
      </c>
      <c r="T1217" s="7">
        <v>349.20047721999998</v>
      </c>
      <c r="U1217" s="7">
        <v>347.13906888999998</v>
      </c>
      <c r="V1217" s="7">
        <v>344.11046608200002</v>
      </c>
      <c r="W1217" s="7">
        <v>331.778195154</v>
      </c>
      <c r="X1217" s="7">
        <v>359.45762706400001</v>
      </c>
      <c r="Y1217" s="7">
        <v>366.55433900499997</v>
      </c>
      <c r="Z1217" s="7">
        <v>346.72699648000003</v>
      </c>
      <c r="AA1217" s="7">
        <v>394.14179834599997</v>
      </c>
      <c r="AB1217" s="7">
        <v>396.98842521799997</v>
      </c>
      <c r="AC1217" s="7">
        <v>403.50356682799998</v>
      </c>
      <c r="AD1217" s="7">
        <v>428.38457336800002</v>
      </c>
      <c r="AE1217" s="7">
        <v>431.542370694</v>
      </c>
      <c r="AF1217" s="7">
        <v>453.84189414100001</v>
      </c>
      <c r="AG1217" s="9">
        <v>12781.4835953</v>
      </c>
      <c r="AH1217" s="13">
        <v>0.73918859608007004</v>
      </c>
      <c r="AI1217" s="9">
        <v>8105.3438083000001</v>
      </c>
      <c r="AJ1217" s="13">
        <v>0.4687544811000432</v>
      </c>
      <c r="AK1217" s="9">
        <v>3369.7938708000001</v>
      </c>
      <c r="AL1217" s="13">
        <v>0.13268692288687439</v>
      </c>
      <c r="AM1217" s="9">
        <v>1306.3459161999999</v>
      </c>
      <c r="AN1217" s="13">
        <v>4.5412257523329405E-2</v>
      </c>
      <c r="AO1217" s="9">
        <v>4676.1397870000001</v>
      </c>
      <c r="AP1217" s="13">
        <v>0.18412479312232069</v>
      </c>
      <c r="AQ1217" s="9">
        <v>17291.234825700001</v>
      </c>
      <c r="AR1217" s="9">
        <v>20180.618804500002</v>
      </c>
      <c r="AS1217" s="9">
        <v>21182.014149099999</v>
      </c>
      <c r="AT1217" s="9">
        <v>20697.969399500002</v>
      </c>
      <c r="AU1217" s="9">
        <v>23020.6560035</v>
      </c>
      <c r="AV1217" s="9">
        <v>24231.967663899999</v>
      </c>
      <c r="AW1217" s="9">
        <v>25396.578634000001</v>
      </c>
      <c r="AX1217" s="9">
        <v>27347.797010800001</v>
      </c>
      <c r="AY1217" s="9">
        <v>27863.533827300002</v>
      </c>
      <c r="AZ1217" s="9">
        <v>28766.372504800001</v>
      </c>
      <c r="BA1217" s="9">
        <v>28280.4335962</v>
      </c>
      <c r="BB1217" s="9">
        <v>27585.012009599999</v>
      </c>
      <c r="BC1217" s="9">
        <v>29181.704916499999</v>
      </c>
      <c r="BD1217" s="9">
        <v>31340.110401400001</v>
      </c>
      <c r="BE1217" s="9">
        <v>30383.088529299999</v>
      </c>
      <c r="BF1217" s="9">
        <v>30072.718421000001</v>
      </c>
      <c r="BG1217" s="11">
        <v>42.75</v>
      </c>
      <c r="BH1217" s="13">
        <v>1.425</v>
      </c>
      <c r="BI1217" s="6">
        <v>-1</v>
      </c>
      <c r="BJ1217" s="13">
        <v>-3.3333333333333333E-2</v>
      </c>
      <c r="BK1217" s="6">
        <v>2</v>
      </c>
      <c r="BL1217" s="13">
        <v>6.8965517241379309E-2</v>
      </c>
      <c r="BM1217" s="11">
        <v>41.75</v>
      </c>
      <c r="BN1217" s="13">
        <v>1.346774193548387</v>
      </c>
      <c r="BO1217" s="11">
        <v>43.75</v>
      </c>
      <c r="BP1217" s="13">
        <v>1.5086206896551724</v>
      </c>
      <c r="BQ1217" s="6">
        <v>30</v>
      </c>
      <c r="BR1217" s="6">
        <v>30</v>
      </c>
      <c r="BS1217" s="6">
        <v>29</v>
      </c>
      <c r="BT1217" s="6">
        <v>29</v>
      </c>
      <c r="BU1217" s="6">
        <v>30</v>
      </c>
      <c r="BV1217" s="6">
        <v>30</v>
      </c>
      <c r="BW1217" s="6">
        <v>31</v>
      </c>
      <c r="BX1217" s="6">
        <v>31</v>
      </c>
      <c r="BY1217" s="6">
        <v>35</v>
      </c>
      <c r="BZ1217" s="6">
        <v>62</v>
      </c>
      <c r="CA1217" s="6">
        <v>68</v>
      </c>
      <c r="CB1217" s="6">
        <v>72</v>
      </c>
      <c r="CC1217" s="11">
        <v>72.75</v>
      </c>
      <c r="CD1217" s="11">
        <v>-16.138999999999999</v>
      </c>
      <c r="CE1217" s="11">
        <v>116.155</v>
      </c>
      <c r="CF1217" s="11">
        <v>34.866199999999999</v>
      </c>
      <c r="CG1217" s="11">
        <v>151</v>
      </c>
      <c r="CH1217" s="20">
        <v>0.58145400000000003</v>
      </c>
      <c r="CI1217" s="20">
        <v>0.59915499999999999</v>
      </c>
      <c r="CJ1217" s="20">
        <v>0.57080600000000004</v>
      </c>
      <c r="CK1217" s="20">
        <v>0.57864300000000002</v>
      </c>
      <c r="CL1217" s="20">
        <v>0.56292799999999998</v>
      </c>
      <c r="CM1217" s="20">
        <v>0.53216600000000003</v>
      </c>
      <c r="CN1217" s="20">
        <v>0.53991400000000001</v>
      </c>
      <c r="CO1217" s="20">
        <v>0.53320699999999999</v>
      </c>
      <c r="CP1217" s="20">
        <v>0.53820999999999997</v>
      </c>
      <c r="CQ1217" s="20">
        <v>0.53815100000000005</v>
      </c>
      <c r="CR1217" s="20">
        <v>0.50589600000000001</v>
      </c>
      <c r="CS1217" s="20">
        <v>0.56193099999999996</v>
      </c>
      <c r="CT1217" s="20">
        <v>0.56147800000000003</v>
      </c>
      <c r="CU1217" s="20">
        <v>0.57668900000000001</v>
      </c>
      <c r="CV1217" s="20">
        <v>0.60632200000000003</v>
      </c>
      <c r="CW1217" s="20">
        <v>0.59418599999999999</v>
      </c>
      <c r="CX1217" s="20">
        <v>0.60581799999999997</v>
      </c>
      <c r="CY1217" s="6" t="s">
        <v>589</v>
      </c>
      <c r="CZ1217" s="6" t="s">
        <v>590</v>
      </c>
      <c r="DA1217" s="6" t="s">
        <v>82</v>
      </c>
      <c r="DB1217" s="6"/>
      <c r="DC1217" s="6"/>
      <c r="DD1217" s="6"/>
      <c r="DE1217" s="6"/>
      <c r="DF1217" s="6"/>
      <c r="DG1217" s="6"/>
      <c r="DH1217" s="6" t="s">
        <v>333</v>
      </c>
      <c r="DI1217" s="6"/>
      <c r="DJ1217" s="6"/>
      <c r="DK1217" s="6"/>
      <c r="DL1217" s="6">
        <v>9</v>
      </c>
      <c r="DM1217" s="6" t="s">
        <v>440</v>
      </c>
      <c r="DN1217" s="6">
        <v>7</v>
      </c>
      <c r="DO1217" s="6" t="s">
        <v>369</v>
      </c>
      <c r="DP1217" s="6"/>
      <c r="DQ1217" s="6"/>
    </row>
    <row r="1218" spans="1:121" x14ac:dyDescent="0.2">
      <c r="A1218" s="6" t="s">
        <v>322</v>
      </c>
      <c r="B1218" s="6" t="s">
        <v>322</v>
      </c>
      <c r="C1218" s="6" t="s">
        <v>191</v>
      </c>
      <c r="D1218" s="6" t="s">
        <v>82</v>
      </c>
      <c r="E1218" s="6" t="s">
        <v>223</v>
      </c>
      <c r="F1218" s="11">
        <v>7</v>
      </c>
      <c r="G1218" s="13">
        <v>0.44</v>
      </c>
      <c r="H1218" s="11">
        <v>19</v>
      </c>
      <c r="I1218" s="13">
        <v>1.1875</v>
      </c>
      <c r="J1218" s="11">
        <v>-6</v>
      </c>
      <c r="K1218" s="13">
        <v>-0.17142857142857143</v>
      </c>
      <c r="L1218" s="11">
        <v>-6</v>
      </c>
      <c r="M1218" s="13">
        <v>-0.20689655172413793</v>
      </c>
      <c r="N1218" s="11">
        <v>-12</v>
      </c>
      <c r="O1218" s="13">
        <v>-0.34285714285714286</v>
      </c>
      <c r="P1218" s="7">
        <v>16</v>
      </c>
      <c r="Q1218" s="7">
        <v>20</v>
      </c>
      <c r="R1218" s="7">
        <v>22</v>
      </c>
      <c r="S1218" s="7">
        <v>34</v>
      </c>
      <c r="T1218" s="7">
        <v>35</v>
      </c>
      <c r="U1218" s="7">
        <v>36</v>
      </c>
      <c r="V1218" s="7">
        <v>35</v>
      </c>
      <c r="W1218" s="7">
        <v>38</v>
      </c>
      <c r="X1218" s="7">
        <v>39</v>
      </c>
      <c r="Y1218" s="7">
        <v>29</v>
      </c>
      <c r="Z1218" s="7">
        <v>23</v>
      </c>
      <c r="AA1218" s="7">
        <v>26</v>
      </c>
      <c r="AB1218" s="7">
        <v>18</v>
      </c>
      <c r="AC1218" s="7">
        <v>24</v>
      </c>
      <c r="AD1218" s="7">
        <v>22</v>
      </c>
      <c r="AE1218" s="7">
        <v>22</v>
      </c>
      <c r="AF1218" s="7">
        <v>23</v>
      </c>
      <c r="AG1218" s="9">
        <v>4154</v>
      </c>
      <c r="AH1218" s="13">
        <v>0.34450157571736606</v>
      </c>
      <c r="AI1218" s="9">
        <v>4757</v>
      </c>
      <c r="AJ1218" s="13">
        <v>0.39450986896666113</v>
      </c>
      <c r="AK1218" s="9">
        <v>1559</v>
      </c>
      <c r="AL1218" s="13">
        <v>9.2714837942313402E-2</v>
      </c>
      <c r="AM1218" s="9">
        <v>-2162</v>
      </c>
      <c r="AN1218" s="13">
        <v>-0.11766626755197562</v>
      </c>
      <c r="AO1218" s="9">
        <v>-603</v>
      </c>
      <c r="AP1218" s="13">
        <v>-3.5860838537020517E-2</v>
      </c>
      <c r="AQ1218" s="9">
        <v>12058</v>
      </c>
      <c r="AR1218" s="9">
        <v>13332</v>
      </c>
      <c r="AS1218" s="9">
        <v>13432</v>
      </c>
      <c r="AT1218" s="9">
        <v>15032</v>
      </c>
      <c r="AU1218" s="9">
        <v>16580</v>
      </c>
      <c r="AV1218" s="9">
        <v>17123</v>
      </c>
      <c r="AW1218" s="9">
        <v>16815</v>
      </c>
      <c r="AX1218" s="9">
        <v>19135</v>
      </c>
      <c r="AY1218" s="9">
        <v>20308</v>
      </c>
      <c r="AZ1218" s="9">
        <v>18374</v>
      </c>
      <c r="BA1218" s="9">
        <v>18625</v>
      </c>
      <c r="BB1218" s="9">
        <v>18817</v>
      </c>
      <c r="BC1218" s="9">
        <v>18099</v>
      </c>
      <c r="BD1218" s="9">
        <v>36649</v>
      </c>
      <c r="BE1218" s="9">
        <v>15215</v>
      </c>
      <c r="BF1218" s="9">
        <v>16212</v>
      </c>
      <c r="BG1218" s="11">
        <v>-5</v>
      </c>
      <c r="BH1218" s="13">
        <v>-0.625</v>
      </c>
      <c r="BI1218" s="6">
        <v>-4</v>
      </c>
      <c r="BJ1218" s="13">
        <v>-0.5</v>
      </c>
      <c r="BK1218" s="6">
        <v>0</v>
      </c>
      <c r="BL1218" s="13">
        <v>0</v>
      </c>
      <c r="BM1218" s="11">
        <v>-1</v>
      </c>
      <c r="BN1218" s="13">
        <v>-0.25</v>
      </c>
      <c r="BO1218" s="11">
        <v>-1</v>
      </c>
      <c r="BP1218" s="13">
        <v>-0.25</v>
      </c>
      <c r="BQ1218" s="6">
        <v>8</v>
      </c>
      <c r="BR1218" s="6">
        <v>7</v>
      </c>
      <c r="BS1218" s="6">
        <v>5</v>
      </c>
      <c r="BT1218" s="6">
        <v>4</v>
      </c>
      <c r="BU1218" s="6">
        <v>4</v>
      </c>
      <c r="BV1218" s="6">
        <v>4</v>
      </c>
      <c r="BW1218" s="6">
        <v>4</v>
      </c>
      <c r="BX1218" s="6">
        <v>4</v>
      </c>
      <c r="BY1218" s="6">
        <v>4</v>
      </c>
      <c r="BZ1218" s="6">
        <v>4</v>
      </c>
      <c r="CA1218" s="6">
        <v>2</v>
      </c>
      <c r="CB1218" s="6">
        <v>3</v>
      </c>
      <c r="CC1218" s="11">
        <v>3</v>
      </c>
      <c r="CD1218" s="11">
        <v>3</v>
      </c>
      <c r="CE1218" s="11">
        <v>3</v>
      </c>
      <c r="CF1218" s="11">
        <v>2</v>
      </c>
      <c r="CG1218" s="11">
        <v>5</v>
      </c>
      <c r="CH1218" s="20">
        <v>0.19</v>
      </c>
      <c r="CI1218" s="20">
        <v>0.23</v>
      </c>
      <c r="CJ1218" s="20">
        <v>0.24</v>
      </c>
      <c r="CK1218" s="20">
        <v>0.38</v>
      </c>
      <c r="CL1218" s="20">
        <v>0.38</v>
      </c>
      <c r="CM1218" s="20">
        <v>0.38</v>
      </c>
      <c r="CN1218" s="20">
        <v>0.38</v>
      </c>
      <c r="CO1218" s="20">
        <v>0.42</v>
      </c>
      <c r="CP1218" s="20">
        <v>0.43</v>
      </c>
      <c r="CQ1218" s="20">
        <v>0.32</v>
      </c>
      <c r="CR1218" s="20">
        <v>0.25</v>
      </c>
      <c r="CS1218" s="20">
        <v>0.28000000000000003</v>
      </c>
      <c r="CT1218" s="20">
        <v>0.2</v>
      </c>
      <c r="CU1218" s="20">
        <v>0.26</v>
      </c>
      <c r="CV1218" s="20">
        <v>0.23</v>
      </c>
      <c r="CW1218" s="20">
        <v>0.22</v>
      </c>
      <c r="CX1218" s="20">
        <v>0.23</v>
      </c>
      <c r="CY1218" s="6" t="s">
        <v>589</v>
      </c>
      <c r="CZ1218" s="6" t="s">
        <v>590</v>
      </c>
      <c r="DA1218" s="6" t="s">
        <v>82</v>
      </c>
      <c r="DB1218" s="6"/>
      <c r="DC1218" s="6"/>
      <c r="DD1218" s="6"/>
      <c r="DE1218" s="6"/>
      <c r="DF1218" s="6"/>
      <c r="DG1218" s="6"/>
      <c r="DH1218" s="6" t="s">
        <v>333</v>
      </c>
      <c r="DI1218" s="6"/>
      <c r="DJ1218" s="6"/>
      <c r="DK1218" s="6"/>
      <c r="DL1218" s="6">
        <v>9</v>
      </c>
      <c r="DM1218" s="6" t="s">
        <v>440</v>
      </c>
      <c r="DN1218" s="6">
        <v>7</v>
      </c>
      <c r="DO1218" s="6" t="s">
        <v>369</v>
      </c>
      <c r="DP1218" s="6"/>
      <c r="DQ1218" s="6"/>
    </row>
    <row r="1219" spans="1:121" x14ac:dyDescent="0.2">
      <c r="A1219" s="6" t="s">
        <v>323</v>
      </c>
      <c r="B1219" s="6" t="s">
        <v>323</v>
      </c>
      <c r="C1219" s="6" t="s">
        <v>192</v>
      </c>
      <c r="D1219" s="6" t="s">
        <v>82</v>
      </c>
      <c r="E1219" s="6" t="s">
        <v>223</v>
      </c>
      <c r="F1219" s="11">
        <v>48</v>
      </c>
      <c r="G1219" s="13">
        <v>0.120906801008</v>
      </c>
      <c r="H1219" s="11">
        <v>44.47312844999999</v>
      </c>
      <c r="I1219" s="13">
        <v>0.11204146040526912</v>
      </c>
      <c r="J1219" s="11">
        <v>10.341864266000016</v>
      </c>
      <c r="K1219" s="13">
        <v>2.3429279548403265E-2</v>
      </c>
      <c r="L1219" s="11">
        <v>-7.2321323240000197</v>
      </c>
      <c r="M1219" s="13">
        <v>-1.6009163010541949E-2</v>
      </c>
      <c r="N1219" s="11">
        <v>3.1097319419999963</v>
      </c>
      <c r="O1219" s="13">
        <v>7.0450333823513719E-3</v>
      </c>
      <c r="P1219" s="7">
        <v>396.93456591099999</v>
      </c>
      <c r="Q1219" s="7">
        <v>381.14359778199997</v>
      </c>
      <c r="R1219" s="7">
        <v>431.06633971100001</v>
      </c>
      <c r="S1219" s="7">
        <v>427.65612558599997</v>
      </c>
      <c r="T1219" s="7">
        <v>402.15480846299999</v>
      </c>
      <c r="U1219" s="7">
        <v>450.86168949199998</v>
      </c>
      <c r="V1219" s="7">
        <v>441.40769436099998</v>
      </c>
      <c r="W1219" s="7">
        <v>437.60316364800002</v>
      </c>
      <c r="X1219" s="7">
        <v>435.60906415599999</v>
      </c>
      <c r="Y1219" s="7">
        <v>451.749558627</v>
      </c>
      <c r="Z1219" s="7">
        <v>516.61418868700002</v>
      </c>
      <c r="AA1219" s="7">
        <v>539.736340273</v>
      </c>
      <c r="AB1219" s="7">
        <v>474.621969095</v>
      </c>
      <c r="AC1219" s="7">
        <v>485.33373368299999</v>
      </c>
      <c r="AD1219" s="7">
        <v>483.59708120200003</v>
      </c>
      <c r="AE1219" s="7">
        <v>447.87291529399999</v>
      </c>
      <c r="AF1219" s="7">
        <v>444.51742630299998</v>
      </c>
      <c r="AG1219" s="9">
        <v>7324.1245719700019</v>
      </c>
      <c r="AH1219" s="13">
        <v>0.74918009307433264</v>
      </c>
      <c r="AI1219" s="9">
        <v>2465.7581694700002</v>
      </c>
      <c r="AJ1219" s="13">
        <v>0.25222085134544009</v>
      </c>
      <c r="AK1219" s="9">
        <v>799.45075200000065</v>
      </c>
      <c r="AL1219" s="13">
        <v>6.5304226650461261E-2</v>
      </c>
      <c r="AM1219" s="9">
        <v>4058.915650500001</v>
      </c>
      <c r="AN1219" s="13">
        <v>0.31123322400075054</v>
      </c>
      <c r="AO1219" s="9">
        <v>4858.3664025000016</v>
      </c>
      <c r="AP1219" s="13">
        <v>0.39686229565251058</v>
      </c>
      <c r="AQ1219" s="9">
        <v>9776.1868470299996</v>
      </c>
      <c r="AR1219" s="9">
        <v>10456.3078745</v>
      </c>
      <c r="AS1219" s="9">
        <v>10799.223648699999</v>
      </c>
      <c r="AT1219" s="9">
        <v>11419.705214600001</v>
      </c>
      <c r="AU1219" s="9">
        <v>12507.8686519</v>
      </c>
      <c r="AV1219" s="9">
        <v>11989.839947300001</v>
      </c>
      <c r="AW1219" s="9">
        <v>12241.9450165</v>
      </c>
      <c r="AX1219" s="9">
        <v>12355.743294899999</v>
      </c>
      <c r="AY1219" s="9">
        <v>12174.323969499999</v>
      </c>
      <c r="AZ1219" s="9">
        <v>13041.3957685</v>
      </c>
      <c r="BA1219" s="9">
        <v>12984.269720800001</v>
      </c>
      <c r="BB1219" s="9">
        <v>13607.358572900001</v>
      </c>
      <c r="BC1219" s="9">
        <v>13852.7185928</v>
      </c>
      <c r="BD1219" s="9">
        <v>12798.5181252</v>
      </c>
      <c r="BE1219" s="9">
        <v>15027.228041300001</v>
      </c>
      <c r="BF1219" s="9">
        <v>17100.311419000001</v>
      </c>
      <c r="BG1219" s="11">
        <v>-3.5</v>
      </c>
      <c r="BH1219" s="13">
        <v>-0.11290322580645161</v>
      </c>
      <c r="BI1219" s="6">
        <v>1</v>
      </c>
      <c r="BJ1219" s="13">
        <v>3.2258064516129031E-2</v>
      </c>
      <c r="BK1219" s="6">
        <v>2</v>
      </c>
      <c r="BL1219" s="13">
        <v>6.25E-2</v>
      </c>
      <c r="BM1219" s="11">
        <v>-6.5</v>
      </c>
      <c r="BN1219" s="13">
        <v>-0.19117647058823528</v>
      </c>
      <c r="BO1219" s="11">
        <v>-4.5</v>
      </c>
      <c r="BP1219" s="13">
        <v>-0.140625</v>
      </c>
      <c r="BQ1219" s="6">
        <v>31</v>
      </c>
      <c r="BR1219" s="6">
        <v>31</v>
      </c>
      <c r="BS1219" s="6">
        <v>34</v>
      </c>
      <c r="BT1219" s="6">
        <v>32</v>
      </c>
      <c r="BU1219" s="6">
        <v>34</v>
      </c>
      <c r="BV1219" s="6">
        <v>34</v>
      </c>
      <c r="BW1219" s="6">
        <v>34</v>
      </c>
      <c r="BX1219" s="6">
        <v>35</v>
      </c>
      <c r="BY1219" s="6">
        <v>37</v>
      </c>
      <c r="BZ1219" s="6">
        <v>32</v>
      </c>
      <c r="CA1219" s="6">
        <v>32</v>
      </c>
      <c r="CB1219" s="6">
        <v>29</v>
      </c>
      <c r="CC1219" s="11">
        <v>27.5</v>
      </c>
      <c r="CD1219" s="11">
        <v>-86.072000000000003</v>
      </c>
      <c r="CE1219" s="11">
        <v>90.265100000000004</v>
      </c>
      <c r="CF1219" s="11">
        <v>43.389699999999998</v>
      </c>
      <c r="CG1219" s="11">
        <v>133</v>
      </c>
      <c r="CH1219" s="20">
        <v>0.97503899999999999</v>
      </c>
      <c r="CI1219" s="20">
        <v>0.91646899999999998</v>
      </c>
      <c r="CJ1219" s="20">
        <v>0.99915600000000004</v>
      </c>
      <c r="CK1219" s="20">
        <v>0.979634</v>
      </c>
      <c r="CL1219" s="20">
        <v>0.90133300000000005</v>
      </c>
      <c r="CM1219" s="20">
        <v>0.96475200000000005</v>
      </c>
      <c r="CN1219" s="20">
        <v>0.97212900000000002</v>
      </c>
      <c r="CO1219" s="20">
        <v>1.00976</v>
      </c>
      <c r="CP1219" s="20">
        <v>0.98288500000000001</v>
      </c>
      <c r="CQ1219" s="20">
        <v>1.0125299999999999</v>
      </c>
      <c r="CR1219" s="20">
        <v>1.1381699999999999</v>
      </c>
      <c r="CS1219" s="20">
        <v>1.16913</v>
      </c>
      <c r="CT1219" s="20">
        <v>1.00901</v>
      </c>
      <c r="CU1219" s="20">
        <v>1.0316399999999999</v>
      </c>
      <c r="CV1219" s="20">
        <v>1.0082500000000001</v>
      </c>
      <c r="CW1219" s="20">
        <v>0.90624199999999999</v>
      </c>
      <c r="CX1219" s="20">
        <v>0.88136300000000001</v>
      </c>
      <c r="CY1219" s="6" t="s">
        <v>589</v>
      </c>
      <c r="CZ1219" s="6" t="s">
        <v>590</v>
      </c>
      <c r="DA1219" s="6" t="s">
        <v>82</v>
      </c>
      <c r="DB1219" s="6"/>
      <c r="DC1219" s="6"/>
      <c r="DD1219" s="6"/>
      <c r="DE1219" s="6"/>
      <c r="DF1219" s="6"/>
      <c r="DG1219" s="6"/>
      <c r="DH1219" s="6" t="s">
        <v>333</v>
      </c>
      <c r="DI1219" s="6"/>
      <c r="DJ1219" s="6"/>
      <c r="DK1219" s="6"/>
      <c r="DL1219" s="6">
        <v>9</v>
      </c>
      <c r="DM1219" s="6" t="s">
        <v>440</v>
      </c>
      <c r="DN1219" s="6">
        <v>7</v>
      </c>
      <c r="DO1219" s="6" t="s">
        <v>369</v>
      </c>
      <c r="DP1219" s="6"/>
      <c r="DQ1219" s="6"/>
    </row>
    <row r="1220" spans="1:121" x14ac:dyDescent="0.2">
      <c r="A1220" s="6" t="s">
        <v>325</v>
      </c>
      <c r="B1220" s="6" t="s">
        <v>325</v>
      </c>
      <c r="C1220" s="6" t="s">
        <v>193</v>
      </c>
      <c r="D1220" s="6" t="s">
        <v>82</v>
      </c>
      <c r="E1220" s="6" t="s">
        <v>223</v>
      </c>
      <c r="F1220" s="11">
        <v>35</v>
      </c>
      <c r="G1220" s="13">
        <v>0.115131578947</v>
      </c>
      <c r="H1220" s="11">
        <v>147.14723931500004</v>
      </c>
      <c r="I1220" s="13">
        <v>0.48346024223118866</v>
      </c>
      <c r="J1220" s="11">
        <v>-76.691876487999991</v>
      </c>
      <c r="K1220" s="13">
        <v>-0.1698564720674697</v>
      </c>
      <c r="L1220" s="11">
        <v>-35.422164017</v>
      </c>
      <c r="M1220" s="13">
        <v>-9.4504967838981588E-2</v>
      </c>
      <c r="N1220" s="11">
        <v>-112.11404050499999</v>
      </c>
      <c r="O1220" s="13">
        <v>-0.2483091594764722</v>
      </c>
      <c r="P1220" s="7">
        <v>304.36264755899998</v>
      </c>
      <c r="Q1220" s="7">
        <v>332.94573780100001</v>
      </c>
      <c r="R1220" s="7">
        <v>349.37745508400002</v>
      </c>
      <c r="S1220" s="7">
        <v>371.86523437199997</v>
      </c>
      <c r="T1220" s="7">
        <v>417.21855118299999</v>
      </c>
      <c r="U1220" s="7">
        <v>452.000387547</v>
      </c>
      <c r="V1220" s="7">
        <v>451.50988687400002</v>
      </c>
      <c r="W1220" s="7">
        <v>428.76143611700002</v>
      </c>
      <c r="X1220" s="7">
        <v>408.89390509200001</v>
      </c>
      <c r="Y1220" s="7">
        <v>374.81801038600003</v>
      </c>
      <c r="Z1220" s="7">
        <v>351.95447370199997</v>
      </c>
      <c r="AA1220" s="7">
        <v>355.881836201</v>
      </c>
      <c r="AB1220" s="7">
        <v>339.21531022599999</v>
      </c>
      <c r="AC1220" s="7">
        <v>341.63736131399997</v>
      </c>
      <c r="AD1220" s="7">
        <v>339.966502714</v>
      </c>
      <c r="AE1220" s="7">
        <v>337.66627584399998</v>
      </c>
      <c r="AF1220" s="7">
        <v>339.39584636900003</v>
      </c>
      <c r="AG1220" s="9">
        <v>18575.719483800003</v>
      </c>
      <c r="AH1220" s="13">
        <v>1.037058533060875</v>
      </c>
      <c r="AI1220" s="9">
        <v>-870.08487590000004</v>
      </c>
      <c r="AJ1220" s="13">
        <v>-4.8575719816733559E-2</v>
      </c>
      <c r="AK1220" s="9">
        <v>3294.2259054000024</v>
      </c>
      <c r="AL1220" s="13">
        <v>0.19330218938650912</v>
      </c>
      <c r="AM1220" s="9">
        <v>16151.578454300001</v>
      </c>
      <c r="AN1220" s="13">
        <v>0.79423300161536725</v>
      </c>
      <c r="AO1220" s="9">
        <v>19445.804359700003</v>
      </c>
      <c r="AP1220" s="13">
        <v>1.1410621690971456</v>
      </c>
      <c r="AQ1220" s="9">
        <v>17911.929646799999</v>
      </c>
      <c r="AR1220" s="9">
        <v>17749.923634300001</v>
      </c>
      <c r="AS1220" s="9">
        <v>18139.012739000002</v>
      </c>
      <c r="AT1220" s="9">
        <v>16945.922385999998</v>
      </c>
      <c r="AU1220" s="9">
        <v>17033.117657300001</v>
      </c>
      <c r="AV1220" s="9">
        <v>16554.1994791</v>
      </c>
      <c r="AW1220" s="9">
        <v>17041.844770899999</v>
      </c>
      <c r="AX1220" s="9">
        <v>18158.2168241</v>
      </c>
      <c r="AY1220" s="9">
        <v>19332.661953700001</v>
      </c>
      <c r="AZ1220" s="9">
        <v>20336.070676300002</v>
      </c>
      <c r="BA1220" s="9">
        <v>21771.9208573</v>
      </c>
      <c r="BB1220" s="9">
        <v>24472.208095900001</v>
      </c>
      <c r="BC1220" s="9">
        <v>26004.6658345</v>
      </c>
      <c r="BD1220" s="9">
        <v>32163.547499299999</v>
      </c>
      <c r="BE1220" s="9">
        <v>37574.547173799998</v>
      </c>
      <c r="BF1220" s="9">
        <v>36487.649130600003</v>
      </c>
      <c r="BG1220" s="11">
        <v>-47.5</v>
      </c>
      <c r="BH1220" s="13">
        <v>-0.64189189189189189</v>
      </c>
      <c r="BI1220" s="6">
        <v>4</v>
      </c>
      <c r="BJ1220" s="13">
        <v>5.4054054054054057E-2</v>
      </c>
      <c r="BK1220" s="6">
        <v>-15</v>
      </c>
      <c r="BL1220" s="13">
        <v>-0.19230769230769232</v>
      </c>
      <c r="BM1220" s="11">
        <v>-36.5</v>
      </c>
      <c r="BN1220" s="13">
        <v>-0.57936507936507942</v>
      </c>
      <c r="BO1220" s="11">
        <v>-51.5</v>
      </c>
      <c r="BP1220" s="13">
        <v>-0.66025641025641024</v>
      </c>
      <c r="BQ1220" s="6">
        <v>74</v>
      </c>
      <c r="BR1220" s="6">
        <v>81</v>
      </c>
      <c r="BS1220" s="6">
        <v>79</v>
      </c>
      <c r="BT1220" s="6">
        <v>78</v>
      </c>
      <c r="BU1220" s="6">
        <v>73</v>
      </c>
      <c r="BV1220" s="6">
        <v>67</v>
      </c>
      <c r="BW1220" s="6">
        <v>63</v>
      </c>
      <c r="BX1220" s="6">
        <v>57</v>
      </c>
      <c r="BY1220" s="6">
        <v>52</v>
      </c>
      <c r="BZ1220" s="6">
        <v>26</v>
      </c>
      <c r="CA1220" s="6">
        <v>26</v>
      </c>
      <c r="CB1220" s="6">
        <v>26</v>
      </c>
      <c r="CC1220" s="11">
        <v>26.5</v>
      </c>
      <c r="CD1220" s="11">
        <v>4.5655900000000003</v>
      </c>
      <c r="CE1220" s="11">
        <v>-2.8028900000000001</v>
      </c>
      <c r="CF1220" s="11">
        <v>33.270499999999998</v>
      </c>
      <c r="CG1220" s="11">
        <v>30</v>
      </c>
      <c r="CH1220" s="20">
        <v>1.1006800000000001</v>
      </c>
      <c r="CI1220" s="20">
        <v>1.1737200000000001</v>
      </c>
      <c r="CJ1220" s="20">
        <v>1.19408</v>
      </c>
      <c r="CK1220" s="20">
        <v>1.27878</v>
      </c>
      <c r="CL1220" s="20">
        <v>1.4270499999999999</v>
      </c>
      <c r="CM1220" s="20">
        <v>1.48983</v>
      </c>
      <c r="CN1220" s="20">
        <v>1.53929</v>
      </c>
      <c r="CO1220" s="20">
        <v>1.53006</v>
      </c>
      <c r="CP1220" s="20">
        <v>1.39775</v>
      </c>
      <c r="CQ1220" s="20">
        <v>1.2821899999999999</v>
      </c>
      <c r="CR1220" s="20">
        <v>1.2007099999999999</v>
      </c>
      <c r="CS1220" s="20">
        <v>1.2029399999999999</v>
      </c>
      <c r="CT1220" s="20">
        <v>1.2275499999999999</v>
      </c>
      <c r="CU1220" s="20">
        <v>1.2493099999999999</v>
      </c>
      <c r="CV1220" s="20">
        <v>1.2435</v>
      </c>
      <c r="CW1220" s="20">
        <v>1.2114199999999999</v>
      </c>
      <c r="CX1220" s="20">
        <v>1.2037800000000001</v>
      </c>
      <c r="CY1220" s="6" t="s">
        <v>589</v>
      </c>
      <c r="CZ1220" s="6" t="s">
        <v>590</v>
      </c>
      <c r="DA1220" s="6" t="s">
        <v>82</v>
      </c>
      <c r="DB1220" s="6"/>
      <c r="DC1220" s="6"/>
      <c r="DD1220" s="6"/>
      <c r="DE1220" s="6"/>
      <c r="DF1220" s="6"/>
      <c r="DG1220" s="6"/>
      <c r="DH1220" s="6" t="s">
        <v>333</v>
      </c>
      <c r="DI1220" s="6"/>
      <c r="DJ1220" s="6"/>
      <c r="DK1220" s="6"/>
      <c r="DL1220" s="6">
        <v>9</v>
      </c>
      <c r="DM1220" s="6" t="s">
        <v>440</v>
      </c>
      <c r="DN1220" s="6">
        <v>7</v>
      </c>
      <c r="DO1220" s="6" t="s">
        <v>369</v>
      </c>
      <c r="DP1220" s="6"/>
      <c r="DQ1220" s="6"/>
    </row>
    <row r="1221" spans="1:121" x14ac:dyDescent="0.2">
      <c r="A1221" s="6" t="s">
        <v>327</v>
      </c>
      <c r="B1221" s="6" t="s">
        <v>327</v>
      </c>
      <c r="C1221" s="6" t="s">
        <v>194</v>
      </c>
      <c r="D1221" s="6" t="s">
        <v>82</v>
      </c>
      <c r="E1221" s="6" t="s">
        <v>223</v>
      </c>
      <c r="F1221" s="11">
        <v>-156</v>
      </c>
      <c r="G1221" s="13">
        <v>-8.6908077994399993E-2</v>
      </c>
      <c r="H1221" s="11">
        <v>22.550261000000091</v>
      </c>
      <c r="I1221" s="13">
        <v>1.2563714882020264E-2</v>
      </c>
      <c r="J1221" s="11">
        <v>32.845526999999947</v>
      </c>
      <c r="K1221" s="13">
        <v>1.8072589045147483E-2</v>
      </c>
      <c r="L1221" s="11">
        <v>-211.54206477000002</v>
      </c>
      <c r="M1221" s="13">
        <v>-0.11433050803087964</v>
      </c>
      <c r="N1221" s="11">
        <v>-178.69653777000008</v>
      </c>
      <c r="O1221" s="13">
        <v>-9.8324167272697188E-2</v>
      </c>
      <c r="P1221" s="7">
        <v>1794.872075</v>
      </c>
      <c r="Q1221" s="7">
        <v>1797.5069140000001</v>
      </c>
      <c r="R1221" s="7">
        <v>1849.452712</v>
      </c>
      <c r="S1221" s="7">
        <v>1852.2475420000001</v>
      </c>
      <c r="T1221" s="7">
        <v>1883.6087680000001</v>
      </c>
      <c r="U1221" s="7">
        <v>1875.105335</v>
      </c>
      <c r="V1221" s="7">
        <v>1817.4223360000001</v>
      </c>
      <c r="W1221" s="7">
        <v>1814.626221</v>
      </c>
      <c r="X1221" s="7">
        <v>1865.1371160000001</v>
      </c>
      <c r="Y1221" s="7">
        <v>1850.267863</v>
      </c>
      <c r="Z1221" s="7">
        <v>1816.6048880000001</v>
      </c>
      <c r="AA1221" s="7">
        <v>1805.089082</v>
      </c>
      <c r="AB1221" s="7">
        <v>1740.0781099999999</v>
      </c>
      <c r="AC1221" s="7">
        <v>1703.3591389999999</v>
      </c>
      <c r="AD1221" s="7">
        <v>1663.0631920000001</v>
      </c>
      <c r="AE1221" s="7">
        <v>1667.4769165</v>
      </c>
      <c r="AF1221" s="7">
        <v>1638.72579823</v>
      </c>
      <c r="AG1221" s="9">
        <v>14953.636653599999</v>
      </c>
      <c r="AH1221" s="13">
        <v>0.46011565734816834</v>
      </c>
      <c r="AI1221" s="9">
        <v>8358.5913041999956</v>
      </c>
      <c r="AJ1221" s="13">
        <v>0.25718952663670491</v>
      </c>
      <c r="AK1221" s="9">
        <v>3533.3519347000038</v>
      </c>
      <c r="AL1221" s="13">
        <v>8.6478138163014098E-2</v>
      </c>
      <c r="AM1221" s="9">
        <v>3061.6934146999993</v>
      </c>
      <c r="AN1221" s="13">
        <v>6.8969986674737402E-2</v>
      </c>
      <c r="AO1221" s="9">
        <v>6595.045349400003</v>
      </c>
      <c r="AP1221" s="13">
        <v>0.16141252087451069</v>
      </c>
      <c r="AQ1221" s="9">
        <v>32499.734392400002</v>
      </c>
      <c r="AR1221" s="9">
        <v>33139.247605800003</v>
      </c>
      <c r="AS1221" s="9">
        <v>33700.726554100002</v>
      </c>
      <c r="AT1221" s="9">
        <v>35799.883346399998</v>
      </c>
      <c r="AU1221" s="9">
        <v>36954.9506845</v>
      </c>
      <c r="AV1221" s="9">
        <v>38892.191014999997</v>
      </c>
      <c r="AW1221" s="9">
        <v>40858.325696599997</v>
      </c>
      <c r="AX1221" s="9">
        <v>41689.564069</v>
      </c>
      <c r="AY1221" s="9">
        <v>43303.449243800002</v>
      </c>
      <c r="AZ1221" s="9">
        <v>44391.677631300001</v>
      </c>
      <c r="BA1221" s="9">
        <v>43325.068333700001</v>
      </c>
      <c r="BB1221" s="9">
        <v>43478.543314299997</v>
      </c>
      <c r="BC1221" s="9">
        <v>44338.093025499998</v>
      </c>
      <c r="BD1221" s="9">
        <v>45763.710771799997</v>
      </c>
      <c r="BE1221" s="9">
        <v>47683.188481899997</v>
      </c>
      <c r="BF1221" s="9">
        <v>47453.371046</v>
      </c>
      <c r="BG1221" s="11">
        <v>-5</v>
      </c>
      <c r="BH1221" s="13">
        <v>-6.7567567567567571E-2</v>
      </c>
      <c r="BI1221" s="6">
        <v>5</v>
      </c>
      <c r="BJ1221" s="13">
        <v>6.7567567567567571E-2</v>
      </c>
      <c r="BK1221" s="6">
        <v>-7</v>
      </c>
      <c r="BL1221" s="13">
        <v>-8.8607594936708861E-2</v>
      </c>
      <c r="BM1221" s="11">
        <v>-3</v>
      </c>
      <c r="BN1221" s="13">
        <v>-4.1666666666666664E-2</v>
      </c>
      <c r="BO1221" s="11">
        <v>-10</v>
      </c>
      <c r="BP1221" s="13">
        <v>-0.12658227848101267</v>
      </c>
      <c r="BQ1221" s="6">
        <v>74</v>
      </c>
      <c r="BR1221" s="6">
        <v>72</v>
      </c>
      <c r="BS1221" s="6">
        <v>72</v>
      </c>
      <c r="BT1221" s="6">
        <v>79</v>
      </c>
      <c r="BU1221" s="6">
        <v>79</v>
      </c>
      <c r="BV1221" s="6">
        <v>77</v>
      </c>
      <c r="BW1221" s="6">
        <v>72</v>
      </c>
      <c r="BX1221" s="6">
        <v>71</v>
      </c>
      <c r="BY1221" s="6">
        <v>72</v>
      </c>
      <c r="BZ1221" s="6">
        <v>70</v>
      </c>
      <c r="CA1221" s="6">
        <v>70</v>
      </c>
      <c r="CB1221" s="6">
        <v>69</v>
      </c>
      <c r="CC1221" s="11">
        <v>69</v>
      </c>
      <c r="CD1221" s="11">
        <v>-247.124</v>
      </c>
      <c r="CE1221" s="11">
        <v>-105.224</v>
      </c>
      <c r="CF1221" s="11">
        <v>196.20099999999999</v>
      </c>
      <c r="CG1221" s="11">
        <v>91</v>
      </c>
      <c r="CH1221" s="20">
        <v>1.9540299999999999</v>
      </c>
      <c r="CI1221" s="20">
        <v>1.90384</v>
      </c>
      <c r="CJ1221" s="20">
        <v>1.9131199999999999</v>
      </c>
      <c r="CK1221" s="20">
        <v>1.94181</v>
      </c>
      <c r="CL1221" s="20">
        <v>1.96862</v>
      </c>
      <c r="CM1221" s="20">
        <v>1.9009799999999999</v>
      </c>
      <c r="CN1221" s="20">
        <v>1.9194100000000001</v>
      </c>
      <c r="CO1221" s="20">
        <v>1.9859599999999999</v>
      </c>
      <c r="CP1221" s="20">
        <v>1.93346</v>
      </c>
      <c r="CQ1221" s="20">
        <v>1.9084399999999999</v>
      </c>
      <c r="CR1221" s="20">
        <v>1.9125000000000001</v>
      </c>
      <c r="CS1221" s="20">
        <v>1.94675</v>
      </c>
      <c r="CT1221" s="20">
        <v>1.9083399999999999</v>
      </c>
      <c r="CU1221" s="20">
        <v>1.9233899999999999</v>
      </c>
      <c r="CV1221" s="20">
        <v>1.89449</v>
      </c>
      <c r="CW1221" s="20">
        <v>1.87253</v>
      </c>
      <c r="CX1221" s="20">
        <v>1.83203</v>
      </c>
      <c r="CY1221" s="6" t="s">
        <v>589</v>
      </c>
      <c r="CZ1221" s="6" t="s">
        <v>590</v>
      </c>
      <c r="DA1221" s="6" t="s">
        <v>82</v>
      </c>
      <c r="DB1221" s="6"/>
      <c r="DC1221" s="6"/>
      <c r="DD1221" s="6"/>
      <c r="DE1221" s="6"/>
      <c r="DF1221" s="6"/>
      <c r="DG1221" s="6"/>
      <c r="DH1221" s="6" t="s">
        <v>333</v>
      </c>
      <c r="DI1221" s="6"/>
      <c r="DJ1221" s="6"/>
      <c r="DK1221" s="6"/>
      <c r="DL1221" s="6">
        <v>9</v>
      </c>
      <c r="DM1221" s="6" t="s">
        <v>440</v>
      </c>
      <c r="DN1221" s="6">
        <v>7</v>
      </c>
      <c r="DO1221" s="6" t="s">
        <v>369</v>
      </c>
      <c r="DP1221" s="6"/>
      <c r="DQ1221" s="6"/>
    </row>
    <row r="1222" spans="1:121" x14ac:dyDescent="0.2">
      <c r="A1222" s="6" t="s">
        <v>1</v>
      </c>
      <c r="B1222" s="6" t="s">
        <v>1</v>
      </c>
      <c r="C1222" s="6" t="s">
        <v>2</v>
      </c>
      <c r="D1222" s="6" t="s">
        <v>99</v>
      </c>
      <c r="E1222" s="6" t="s">
        <v>240</v>
      </c>
      <c r="F1222" s="11">
        <v>32</v>
      </c>
      <c r="G1222" s="13">
        <v>0.24242424242400001</v>
      </c>
      <c r="H1222" s="11">
        <v>49.449350044999989</v>
      </c>
      <c r="I1222" s="13">
        <v>0.37594136089949959</v>
      </c>
      <c r="J1222" s="11">
        <v>-8.1828799559999936</v>
      </c>
      <c r="K1222" s="13">
        <v>-4.5213255196459731E-2</v>
      </c>
      <c r="L1222" s="11">
        <v>-9.020363863</v>
      </c>
      <c r="M1222" s="13">
        <v>-5.2200813499106949E-2</v>
      </c>
      <c r="N1222" s="11">
        <v>-17.203243818999994</v>
      </c>
      <c r="O1222" s="13">
        <v>-9.505389999336876E-2</v>
      </c>
      <c r="P1222" s="7">
        <v>131.53474235100001</v>
      </c>
      <c r="Q1222" s="7">
        <v>133.80950031200001</v>
      </c>
      <c r="R1222" s="7">
        <v>114.01113498799999</v>
      </c>
      <c r="S1222" s="7">
        <v>200.53338892599999</v>
      </c>
      <c r="T1222" s="7">
        <v>141.53738925900001</v>
      </c>
      <c r="U1222" s="7">
        <v>161.116508372</v>
      </c>
      <c r="V1222" s="7">
        <v>180.98409239599999</v>
      </c>
      <c r="W1222" s="7">
        <v>238.61610411699999</v>
      </c>
      <c r="X1222" s="7">
        <v>136.696323906</v>
      </c>
      <c r="Y1222" s="7">
        <v>172.80121244</v>
      </c>
      <c r="Z1222" s="7">
        <v>189.52148074799999</v>
      </c>
      <c r="AA1222" s="7">
        <v>180.372608668</v>
      </c>
      <c r="AB1222" s="7">
        <v>170.11075187399999</v>
      </c>
      <c r="AC1222" s="7">
        <v>121.50253637900001</v>
      </c>
      <c r="AD1222" s="7">
        <v>149.394697458</v>
      </c>
      <c r="AE1222" s="7">
        <v>163.084741597</v>
      </c>
      <c r="AF1222" s="7">
        <v>163.780848577</v>
      </c>
      <c r="AG1222" s="9">
        <v>13435.144617600001</v>
      </c>
      <c r="AH1222" s="13">
        <v>0.8506541034081444</v>
      </c>
      <c r="AI1222" s="9">
        <v>7499.4094043000023</v>
      </c>
      <c r="AJ1222" s="13">
        <v>0.47482952841076415</v>
      </c>
      <c r="AK1222" s="9">
        <v>4923.2061840999995</v>
      </c>
      <c r="AL1222" s="13">
        <v>0.21135710702672561</v>
      </c>
      <c r="AM1222" s="9">
        <v>1012.5290291999991</v>
      </c>
      <c r="AN1222" s="13">
        <v>3.5884270605809052E-2</v>
      </c>
      <c r="AO1222" s="9">
        <v>5935.7352132999986</v>
      </c>
      <c r="AP1222" s="13">
        <v>0.25482577325554262</v>
      </c>
      <c r="AQ1222" s="9">
        <v>15793.898558499999</v>
      </c>
      <c r="AR1222" s="9">
        <v>14830.266960999999</v>
      </c>
      <c r="AS1222" s="9">
        <v>15117.1811124</v>
      </c>
      <c r="AT1222" s="9">
        <v>20801.2022774</v>
      </c>
      <c r="AU1222" s="9">
        <v>23259.439606100001</v>
      </c>
      <c r="AV1222" s="9">
        <v>28131.560213500001</v>
      </c>
      <c r="AW1222" s="9">
        <v>23293.307962800001</v>
      </c>
      <c r="AX1222" s="9">
        <v>22644.686679900002</v>
      </c>
      <c r="AY1222" s="9">
        <v>24182.7313865</v>
      </c>
      <c r="AZ1222" s="9">
        <v>28216.514146900001</v>
      </c>
      <c r="BA1222" s="9">
        <v>29461.221345800001</v>
      </c>
      <c r="BB1222" s="9">
        <v>30544.213467500002</v>
      </c>
      <c r="BC1222" s="9">
        <v>33731.920623600003</v>
      </c>
      <c r="BD1222" s="9">
        <v>29112.978625299998</v>
      </c>
      <c r="BE1222" s="9">
        <v>29380.003555300002</v>
      </c>
      <c r="BF1222" s="9">
        <v>29229.0431761</v>
      </c>
      <c r="BG1222" s="11">
        <v>2</v>
      </c>
      <c r="BH1222" s="13">
        <v>0.4</v>
      </c>
      <c r="BI1222" s="6">
        <v>0</v>
      </c>
      <c r="BJ1222" s="13">
        <v>0</v>
      </c>
      <c r="BK1222" s="6">
        <v>0</v>
      </c>
      <c r="BL1222" s="13">
        <v>0</v>
      </c>
      <c r="BM1222" s="11">
        <v>2</v>
      </c>
      <c r="BN1222" s="13">
        <v>0.4</v>
      </c>
      <c r="BO1222" s="11">
        <v>2</v>
      </c>
      <c r="BP1222" s="13">
        <v>0.4</v>
      </c>
      <c r="BQ1222" s="6">
        <v>5</v>
      </c>
      <c r="BR1222" s="6">
        <v>5</v>
      </c>
      <c r="BS1222" s="6">
        <v>5</v>
      </c>
      <c r="BT1222" s="6">
        <v>5</v>
      </c>
      <c r="BU1222" s="6">
        <v>6</v>
      </c>
      <c r="BV1222" s="6">
        <v>5</v>
      </c>
      <c r="BW1222" s="6">
        <v>5</v>
      </c>
      <c r="BX1222" s="6">
        <v>6</v>
      </c>
      <c r="BY1222" s="6">
        <v>6</v>
      </c>
      <c r="BZ1222" s="6">
        <v>6</v>
      </c>
      <c r="CA1222" s="6">
        <v>7</v>
      </c>
      <c r="CB1222" s="6">
        <v>7</v>
      </c>
      <c r="CC1222" s="11">
        <v>7</v>
      </c>
      <c r="CD1222" s="11">
        <v>29.860299999999999</v>
      </c>
      <c r="CE1222" s="11">
        <v>-11.9925</v>
      </c>
      <c r="CF1222" s="11">
        <v>14.378299999999999</v>
      </c>
      <c r="CG1222" s="11">
        <v>2</v>
      </c>
      <c r="CH1222" s="20">
        <v>2.7226499999999998</v>
      </c>
      <c r="CI1222" s="20">
        <v>2.6935500000000001</v>
      </c>
      <c r="CJ1222" s="20">
        <v>2.2429700000000001</v>
      </c>
      <c r="CK1222" s="20">
        <v>3.7867299999999999</v>
      </c>
      <c r="CL1222" s="20">
        <v>2.6526800000000001</v>
      </c>
      <c r="CM1222" s="20">
        <v>3.0504500000000001</v>
      </c>
      <c r="CN1222" s="20">
        <v>3.47864</v>
      </c>
      <c r="CO1222" s="20">
        <v>4.7054099999999996</v>
      </c>
      <c r="CP1222" s="20">
        <v>2.7082099999999998</v>
      </c>
      <c r="CQ1222" s="20">
        <v>3.31359</v>
      </c>
      <c r="CR1222" s="20">
        <v>3.6407799999999999</v>
      </c>
      <c r="CS1222" s="20">
        <v>3.3505799999999999</v>
      </c>
      <c r="CT1222" s="20">
        <v>3.0997599999999998</v>
      </c>
      <c r="CU1222" s="20">
        <v>2.2551800000000002</v>
      </c>
      <c r="CV1222" s="20">
        <v>2.77861</v>
      </c>
      <c r="CW1222" s="20">
        <v>3.0649299999999999</v>
      </c>
      <c r="CX1222" s="20">
        <v>3.0247600000000001</v>
      </c>
      <c r="CY1222" s="6" t="s">
        <v>591</v>
      </c>
      <c r="CZ1222" s="6" t="s">
        <v>592</v>
      </c>
      <c r="DA1222" s="6" t="s">
        <v>99</v>
      </c>
      <c r="DB1222" s="6" t="s">
        <v>345</v>
      </c>
      <c r="DC1222" s="6"/>
      <c r="DD1222" s="6"/>
      <c r="DE1222" s="6"/>
      <c r="DF1222" s="6"/>
      <c r="DG1222" s="6"/>
      <c r="DH1222" s="6" t="s">
        <v>333</v>
      </c>
      <c r="DI1222" s="6"/>
      <c r="DJ1222" s="6"/>
      <c r="DK1222" s="6"/>
      <c r="DL1222" s="6">
        <v>6</v>
      </c>
      <c r="DM1222" s="6" t="s">
        <v>396</v>
      </c>
      <c r="DN1222" s="6">
        <v>6</v>
      </c>
      <c r="DO1222" s="6" t="s">
        <v>393</v>
      </c>
      <c r="DP1222" s="6"/>
      <c r="DQ1222" s="6"/>
    </row>
    <row r="1223" spans="1:121" x14ac:dyDescent="0.2">
      <c r="A1223" s="6" t="s">
        <v>310</v>
      </c>
      <c r="B1223" s="6" t="s">
        <v>310</v>
      </c>
      <c r="C1223" s="6" t="s">
        <v>173</v>
      </c>
      <c r="D1223" s="6" t="s">
        <v>99</v>
      </c>
      <c r="E1223" s="6" t="s">
        <v>240</v>
      </c>
      <c r="F1223" s="11">
        <v>1</v>
      </c>
      <c r="G1223" s="13">
        <v>1</v>
      </c>
      <c r="H1223" s="11">
        <v>156.508538703</v>
      </c>
      <c r="I1223" s="13">
        <v>31.301707740600001</v>
      </c>
      <c r="J1223" s="11">
        <v>-28.624038702999997</v>
      </c>
      <c r="K1223" s="13">
        <v>-0.17722925941170881</v>
      </c>
      <c r="L1223" s="11">
        <v>-60.121202658100003</v>
      </c>
      <c r="M1223" s="13">
        <v>-0.4524320192204509</v>
      </c>
      <c r="N1223" s="11">
        <v>-88.7452413611</v>
      </c>
      <c r="O1223" s="13">
        <v>-0.54947708693157515</v>
      </c>
      <c r="P1223" s="7">
        <v>5</v>
      </c>
      <c r="Q1223" s="7">
        <v>5</v>
      </c>
      <c r="R1223" s="7">
        <v>5</v>
      </c>
      <c r="S1223" s="7">
        <v>93.046741999999995</v>
      </c>
      <c r="T1223" s="7">
        <v>131.42989900000001</v>
      </c>
      <c r="U1223" s="7">
        <v>162.90284331000001</v>
      </c>
      <c r="V1223" s="7">
        <v>161.508538703</v>
      </c>
      <c r="W1223" s="7">
        <v>154.22690016499999</v>
      </c>
      <c r="X1223" s="7">
        <v>99.886559000000005</v>
      </c>
      <c r="Y1223" s="7">
        <v>132.8845</v>
      </c>
      <c r="Z1223" s="7">
        <v>135.47223099999999</v>
      </c>
      <c r="AA1223" s="7">
        <v>142.299218</v>
      </c>
      <c r="AB1223" s="7">
        <v>109.558491</v>
      </c>
      <c r="AC1223" s="7">
        <v>157.307862</v>
      </c>
      <c r="AD1223" s="7">
        <v>104.81667400000001</v>
      </c>
      <c r="AE1223" s="7">
        <v>72.495646500000007</v>
      </c>
      <c r="AF1223" s="7">
        <v>72.7632973419</v>
      </c>
      <c r="AG1223" s="9">
        <v>73252.744045700005</v>
      </c>
      <c r="AH1223" s="13">
        <v>73252.744045700005</v>
      </c>
      <c r="AI1223" s="9">
        <v>60732.522174400001</v>
      </c>
      <c r="AJ1223" s="13">
        <v>60732.522174400001</v>
      </c>
      <c r="AK1223" s="9">
        <v>16791.177583500001</v>
      </c>
      <c r="AL1223" s="13">
        <v>0.27647297542340971</v>
      </c>
      <c r="AM1223" s="9">
        <v>-4270.9557121999969</v>
      </c>
      <c r="AN1223" s="13">
        <v>-5.5091547926501623E-2</v>
      </c>
      <c r="AO1223" s="9">
        <v>12520.221871300004</v>
      </c>
      <c r="AP1223" s="13">
        <v>0.20615010332098679</v>
      </c>
      <c r="AQ1223" s="9">
        <v>1</v>
      </c>
      <c r="AR1223" s="9">
        <v>1</v>
      </c>
      <c r="AS1223" s="9">
        <v>1</v>
      </c>
      <c r="AT1223" s="9">
        <v>64154.717898900002</v>
      </c>
      <c r="AU1223" s="9">
        <v>58083.201513499997</v>
      </c>
      <c r="AV1223" s="9">
        <v>64969.113474600003</v>
      </c>
      <c r="AW1223" s="9">
        <v>60733.522174400001</v>
      </c>
      <c r="AX1223" s="9">
        <v>71664.611303099999</v>
      </c>
      <c r="AY1223" s="9">
        <v>77265.690056000007</v>
      </c>
      <c r="AZ1223" s="9">
        <v>77524.699757900002</v>
      </c>
      <c r="BA1223" s="9">
        <v>87203.079008100001</v>
      </c>
      <c r="BB1223" s="9">
        <v>92122.346393700005</v>
      </c>
      <c r="BC1223" s="9">
        <v>104250.254495</v>
      </c>
      <c r="BD1223" s="9">
        <v>81311.644564799994</v>
      </c>
      <c r="BE1223" s="9">
        <v>78311.815914000006</v>
      </c>
      <c r="BF1223" s="9">
        <v>73253.744045700005</v>
      </c>
      <c r="BG1223" s="11">
        <v>1</v>
      </c>
      <c r="BH1223" s="13">
        <v>0.2</v>
      </c>
      <c r="BI1223" s="6">
        <v>0</v>
      </c>
      <c r="BJ1223" s="13">
        <v>0</v>
      </c>
      <c r="BK1223" s="6">
        <v>1</v>
      </c>
      <c r="BL1223" s="13">
        <v>0.2</v>
      </c>
      <c r="BM1223" s="11">
        <v>0</v>
      </c>
      <c r="BN1223" s="13">
        <v>0</v>
      </c>
      <c r="BO1223" s="11">
        <v>1</v>
      </c>
      <c r="BP1223" s="13">
        <v>0.2</v>
      </c>
      <c r="BQ1223" s="6">
        <v>5</v>
      </c>
      <c r="BR1223" s="6">
        <v>5</v>
      </c>
      <c r="BS1223" s="6">
        <v>5</v>
      </c>
      <c r="BT1223" s="6">
        <v>5</v>
      </c>
      <c r="BU1223" s="6">
        <v>5</v>
      </c>
      <c r="BV1223" s="6">
        <v>5</v>
      </c>
      <c r="BW1223" s="6">
        <v>6</v>
      </c>
      <c r="BX1223" s="6">
        <v>6</v>
      </c>
      <c r="BY1223" s="6">
        <v>6</v>
      </c>
      <c r="BZ1223" s="6">
        <v>6</v>
      </c>
      <c r="CA1223" s="6">
        <v>6</v>
      </c>
      <c r="CB1223" s="6">
        <v>6</v>
      </c>
      <c r="CC1223" s="11">
        <v>6</v>
      </c>
      <c r="CD1223" s="11">
        <v>72.156800000000004</v>
      </c>
      <c r="CE1223" s="11">
        <v>5.1873900000000001E-2</v>
      </c>
      <c r="CF1223" s="11">
        <v>5.4656000000000003E-2</v>
      </c>
      <c r="CG1223" s="11">
        <v>0</v>
      </c>
      <c r="CH1223" s="20">
        <v>3.6477799999999998E-2</v>
      </c>
      <c r="CI1223" s="20">
        <v>0.36489199999999999</v>
      </c>
      <c r="CJ1223" s="20">
        <v>0.48090300000000002</v>
      </c>
      <c r="CK1223" s="20">
        <v>6.3480299999999996</v>
      </c>
      <c r="CL1223" s="20">
        <v>8.3031799999999993</v>
      </c>
      <c r="CM1223" s="20">
        <v>9.4375400000000003</v>
      </c>
      <c r="CN1223" s="20">
        <v>8.8146500000000003</v>
      </c>
      <c r="CO1223" s="20">
        <v>7.7914599999999998</v>
      </c>
      <c r="CP1223" s="20">
        <v>5.5693000000000001</v>
      </c>
      <c r="CQ1223" s="20">
        <v>7.0323099999999998</v>
      </c>
      <c r="CR1223" s="20">
        <v>6.4654999999999996</v>
      </c>
      <c r="CS1223" s="20">
        <v>6.0941599999999996</v>
      </c>
      <c r="CT1223" s="20">
        <v>4.5678099999999997</v>
      </c>
      <c r="CU1223" s="20">
        <v>6.5560299999999998</v>
      </c>
      <c r="CV1223" s="20">
        <v>4.9478200000000001</v>
      </c>
      <c r="CW1223" s="20">
        <v>4.0702499999999997</v>
      </c>
      <c r="CX1223" s="20">
        <v>3.97532</v>
      </c>
      <c r="CY1223" s="6" t="s">
        <v>591</v>
      </c>
      <c r="CZ1223" s="6" t="s">
        <v>592</v>
      </c>
      <c r="DA1223" s="6" t="s">
        <v>99</v>
      </c>
      <c r="DB1223" s="6" t="s">
        <v>345</v>
      </c>
      <c r="DC1223" s="6"/>
      <c r="DD1223" s="6"/>
      <c r="DE1223" s="6"/>
      <c r="DF1223" s="6"/>
      <c r="DG1223" s="6"/>
      <c r="DH1223" s="6" t="s">
        <v>333</v>
      </c>
      <c r="DI1223" s="6"/>
      <c r="DJ1223" s="6"/>
      <c r="DK1223" s="6"/>
      <c r="DL1223" s="6">
        <v>6</v>
      </c>
      <c r="DM1223" s="6" t="s">
        <v>396</v>
      </c>
      <c r="DN1223" s="6">
        <v>6</v>
      </c>
      <c r="DO1223" s="6" t="s">
        <v>393</v>
      </c>
      <c r="DP1223" s="6"/>
      <c r="DQ1223" s="6"/>
    </row>
    <row r="1224" spans="1:121" x14ac:dyDescent="0.2">
      <c r="A1224" s="6" t="s">
        <v>311</v>
      </c>
      <c r="B1224" s="6" t="s">
        <v>311</v>
      </c>
      <c r="C1224" s="6" t="s">
        <v>174</v>
      </c>
      <c r="D1224" s="6" t="s">
        <v>99</v>
      </c>
      <c r="E1224" s="6" t="s">
        <v>240</v>
      </c>
      <c r="F1224" s="11">
        <v>-21</v>
      </c>
      <c r="G1224" s="13">
        <v>-0.30882352941199998</v>
      </c>
      <c r="H1224" s="11">
        <v>6.8359999999998422E-2</v>
      </c>
      <c r="I1224" s="13">
        <v>1.0023046702690851E-3</v>
      </c>
      <c r="J1224" s="11">
        <v>-27.642671999999997</v>
      </c>
      <c r="K1224" s="13">
        <v>-0.40489521382926247</v>
      </c>
      <c r="L1224" s="11">
        <v>6.7069036663999952</v>
      </c>
      <c r="M1224" s="13">
        <v>0.16507877896461001</v>
      </c>
      <c r="N1224" s="11">
        <v>-20.935768333600002</v>
      </c>
      <c r="O1224" s="13">
        <v>-0.30665604237220179</v>
      </c>
      <c r="P1224" s="7">
        <v>68.202815000000001</v>
      </c>
      <c r="Q1224" s="7">
        <v>72.392504000000002</v>
      </c>
      <c r="R1224" s="7">
        <v>69.093046000000001</v>
      </c>
      <c r="S1224" s="7">
        <v>68.005502000000007</v>
      </c>
      <c r="T1224" s="7">
        <v>71.400642000000005</v>
      </c>
      <c r="U1224" s="7">
        <v>63.907046999999999</v>
      </c>
      <c r="V1224" s="7">
        <v>68.271174999999999</v>
      </c>
      <c r="W1224" s="7">
        <v>77.898829000000006</v>
      </c>
      <c r="X1224" s="7">
        <v>70.444247000000004</v>
      </c>
      <c r="Y1224" s="7">
        <v>40.628503000000002</v>
      </c>
      <c r="Z1224" s="7">
        <v>29.923613</v>
      </c>
      <c r="AA1224" s="7">
        <v>40.453947999999997</v>
      </c>
      <c r="AB1224" s="7">
        <v>33.893552999999997</v>
      </c>
      <c r="AC1224" s="7">
        <v>38.467016999999998</v>
      </c>
      <c r="AD1224" s="7">
        <v>47.551562797300001</v>
      </c>
      <c r="AE1224" s="7">
        <v>49.353011154999997</v>
      </c>
      <c r="AF1224" s="7">
        <v>47.335406666399997</v>
      </c>
      <c r="AG1224" s="9">
        <v>43285.551531900004</v>
      </c>
      <c r="AH1224" s="13">
        <v>0.83457987744381157</v>
      </c>
      <c r="AI1224" s="9">
        <v>4143.5420249999952</v>
      </c>
      <c r="AJ1224" s="13">
        <v>7.989078741111251E-2</v>
      </c>
      <c r="AK1224" s="9">
        <v>29319.422115100009</v>
      </c>
      <c r="AL1224" s="13">
        <v>0.52348051813572472</v>
      </c>
      <c r="AM1224" s="9">
        <v>9822.5873917999998</v>
      </c>
      <c r="AN1224" s="13">
        <v>0.11511558211052944</v>
      </c>
      <c r="AO1224" s="9">
        <v>39142.009506900009</v>
      </c>
      <c r="AP1224" s="13">
        <v>0.69885686481496978</v>
      </c>
      <c r="AQ1224" s="9">
        <v>51865.079307300002</v>
      </c>
      <c r="AR1224" s="9">
        <v>51802.304699699998</v>
      </c>
      <c r="AS1224" s="9">
        <v>55493.464534500003</v>
      </c>
      <c r="AT1224" s="9">
        <v>57054.720554899999</v>
      </c>
      <c r="AU1224" s="9">
        <v>53596.982361399998</v>
      </c>
      <c r="AV1224" s="9">
        <v>59742.858929599999</v>
      </c>
      <c r="AW1224" s="9">
        <v>56008.621332299997</v>
      </c>
      <c r="AX1224" s="9">
        <v>61173.4084755</v>
      </c>
      <c r="AY1224" s="9">
        <v>72919.674914100004</v>
      </c>
      <c r="AZ1224" s="9">
        <v>85328.043447400007</v>
      </c>
      <c r="BA1224" s="9">
        <v>112094.694453</v>
      </c>
      <c r="BB1224" s="9">
        <v>82568.171907900003</v>
      </c>
      <c r="BC1224" s="9">
        <v>103277.24153499999</v>
      </c>
      <c r="BD1224" s="9">
        <v>105118.19295500001</v>
      </c>
      <c r="BE1224" s="9">
        <v>93221.013020700004</v>
      </c>
      <c r="BF1224" s="9">
        <v>95150.630839200006</v>
      </c>
      <c r="BG1224" s="11">
        <v>0</v>
      </c>
      <c r="BH1224" s="13">
        <v>0</v>
      </c>
      <c r="BI1224" s="6">
        <v>0</v>
      </c>
      <c r="BJ1224" s="13">
        <v>0</v>
      </c>
      <c r="BK1224" s="6">
        <v>0</v>
      </c>
      <c r="BL1224" s="13">
        <v>0</v>
      </c>
      <c r="BM1224" s="11">
        <v>0</v>
      </c>
      <c r="BN1224" s="13">
        <v>0</v>
      </c>
      <c r="BO1224" s="11">
        <v>0</v>
      </c>
      <c r="BP1224" s="13">
        <v>0</v>
      </c>
      <c r="BQ1224" s="6">
        <v>1</v>
      </c>
      <c r="BR1224" s="6">
        <v>1</v>
      </c>
      <c r="BS1224" s="6">
        <v>1</v>
      </c>
      <c r="BT1224" s="6">
        <v>1</v>
      </c>
      <c r="BU1224" s="6">
        <v>1</v>
      </c>
      <c r="BV1224" s="6">
        <v>1</v>
      </c>
      <c r="BW1224" s="6">
        <v>1</v>
      </c>
      <c r="BX1224" s="6">
        <v>1</v>
      </c>
      <c r="BY1224" s="6">
        <v>1</v>
      </c>
      <c r="BZ1224" s="6">
        <v>1</v>
      </c>
      <c r="CA1224" s="6">
        <v>1</v>
      </c>
      <c r="CB1224" s="6">
        <v>1</v>
      </c>
      <c r="CC1224" s="11">
        <v>1</v>
      </c>
      <c r="CD1224" s="11">
        <v>-17.2164</v>
      </c>
      <c r="CE1224" s="11">
        <v>-11.106400000000001</v>
      </c>
      <c r="CF1224" s="11">
        <v>7.4553900000000004</v>
      </c>
      <c r="CG1224" s="11">
        <v>-4</v>
      </c>
      <c r="CH1224" s="20">
        <v>4.5414000000000003</v>
      </c>
      <c r="CI1224" s="20">
        <v>4.7034200000000004</v>
      </c>
      <c r="CJ1224" s="20">
        <v>4.53024</v>
      </c>
      <c r="CK1224" s="20">
        <v>4.3963299999999998</v>
      </c>
      <c r="CL1224" s="20">
        <v>4.7217599999999997</v>
      </c>
      <c r="CM1224" s="20">
        <v>4.2917100000000001</v>
      </c>
      <c r="CN1224" s="20">
        <v>4.5916600000000001</v>
      </c>
      <c r="CO1224" s="20">
        <v>5.1477199999999996</v>
      </c>
      <c r="CP1224" s="20">
        <v>4.6126500000000004</v>
      </c>
      <c r="CQ1224" s="20">
        <v>2.60195</v>
      </c>
      <c r="CR1224" s="20">
        <v>1.93631</v>
      </c>
      <c r="CS1224" s="20">
        <v>2.56453</v>
      </c>
      <c r="CT1224" s="20">
        <v>2.13381</v>
      </c>
      <c r="CU1224" s="20">
        <v>2.48522</v>
      </c>
      <c r="CV1224" s="20">
        <v>3.0830099999999998</v>
      </c>
      <c r="CW1224" s="20">
        <v>3.2291400000000001</v>
      </c>
      <c r="CX1224" s="20">
        <v>3.0251899999999998</v>
      </c>
      <c r="CY1224" s="6" t="s">
        <v>591</v>
      </c>
      <c r="CZ1224" s="6" t="s">
        <v>592</v>
      </c>
      <c r="DA1224" s="6" t="s">
        <v>99</v>
      </c>
      <c r="DB1224" s="6" t="s">
        <v>345</v>
      </c>
      <c r="DC1224" s="6"/>
      <c r="DD1224" s="6"/>
      <c r="DE1224" s="6"/>
      <c r="DF1224" s="6"/>
      <c r="DG1224" s="6"/>
      <c r="DH1224" s="6" t="s">
        <v>333</v>
      </c>
      <c r="DI1224" s="6"/>
      <c r="DJ1224" s="6"/>
      <c r="DK1224" s="6"/>
      <c r="DL1224" s="6">
        <v>6</v>
      </c>
      <c r="DM1224" s="6" t="s">
        <v>396</v>
      </c>
      <c r="DN1224" s="6">
        <v>6</v>
      </c>
      <c r="DO1224" s="6" t="s">
        <v>393</v>
      </c>
      <c r="DP1224" s="6"/>
      <c r="DQ1224" s="6"/>
    </row>
    <row r="1225" spans="1:121" x14ac:dyDescent="0.2">
      <c r="A1225" s="6" t="s">
        <v>312</v>
      </c>
      <c r="B1225" s="6" t="s">
        <v>312</v>
      </c>
      <c r="C1225" s="6" t="s">
        <v>175</v>
      </c>
      <c r="D1225" s="6" t="s">
        <v>99</v>
      </c>
      <c r="E1225" s="6" t="s">
        <v>240</v>
      </c>
      <c r="F1225" s="11">
        <v>228</v>
      </c>
      <c r="G1225" s="13">
        <v>1.0909090909100001</v>
      </c>
      <c r="H1225" s="11">
        <v>60.162549996999985</v>
      </c>
      <c r="I1225" s="13">
        <v>0.28731690444785107</v>
      </c>
      <c r="J1225" s="11">
        <v>-52.167413632999995</v>
      </c>
      <c r="K1225" s="13">
        <v>-0.19353021387770669</v>
      </c>
      <c r="L1225" s="11">
        <v>219.98919640199998</v>
      </c>
      <c r="M1225" s="13">
        <v>1.0119585467111205</v>
      </c>
      <c r="N1225" s="11">
        <v>167.82178276899998</v>
      </c>
      <c r="O1225" s="13">
        <v>0.6225837788530374</v>
      </c>
      <c r="P1225" s="7">
        <v>209.39439714700001</v>
      </c>
      <c r="Q1225" s="7">
        <v>217.51636304900001</v>
      </c>
      <c r="R1225" s="7">
        <v>258.37576034799997</v>
      </c>
      <c r="S1225" s="7">
        <v>274.490222571</v>
      </c>
      <c r="T1225" s="7">
        <v>252.895685824</v>
      </c>
      <c r="U1225" s="7">
        <v>253.903023335</v>
      </c>
      <c r="V1225" s="7">
        <v>269.55694714399999</v>
      </c>
      <c r="W1225" s="7">
        <v>226.93285055300001</v>
      </c>
      <c r="X1225" s="7">
        <v>225.88727689199999</v>
      </c>
      <c r="Y1225" s="7">
        <v>217.389533511</v>
      </c>
      <c r="Z1225" s="7">
        <v>209.14872971899999</v>
      </c>
      <c r="AA1225" s="7">
        <v>200.83667029</v>
      </c>
      <c r="AB1225" s="7">
        <v>384.90027477899997</v>
      </c>
      <c r="AC1225" s="7">
        <v>347.48892480199999</v>
      </c>
      <c r="AD1225" s="7">
        <v>394.14891779700002</v>
      </c>
      <c r="AE1225" s="7">
        <v>402.134891762</v>
      </c>
      <c r="AF1225" s="7">
        <v>437.37872991299997</v>
      </c>
      <c r="AG1225" s="9">
        <v>6602.9251820999998</v>
      </c>
      <c r="AH1225" s="13">
        <v>0.28335592446989138</v>
      </c>
      <c r="AI1225" s="9">
        <v>2737.9572769000006</v>
      </c>
      <c r="AJ1225" s="13">
        <v>0.117495866446926</v>
      </c>
      <c r="AK1225" s="9">
        <v>111.48838149999938</v>
      </c>
      <c r="AL1225" s="13">
        <v>4.2813388963885094E-3</v>
      </c>
      <c r="AM1225" s="9">
        <v>3753.4795236999998</v>
      </c>
      <c r="AN1225" s="13">
        <v>0.14352536296154897</v>
      </c>
      <c r="AO1225" s="9">
        <v>3864.9679051999992</v>
      </c>
      <c r="AP1225" s="13">
        <v>0.14842118257700304</v>
      </c>
      <c r="AQ1225" s="9">
        <v>23302.583824400001</v>
      </c>
      <c r="AR1225" s="9">
        <v>23318.9496688</v>
      </c>
      <c r="AS1225" s="9">
        <v>24960.311166700001</v>
      </c>
      <c r="AT1225" s="9">
        <v>23833.091972300001</v>
      </c>
      <c r="AU1225" s="9">
        <v>25368.733304400001</v>
      </c>
      <c r="AV1225" s="9">
        <v>25761.561633900001</v>
      </c>
      <c r="AW1225" s="9">
        <v>26040.541101300001</v>
      </c>
      <c r="AX1225" s="9">
        <v>32472.998280100001</v>
      </c>
      <c r="AY1225" s="9">
        <v>26747.9772481</v>
      </c>
      <c r="AZ1225" s="9">
        <v>26152.029482800001</v>
      </c>
      <c r="BA1225" s="9">
        <v>25109.3486147</v>
      </c>
      <c r="BB1225" s="9">
        <v>26608.680296800001</v>
      </c>
      <c r="BC1225" s="9">
        <v>28555.8074934</v>
      </c>
      <c r="BD1225" s="9">
        <v>28915.506162400001</v>
      </c>
      <c r="BE1225" s="9">
        <v>29981.938707599998</v>
      </c>
      <c r="BF1225" s="9">
        <v>29905.5090065</v>
      </c>
      <c r="BG1225" s="11">
        <v>-15.25</v>
      </c>
      <c r="BH1225" s="13">
        <v>-0.33888888888888891</v>
      </c>
      <c r="BI1225" s="6">
        <v>-4</v>
      </c>
      <c r="BJ1225" s="13">
        <v>-8.8888888888888892E-2</v>
      </c>
      <c r="BK1225" s="6">
        <v>-7</v>
      </c>
      <c r="BL1225" s="13">
        <v>-0.17073170731707318</v>
      </c>
      <c r="BM1225" s="11">
        <v>-4.25</v>
      </c>
      <c r="BN1225" s="13">
        <v>-0.125</v>
      </c>
      <c r="BO1225" s="11">
        <v>-11.25</v>
      </c>
      <c r="BP1225" s="13">
        <v>-0.27439024390243905</v>
      </c>
      <c r="BQ1225" s="6">
        <v>45</v>
      </c>
      <c r="BR1225" s="6">
        <v>40</v>
      </c>
      <c r="BS1225" s="6">
        <v>41</v>
      </c>
      <c r="BT1225" s="6">
        <v>41</v>
      </c>
      <c r="BU1225" s="6">
        <v>34</v>
      </c>
      <c r="BV1225" s="6">
        <v>32</v>
      </c>
      <c r="BW1225" s="6">
        <v>34</v>
      </c>
      <c r="BX1225" s="6">
        <v>30</v>
      </c>
      <c r="BY1225" s="6">
        <v>31</v>
      </c>
      <c r="BZ1225" s="6">
        <v>31</v>
      </c>
      <c r="CA1225" s="6">
        <v>30</v>
      </c>
      <c r="CB1225" s="6">
        <v>30</v>
      </c>
      <c r="CC1225" s="11">
        <v>29.75</v>
      </c>
      <c r="CD1225" s="11">
        <v>230.458</v>
      </c>
      <c r="CE1225" s="11">
        <v>-25.363</v>
      </c>
      <c r="CF1225" s="11">
        <v>22.889299999999999</v>
      </c>
      <c r="CG1225" s="11">
        <v>-2</v>
      </c>
      <c r="CH1225" s="20">
        <v>0.96128999999999998</v>
      </c>
      <c r="CI1225" s="20">
        <v>0.967611</v>
      </c>
      <c r="CJ1225" s="20">
        <v>1.1084400000000001</v>
      </c>
      <c r="CK1225" s="20">
        <v>1.0886</v>
      </c>
      <c r="CL1225" s="20">
        <v>0.95652300000000001</v>
      </c>
      <c r="CM1225" s="20">
        <v>0.92876800000000004</v>
      </c>
      <c r="CN1225" s="20">
        <v>1.00081</v>
      </c>
      <c r="CO1225" s="20">
        <v>0.88845300000000005</v>
      </c>
      <c r="CP1225" s="20">
        <v>1.0107900000000001</v>
      </c>
      <c r="CQ1225" s="20">
        <v>1.0178700000000001</v>
      </c>
      <c r="CR1225" s="20">
        <v>0.99988299999999997</v>
      </c>
      <c r="CS1225" s="20">
        <v>0.931778</v>
      </c>
      <c r="CT1225" s="20">
        <v>1.73047</v>
      </c>
      <c r="CU1225" s="20">
        <v>1.55457</v>
      </c>
      <c r="CV1225" s="20">
        <v>1.72055</v>
      </c>
      <c r="CW1225" s="20">
        <v>1.7349600000000001</v>
      </c>
      <c r="CX1225" s="20">
        <v>1.8458300000000001</v>
      </c>
      <c r="CY1225" s="6" t="s">
        <v>591</v>
      </c>
      <c r="CZ1225" s="6" t="s">
        <v>592</v>
      </c>
      <c r="DA1225" s="6" t="s">
        <v>99</v>
      </c>
      <c r="DB1225" s="6" t="s">
        <v>345</v>
      </c>
      <c r="DC1225" s="6"/>
      <c r="DD1225" s="6"/>
      <c r="DE1225" s="6"/>
      <c r="DF1225" s="6"/>
      <c r="DG1225" s="6"/>
      <c r="DH1225" s="6" t="s">
        <v>333</v>
      </c>
      <c r="DI1225" s="6"/>
      <c r="DJ1225" s="6"/>
      <c r="DK1225" s="6"/>
      <c r="DL1225" s="6">
        <v>6</v>
      </c>
      <c r="DM1225" s="6" t="s">
        <v>396</v>
      </c>
      <c r="DN1225" s="6">
        <v>6</v>
      </c>
      <c r="DO1225" s="6" t="s">
        <v>393</v>
      </c>
      <c r="DP1225" s="6"/>
      <c r="DQ1225" s="6"/>
    </row>
    <row r="1226" spans="1:121" x14ac:dyDescent="0.2">
      <c r="A1226" s="6" t="s">
        <v>792</v>
      </c>
      <c r="B1226" s="6" t="s">
        <v>176</v>
      </c>
      <c r="C1226" s="6" t="s">
        <v>177</v>
      </c>
      <c r="D1226" s="6" t="s">
        <v>99</v>
      </c>
      <c r="E1226" s="6" t="s">
        <v>240</v>
      </c>
      <c r="F1226" s="11">
        <v>-61</v>
      </c>
      <c r="G1226" s="13">
        <v>-0.105354058722</v>
      </c>
      <c r="H1226" s="11">
        <v>-170.84822662899995</v>
      </c>
      <c r="I1226" s="13">
        <v>-0.29512048743118302</v>
      </c>
      <c r="J1226" s="11">
        <v>-39.778496236000024</v>
      </c>
      <c r="K1226" s="13">
        <v>-9.7481534638658121E-2</v>
      </c>
      <c r="L1226" s="11">
        <v>150.03623671099996</v>
      </c>
      <c r="M1226" s="13">
        <v>0.40739346902201046</v>
      </c>
      <c r="N1226" s="11">
        <v>110.25774047499993</v>
      </c>
      <c r="O1226" s="13">
        <v>0.27019859382132017</v>
      </c>
      <c r="P1226" s="7">
        <v>578.91008555899998</v>
      </c>
      <c r="Q1226" s="7">
        <v>530.54956264800001</v>
      </c>
      <c r="R1226" s="7">
        <v>495.750848475</v>
      </c>
      <c r="S1226" s="7">
        <v>467.53581263199999</v>
      </c>
      <c r="T1226" s="7">
        <v>450.76877047900001</v>
      </c>
      <c r="U1226" s="7">
        <v>404.71342931999999</v>
      </c>
      <c r="V1226" s="7">
        <v>408.06185893000003</v>
      </c>
      <c r="W1226" s="7">
        <v>402.44010829899997</v>
      </c>
      <c r="X1226" s="7">
        <v>367.48785364299999</v>
      </c>
      <c r="Y1226" s="7">
        <v>368.283362694</v>
      </c>
      <c r="Z1226" s="7">
        <v>406.00933472899999</v>
      </c>
      <c r="AA1226" s="7">
        <v>411.91871112500002</v>
      </c>
      <c r="AB1226" s="7">
        <v>447.05365318899999</v>
      </c>
      <c r="AC1226" s="7">
        <v>440.54399019900001</v>
      </c>
      <c r="AD1226" s="7">
        <v>461.19142935100001</v>
      </c>
      <c r="AE1226" s="7">
        <v>502.76967986300002</v>
      </c>
      <c r="AF1226" s="7">
        <v>518.31959940499996</v>
      </c>
      <c r="AG1226" s="9">
        <v>15788.4549615</v>
      </c>
      <c r="AH1226" s="13">
        <v>0.64537945630560645</v>
      </c>
      <c r="AI1226" s="9">
        <v>9353.6045054999995</v>
      </c>
      <c r="AJ1226" s="13">
        <v>0.38234420055524826</v>
      </c>
      <c r="AK1226" s="9">
        <v>2935.9700546000022</v>
      </c>
      <c r="AL1226" s="13">
        <v>8.6818230733185162E-2</v>
      </c>
      <c r="AM1226" s="9">
        <v>3498.8804013999979</v>
      </c>
      <c r="AN1226" s="13">
        <v>9.519880399828376E-2</v>
      </c>
      <c r="AO1226" s="9">
        <v>6434.8504560000001</v>
      </c>
      <c r="AP1226" s="13">
        <v>0.19028202646251521</v>
      </c>
      <c r="AQ1226" s="9">
        <v>24463.832567400001</v>
      </c>
      <c r="AR1226" s="9">
        <v>24074.134948399998</v>
      </c>
      <c r="AS1226" s="9">
        <v>24689.389723699998</v>
      </c>
      <c r="AT1226" s="9">
        <v>25573.500568399999</v>
      </c>
      <c r="AU1226" s="9">
        <v>27142.175429700001</v>
      </c>
      <c r="AV1226" s="9">
        <v>30766.619657899999</v>
      </c>
      <c r="AW1226" s="9">
        <v>33817.4370729</v>
      </c>
      <c r="AX1226" s="9">
        <v>33922.457385000002</v>
      </c>
      <c r="AY1226" s="9">
        <v>33755.8238375</v>
      </c>
      <c r="AZ1226" s="9">
        <v>36753.407127500002</v>
      </c>
      <c r="BA1226" s="9">
        <v>37028.512272300002</v>
      </c>
      <c r="BB1226" s="9">
        <v>38564.096699599999</v>
      </c>
      <c r="BC1226" s="9">
        <v>37161.8079086</v>
      </c>
      <c r="BD1226" s="9">
        <v>37800.324439600001</v>
      </c>
      <c r="BE1226" s="9">
        <v>38079.728074999999</v>
      </c>
      <c r="BF1226" s="9">
        <v>40252.2875289</v>
      </c>
      <c r="BG1226" s="11">
        <v>-6</v>
      </c>
      <c r="BH1226" s="13">
        <v>-0.27272727272727271</v>
      </c>
      <c r="BI1226" s="6">
        <v>-1</v>
      </c>
      <c r="BJ1226" s="13">
        <v>-4.5454545454545456E-2</v>
      </c>
      <c r="BK1226" s="6">
        <v>-6</v>
      </c>
      <c r="BL1226" s="13">
        <v>-0.2857142857142857</v>
      </c>
      <c r="BM1226" s="11">
        <v>1</v>
      </c>
      <c r="BN1226" s="13">
        <v>6.6666666666666666E-2</v>
      </c>
      <c r="BO1226" s="11">
        <v>-5</v>
      </c>
      <c r="BP1226" s="13">
        <v>-0.23809523809523808</v>
      </c>
      <c r="BQ1226" s="6">
        <v>22</v>
      </c>
      <c r="BR1226" s="6">
        <v>22</v>
      </c>
      <c r="BS1226" s="6">
        <v>21</v>
      </c>
      <c r="BT1226" s="6">
        <v>21</v>
      </c>
      <c r="BU1226" s="6">
        <v>20</v>
      </c>
      <c r="BV1226" s="6">
        <v>18</v>
      </c>
      <c r="BW1226" s="6">
        <v>15</v>
      </c>
      <c r="BX1226" s="6">
        <v>14</v>
      </c>
      <c r="BY1226" s="6">
        <v>15</v>
      </c>
      <c r="BZ1226" s="6">
        <v>17</v>
      </c>
      <c r="CA1226" s="6">
        <v>16</v>
      </c>
      <c r="CB1226" s="6">
        <v>16</v>
      </c>
      <c r="CC1226" s="11">
        <v>16</v>
      </c>
      <c r="CD1226" s="11">
        <v>80.47</v>
      </c>
      <c r="CE1226" s="11">
        <v>-204.34200000000001</v>
      </c>
      <c r="CF1226" s="11">
        <v>63.281799999999997</v>
      </c>
      <c r="CG1226" s="11">
        <v>-141</v>
      </c>
      <c r="CH1226" s="20">
        <v>1.3882099999999999</v>
      </c>
      <c r="CI1226" s="20">
        <v>1.31742</v>
      </c>
      <c r="CJ1226" s="20">
        <v>1.2690300000000001</v>
      </c>
      <c r="CK1226" s="20">
        <v>1.17184</v>
      </c>
      <c r="CL1226" s="20">
        <v>1.1346400000000001</v>
      </c>
      <c r="CM1226" s="20">
        <v>1.03267</v>
      </c>
      <c r="CN1226" s="20">
        <v>1.0699399999999999</v>
      </c>
      <c r="CO1226" s="20">
        <v>1.0886400000000001</v>
      </c>
      <c r="CP1226" s="20">
        <v>1.11944</v>
      </c>
      <c r="CQ1226" s="20">
        <v>1.1105</v>
      </c>
      <c r="CR1226" s="20">
        <v>1.2127699999999999</v>
      </c>
      <c r="CS1226" s="20">
        <v>1.1855</v>
      </c>
      <c r="CT1226" s="20">
        <v>1.26644</v>
      </c>
      <c r="CU1226" s="20">
        <v>1.2722800000000001</v>
      </c>
      <c r="CV1226" s="20">
        <v>1.33602</v>
      </c>
      <c r="CW1226" s="20">
        <v>1.47089</v>
      </c>
      <c r="CX1226" s="20">
        <v>1.4928399999999999</v>
      </c>
      <c r="CY1226" s="6" t="s">
        <v>591</v>
      </c>
      <c r="CZ1226" s="6" t="s">
        <v>592</v>
      </c>
      <c r="DA1226" s="6" t="s">
        <v>99</v>
      </c>
      <c r="DB1226" s="6" t="s">
        <v>345</v>
      </c>
      <c r="DC1226" s="6"/>
      <c r="DD1226" s="6"/>
      <c r="DE1226" s="6"/>
      <c r="DF1226" s="6"/>
      <c r="DG1226" s="6"/>
      <c r="DH1226" s="6" t="s">
        <v>333</v>
      </c>
      <c r="DI1226" s="6"/>
      <c r="DJ1226" s="6"/>
      <c r="DK1226" s="6"/>
      <c r="DL1226" s="6">
        <v>6</v>
      </c>
      <c r="DM1226" s="6" t="s">
        <v>396</v>
      </c>
      <c r="DN1226" s="6">
        <v>6</v>
      </c>
      <c r="DO1226" s="6" t="s">
        <v>393</v>
      </c>
      <c r="DP1226" s="6"/>
      <c r="DQ1226" s="6"/>
    </row>
    <row r="1227" spans="1:121" x14ac:dyDescent="0.2">
      <c r="A1227" s="6" t="s">
        <v>313</v>
      </c>
      <c r="B1227" s="6" t="s">
        <v>313</v>
      </c>
      <c r="C1227" s="6" t="s">
        <v>178</v>
      </c>
      <c r="D1227" s="6" t="s">
        <v>99</v>
      </c>
      <c r="E1227" s="6" t="s">
        <v>240</v>
      </c>
      <c r="F1227" s="11">
        <v>-5</v>
      </c>
      <c r="G1227" s="13">
        <v>-7.1428571428599999E-2</v>
      </c>
      <c r="H1227" s="11">
        <v>-3.3793509080999939</v>
      </c>
      <c r="I1227" s="13">
        <v>-4.8473772996468344E-2</v>
      </c>
      <c r="J1227" s="11">
        <v>8.7349309285999936</v>
      </c>
      <c r="K1227" s="13">
        <v>0.13167770413460844</v>
      </c>
      <c r="L1227" s="11">
        <v>-9.7914394695999931</v>
      </c>
      <c r="M1227" s="13">
        <v>-0.13042971773999348</v>
      </c>
      <c r="N1227" s="11">
        <v>-1.0565085409999995</v>
      </c>
      <c r="O1227" s="13">
        <v>-1.5926699388312419E-2</v>
      </c>
      <c r="P1227" s="7">
        <v>69.7150376214</v>
      </c>
      <c r="Q1227" s="7">
        <v>72.287079234999993</v>
      </c>
      <c r="R1227" s="7">
        <v>70.402677754400003</v>
      </c>
      <c r="S1227" s="7">
        <v>75.404236625400003</v>
      </c>
      <c r="T1227" s="7">
        <v>64.936815551400002</v>
      </c>
      <c r="U1227" s="7">
        <v>73.0961699458</v>
      </c>
      <c r="V1227" s="7">
        <v>66.335686713300007</v>
      </c>
      <c r="W1227" s="7">
        <v>59.944366366399997</v>
      </c>
      <c r="X1227" s="7">
        <v>65.379886738799996</v>
      </c>
      <c r="Y1227" s="7">
        <v>75.0706176419</v>
      </c>
      <c r="Z1227" s="7">
        <v>86.396688400599999</v>
      </c>
      <c r="AA1227" s="7">
        <v>75.664834206500004</v>
      </c>
      <c r="AB1227" s="7">
        <v>77.706637133100003</v>
      </c>
      <c r="AC1227" s="7">
        <v>71.715687870500005</v>
      </c>
      <c r="AD1227" s="7">
        <v>64.616783999999996</v>
      </c>
      <c r="AE1227" s="7">
        <v>64.233189999999993</v>
      </c>
      <c r="AF1227" s="7">
        <v>65.279178172300007</v>
      </c>
      <c r="AG1227" s="9">
        <v>10855.778703200001</v>
      </c>
      <c r="AH1227" s="13">
        <v>0.50454081734584022</v>
      </c>
      <c r="AI1227" s="9">
        <v>11263.965504799999</v>
      </c>
      <c r="AJ1227" s="13">
        <v>0.52351199464593934</v>
      </c>
      <c r="AK1227" s="9">
        <v>-2852.5745792999987</v>
      </c>
      <c r="AL1227" s="13">
        <v>-8.7021477902561678E-2</v>
      </c>
      <c r="AM1227" s="9">
        <v>2444.3877777000016</v>
      </c>
      <c r="AN1227" s="13">
        <v>8.1676851805103187E-2</v>
      </c>
      <c r="AO1227" s="9">
        <v>-408.18680159999712</v>
      </c>
      <c r="AP1227" s="13">
        <v>-1.2452266451967078E-2</v>
      </c>
      <c r="AQ1227" s="9">
        <v>21516.155541799999</v>
      </c>
      <c r="AR1227" s="9">
        <v>21921.500801900002</v>
      </c>
      <c r="AS1227" s="9">
        <v>22160.495187699998</v>
      </c>
      <c r="AT1227" s="9">
        <v>22746.101620900001</v>
      </c>
      <c r="AU1227" s="9">
        <v>30682.138600599999</v>
      </c>
      <c r="AV1227" s="9">
        <v>32088.523550000002</v>
      </c>
      <c r="AW1227" s="9">
        <v>32780.121046599997</v>
      </c>
      <c r="AX1227" s="9">
        <v>31204.9777856</v>
      </c>
      <c r="AY1227" s="9">
        <v>31972.900311500001</v>
      </c>
      <c r="AZ1227" s="9">
        <v>29927.546467299999</v>
      </c>
      <c r="BA1227" s="9">
        <v>34008.220495599999</v>
      </c>
      <c r="BB1227" s="9">
        <v>37729.699121600002</v>
      </c>
      <c r="BC1227" s="9">
        <v>34739.478968199997</v>
      </c>
      <c r="BD1227" s="9">
        <v>35534.614450499997</v>
      </c>
      <c r="BE1227" s="9">
        <v>34316.774748099997</v>
      </c>
      <c r="BF1227" s="9">
        <v>32371.934245</v>
      </c>
      <c r="BG1227" s="11">
        <v>0</v>
      </c>
      <c r="BH1227" s="13">
        <v>0</v>
      </c>
      <c r="BI1227" s="6">
        <v>0</v>
      </c>
      <c r="BJ1227" s="13">
        <v>0</v>
      </c>
      <c r="BK1227" s="6">
        <v>-2</v>
      </c>
      <c r="BL1227" s="13">
        <v>-0.16666666666666666</v>
      </c>
      <c r="BM1227" s="11">
        <v>2</v>
      </c>
      <c r="BN1227" s="13">
        <v>0.2</v>
      </c>
      <c r="BO1227" s="11">
        <v>0</v>
      </c>
      <c r="BP1227" s="13">
        <v>0</v>
      </c>
      <c r="BQ1227" s="6">
        <v>12</v>
      </c>
      <c r="BR1227" s="6">
        <v>12</v>
      </c>
      <c r="BS1227" s="6">
        <v>12</v>
      </c>
      <c r="BT1227" s="6">
        <v>12</v>
      </c>
      <c r="BU1227" s="6">
        <v>11</v>
      </c>
      <c r="BV1227" s="6">
        <v>11</v>
      </c>
      <c r="BW1227" s="6">
        <v>10</v>
      </c>
      <c r="BX1227" s="6">
        <v>12</v>
      </c>
      <c r="BY1227" s="6">
        <v>13</v>
      </c>
      <c r="BZ1227" s="6">
        <v>14</v>
      </c>
      <c r="CA1227" s="6">
        <v>14</v>
      </c>
      <c r="CB1227" s="6">
        <v>13</v>
      </c>
      <c r="CC1227" s="11">
        <v>12</v>
      </c>
      <c r="CD1227" s="11">
        <v>-6.3561300000000003</v>
      </c>
      <c r="CE1227" s="11">
        <v>-5.7004299999999999</v>
      </c>
      <c r="CF1227" s="11">
        <v>7.6206899999999997</v>
      </c>
      <c r="CG1227" s="11">
        <v>2</v>
      </c>
      <c r="CH1227" s="20">
        <v>0.46948800000000002</v>
      </c>
      <c r="CI1227" s="20">
        <v>0.47876600000000002</v>
      </c>
      <c r="CJ1227" s="20">
        <v>0.45949800000000002</v>
      </c>
      <c r="CK1227" s="20">
        <v>0.47047</v>
      </c>
      <c r="CL1227" s="20">
        <v>0.39724100000000001</v>
      </c>
      <c r="CM1227" s="20">
        <v>0.44102799999999998</v>
      </c>
      <c r="CN1227" s="20">
        <v>0.39671899999999999</v>
      </c>
      <c r="CO1227" s="20">
        <v>0.36038199999999998</v>
      </c>
      <c r="CP1227" s="20">
        <v>0.418406</v>
      </c>
      <c r="CQ1227" s="20">
        <v>0.47081600000000001</v>
      </c>
      <c r="CR1227" s="20">
        <v>0.53912400000000005</v>
      </c>
      <c r="CS1227" s="20">
        <v>0.45438600000000001</v>
      </c>
      <c r="CT1227" s="20">
        <v>0.45672200000000002</v>
      </c>
      <c r="CU1227" s="20">
        <v>0.43025000000000002</v>
      </c>
      <c r="CV1227" s="20">
        <v>0.38910899999999998</v>
      </c>
      <c r="CW1227" s="20">
        <v>0.39163999999999999</v>
      </c>
      <c r="CX1227" s="20">
        <v>0.38864799999999999</v>
      </c>
      <c r="CY1227" s="6" t="s">
        <v>591</v>
      </c>
      <c r="CZ1227" s="6" t="s">
        <v>592</v>
      </c>
      <c r="DA1227" s="6" t="s">
        <v>99</v>
      </c>
      <c r="DB1227" s="6" t="s">
        <v>345</v>
      </c>
      <c r="DC1227" s="6"/>
      <c r="DD1227" s="6"/>
      <c r="DE1227" s="6"/>
      <c r="DF1227" s="6"/>
      <c r="DG1227" s="6"/>
      <c r="DH1227" s="6" t="s">
        <v>333</v>
      </c>
      <c r="DI1227" s="6"/>
      <c r="DJ1227" s="6"/>
      <c r="DK1227" s="6"/>
      <c r="DL1227" s="6">
        <v>6</v>
      </c>
      <c r="DM1227" s="6" t="s">
        <v>396</v>
      </c>
      <c r="DN1227" s="6">
        <v>6</v>
      </c>
      <c r="DO1227" s="6" t="s">
        <v>393</v>
      </c>
      <c r="DP1227" s="6"/>
      <c r="DQ1227" s="6"/>
    </row>
    <row r="1228" spans="1:121" x14ac:dyDescent="0.2">
      <c r="A1228" s="6" t="s">
        <v>793</v>
      </c>
      <c r="B1228" s="6" t="s">
        <v>179</v>
      </c>
      <c r="C1228" s="6" t="s">
        <v>180</v>
      </c>
      <c r="D1228" s="6" t="s">
        <v>99</v>
      </c>
      <c r="E1228" s="6" t="s">
        <v>240</v>
      </c>
      <c r="F1228" s="11">
        <v>33</v>
      </c>
      <c r="G1228" s="13">
        <v>0.06</v>
      </c>
      <c r="H1228" s="11">
        <v>11</v>
      </c>
      <c r="I1228" s="13">
        <v>2.1153846153846155E-2</v>
      </c>
      <c r="J1228" s="11">
        <v>4</v>
      </c>
      <c r="K1228" s="13">
        <v>7.5329566854990572E-3</v>
      </c>
      <c r="L1228" s="11">
        <v>18</v>
      </c>
      <c r="M1228" s="13">
        <v>3.3644859813084113E-2</v>
      </c>
      <c r="N1228" s="11">
        <v>22</v>
      </c>
      <c r="O1228" s="13">
        <v>4.1431261770244823E-2</v>
      </c>
      <c r="P1228" s="7">
        <v>520</v>
      </c>
      <c r="Q1228" s="7">
        <v>549</v>
      </c>
      <c r="R1228" s="7">
        <v>528</v>
      </c>
      <c r="S1228" s="7">
        <v>519</v>
      </c>
      <c r="T1228" s="7">
        <v>537</v>
      </c>
      <c r="U1228" s="7">
        <v>544</v>
      </c>
      <c r="V1228" s="7">
        <v>531</v>
      </c>
      <c r="W1228" s="7">
        <v>535</v>
      </c>
      <c r="X1228" s="7">
        <v>524</v>
      </c>
      <c r="Y1228" s="7">
        <v>535</v>
      </c>
      <c r="Z1228" s="7">
        <v>545</v>
      </c>
      <c r="AA1228" s="7">
        <v>506</v>
      </c>
      <c r="AB1228" s="7">
        <v>509</v>
      </c>
      <c r="AC1228" s="7">
        <v>535</v>
      </c>
      <c r="AD1228" s="7">
        <v>535</v>
      </c>
      <c r="AE1228" s="7">
        <v>526</v>
      </c>
      <c r="AF1228" s="7">
        <v>553</v>
      </c>
      <c r="AG1228" s="9">
        <v>13181</v>
      </c>
      <c r="AH1228" s="13">
        <v>0.65671864879677144</v>
      </c>
      <c r="AI1228" s="9">
        <v>5567</v>
      </c>
      <c r="AJ1228" s="13">
        <v>0.27736535299686116</v>
      </c>
      <c r="AK1228" s="9">
        <v>1826</v>
      </c>
      <c r="AL1228" s="13">
        <v>7.1222404243700757E-2</v>
      </c>
      <c r="AM1228" s="9">
        <v>5788</v>
      </c>
      <c r="AN1228" s="13">
        <v>0.21074861637052145</v>
      </c>
      <c r="AO1228" s="9">
        <v>7614</v>
      </c>
      <c r="AP1228" s="13">
        <v>0.29698104376316403</v>
      </c>
      <c r="AQ1228" s="9">
        <v>20071</v>
      </c>
      <c r="AR1228" s="9">
        <v>19955</v>
      </c>
      <c r="AS1228" s="9">
        <v>21807</v>
      </c>
      <c r="AT1228" s="9">
        <v>22456</v>
      </c>
      <c r="AU1228" s="9">
        <v>23120</v>
      </c>
      <c r="AV1228" s="9">
        <v>24408</v>
      </c>
      <c r="AW1228" s="9">
        <v>25638</v>
      </c>
      <c r="AX1228" s="9">
        <v>26116</v>
      </c>
      <c r="AY1228" s="9">
        <v>27226</v>
      </c>
      <c r="AZ1228" s="9">
        <v>27464</v>
      </c>
      <c r="BA1228" s="9">
        <v>27461</v>
      </c>
      <c r="BB1228" s="9">
        <v>28809</v>
      </c>
      <c r="BC1228" s="9">
        <v>29996</v>
      </c>
      <c r="BD1228" s="9">
        <v>30135</v>
      </c>
      <c r="BE1228" s="9">
        <v>31010</v>
      </c>
      <c r="BF1228" s="9">
        <v>33252</v>
      </c>
      <c r="BG1228" s="11">
        <v>-4</v>
      </c>
      <c r="BH1228" s="13">
        <v>-9.5238095238095233E-2</v>
      </c>
      <c r="BI1228" s="6">
        <v>-6</v>
      </c>
      <c r="BJ1228" s="13">
        <v>-0.14285714285714285</v>
      </c>
      <c r="BK1228" s="6">
        <v>-2</v>
      </c>
      <c r="BL1228" s="13">
        <v>-5.5555555555555552E-2</v>
      </c>
      <c r="BM1228" s="11">
        <v>4</v>
      </c>
      <c r="BN1228" s="13">
        <v>0.11764705882352941</v>
      </c>
      <c r="BO1228" s="11">
        <v>2</v>
      </c>
      <c r="BP1228" s="13">
        <v>5.5555555555555552E-2</v>
      </c>
      <c r="BQ1228" s="6">
        <v>42</v>
      </c>
      <c r="BR1228" s="6">
        <v>39</v>
      </c>
      <c r="BS1228" s="6">
        <v>36</v>
      </c>
      <c r="BT1228" s="6">
        <v>36</v>
      </c>
      <c r="BU1228" s="6">
        <v>37</v>
      </c>
      <c r="BV1228" s="6">
        <v>35</v>
      </c>
      <c r="BW1228" s="6">
        <v>34</v>
      </c>
      <c r="BX1228" s="6">
        <v>32</v>
      </c>
      <c r="BY1228" s="6">
        <v>34</v>
      </c>
      <c r="BZ1228" s="6">
        <v>35</v>
      </c>
      <c r="CA1228" s="6">
        <v>35</v>
      </c>
      <c r="CB1228" s="6">
        <v>37</v>
      </c>
      <c r="CC1228" s="11">
        <v>38</v>
      </c>
      <c r="CD1228" s="11">
        <v>10</v>
      </c>
      <c r="CE1228" s="11">
        <v>-33</v>
      </c>
      <c r="CF1228" s="11">
        <v>57</v>
      </c>
      <c r="CG1228" s="11">
        <v>24</v>
      </c>
      <c r="CH1228" s="20">
        <v>1.3</v>
      </c>
      <c r="CI1228" s="20">
        <v>1.33</v>
      </c>
      <c r="CJ1228" s="20">
        <v>1.27</v>
      </c>
      <c r="CK1228" s="20">
        <v>1.19</v>
      </c>
      <c r="CL1228" s="20">
        <v>1.22</v>
      </c>
      <c r="CM1228" s="20">
        <v>1.24</v>
      </c>
      <c r="CN1228" s="20">
        <v>1.21</v>
      </c>
      <c r="CO1228" s="20">
        <v>1.23</v>
      </c>
      <c r="CP1228" s="20">
        <v>1.26</v>
      </c>
      <c r="CQ1228" s="20">
        <v>1.25</v>
      </c>
      <c r="CR1228" s="20">
        <v>1.27</v>
      </c>
      <c r="CS1228" s="20">
        <v>1.1399999999999999</v>
      </c>
      <c r="CT1228" s="20">
        <v>1.1200000000000001</v>
      </c>
      <c r="CU1228" s="20">
        <v>1.2</v>
      </c>
      <c r="CV1228" s="20">
        <v>1.19</v>
      </c>
      <c r="CW1228" s="20">
        <v>1.17</v>
      </c>
      <c r="CX1228" s="20">
        <v>1.21</v>
      </c>
      <c r="CY1228" s="6" t="s">
        <v>591</v>
      </c>
      <c r="CZ1228" s="6" t="s">
        <v>592</v>
      </c>
      <c r="DA1228" s="6" t="s">
        <v>99</v>
      </c>
      <c r="DB1228" s="6" t="s">
        <v>345</v>
      </c>
      <c r="DC1228" s="6"/>
      <c r="DD1228" s="6"/>
      <c r="DE1228" s="6"/>
      <c r="DF1228" s="6"/>
      <c r="DG1228" s="6"/>
      <c r="DH1228" s="6" t="s">
        <v>333</v>
      </c>
      <c r="DI1228" s="6"/>
      <c r="DJ1228" s="6"/>
      <c r="DK1228" s="6"/>
      <c r="DL1228" s="6">
        <v>6</v>
      </c>
      <c r="DM1228" s="6" t="s">
        <v>396</v>
      </c>
      <c r="DN1228" s="6">
        <v>6</v>
      </c>
      <c r="DO1228" s="6" t="s">
        <v>393</v>
      </c>
      <c r="DP1228" s="6"/>
      <c r="DQ1228" s="6"/>
    </row>
    <row r="1229" spans="1:121" x14ac:dyDescent="0.2">
      <c r="A1229" s="6" t="s">
        <v>794</v>
      </c>
      <c r="B1229" s="6" t="s">
        <v>181</v>
      </c>
      <c r="C1229" s="6" t="s">
        <v>182</v>
      </c>
      <c r="D1229" s="6" t="s">
        <v>99</v>
      </c>
      <c r="E1229" s="6" t="s">
        <v>240</v>
      </c>
      <c r="F1229" s="11">
        <v>-4</v>
      </c>
      <c r="G1229" s="13">
        <v>-2.6315789473699999E-2</v>
      </c>
      <c r="H1229" s="11">
        <v>13.707482341000002</v>
      </c>
      <c r="I1229" s="13">
        <v>8.9904519036706917E-2</v>
      </c>
      <c r="J1229" s="11">
        <v>-33.021228169000011</v>
      </c>
      <c r="K1229" s="13">
        <v>-0.19871405957866739</v>
      </c>
      <c r="L1229" s="11">
        <v>14.942624289999998</v>
      </c>
      <c r="M1229" s="13">
        <v>0.11222115339529122</v>
      </c>
      <c r="N1229" s="11">
        <v>-18.078603879000013</v>
      </c>
      <c r="O1229" s="13">
        <v>-0.10879282714515484</v>
      </c>
      <c r="P1229" s="7">
        <v>152.467111641</v>
      </c>
      <c r="Q1229" s="7">
        <v>162.239958113</v>
      </c>
      <c r="R1229" s="7">
        <v>195.59823757300001</v>
      </c>
      <c r="S1229" s="7">
        <v>175.15746754200001</v>
      </c>
      <c r="T1229" s="7">
        <v>181.52895710000001</v>
      </c>
      <c r="U1229" s="7">
        <v>174.82038180699999</v>
      </c>
      <c r="V1229" s="7">
        <v>166.174593982</v>
      </c>
      <c r="W1229" s="7">
        <v>157.31136728800001</v>
      </c>
      <c r="X1229" s="7">
        <v>141.672225642</v>
      </c>
      <c r="Y1229" s="7">
        <v>133.15336581299999</v>
      </c>
      <c r="Z1229" s="7">
        <v>136.999951649</v>
      </c>
      <c r="AA1229" s="7">
        <v>142.693526093</v>
      </c>
      <c r="AB1229" s="7">
        <v>156.189111411</v>
      </c>
      <c r="AC1229" s="7">
        <v>159.33917980999999</v>
      </c>
      <c r="AD1229" s="7">
        <v>150.11257230499999</v>
      </c>
      <c r="AE1229" s="7">
        <v>143.40471267800001</v>
      </c>
      <c r="AF1229" s="7">
        <v>148.09599010299999</v>
      </c>
      <c r="AG1229" s="9">
        <v>22675.708017899997</v>
      </c>
      <c r="AH1229" s="13">
        <v>0.8592123359316336</v>
      </c>
      <c r="AI1229" s="9">
        <v>5887.8751979000008</v>
      </c>
      <c r="AJ1229" s="13">
        <v>0.22309931837489319</v>
      </c>
      <c r="AK1229" s="9">
        <v>7502.9400383999964</v>
      </c>
      <c r="AL1229" s="13">
        <v>0.23243921445160881</v>
      </c>
      <c r="AM1229" s="9">
        <v>9284.8927815999996</v>
      </c>
      <c r="AN1229" s="13">
        <v>0.23339379616181652</v>
      </c>
      <c r="AO1229" s="9">
        <v>16787.832819999996</v>
      </c>
      <c r="AP1229" s="13">
        <v>0.52008288125115687</v>
      </c>
      <c r="AQ1229" s="9">
        <v>26391.273809300001</v>
      </c>
      <c r="AR1229" s="9">
        <v>26223.979202800001</v>
      </c>
      <c r="AS1229" s="9">
        <v>25534.9792548</v>
      </c>
      <c r="AT1229" s="9">
        <v>27304.981644700001</v>
      </c>
      <c r="AU1229" s="9">
        <v>26735.319312200001</v>
      </c>
      <c r="AV1229" s="9">
        <v>29044.549554000001</v>
      </c>
      <c r="AW1229" s="9">
        <v>32279.149007200002</v>
      </c>
      <c r="AX1229" s="9">
        <v>36340.672516099999</v>
      </c>
      <c r="AY1229" s="9">
        <v>35224.383534000001</v>
      </c>
      <c r="AZ1229" s="9">
        <v>39782.089045599998</v>
      </c>
      <c r="BA1229" s="9">
        <v>41089.782044300002</v>
      </c>
      <c r="BB1229" s="9">
        <v>42401.837021899999</v>
      </c>
      <c r="BC1229" s="9">
        <v>44225.285548599997</v>
      </c>
      <c r="BD1229" s="9">
        <v>45094.656406200003</v>
      </c>
      <c r="BE1229" s="9">
        <v>47532.453692100004</v>
      </c>
      <c r="BF1229" s="9">
        <v>49066.981827199997</v>
      </c>
      <c r="BG1229" s="11">
        <v>-4</v>
      </c>
      <c r="BH1229" s="13">
        <v>-0.19047619047619047</v>
      </c>
      <c r="BI1229" s="6">
        <v>1</v>
      </c>
      <c r="BJ1229" s="13">
        <v>4.7619047619047616E-2</v>
      </c>
      <c r="BK1229" s="6">
        <v>-5</v>
      </c>
      <c r="BL1229" s="13">
        <v>-0.22727272727272727</v>
      </c>
      <c r="BM1229" s="11">
        <v>0</v>
      </c>
      <c r="BN1229" s="13">
        <v>0</v>
      </c>
      <c r="BO1229" s="11">
        <v>-5</v>
      </c>
      <c r="BP1229" s="13">
        <v>-0.22727272727272727</v>
      </c>
      <c r="BQ1229" s="6">
        <v>21</v>
      </c>
      <c r="BR1229" s="6">
        <v>21</v>
      </c>
      <c r="BS1229" s="6">
        <v>24</v>
      </c>
      <c r="BT1229" s="6">
        <v>22</v>
      </c>
      <c r="BU1229" s="6">
        <v>21</v>
      </c>
      <c r="BV1229" s="6">
        <v>19</v>
      </c>
      <c r="BW1229" s="6">
        <v>17</v>
      </c>
      <c r="BX1229" s="6">
        <v>18</v>
      </c>
      <c r="BY1229" s="6">
        <v>17</v>
      </c>
      <c r="BZ1229" s="6">
        <v>16</v>
      </c>
      <c r="CA1229" s="6">
        <v>18</v>
      </c>
      <c r="CB1229" s="6">
        <v>18</v>
      </c>
      <c r="CC1229" s="11">
        <v>17</v>
      </c>
      <c r="CD1229" s="11">
        <v>-30.6477</v>
      </c>
      <c r="CE1229" s="11">
        <v>9.6100600000000007</v>
      </c>
      <c r="CF1229" s="11">
        <v>16.666499999999999</v>
      </c>
      <c r="CG1229" s="11">
        <v>27</v>
      </c>
      <c r="CH1229" s="20">
        <v>1.29708</v>
      </c>
      <c r="CI1229" s="20">
        <v>1.36893</v>
      </c>
      <c r="CJ1229" s="20">
        <v>1.6297999999999999</v>
      </c>
      <c r="CK1229" s="20">
        <v>1.3817699999999999</v>
      </c>
      <c r="CL1229" s="20">
        <v>1.3956299999999999</v>
      </c>
      <c r="CM1229" s="20">
        <v>1.3218300000000001</v>
      </c>
      <c r="CN1229" s="20">
        <v>1.2427299999999999</v>
      </c>
      <c r="CO1229" s="20">
        <v>1.18276</v>
      </c>
      <c r="CP1229" s="20">
        <v>1.13056</v>
      </c>
      <c r="CQ1229" s="20">
        <v>1.03504</v>
      </c>
      <c r="CR1229" s="20">
        <v>1.04586</v>
      </c>
      <c r="CS1229" s="20">
        <v>1.04423</v>
      </c>
      <c r="CT1229" s="20">
        <v>1.1119699999999999</v>
      </c>
      <c r="CU1229" s="20">
        <v>1.1321099999999999</v>
      </c>
      <c r="CV1229" s="20">
        <v>1.03389</v>
      </c>
      <c r="CW1229" s="20">
        <v>0.97448500000000005</v>
      </c>
      <c r="CX1229" s="20">
        <v>0.97625399999999996</v>
      </c>
      <c r="CY1229" s="6" t="s">
        <v>591</v>
      </c>
      <c r="CZ1229" s="6" t="s">
        <v>592</v>
      </c>
      <c r="DA1229" s="6" t="s">
        <v>99</v>
      </c>
      <c r="DB1229" s="6" t="s">
        <v>345</v>
      </c>
      <c r="DC1229" s="6"/>
      <c r="DD1229" s="6"/>
      <c r="DE1229" s="6"/>
      <c r="DF1229" s="6"/>
      <c r="DG1229" s="6"/>
      <c r="DH1229" s="6" t="s">
        <v>333</v>
      </c>
      <c r="DI1229" s="6"/>
      <c r="DJ1229" s="6"/>
      <c r="DK1229" s="6"/>
      <c r="DL1229" s="6">
        <v>6</v>
      </c>
      <c r="DM1229" s="6" t="s">
        <v>396</v>
      </c>
      <c r="DN1229" s="6">
        <v>6</v>
      </c>
      <c r="DO1229" s="6" t="s">
        <v>393</v>
      </c>
      <c r="DP1229" s="6"/>
      <c r="DQ1229" s="6"/>
    </row>
    <row r="1230" spans="1:121" x14ac:dyDescent="0.2">
      <c r="A1230" s="6" t="s">
        <v>314</v>
      </c>
      <c r="B1230" s="6" t="s">
        <v>314</v>
      </c>
      <c r="C1230" s="6" t="s">
        <v>183</v>
      </c>
      <c r="D1230" s="6" t="s">
        <v>99</v>
      </c>
      <c r="E1230" s="6" t="s">
        <v>240</v>
      </c>
      <c r="F1230" s="11">
        <v>1</v>
      </c>
      <c r="G1230" s="13">
        <v>1</v>
      </c>
      <c r="H1230" s="11">
        <v>-39.986343000000005</v>
      </c>
      <c r="I1230" s="13">
        <v>-0.64278378191950869</v>
      </c>
      <c r="J1230" s="11">
        <v>-17.221734000000001</v>
      </c>
      <c r="K1230" s="13">
        <v>-0.77499505664139445</v>
      </c>
      <c r="L1230" s="11">
        <v>0</v>
      </c>
      <c r="M1230" s="13">
        <v>0</v>
      </c>
      <c r="N1230" s="11">
        <v>-17.221734000000001</v>
      </c>
      <c r="O1230" s="13">
        <v>-0.77499505664139445</v>
      </c>
      <c r="P1230" s="7">
        <v>62.208077000000003</v>
      </c>
      <c r="Q1230" s="7">
        <v>49.101999037799999</v>
      </c>
      <c r="R1230" s="7">
        <v>27.240476280100001</v>
      </c>
      <c r="S1230" s="7">
        <v>27.111585980400001</v>
      </c>
      <c r="T1230" s="7">
        <v>21.153217999999999</v>
      </c>
      <c r="U1230" s="7">
        <v>24.197458000000001</v>
      </c>
      <c r="V1230" s="7">
        <v>22.221734000000001</v>
      </c>
      <c r="W1230" s="7">
        <v>13.628406699699999</v>
      </c>
      <c r="X1230" s="7">
        <v>5</v>
      </c>
      <c r="Y1230" s="7">
        <v>5</v>
      </c>
      <c r="Z1230" s="7">
        <v>5</v>
      </c>
      <c r="AA1230" s="7">
        <v>5</v>
      </c>
      <c r="AB1230" s="7">
        <v>5</v>
      </c>
      <c r="AC1230" s="7">
        <v>5</v>
      </c>
      <c r="AD1230" s="7">
        <v>5</v>
      </c>
      <c r="AE1230" s="7">
        <v>5</v>
      </c>
      <c r="AF1230" s="7">
        <v>5</v>
      </c>
      <c r="AG1230" s="9">
        <v>-21439.605019999999</v>
      </c>
      <c r="AH1230" s="13">
        <v>-0.99995335952511299</v>
      </c>
      <c r="AI1230" s="9">
        <v>15405.158217599997</v>
      </c>
      <c r="AJ1230" s="13">
        <v>0.71850389498010525</v>
      </c>
      <c r="AK1230" s="9">
        <v>-36844.763237599997</v>
      </c>
      <c r="AL1230" s="13">
        <v>-0.99997285983754625</v>
      </c>
      <c r="AM1230" s="9">
        <v>0</v>
      </c>
      <c r="AN1230" s="13">
        <v>0</v>
      </c>
      <c r="AO1230" s="9">
        <v>-36844.763237599997</v>
      </c>
      <c r="AP1230" s="13">
        <v>-0.99997285983754625</v>
      </c>
      <c r="AQ1230" s="9">
        <v>21440.605019999999</v>
      </c>
      <c r="AR1230" s="9">
        <v>26386.805546</v>
      </c>
      <c r="AS1230" s="9">
        <v>38440.297036999997</v>
      </c>
      <c r="AT1230" s="9">
        <v>32203.110368500002</v>
      </c>
      <c r="AU1230" s="9">
        <v>35657.719243500003</v>
      </c>
      <c r="AV1230" s="9">
        <v>34795.515013900003</v>
      </c>
      <c r="AW1230" s="9">
        <v>36845.763237599997</v>
      </c>
      <c r="AX1230" s="9">
        <v>23389.305536200001</v>
      </c>
      <c r="AY1230" s="9">
        <v>1</v>
      </c>
      <c r="AZ1230" s="9">
        <v>1</v>
      </c>
      <c r="BA1230" s="9">
        <v>1</v>
      </c>
      <c r="BB1230" s="9">
        <v>1</v>
      </c>
      <c r="BC1230" s="9">
        <v>1</v>
      </c>
      <c r="BD1230" s="9">
        <v>1</v>
      </c>
      <c r="BE1230" s="9">
        <v>1</v>
      </c>
      <c r="BF1230" s="9">
        <v>1</v>
      </c>
      <c r="BG1230" s="11">
        <v>-1</v>
      </c>
      <c r="BH1230" s="13">
        <v>-0.5</v>
      </c>
      <c r="BI1230" s="6">
        <v>1</v>
      </c>
      <c r="BJ1230" s="13">
        <v>0.5</v>
      </c>
      <c r="BK1230" s="6">
        <v>-1</v>
      </c>
      <c r="BL1230" s="13">
        <v>-0.33333333333333331</v>
      </c>
      <c r="BM1230" s="11">
        <v>-1</v>
      </c>
      <c r="BN1230" s="13">
        <v>-0.5</v>
      </c>
      <c r="BO1230" s="11">
        <v>-2</v>
      </c>
      <c r="BP1230" s="13">
        <v>-0.66666666666666663</v>
      </c>
      <c r="BQ1230" s="6">
        <v>2</v>
      </c>
      <c r="BR1230" s="6">
        <v>3</v>
      </c>
      <c r="BS1230" s="6">
        <v>3</v>
      </c>
      <c r="BT1230" s="6">
        <v>3</v>
      </c>
      <c r="BU1230" s="6">
        <v>2</v>
      </c>
      <c r="BV1230" s="6">
        <v>2</v>
      </c>
      <c r="BW1230" s="6">
        <v>2</v>
      </c>
      <c r="BX1230" s="6">
        <v>2</v>
      </c>
      <c r="BY1230" s="6">
        <v>2</v>
      </c>
      <c r="BZ1230" s="6">
        <v>2</v>
      </c>
      <c r="CA1230" s="6">
        <v>2</v>
      </c>
      <c r="CB1230" s="6">
        <v>1</v>
      </c>
      <c r="CC1230" s="11">
        <v>1</v>
      </c>
      <c r="CD1230" s="11">
        <v>-48.451999999999998</v>
      </c>
      <c r="CE1230" s="11">
        <v>-19.053699999999999</v>
      </c>
      <c r="CF1230" s="11">
        <v>6.80009</v>
      </c>
      <c r="CG1230" s="11">
        <v>-12</v>
      </c>
      <c r="CH1230" s="20">
        <v>0.67204200000000003</v>
      </c>
      <c r="CI1230" s="20">
        <v>0.54096100000000003</v>
      </c>
      <c r="CJ1230" s="20">
        <v>0.30945299999999998</v>
      </c>
      <c r="CK1230" s="20">
        <v>0.303925</v>
      </c>
      <c r="CL1230" s="20">
        <v>0.23986499999999999</v>
      </c>
      <c r="CM1230" s="20">
        <v>0.277889</v>
      </c>
      <c r="CN1230" s="20">
        <v>0.258191</v>
      </c>
      <c r="CO1230" s="20">
        <v>0.160581</v>
      </c>
      <c r="CP1230" s="20">
        <v>5.2840499999999999E-2</v>
      </c>
      <c r="CQ1230" s="20">
        <v>3.32567E-2</v>
      </c>
      <c r="CR1230" s="20">
        <v>1.6200699999999998E-2</v>
      </c>
      <c r="CS1230" s="20">
        <v>2.3175399999999999E-2</v>
      </c>
      <c r="CT1230" s="20">
        <v>2.2080800000000001E-2</v>
      </c>
      <c r="CU1230" s="20">
        <v>2.3825099999999998E-2</v>
      </c>
      <c r="CV1230" s="20">
        <v>2.00509E-2</v>
      </c>
      <c r="CW1230" s="20">
        <v>2.0109499999999999E-2</v>
      </c>
      <c r="CX1230" s="20">
        <v>1.8361200000000001E-2</v>
      </c>
      <c r="CY1230" s="6" t="s">
        <v>591</v>
      </c>
      <c r="CZ1230" s="6" t="s">
        <v>592</v>
      </c>
      <c r="DA1230" s="6" t="s">
        <v>99</v>
      </c>
      <c r="DB1230" s="6" t="s">
        <v>345</v>
      </c>
      <c r="DC1230" s="6"/>
      <c r="DD1230" s="6"/>
      <c r="DE1230" s="6"/>
      <c r="DF1230" s="6"/>
      <c r="DG1230" s="6"/>
      <c r="DH1230" s="6" t="s">
        <v>333</v>
      </c>
      <c r="DI1230" s="6"/>
      <c r="DJ1230" s="6"/>
      <c r="DK1230" s="6"/>
      <c r="DL1230" s="6">
        <v>6</v>
      </c>
      <c r="DM1230" s="6" t="s">
        <v>396</v>
      </c>
      <c r="DN1230" s="6">
        <v>6</v>
      </c>
      <c r="DO1230" s="6" t="s">
        <v>393</v>
      </c>
      <c r="DP1230" s="6"/>
      <c r="DQ1230" s="6"/>
    </row>
    <row r="1231" spans="1:121" x14ac:dyDescent="0.2">
      <c r="A1231" s="6" t="s">
        <v>315</v>
      </c>
      <c r="B1231" s="6" t="s">
        <v>315</v>
      </c>
      <c r="C1231" s="6" t="s">
        <v>184</v>
      </c>
      <c r="D1231" s="6" t="s">
        <v>99</v>
      </c>
      <c r="E1231" s="6" t="s">
        <v>240</v>
      </c>
      <c r="F1231" s="11">
        <v>-15</v>
      </c>
      <c r="G1231" s="13">
        <v>-0.15</v>
      </c>
      <c r="H1231" s="11">
        <v>0</v>
      </c>
      <c r="I1231" s="13">
        <v>0</v>
      </c>
      <c r="J1231" s="11">
        <v>-10</v>
      </c>
      <c r="K1231" s="13">
        <v>-9.8039215686274508E-2</v>
      </c>
      <c r="L1231" s="11">
        <v>-5</v>
      </c>
      <c r="M1231" s="13">
        <v>-5.434782608695652E-2</v>
      </c>
      <c r="N1231" s="11">
        <v>-15</v>
      </c>
      <c r="O1231" s="13">
        <v>-0.14705882352941177</v>
      </c>
      <c r="P1231" s="7">
        <v>102</v>
      </c>
      <c r="Q1231" s="7">
        <v>99</v>
      </c>
      <c r="R1231" s="7">
        <v>94</v>
      </c>
      <c r="S1231" s="7">
        <v>92</v>
      </c>
      <c r="T1231" s="7">
        <v>96</v>
      </c>
      <c r="U1231" s="7">
        <v>97</v>
      </c>
      <c r="V1231" s="7">
        <v>102</v>
      </c>
      <c r="W1231" s="7">
        <v>100</v>
      </c>
      <c r="X1231" s="7">
        <v>100</v>
      </c>
      <c r="Y1231" s="7">
        <v>92</v>
      </c>
      <c r="Z1231" s="7">
        <v>92</v>
      </c>
      <c r="AA1231" s="7">
        <v>96</v>
      </c>
      <c r="AB1231" s="7">
        <v>91</v>
      </c>
      <c r="AC1231" s="7">
        <v>88</v>
      </c>
      <c r="AD1231" s="7">
        <v>88</v>
      </c>
      <c r="AE1231" s="7">
        <v>88</v>
      </c>
      <c r="AF1231" s="7">
        <v>87</v>
      </c>
      <c r="AG1231" s="9">
        <v>8784</v>
      </c>
      <c r="AH1231" s="13">
        <v>0.30496823247578375</v>
      </c>
      <c r="AI1231" s="9">
        <v>4462</v>
      </c>
      <c r="AJ1231" s="13">
        <v>0.15491441863694755</v>
      </c>
      <c r="AK1231" s="9">
        <v>-689</v>
      </c>
      <c r="AL1231" s="13">
        <v>-2.0712460544115435E-2</v>
      </c>
      <c r="AM1231" s="9">
        <v>5011</v>
      </c>
      <c r="AN1231" s="13">
        <v>0.1538249017681729</v>
      </c>
      <c r="AO1231" s="9">
        <v>4322</v>
      </c>
      <c r="AP1231" s="13">
        <v>0.12992634901548175</v>
      </c>
      <c r="AQ1231" s="9">
        <v>28803</v>
      </c>
      <c r="AR1231" s="9">
        <v>29286</v>
      </c>
      <c r="AS1231" s="9">
        <v>27935</v>
      </c>
      <c r="AT1231" s="9">
        <v>31246</v>
      </c>
      <c r="AU1231" s="9">
        <v>32582</v>
      </c>
      <c r="AV1231" s="9">
        <v>33355</v>
      </c>
      <c r="AW1231" s="9">
        <v>33265</v>
      </c>
      <c r="AX1231" s="9">
        <v>35063</v>
      </c>
      <c r="AY1231" s="9">
        <v>34759</v>
      </c>
      <c r="AZ1231" s="9">
        <v>32576</v>
      </c>
      <c r="BA1231" s="9">
        <v>31933</v>
      </c>
      <c r="BB1231" s="9">
        <v>34196</v>
      </c>
      <c r="BC1231" s="9">
        <v>37721</v>
      </c>
      <c r="BD1231" s="9">
        <v>38609</v>
      </c>
      <c r="BE1231" s="9">
        <v>37653</v>
      </c>
      <c r="BF1231" s="9">
        <v>37587</v>
      </c>
      <c r="BG1231" s="11">
        <v>-5</v>
      </c>
      <c r="BH1231" s="13">
        <v>-0.29411764705882354</v>
      </c>
      <c r="BI1231" s="6">
        <v>1</v>
      </c>
      <c r="BJ1231" s="13">
        <v>5.8823529411764705E-2</v>
      </c>
      <c r="BK1231" s="6">
        <v>-1</v>
      </c>
      <c r="BL1231" s="13">
        <v>-5.5555555555555552E-2</v>
      </c>
      <c r="BM1231" s="11">
        <v>-5</v>
      </c>
      <c r="BN1231" s="13">
        <v>-0.29411764705882354</v>
      </c>
      <c r="BO1231" s="11">
        <v>-6</v>
      </c>
      <c r="BP1231" s="13">
        <v>-0.33333333333333331</v>
      </c>
      <c r="BQ1231" s="6">
        <v>17</v>
      </c>
      <c r="BR1231" s="6">
        <v>17</v>
      </c>
      <c r="BS1231" s="6">
        <v>18</v>
      </c>
      <c r="BT1231" s="6">
        <v>18</v>
      </c>
      <c r="BU1231" s="6">
        <v>18</v>
      </c>
      <c r="BV1231" s="6">
        <v>18</v>
      </c>
      <c r="BW1231" s="6">
        <v>17</v>
      </c>
      <c r="BX1231" s="6">
        <v>18</v>
      </c>
      <c r="BY1231" s="6">
        <v>17</v>
      </c>
      <c r="BZ1231" s="6">
        <v>17</v>
      </c>
      <c r="CA1231" s="6">
        <v>16</v>
      </c>
      <c r="CB1231" s="6">
        <v>13</v>
      </c>
      <c r="CC1231" s="11">
        <v>12</v>
      </c>
      <c r="CD1231" s="11">
        <v>-18</v>
      </c>
      <c r="CE1231" s="11">
        <v>-8</v>
      </c>
      <c r="CF1231" s="11">
        <v>11</v>
      </c>
      <c r="CG1231" s="11">
        <v>3</v>
      </c>
      <c r="CH1231" s="20">
        <v>0.67</v>
      </c>
      <c r="CI1231" s="20">
        <v>0.63</v>
      </c>
      <c r="CJ1231" s="20">
        <v>0.57999999999999996</v>
      </c>
      <c r="CK1231" s="20">
        <v>0.55000000000000004</v>
      </c>
      <c r="CL1231" s="20">
        <v>0.55000000000000004</v>
      </c>
      <c r="CM1231" s="20">
        <v>0.56000000000000005</v>
      </c>
      <c r="CN1231" s="20">
        <v>0.59</v>
      </c>
      <c r="CO1231" s="20">
        <v>0.6</v>
      </c>
      <c r="CP1231" s="20">
        <v>0.62</v>
      </c>
      <c r="CQ1231" s="20">
        <v>0.56000000000000005</v>
      </c>
      <c r="CR1231" s="20">
        <v>0.56000000000000005</v>
      </c>
      <c r="CS1231" s="20">
        <v>0.56999999999999995</v>
      </c>
      <c r="CT1231" s="20">
        <v>0.53</v>
      </c>
      <c r="CU1231" s="20">
        <v>0.53</v>
      </c>
      <c r="CV1231" s="20">
        <v>0.53</v>
      </c>
      <c r="CW1231" s="20">
        <v>0.53</v>
      </c>
      <c r="CX1231" s="20">
        <v>0.51</v>
      </c>
      <c r="CY1231" s="6" t="s">
        <v>591</v>
      </c>
      <c r="CZ1231" s="6" t="s">
        <v>592</v>
      </c>
      <c r="DA1231" s="6" t="s">
        <v>99</v>
      </c>
      <c r="DB1231" s="6" t="s">
        <v>345</v>
      </c>
      <c r="DC1231" s="6"/>
      <c r="DD1231" s="6"/>
      <c r="DE1231" s="6"/>
      <c r="DF1231" s="6"/>
      <c r="DG1231" s="6"/>
      <c r="DH1231" s="6" t="s">
        <v>333</v>
      </c>
      <c r="DI1231" s="6"/>
      <c r="DJ1231" s="6"/>
      <c r="DK1231" s="6"/>
      <c r="DL1231" s="6">
        <v>6</v>
      </c>
      <c r="DM1231" s="6" t="s">
        <v>396</v>
      </c>
      <c r="DN1231" s="6">
        <v>6</v>
      </c>
      <c r="DO1231" s="6" t="s">
        <v>393</v>
      </c>
      <c r="DP1231" s="6"/>
      <c r="DQ1231" s="6"/>
    </row>
    <row r="1232" spans="1:121" x14ac:dyDescent="0.2">
      <c r="A1232" s="6" t="s">
        <v>316</v>
      </c>
      <c r="B1232" s="6" t="s">
        <v>316</v>
      </c>
      <c r="C1232" s="6" t="s">
        <v>185</v>
      </c>
      <c r="D1232" s="6" t="s">
        <v>99</v>
      </c>
      <c r="E1232" s="6" t="s">
        <v>240</v>
      </c>
      <c r="F1232" s="11">
        <v>-5</v>
      </c>
      <c r="G1232" s="13">
        <v>-0.21</v>
      </c>
      <c r="H1232" s="11">
        <v>5</v>
      </c>
      <c r="I1232" s="13">
        <v>0.20833333333333337</v>
      </c>
      <c r="J1232" s="11">
        <v>-12</v>
      </c>
      <c r="K1232" s="13">
        <v>-0.41379310344827586</v>
      </c>
      <c r="L1232" s="11">
        <v>2</v>
      </c>
      <c r="M1232" s="13">
        <v>0.1176470588235294</v>
      </c>
      <c r="N1232" s="11">
        <v>-10</v>
      </c>
      <c r="O1232" s="13">
        <v>-0.34482758620689657</v>
      </c>
      <c r="P1232" s="7">
        <v>24</v>
      </c>
      <c r="Q1232" s="7">
        <v>23</v>
      </c>
      <c r="R1232" s="7">
        <v>26</v>
      </c>
      <c r="S1232" s="7">
        <v>24</v>
      </c>
      <c r="T1232" s="7">
        <v>23</v>
      </c>
      <c r="U1232" s="7">
        <v>27</v>
      </c>
      <c r="V1232" s="7">
        <v>29</v>
      </c>
      <c r="W1232" s="7">
        <v>33</v>
      </c>
      <c r="X1232" s="7">
        <v>23</v>
      </c>
      <c r="Y1232" s="7">
        <v>17</v>
      </c>
      <c r="Z1232" s="7">
        <v>15</v>
      </c>
      <c r="AA1232" s="7">
        <v>21</v>
      </c>
      <c r="AB1232" s="7">
        <v>21</v>
      </c>
      <c r="AC1232" s="7">
        <v>16</v>
      </c>
      <c r="AD1232" s="7">
        <v>14</v>
      </c>
      <c r="AE1232" s="7">
        <v>19</v>
      </c>
      <c r="AF1232" s="7">
        <v>19</v>
      </c>
      <c r="AG1232" s="9">
        <v>1513</v>
      </c>
      <c r="AH1232" s="13">
        <v>6.852665428687893E-2</v>
      </c>
      <c r="AI1232" s="9">
        <v>-2143</v>
      </c>
      <c r="AJ1232" s="13">
        <v>-9.7060555278771679E-2</v>
      </c>
      <c r="AK1232" s="9">
        <v>6974</v>
      </c>
      <c r="AL1232" s="13">
        <v>0.34981942215088285</v>
      </c>
      <c r="AM1232" s="9">
        <v>-3318</v>
      </c>
      <c r="AN1232" s="13">
        <v>-0.12329988851727984</v>
      </c>
      <c r="AO1232" s="9">
        <v>3656</v>
      </c>
      <c r="AP1232" s="13">
        <v>0.1833868378812199</v>
      </c>
      <c r="AQ1232" s="9">
        <v>22079</v>
      </c>
      <c r="AR1232" s="9">
        <v>21831</v>
      </c>
      <c r="AS1232" s="9">
        <v>21593</v>
      </c>
      <c r="AT1232" s="9">
        <v>22592</v>
      </c>
      <c r="AU1232" s="9">
        <v>20632</v>
      </c>
      <c r="AV1232" s="9">
        <v>19789</v>
      </c>
      <c r="AW1232" s="9">
        <v>19936</v>
      </c>
      <c r="AX1232" s="9">
        <v>25088</v>
      </c>
      <c r="AY1232" s="9">
        <v>22897</v>
      </c>
      <c r="AZ1232" s="9">
        <v>26910</v>
      </c>
      <c r="BA1232" s="9">
        <v>28808</v>
      </c>
      <c r="BB1232" s="9">
        <v>33535</v>
      </c>
      <c r="BC1232" s="9">
        <v>21208</v>
      </c>
      <c r="BD1232" s="9">
        <v>19125</v>
      </c>
      <c r="BE1232" s="9">
        <v>22683</v>
      </c>
      <c r="BF1232" s="9">
        <v>23592</v>
      </c>
      <c r="BG1232" s="11">
        <v>-6</v>
      </c>
      <c r="BH1232" s="13">
        <v>-0.66666666666666663</v>
      </c>
      <c r="BI1232" s="6">
        <v>0</v>
      </c>
      <c r="BJ1232" s="13">
        <v>0</v>
      </c>
      <c r="BK1232" s="6">
        <v>-4</v>
      </c>
      <c r="BL1232" s="13">
        <v>-0.44444444444444442</v>
      </c>
      <c r="BM1232" s="11">
        <v>-2</v>
      </c>
      <c r="BN1232" s="13">
        <v>-0.4</v>
      </c>
      <c r="BO1232" s="11">
        <v>-6</v>
      </c>
      <c r="BP1232" s="13">
        <v>-0.66666666666666663</v>
      </c>
      <c r="BQ1232" s="6">
        <v>9</v>
      </c>
      <c r="BR1232" s="6">
        <v>9</v>
      </c>
      <c r="BS1232" s="6">
        <v>9</v>
      </c>
      <c r="BT1232" s="6">
        <v>9</v>
      </c>
      <c r="BU1232" s="6">
        <v>7</v>
      </c>
      <c r="BV1232" s="6">
        <v>6</v>
      </c>
      <c r="BW1232" s="6">
        <v>5</v>
      </c>
      <c r="BX1232" s="6">
        <v>4</v>
      </c>
      <c r="BY1232" s="6">
        <v>3</v>
      </c>
      <c r="BZ1232" s="6">
        <v>4</v>
      </c>
      <c r="CA1232" s="6">
        <v>2</v>
      </c>
      <c r="CB1232" s="6">
        <v>2</v>
      </c>
      <c r="CC1232" s="11">
        <v>3</v>
      </c>
      <c r="CD1232" s="11">
        <v>-6</v>
      </c>
      <c r="CE1232" s="11">
        <v>-1</v>
      </c>
      <c r="CF1232" s="11">
        <v>3</v>
      </c>
      <c r="CG1232" s="11">
        <v>2</v>
      </c>
      <c r="CH1232" s="20">
        <v>0.38</v>
      </c>
      <c r="CI1232" s="20">
        <v>0.36</v>
      </c>
      <c r="CJ1232" s="20">
        <v>0.38</v>
      </c>
      <c r="CK1232" s="20">
        <v>0.33</v>
      </c>
      <c r="CL1232" s="20">
        <v>0.31</v>
      </c>
      <c r="CM1232" s="20">
        <v>0.36</v>
      </c>
      <c r="CN1232" s="20">
        <v>0.39</v>
      </c>
      <c r="CO1232" s="20">
        <v>0.46</v>
      </c>
      <c r="CP1232" s="20">
        <v>0.34</v>
      </c>
      <c r="CQ1232" s="20">
        <v>0.26</v>
      </c>
      <c r="CR1232" s="20">
        <v>0.23</v>
      </c>
      <c r="CS1232" s="20">
        <v>0.31</v>
      </c>
      <c r="CT1232" s="20">
        <v>0.28999999999999998</v>
      </c>
      <c r="CU1232" s="20">
        <v>0.23</v>
      </c>
      <c r="CV1232" s="20">
        <v>0.2</v>
      </c>
      <c r="CW1232" s="20">
        <v>0.27</v>
      </c>
      <c r="CX1232" s="20">
        <v>0.27</v>
      </c>
      <c r="CY1232" s="6" t="s">
        <v>591</v>
      </c>
      <c r="CZ1232" s="6" t="s">
        <v>592</v>
      </c>
      <c r="DA1232" s="6" t="s">
        <v>99</v>
      </c>
      <c r="DB1232" s="6" t="s">
        <v>345</v>
      </c>
      <c r="DC1232" s="6"/>
      <c r="DD1232" s="6"/>
      <c r="DE1232" s="6"/>
      <c r="DF1232" s="6"/>
      <c r="DG1232" s="6"/>
      <c r="DH1232" s="6" t="s">
        <v>333</v>
      </c>
      <c r="DI1232" s="6"/>
      <c r="DJ1232" s="6"/>
      <c r="DK1232" s="6"/>
      <c r="DL1232" s="6">
        <v>6</v>
      </c>
      <c r="DM1232" s="6" t="s">
        <v>396</v>
      </c>
      <c r="DN1232" s="6">
        <v>6</v>
      </c>
      <c r="DO1232" s="6" t="s">
        <v>393</v>
      </c>
      <c r="DP1232" s="6"/>
      <c r="DQ1232" s="6"/>
    </row>
    <row r="1233" spans="1:121" x14ac:dyDescent="0.2">
      <c r="A1233" s="6" t="s">
        <v>317</v>
      </c>
      <c r="B1233" s="6" t="s">
        <v>317</v>
      </c>
      <c r="C1233" s="6" t="s">
        <v>186</v>
      </c>
      <c r="D1233" s="6" t="s">
        <v>99</v>
      </c>
      <c r="E1233" s="6" t="s">
        <v>240</v>
      </c>
      <c r="F1233" s="11">
        <v>-24</v>
      </c>
      <c r="G1233" s="13">
        <v>-0.28999999999999998</v>
      </c>
      <c r="H1233" s="11">
        <v>-43</v>
      </c>
      <c r="I1233" s="13">
        <v>-0.52439024390243905</v>
      </c>
      <c r="J1233" s="11">
        <v>10</v>
      </c>
      <c r="K1233" s="13">
        <v>0.25641025641025639</v>
      </c>
      <c r="L1233" s="11">
        <v>9</v>
      </c>
      <c r="M1233" s="13">
        <v>0.18367346938775511</v>
      </c>
      <c r="N1233" s="11">
        <v>19</v>
      </c>
      <c r="O1233" s="13">
        <v>0.48717948717948723</v>
      </c>
      <c r="P1233" s="7">
        <v>82</v>
      </c>
      <c r="Q1233" s="7">
        <v>86</v>
      </c>
      <c r="R1233" s="7">
        <v>81</v>
      </c>
      <c r="S1233" s="7">
        <v>86</v>
      </c>
      <c r="T1233" s="7">
        <v>85</v>
      </c>
      <c r="U1233" s="7">
        <v>64</v>
      </c>
      <c r="V1233" s="7">
        <v>39</v>
      </c>
      <c r="W1233" s="7">
        <v>43</v>
      </c>
      <c r="X1233" s="7">
        <v>46</v>
      </c>
      <c r="Y1233" s="7">
        <v>49</v>
      </c>
      <c r="Z1233" s="7">
        <v>51</v>
      </c>
      <c r="AA1233" s="7">
        <v>42</v>
      </c>
      <c r="AB1233" s="7">
        <v>50</v>
      </c>
      <c r="AC1233" s="7">
        <v>50</v>
      </c>
      <c r="AD1233" s="7">
        <v>53</v>
      </c>
      <c r="AE1233" s="7">
        <v>57</v>
      </c>
      <c r="AF1233" s="7">
        <v>58</v>
      </c>
      <c r="AG1233" s="9">
        <v>14125</v>
      </c>
      <c r="AH1233" s="13">
        <v>0.63485999370758239</v>
      </c>
      <c r="AI1233" s="9">
        <v>8353</v>
      </c>
      <c r="AJ1233" s="13">
        <v>0.3754326037125264</v>
      </c>
      <c r="AK1233" s="9">
        <v>1475</v>
      </c>
      <c r="AL1233" s="13">
        <v>4.8199464087314563E-2</v>
      </c>
      <c r="AM1233" s="9">
        <v>4297</v>
      </c>
      <c r="AN1233" s="13">
        <v>0.1339589113695171</v>
      </c>
      <c r="AO1233" s="9">
        <v>5772</v>
      </c>
      <c r="AP1233" s="13">
        <v>0.18861512319456245</v>
      </c>
      <c r="AQ1233" s="9">
        <v>22249</v>
      </c>
      <c r="AR1233" s="9">
        <v>22429</v>
      </c>
      <c r="AS1233" s="9">
        <v>23463</v>
      </c>
      <c r="AT1233" s="9">
        <v>24795</v>
      </c>
      <c r="AU1233" s="9">
        <v>23839</v>
      </c>
      <c r="AV1233" s="9">
        <v>20591</v>
      </c>
      <c r="AW1233" s="9">
        <v>30602</v>
      </c>
      <c r="AX1233" s="9">
        <v>28047</v>
      </c>
      <c r="AY1233" s="9">
        <v>25529</v>
      </c>
      <c r="AZ1233" s="9">
        <v>32077</v>
      </c>
      <c r="BA1233" s="9">
        <v>28995</v>
      </c>
      <c r="BB1233" s="9">
        <v>26896</v>
      </c>
      <c r="BC1233" s="9">
        <v>26882</v>
      </c>
      <c r="BD1233" s="9">
        <v>30950</v>
      </c>
      <c r="BE1233" s="9">
        <v>35081</v>
      </c>
      <c r="BF1233" s="9">
        <v>36374</v>
      </c>
      <c r="BG1233" s="11">
        <v>2</v>
      </c>
      <c r="BH1233" s="13">
        <v>0.18181818181818182</v>
      </c>
      <c r="BI1233" s="6">
        <v>-2</v>
      </c>
      <c r="BJ1233" s="13">
        <v>-0.18181818181818182</v>
      </c>
      <c r="BK1233" s="6">
        <v>1</v>
      </c>
      <c r="BL1233" s="13">
        <v>0.1111111111111111</v>
      </c>
      <c r="BM1233" s="11">
        <v>3</v>
      </c>
      <c r="BN1233" s="13">
        <v>0.3</v>
      </c>
      <c r="BO1233" s="11">
        <v>4</v>
      </c>
      <c r="BP1233" s="13">
        <v>0.44444444444444442</v>
      </c>
      <c r="BQ1233" s="6">
        <v>11</v>
      </c>
      <c r="BR1233" s="6">
        <v>11</v>
      </c>
      <c r="BS1233" s="6">
        <v>11</v>
      </c>
      <c r="BT1233" s="6">
        <v>9</v>
      </c>
      <c r="BU1233" s="6">
        <v>8</v>
      </c>
      <c r="BV1233" s="6">
        <v>9</v>
      </c>
      <c r="BW1233" s="6">
        <v>10</v>
      </c>
      <c r="BX1233" s="6">
        <v>10</v>
      </c>
      <c r="BY1233" s="6">
        <v>11</v>
      </c>
      <c r="BZ1233" s="6">
        <v>11</v>
      </c>
      <c r="CA1233" s="6">
        <v>12</v>
      </c>
      <c r="CB1233" s="6">
        <v>13</v>
      </c>
      <c r="CC1233" s="11">
        <v>13</v>
      </c>
      <c r="CD1233" s="11">
        <v>-49</v>
      </c>
      <c r="CE1233" s="11">
        <v>16</v>
      </c>
      <c r="CF1233" s="11">
        <v>9</v>
      </c>
      <c r="CG1233" s="11">
        <v>25</v>
      </c>
      <c r="CH1233" s="20">
        <v>0.41</v>
      </c>
      <c r="CI1233" s="20">
        <v>0.43</v>
      </c>
      <c r="CJ1233" s="20">
        <v>0.4</v>
      </c>
      <c r="CK1233" s="20">
        <v>0.4</v>
      </c>
      <c r="CL1233" s="20">
        <v>0.37</v>
      </c>
      <c r="CM1233" s="20">
        <v>0.27</v>
      </c>
      <c r="CN1233" s="20">
        <v>0.16</v>
      </c>
      <c r="CO1233" s="20">
        <v>0.18</v>
      </c>
      <c r="CP1233" s="20">
        <v>0.19</v>
      </c>
      <c r="CQ1233" s="20">
        <v>0.2</v>
      </c>
      <c r="CR1233" s="20">
        <v>0.2</v>
      </c>
      <c r="CS1233" s="20">
        <v>0.16</v>
      </c>
      <c r="CT1233" s="20">
        <v>0.19</v>
      </c>
      <c r="CU1233" s="20">
        <v>0.18</v>
      </c>
      <c r="CV1233" s="20">
        <v>0.2</v>
      </c>
      <c r="CW1233" s="20">
        <v>0.21</v>
      </c>
      <c r="CX1233" s="20">
        <v>0.2</v>
      </c>
      <c r="CY1233" s="6" t="s">
        <v>591</v>
      </c>
      <c r="CZ1233" s="6" t="s">
        <v>592</v>
      </c>
      <c r="DA1233" s="6" t="s">
        <v>99</v>
      </c>
      <c r="DB1233" s="6" t="s">
        <v>345</v>
      </c>
      <c r="DC1233" s="6"/>
      <c r="DD1233" s="6"/>
      <c r="DE1233" s="6"/>
      <c r="DF1233" s="6"/>
      <c r="DG1233" s="6"/>
      <c r="DH1233" s="6" t="s">
        <v>333</v>
      </c>
      <c r="DI1233" s="6"/>
      <c r="DJ1233" s="6"/>
      <c r="DK1233" s="6"/>
      <c r="DL1233" s="6">
        <v>6</v>
      </c>
      <c r="DM1233" s="6" t="s">
        <v>396</v>
      </c>
      <c r="DN1233" s="6">
        <v>6</v>
      </c>
      <c r="DO1233" s="6" t="s">
        <v>393</v>
      </c>
      <c r="DP1233" s="6"/>
      <c r="DQ1233" s="6"/>
    </row>
    <row r="1234" spans="1:121" x14ac:dyDescent="0.2">
      <c r="A1234" s="6" t="s">
        <v>318</v>
      </c>
      <c r="B1234" s="6" t="s">
        <v>318</v>
      </c>
      <c r="C1234" s="6" t="s">
        <v>187</v>
      </c>
      <c r="D1234" s="6" t="s">
        <v>99</v>
      </c>
      <c r="E1234" s="6" t="s">
        <v>240</v>
      </c>
      <c r="F1234" s="11">
        <v>1</v>
      </c>
      <c r="G1234" s="13">
        <v>1</v>
      </c>
      <c r="H1234" s="11">
        <v>0</v>
      </c>
      <c r="I1234" s="13"/>
      <c r="J1234" s="11">
        <v>5</v>
      </c>
      <c r="K1234" s="13"/>
      <c r="L1234" s="11">
        <v>0</v>
      </c>
      <c r="M1234" s="13">
        <v>0</v>
      </c>
      <c r="N1234" s="11">
        <v>5</v>
      </c>
      <c r="O1234" s="13"/>
      <c r="P1234" s="7">
        <v>0</v>
      </c>
      <c r="Q1234" s="7">
        <v>0</v>
      </c>
      <c r="R1234" s="7">
        <v>0</v>
      </c>
      <c r="S1234" s="7">
        <v>0</v>
      </c>
      <c r="T1234" s="7">
        <v>0</v>
      </c>
      <c r="U1234" s="7">
        <v>0</v>
      </c>
      <c r="V1234" s="7">
        <v>0</v>
      </c>
      <c r="W1234" s="7">
        <v>5</v>
      </c>
      <c r="X1234" s="7">
        <v>5</v>
      </c>
      <c r="Y1234" s="7">
        <v>5</v>
      </c>
      <c r="Z1234" s="7">
        <v>5</v>
      </c>
      <c r="AA1234" s="7">
        <v>5</v>
      </c>
      <c r="AB1234" s="7">
        <v>5</v>
      </c>
      <c r="AC1234" s="7">
        <v>5</v>
      </c>
      <c r="AD1234" s="7">
        <v>5</v>
      </c>
      <c r="AE1234" s="7">
        <v>5</v>
      </c>
      <c r="AF1234" s="7">
        <v>5</v>
      </c>
      <c r="AG1234" s="9">
        <v>1</v>
      </c>
      <c r="AH1234" s="13"/>
      <c r="AI1234" s="9">
        <v>0</v>
      </c>
      <c r="AJ1234" s="13"/>
      <c r="AK1234" s="9">
        <v>1</v>
      </c>
      <c r="AL1234" s="13"/>
      <c r="AM1234" s="9">
        <v>0</v>
      </c>
      <c r="AN1234" s="13">
        <v>0</v>
      </c>
      <c r="AO1234" s="9">
        <v>1</v>
      </c>
      <c r="AP1234" s="13"/>
      <c r="AQ1234" s="9">
        <v>0</v>
      </c>
      <c r="AR1234" s="9">
        <v>0</v>
      </c>
      <c r="AS1234" s="9">
        <v>0</v>
      </c>
      <c r="AT1234" s="9">
        <v>0</v>
      </c>
      <c r="AU1234" s="9">
        <v>0</v>
      </c>
      <c r="AV1234" s="9">
        <v>0</v>
      </c>
      <c r="AW1234" s="9">
        <v>0</v>
      </c>
      <c r="AX1234" s="9">
        <v>1</v>
      </c>
      <c r="AY1234" s="9">
        <v>1</v>
      </c>
      <c r="AZ1234" s="9">
        <v>1</v>
      </c>
      <c r="BA1234" s="9">
        <v>1</v>
      </c>
      <c r="BB1234" s="9">
        <v>1</v>
      </c>
      <c r="BC1234" s="9">
        <v>1</v>
      </c>
      <c r="BD1234" s="9">
        <v>1</v>
      </c>
      <c r="BE1234" s="9">
        <v>1</v>
      </c>
      <c r="BF1234" s="9">
        <v>1</v>
      </c>
      <c r="BG1234" s="11">
        <v>1</v>
      </c>
      <c r="BH1234" s="13" t="e">
        <v>#DIV/0!</v>
      </c>
      <c r="BI1234" s="6">
        <v>0</v>
      </c>
      <c r="BJ1234" s="13" t="e">
        <v>#DIV/0!</v>
      </c>
      <c r="BK1234" s="6">
        <v>1</v>
      </c>
      <c r="BL1234" s="13" t="e">
        <v>#DIV/0!</v>
      </c>
      <c r="BM1234" s="11">
        <v>0</v>
      </c>
      <c r="BN1234" s="13">
        <v>0</v>
      </c>
      <c r="BO1234" s="11">
        <v>1</v>
      </c>
      <c r="BP1234" s="13" t="e">
        <v>#DIV/0!</v>
      </c>
      <c r="BQ1234" s="6">
        <v>0</v>
      </c>
      <c r="BR1234" s="6">
        <v>0</v>
      </c>
      <c r="BS1234" s="6">
        <v>0</v>
      </c>
      <c r="BT1234" s="6">
        <v>0</v>
      </c>
      <c r="BU1234" s="6">
        <v>1</v>
      </c>
      <c r="BV1234" s="6">
        <v>1</v>
      </c>
      <c r="BW1234" s="6">
        <v>1</v>
      </c>
      <c r="BX1234" s="6">
        <v>1</v>
      </c>
      <c r="BY1234" s="6">
        <v>1</v>
      </c>
      <c r="BZ1234" s="6">
        <v>1</v>
      </c>
      <c r="CA1234" s="6">
        <v>1</v>
      </c>
      <c r="CB1234" s="6">
        <v>1</v>
      </c>
      <c r="CC1234" s="11">
        <v>1</v>
      </c>
      <c r="CD1234" s="11">
        <v>1.3499300000000001</v>
      </c>
      <c r="CE1234" s="11">
        <v>0.21410799999999999</v>
      </c>
      <c r="CF1234" s="11">
        <v>0.10931200000000001</v>
      </c>
      <c r="CG1234" s="11">
        <v>0</v>
      </c>
      <c r="CH1234" s="20">
        <v>0</v>
      </c>
      <c r="CI1234" s="20">
        <v>0</v>
      </c>
      <c r="CJ1234" s="20">
        <v>0</v>
      </c>
      <c r="CK1234" s="20">
        <v>0</v>
      </c>
      <c r="CL1234" s="20">
        <v>0</v>
      </c>
      <c r="CM1234" s="20">
        <v>0</v>
      </c>
      <c r="CN1234" s="20">
        <v>0</v>
      </c>
      <c r="CO1234" s="20">
        <v>8.3120199999999998E-3</v>
      </c>
      <c r="CP1234" s="20">
        <v>0.15682299999999999</v>
      </c>
      <c r="CQ1234" s="20">
        <v>0.15426899999999999</v>
      </c>
      <c r="CR1234" s="20">
        <v>0.13964299999999999</v>
      </c>
      <c r="CS1234" s="20">
        <v>0.122946</v>
      </c>
      <c r="CT1234" s="20">
        <v>0.121222</v>
      </c>
      <c r="CU1234" s="20">
        <v>8.6968000000000004E-2</v>
      </c>
      <c r="CV1234" s="20">
        <v>5.0711100000000002E-2</v>
      </c>
      <c r="CW1234" s="20">
        <v>3.2417300000000003E-2</v>
      </c>
      <c r="CX1234" s="20">
        <v>2.6735600000000002E-2</v>
      </c>
      <c r="CY1234" s="6" t="s">
        <v>591</v>
      </c>
      <c r="CZ1234" s="6" t="s">
        <v>592</v>
      </c>
      <c r="DA1234" s="6" t="s">
        <v>99</v>
      </c>
      <c r="DB1234" s="6" t="s">
        <v>345</v>
      </c>
      <c r="DC1234" s="6"/>
      <c r="DD1234" s="6"/>
      <c r="DE1234" s="6"/>
      <c r="DF1234" s="6"/>
      <c r="DG1234" s="6"/>
      <c r="DH1234" s="6" t="s">
        <v>333</v>
      </c>
      <c r="DI1234" s="6"/>
      <c r="DJ1234" s="6"/>
      <c r="DK1234" s="6"/>
      <c r="DL1234" s="6">
        <v>6</v>
      </c>
      <c r="DM1234" s="6" t="s">
        <v>396</v>
      </c>
      <c r="DN1234" s="6">
        <v>6</v>
      </c>
      <c r="DO1234" s="6" t="s">
        <v>393</v>
      </c>
      <c r="DP1234" s="6"/>
      <c r="DQ1234" s="6"/>
    </row>
    <row r="1235" spans="1:121" x14ac:dyDescent="0.2">
      <c r="A1235" s="6" t="s">
        <v>319</v>
      </c>
      <c r="B1235" s="6" t="s">
        <v>319</v>
      </c>
      <c r="C1235" s="6" t="s">
        <v>188</v>
      </c>
      <c r="D1235" s="6" t="s">
        <v>99</v>
      </c>
      <c r="E1235" s="6" t="s">
        <v>240</v>
      </c>
      <c r="F1235" s="11">
        <v>-8</v>
      </c>
      <c r="G1235" s="13">
        <v>-0.14814814814800001</v>
      </c>
      <c r="H1235" s="11">
        <v>2.4600651212999978</v>
      </c>
      <c r="I1235" s="13">
        <v>4.5794565162979264E-2</v>
      </c>
      <c r="J1235" s="11">
        <v>16.917045606700007</v>
      </c>
      <c r="K1235" s="13">
        <v>0.30112407264970925</v>
      </c>
      <c r="L1235" s="11">
        <v>-27.036510154700004</v>
      </c>
      <c r="M1235" s="13">
        <v>-0.36987320965678411</v>
      </c>
      <c r="N1235" s="11">
        <v>-10.119464547999996</v>
      </c>
      <c r="O1235" s="13">
        <v>-0.18012686426294536</v>
      </c>
      <c r="P1235" s="7">
        <v>53.7195868668</v>
      </c>
      <c r="Q1235" s="7">
        <v>57.274454330399998</v>
      </c>
      <c r="R1235" s="7">
        <v>59.535293024700003</v>
      </c>
      <c r="S1235" s="7">
        <v>41.006369358500002</v>
      </c>
      <c r="T1235" s="7">
        <v>53.338963943099998</v>
      </c>
      <c r="U1235" s="7">
        <v>56.493196769800001</v>
      </c>
      <c r="V1235" s="7">
        <v>56.179651988099998</v>
      </c>
      <c r="W1235" s="7">
        <v>54.697814004500003</v>
      </c>
      <c r="X1235" s="7">
        <v>78.3571260919</v>
      </c>
      <c r="Y1235" s="7">
        <v>73.096697594800006</v>
      </c>
      <c r="Z1235" s="7">
        <v>61.679647279500003</v>
      </c>
      <c r="AA1235" s="7">
        <v>138.311621487</v>
      </c>
      <c r="AB1235" s="7">
        <v>61.812571182699998</v>
      </c>
      <c r="AC1235" s="7">
        <v>48.872794155900003</v>
      </c>
      <c r="AD1235" s="7">
        <v>48.857675866900003</v>
      </c>
      <c r="AE1235" s="7">
        <v>49.344447150500002</v>
      </c>
      <c r="AF1235" s="7">
        <v>46.060187440100002</v>
      </c>
      <c r="AG1235" s="9">
        <v>-518.39579760000197</v>
      </c>
      <c r="AH1235" s="13">
        <v>-2.3309582520921527E-2</v>
      </c>
      <c r="AI1235" s="9">
        <v>-4252.0792776000017</v>
      </c>
      <c r="AJ1235" s="13">
        <v>-0.19119405146720511</v>
      </c>
      <c r="AK1235" s="9">
        <v>13713.8295029</v>
      </c>
      <c r="AL1235" s="13">
        <v>0.76240797788707537</v>
      </c>
      <c r="AM1235" s="9">
        <v>-9980.1460229000004</v>
      </c>
      <c r="AN1235" s="13">
        <v>-0.31481769289543859</v>
      </c>
      <c r="AO1235" s="9">
        <v>3733.6834799999997</v>
      </c>
      <c r="AP1235" s="13">
        <v>0.20757076434815111</v>
      </c>
      <c r="AQ1235" s="9">
        <v>22239.600264600002</v>
      </c>
      <c r="AR1235" s="9">
        <v>20501.3285053</v>
      </c>
      <c r="AS1235" s="9">
        <v>20517.761021999999</v>
      </c>
      <c r="AT1235" s="9">
        <v>25246.7772783</v>
      </c>
      <c r="AU1235" s="9">
        <v>21977.1230454</v>
      </c>
      <c r="AV1235" s="9">
        <v>19579.588731399999</v>
      </c>
      <c r="AW1235" s="9">
        <v>17987.520987</v>
      </c>
      <c r="AX1235" s="9">
        <v>19103.2254053</v>
      </c>
      <c r="AY1235" s="9">
        <v>29536.7566124</v>
      </c>
      <c r="AZ1235" s="9">
        <v>31701.3504899</v>
      </c>
      <c r="BA1235" s="9">
        <v>19175.220477300001</v>
      </c>
      <c r="BB1235" s="9">
        <v>29024.917942600001</v>
      </c>
      <c r="BC1235" s="9">
        <v>19328.399188200001</v>
      </c>
      <c r="BD1235" s="9">
        <v>21421.7425449</v>
      </c>
      <c r="BE1235" s="9">
        <v>21770.621963500002</v>
      </c>
      <c r="BF1235" s="9">
        <v>21721.204467</v>
      </c>
      <c r="BG1235" s="11">
        <v>2.25</v>
      </c>
      <c r="BH1235" s="13">
        <v>0.22500000000000001</v>
      </c>
      <c r="BI1235" s="6">
        <v>-1</v>
      </c>
      <c r="BJ1235" s="13">
        <v>-0.1</v>
      </c>
      <c r="BK1235" s="6">
        <v>1</v>
      </c>
      <c r="BL1235" s="13">
        <v>0.1111111111111111</v>
      </c>
      <c r="BM1235" s="11">
        <v>2.25</v>
      </c>
      <c r="BN1235" s="13">
        <v>0.22500000000000001</v>
      </c>
      <c r="BO1235" s="11">
        <v>3.25</v>
      </c>
      <c r="BP1235" s="13">
        <v>0.3611111111111111</v>
      </c>
      <c r="BQ1235" s="6">
        <v>10</v>
      </c>
      <c r="BR1235" s="6">
        <v>9</v>
      </c>
      <c r="BS1235" s="6">
        <v>9</v>
      </c>
      <c r="BT1235" s="6">
        <v>9</v>
      </c>
      <c r="BU1235" s="6">
        <v>9</v>
      </c>
      <c r="BV1235" s="6">
        <v>9</v>
      </c>
      <c r="BW1235" s="6">
        <v>10</v>
      </c>
      <c r="BX1235" s="6">
        <v>10</v>
      </c>
      <c r="BY1235" s="6">
        <v>11</v>
      </c>
      <c r="BZ1235" s="6">
        <v>12</v>
      </c>
      <c r="CA1235" s="6">
        <v>11</v>
      </c>
      <c r="CB1235" s="6">
        <v>13</v>
      </c>
      <c r="CC1235" s="11">
        <v>12.25</v>
      </c>
      <c r="CD1235" s="11">
        <v>-18.364899999999999</v>
      </c>
      <c r="CE1235" s="11">
        <v>4.8332899999999999</v>
      </c>
      <c r="CF1235" s="11">
        <v>5.8722000000000003</v>
      </c>
      <c r="CG1235" s="11">
        <v>11</v>
      </c>
      <c r="CH1235" s="20">
        <v>0.254911</v>
      </c>
      <c r="CI1235" s="20">
        <v>0.26235199999999997</v>
      </c>
      <c r="CJ1235" s="20">
        <v>0.26850000000000002</v>
      </c>
      <c r="CK1235" s="20">
        <v>0.172683</v>
      </c>
      <c r="CL1235" s="20">
        <v>0.21679200000000001</v>
      </c>
      <c r="CM1235" s="20">
        <v>0.224966</v>
      </c>
      <c r="CN1235" s="20">
        <v>0.223223</v>
      </c>
      <c r="CO1235" s="20">
        <v>0.22675799999999999</v>
      </c>
      <c r="CP1235" s="20">
        <v>0.355765</v>
      </c>
      <c r="CQ1235" s="20">
        <v>0.31038100000000002</v>
      </c>
      <c r="CR1235" s="20">
        <v>0.25441999999999998</v>
      </c>
      <c r="CS1235" s="20">
        <v>0.54125000000000001</v>
      </c>
      <c r="CT1235" s="20">
        <v>0.232796</v>
      </c>
      <c r="CU1235" s="20">
        <v>0.18404899999999999</v>
      </c>
      <c r="CV1235" s="20">
        <v>0.182335</v>
      </c>
      <c r="CW1235" s="20">
        <v>0.18329200000000001</v>
      </c>
      <c r="CX1235" s="20">
        <v>0.16555600000000001</v>
      </c>
      <c r="CY1235" s="6" t="s">
        <v>591</v>
      </c>
      <c r="CZ1235" s="6" t="s">
        <v>592</v>
      </c>
      <c r="DA1235" s="6" t="s">
        <v>99</v>
      </c>
      <c r="DB1235" s="6" t="s">
        <v>345</v>
      </c>
      <c r="DC1235" s="6"/>
      <c r="DD1235" s="6"/>
      <c r="DE1235" s="6"/>
      <c r="DF1235" s="6"/>
      <c r="DG1235" s="6"/>
      <c r="DH1235" s="6" t="s">
        <v>333</v>
      </c>
      <c r="DI1235" s="6"/>
      <c r="DJ1235" s="6"/>
      <c r="DK1235" s="6"/>
      <c r="DL1235" s="6">
        <v>6</v>
      </c>
      <c r="DM1235" s="6" t="s">
        <v>396</v>
      </c>
      <c r="DN1235" s="6">
        <v>6</v>
      </c>
      <c r="DO1235" s="6" t="s">
        <v>393</v>
      </c>
      <c r="DP1235" s="6"/>
      <c r="DQ1235" s="6"/>
    </row>
    <row r="1236" spans="1:121" x14ac:dyDescent="0.2">
      <c r="A1236" s="6" t="s">
        <v>320</v>
      </c>
      <c r="B1236" s="6" t="s">
        <v>320</v>
      </c>
      <c r="C1236" s="6" t="s">
        <v>189</v>
      </c>
      <c r="D1236" s="6" t="s">
        <v>99</v>
      </c>
      <c r="E1236" s="6" t="s">
        <v>240</v>
      </c>
      <c r="F1236" s="11">
        <v>1</v>
      </c>
      <c r="G1236" s="13">
        <v>1</v>
      </c>
      <c r="H1236" s="11">
        <v>0</v>
      </c>
      <c r="I1236" s="13">
        <v>0</v>
      </c>
      <c r="J1236" s="11">
        <v>-5</v>
      </c>
      <c r="K1236" s="13">
        <v>-1</v>
      </c>
      <c r="L1236" s="11">
        <v>0</v>
      </c>
      <c r="M1236" s="13"/>
      <c r="N1236" s="11">
        <v>-5</v>
      </c>
      <c r="O1236" s="13">
        <v>-1</v>
      </c>
      <c r="P1236" s="7">
        <v>5</v>
      </c>
      <c r="Q1236" s="7">
        <v>5</v>
      </c>
      <c r="R1236" s="7">
        <v>5</v>
      </c>
      <c r="S1236" s="7">
        <v>0</v>
      </c>
      <c r="T1236" s="7">
        <v>5</v>
      </c>
      <c r="U1236" s="7">
        <v>5</v>
      </c>
      <c r="V1236" s="7">
        <v>5</v>
      </c>
      <c r="W1236" s="7">
        <v>0</v>
      </c>
      <c r="X1236" s="7">
        <v>0</v>
      </c>
      <c r="Y1236" s="7">
        <v>0</v>
      </c>
      <c r="Z1236" s="7">
        <v>5</v>
      </c>
      <c r="AA1236" s="7">
        <v>0</v>
      </c>
      <c r="AB1236" s="7">
        <v>0</v>
      </c>
      <c r="AC1236" s="7">
        <v>0</v>
      </c>
      <c r="AD1236" s="7">
        <v>0</v>
      </c>
      <c r="AE1236" s="7">
        <v>0</v>
      </c>
      <c r="AF1236" s="7">
        <v>0</v>
      </c>
      <c r="AG1236" s="9">
        <v>-1</v>
      </c>
      <c r="AH1236" s="13">
        <v>-1</v>
      </c>
      <c r="AI1236" s="9">
        <v>0</v>
      </c>
      <c r="AJ1236" s="13">
        <v>0</v>
      </c>
      <c r="AK1236" s="9">
        <v>-1</v>
      </c>
      <c r="AL1236" s="13">
        <v>-1</v>
      </c>
      <c r="AM1236" s="9">
        <v>0</v>
      </c>
      <c r="AN1236" s="13"/>
      <c r="AO1236" s="9">
        <v>-1</v>
      </c>
      <c r="AP1236" s="13">
        <v>-1</v>
      </c>
      <c r="AQ1236" s="9">
        <v>1</v>
      </c>
      <c r="AR1236" s="9">
        <v>1</v>
      </c>
      <c r="AS1236" s="9">
        <v>1</v>
      </c>
      <c r="AT1236" s="9">
        <v>0</v>
      </c>
      <c r="AU1236" s="9">
        <v>1</v>
      </c>
      <c r="AV1236" s="9">
        <v>1</v>
      </c>
      <c r="AW1236" s="9">
        <v>1</v>
      </c>
      <c r="AX1236" s="9">
        <v>0</v>
      </c>
      <c r="AY1236" s="9">
        <v>0</v>
      </c>
      <c r="AZ1236" s="9">
        <v>0</v>
      </c>
      <c r="BA1236" s="9">
        <v>1</v>
      </c>
      <c r="BB1236" s="9">
        <v>0</v>
      </c>
      <c r="BC1236" s="9">
        <v>0</v>
      </c>
      <c r="BD1236" s="9">
        <v>0</v>
      </c>
      <c r="BE1236" s="9">
        <v>0</v>
      </c>
      <c r="BF1236" s="9">
        <v>0</v>
      </c>
      <c r="BG1236" s="11">
        <v>0</v>
      </c>
      <c r="BH1236" s="13" t="e">
        <v>#DIV/0!</v>
      </c>
      <c r="BI1236" s="6">
        <v>0</v>
      </c>
      <c r="BJ1236" s="13" t="e">
        <v>#DIV/0!</v>
      </c>
      <c r="BK1236" s="6">
        <v>0</v>
      </c>
      <c r="BL1236" s="13" t="e">
        <v>#DIV/0!</v>
      </c>
      <c r="BM1236" s="11">
        <v>0</v>
      </c>
      <c r="BN1236" s="13" t="e">
        <v>#DIV/0!</v>
      </c>
      <c r="BO1236" s="11">
        <v>0</v>
      </c>
      <c r="BP1236" s="13" t="e">
        <v>#DIV/0!</v>
      </c>
      <c r="BQ1236" s="6">
        <v>0</v>
      </c>
      <c r="BR1236" s="6">
        <v>0</v>
      </c>
      <c r="BS1236" s="6">
        <v>0</v>
      </c>
      <c r="BT1236" s="6">
        <v>0</v>
      </c>
      <c r="BU1236" s="6">
        <v>0</v>
      </c>
      <c r="BV1236" s="6">
        <v>0</v>
      </c>
      <c r="BW1236" s="6">
        <v>0</v>
      </c>
      <c r="BX1236" s="6">
        <v>0</v>
      </c>
      <c r="BY1236" s="6">
        <v>0</v>
      </c>
      <c r="BZ1236" s="6">
        <v>0</v>
      </c>
      <c r="CA1236" s="6">
        <v>0</v>
      </c>
      <c r="CB1236" s="6">
        <v>0</v>
      </c>
      <c r="CC1236" s="11">
        <v>0</v>
      </c>
      <c r="CD1236" s="11">
        <v>-1.70834</v>
      </c>
      <c r="CE1236" s="11">
        <v>0.42041099999999998</v>
      </c>
      <c r="CF1236" s="11">
        <v>0.126913</v>
      </c>
      <c r="CG1236" s="11">
        <v>0</v>
      </c>
      <c r="CH1236" s="20">
        <v>1.6513300000000002E-2</v>
      </c>
      <c r="CI1236" s="20">
        <v>7.7083899999999997E-2</v>
      </c>
      <c r="CJ1236" s="20">
        <v>8.1050499999999998E-2</v>
      </c>
      <c r="CK1236" s="20">
        <v>0</v>
      </c>
      <c r="CL1236" s="20">
        <v>1.7123599999999999E-2</v>
      </c>
      <c r="CM1236" s="20">
        <v>1.40048E-2</v>
      </c>
      <c r="CN1236" s="20">
        <v>1.4061799999999999E-2</v>
      </c>
      <c r="CO1236" s="20">
        <v>0</v>
      </c>
      <c r="CP1236" s="20">
        <v>0</v>
      </c>
      <c r="CQ1236" s="20">
        <v>0</v>
      </c>
      <c r="CR1236" s="20">
        <v>1.09523E-2</v>
      </c>
      <c r="CS1236" s="20">
        <v>0</v>
      </c>
      <c r="CT1236" s="20">
        <v>0</v>
      </c>
      <c r="CU1236" s="20">
        <v>0</v>
      </c>
      <c r="CV1236" s="20">
        <v>0</v>
      </c>
      <c r="CW1236" s="20">
        <v>0</v>
      </c>
      <c r="CX1236" s="20">
        <v>0</v>
      </c>
      <c r="CY1236" s="6" t="s">
        <v>591</v>
      </c>
      <c r="CZ1236" s="6" t="s">
        <v>592</v>
      </c>
      <c r="DA1236" s="6" t="s">
        <v>99</v>
      </c>
      <c r="DB1236" s="6" t="s">
        <v>345</v>
      </c>
      <c r="DC1236" s="6"/>
      <c r="DD1236" s="6"/>
      <c r="DE1236" s="6"/>
      <c r="DF1236" s="6"/>
      <c r="DG1236" s="6"/>
      <c r="DH1236" s="6" t="s">
        <v>333</v>
      </c>
      <c r="DI1236" s="6"/>
      <c r="DJ1236" s="6"/>
      <c r="DK1236" s="6"/>
      <c r="DL1236" s="6">
        <v>6</v>
      </c>
      <c r="DM1236" s="6" t="s">
        <v>396</v>
      </c>
      <c r="DN1236" s="6">
        <v>6</v>
      </c>
      <c r="DO1236" s="6" t="s">
        <v>393</v>
      </c>
      <c r="DP1236" s="6"/>
      <c r="DQ1236" s="6"/>
    </row>
    <row r="1237" spans="1:121" x14ac:dyDescent="0.2">
      <c r="A1237" s="6" t="s">
        <v>321</v>
      </c>
      <c r="B1237" s="6" t="s">
        <v>321</v>
      </c>
      <c r="C1237" s="6" t="s">
        <v>190</v>
      </c>
      <c r="D1237" s="6" t="s">
        <v>99</v>
      </c>
      <c r="E1237" s="6" t="s">
        <v>240</v>
      </c>
      <c r="F1237" s="11">
        <v>304</v>
      </c>
      <c r="G1237" s="13">
        <v>1.05555555556</v>
      </c>
      <c r="H1237" s="11">
        <v>171.98572362899995</v>
      </c>
      <c r="I1237" s="13">
        <v>0.59743870136736266</v>
      </c>
      <c r="J1237" s="11">
        <v>103.26701222900004</v>
      </c>
      <c r="K1237" s="13">
        <v>0.22456308415314644</v>
      </c>
      <c r="L1237" s="11">
        <v>28.96263495300002</v>
      </c>
      <c r="M1237" s="13">
        <v>5.1432029246893746E-2</v>
      </c>
      <c r="N1237" s="11">
        <v>132.22964718200006</v>
      </c>
      <c r="O1237" s="13">
        <v>0.28754484851197748</v>
      </c>
      <c r="P1237" s="7">
        <v>287.87174857500003</v>
      </c>
      <c r="Q1237" s="7">
        <v>308.663716701</v>
      </c>
      <c r="R1237" s="7">
        <v>348.23582416400001</v>
      </c>
      <c r="S1237" s="7">
        <v>355.64319695699999</v>
      </c>
      <c r="T1237" s="7">
        <v>363.58145180299999</v>
      </c>
      <c r="U1237" s="7">
        <v>439.86726265099998</v>
      </c>
      <c r="V1237" s="7">
        <v>459.85747220399998</v>
      </c>
      <c r="W1237" s="7">
        <v>513.309317577</v>
      </c>
      <c r="X1237" s="7">
        <v>527.67923488300005</v>
      </c>
      <c r="Y1237" s="7">
        <v>563.12448443300002</v>
      </c>
      <c r="Z1237" s="7">
        <v>568.13686465499995</v>
      </c>
      <c r="AA1237" s="7">
        <v>638.54254103200003</v>
      </c>
      <c r="AB1237" s="7">
        <v>625.531945318</v>
      </c>
      <c r="AC1237" s="7">
        <v>582.71959728499996</v>
      </c>
      <c r="AD1237" s="7">
        <v>586.12635744600004</v>
      </c>
      <c r="AE1237" s="7">
        <v>576.49833837999995</v>
      </c>
      <c r="AF1237" s="7">
        <v>592.08711938600004</v>
      </c>
      <c r="AG1237" s="9">
        <v>6414.4755033000001</v>
      </c>
      <c r="AH1237" s="13">
        <v>0.35516568412212779</v>
      </c>
      <c r="AI1237" s="9">
        <v>210.6605372999984</v>
      </c>
      <c r="AJ1237" s="13">
        <v>1.1664148348403118E-2</v>
      </c>
      <c r="AK1237" s="9">
        <v>3052.4543532999996</v>
      </c>
      <c r="AL1237" s="13">
        <v>0.16706391924304131</v>
      </c>
      <c r="AM1237" s="9">
        <v>3151.3606127000021</v>
      </c>
      <c r="AN1237" s="13">
        <v>0.14778724299460444</v>
      </c>
      <c r="AO1237" s="9">
        <v>6203.8149660000017</v>
      </c>
      <c r="AP1237" s="13">
        <v>0.33954107826644808</v>
      </c>
      <c r="AQ1237" s="9">
        <v>18060.5159509</v>
      </c>
      <c r="AR1237" s="9">
        <v>18433.3859084</v>
      </c>
      <c r="AS1237" s="9">
        <v>14465.438661599999</v>
      </c>
      <c r="AT1237" s="9">
        <v>16373.0496865</v>
      </c>
      <c r="AU1237" s="9">
        <v>17036.163777199999</v>
      </c>
      <c r="AV1237" s="9">
        <v>17462.863232399999</v>
      </c>
      <c r="AW1237" s="9">
        <v>18271.176488199999</v>
      </c>
      <c r="AX1237" s="9">
        <v>18168.594802299998</v>
      </c>
      <c r="AY1237" s="9">
        <v>18992.3583201</v>
      </c>
      <c r="AZ1237" s="9">
        <v>21323.630841499998</v>
      </c>
      <c r="BA1237" s="9">
        <v>20967.275882099999</v>
      </c>
      <c r="BB1237" s="9">
        <v>20405.671617100001</v>
      </c>
      <c r="BC1237" s="9">
        <v>19581.877748399998</v>
      </c>
      <c r="BD1237" s="9">
        <v>21865.2175675</v>
      </c>
      <c r="BE1237" s="9">
        <v>22427.523886300001</v>
      </c>
      <c r="BF1237" s="9">
        <v>24474.991454200001</v>
      </c>
      <c r="BG1237" s="11">
        <v>115.25</v>
      </c>
      <c r="BH1237" s="13">
        <v>6.4027777777777777</v>
      </c>
      <c r="BI1237" s="6">
        <v>1</v>
      </c>
      <c r="BJ1237" s="13">
        <v>5.5555555555555552E-2</v>
      </c>
      <c r="BK1237" s="6">
        <v>0</v>
      </c>
      <c r="BL1237" s="13">
        <v>0</v>
      </c>
      <c r="BM1237" s="11">
        <v>114.25</v>
      </c>
      <c r="BN1237" s="13">
        <v>6.0131578947368425</v>
      </c>
      <c r="BO1237" s="11">
        <v>114.25</v>
      </c>
      <c r="BP1237" s="13">
        <v>6.0131578947368425</v>
      </c>
      <c r="BQ1237" s="6">
        <v>18</v>
      </c>
      <c r="BR1237" s="6">
        <v>18</v>
      </c>
      <c r="BS1237" s="6">
        <v>20</v>
      </c>
      <c r="BT1237" s="6">
        <v>19</v>
      </c>
      <c r="BU1237" s="6">
        <v>20</v>
      </c>
      <c r="BV1237" s="6">
        <v>21</v>
      </c>
      <c r="BW1237" s="6">
        <v>19</v>
      </c>
      <c r="BX1237" s="6">
        <v>20</v>
      </c>
      <c r="BY1237" s="6">
        <v>24</v>
      </c>
      <c r="BZ1237" s="6">
        <v>129</v>
      </c>
      <c r="CA1237" s="6">
        <v>136</v>
      </c>
      <c r="CB1237" s="6">
        <v>141</v>
      </c>
      <c r="CC1237" s="11">
        <v>133.25</v>
      </c>
      <c r="CD1237" s="11">
        <v>167.91399999999999</v>
      </c>
      <c r="CE1237" s="11">
        <v>104.833</v>
      </c>
      <c r="CF1237" s="11">
        <v>31.4678</v>
      </c>
      <c r="CG1237" s="11">
        <v>136</v>
      </c>
      <c r="CH1237" s="20">
        <v>0.82904599999999995</v>
      </c>
      <c r="CI1237" s="20">
        <v>0.82597100000000001</v>
      </c>
      <c r="CJ1237" s="20">
        <v>0.88945799999999997</v>
      </c>
      <c r="CK1237" s="20">
        <v>0.85867499999999997</v>
      </c>
      <c r="CL1237" s="20">
        <v>0.85685800000000001</v>
      </c>
      <c r="CM1237" s="20">
        <v>1.0174099999999999</v>
      </c>
      <c r="CN1237" s="20">
        <v>1.04244</v>
      </c>
      <c r="CO1237" s="20">
        <v>1.1321699999999999</v>
      </c>
      <c r="CP1237" s="20">
        <v>1.13714</v>
      </c>
      <c r="CQ1237" s="20">
        <v>1.1506099999999999</v>
      </c>
      <c r="CR1237" s="20">
        <v>1.15622</v>
      </c>
      <c r="CS1237" s="20">
        <v>1.2242500000000001</v>
      </c>
      <c r="CT1237" s="20">
        <v>1.1631499999999999</v>
      </c>
      <c r="CU1237" s="20">
        <v>1.0986899999999999</v>
      </c>
      <c r="CV1237" s="20">
        <v>1.09596</v>
      </c>
      <c r="CW1237" s="20">
        <v>1.0678700000000001</v>
      </c>
      <c r="CX1237" s="20">
        <v>1.05125</v>
      </c>
      <c r="CY1237" s="6" t="s">
        <v>591</v>
      </c>
      <c r="CZ1237" s="6" t="s">
        <v>592</v>
      </c>
      <c r="DA1237" s="6" t="s">
        <v>99</v>
      </c>
      <c r="DB1237" s="6" t="s">
        <v>345</v>
      </c>
      <c r="DC1237" s="6"/>
      <c r="DD1237" s="6"/>
      <c r="DE1237" s="6"/>
      <c r="DF1237" s="6"/>
      <c r="DG1237" s="6"/>
      <c r="DH1237" s="6" t="s">
        <v>333</v>
      </c>
      <c r="DI1237" s="6"/>
      <c r="DJ1237" s="6"/>
      <c r="DK1237" s="6"/>
      <c r="DL1237" s="6">
        <v>6</v>
      </c>
      <c r="DM1237" s="6" t="s">
        <v>396</v>
      </c>
      <c r="DN1237" s="6">
        <v>6</v>
      </c>
      <c r="DO1237" s="6" t="s">
        <v>393</v>
      </c>
      <c r="DP1237" s="6"/>
      <c r="DQ1237" s="6"/>
    </row>
    <row r="1238" spans="1:121" x14ac:dyDescent="0.2">
      <c r="A1238" s="6" t="s">
        <v>322</v>
      </c>
      <c r="B1238" s="6" t="s">
        <v>322</v>
      </c>
      <c r="C1238" s="6" t="s">
        <v>191</v>
      </c>
      <c r="D1238" s="6" t="s">
        <v>99</v>
      </c>
      <c r="E1238" s="6" t="s">
        <v>240</v>
      </c>
      <c r="F1238" s="11">
        <v>-1</v>
      </c>
      <c r="G1238" s="13">
        <v>-0.08</v>
      </c>
      <c r="H1238" s="11">
        <v>-7</v>
      </c>
      <c r="I1238" s="13">
        <v>-0.58333333333333337</v>
      </c>
      <c r="J1238" s="11">
        <v>12</v>
      </c>
      <c r="K1238" s="13">
        <v>2.4</v>
      </c>
      <c r="L1238" s="11">
        <v>-6</v>
      </c>
      <c r="M1238" s="13">
        <v>-0.35294117647058826</v>
      </c>
      <c r="N1238" s="11">
        <v>6</v>
      </c>
      <c r="O1238" s="13">
        <v>1.2</v>
      </c>
      <c r="P1238" s="7">
        <v>12</v>
      </c>
      <c r="Q1238" s="7">
        <v>15</v>
      </c>
      <c r="R1238" s="7">
        <v>14</v>
      </c>
      <c r="S1238" s="7">
        <v>14</v>
      </c>
      <c r="T1238" s="7">
        <v>10</v>
      </c>
      <c r="U1238" s="7">
        <v>10</v>
      </c>
      <c r="V1238" s="7">
        <v>5</v>
      </c>
      <c r="W1238" s="7">
        <v>11</v>
      </c>
      <c r="X1238" s="7">
        <v>17</v>
      </c>
      <c r="Y1238" s="7">
        <v>17</v>
      </c>
      <c r="Z1238" s="7">
        <v>13</v>
      </c>
      <c r="AA1238" s="7">
        <v>15</v>
      </c>
      <c r="AB1238" s="7">
        <v>12</v>
      </c>
      <c r="AC1238" s="7">
        <v>13</v>
      </c>
      <c r="AD1238" s="7">
        <v>13</v>
      </c>
      <c r="AE1238" s="7">
        <v>11</v>
      </c>
      <c r="AF1238" s="7">
        <v>11</v>
      </c>
      <c r="AG1238" s="9">
        <v>3468</v>
      </c>
      <c r="AH1238" s="13">
        <v>0.2968669748330765</v>
      </c>
      <c r="AI1238" s="9">
        <v>-11681</v>
      </c>
      <c r="AJ1238" s="13">
        <v>-0.99991439821948291</v>
      </c>
      <c r="AK1238" s="9">
        <v>20255</v>
      </c>
      <c r="AL1238" s="13">
        <v>20255</v>
      </c>
      <c r="AM1238" s="9">
        <v>-5106</v>
      </c>
      <c r="AN1238" s="13">
        <v>-0.25207345971563982</v>
      </c>
      <c r="AO1238" s="9">
        <v>15149</v>
      </c>
      <c r="AP1238" s="13">
        <v>15149</v>
      </c>
      <c r="AQ1238" s="9">
        <v>11682</v>
      </c>
      <c r="AR1238" s="9">
        <v>14449</v>
      </c>
      <c r="AS1238" s="9">
        <v>12843</v>
      </c>
      <c r="AT1238" s="9">
        <v>14107</v>
      </c>
      <c r="AU1238" s="9">
        <v>15425</v>
      </c>
      <c r="AV1238" s="9">
        <v>13103</v>
      </c>
      <c r="AW1238" s="9">
        <v>1</v>
      </c>
      <c r="AX1238" s="9">
        <v>10951</v>
      </c>
      <c r="AY1238" s="9">
        <v>11942</v>
      </c>
      <c r="AZ1238" s="9">
        <v>20256</v>
      </c>
      <c r="BA1238" s="9">
        <v>12418</v>
      </c>
      <c r="BB1238" s="9">
        <v>11175</v>
      </c>
      <c r="BC1238" s="9">
        <v>11380</v>
      </c>
      <c r="BD1238" s="9">
        <v>13667</v>
      </c>
      <c r="BE1238" s="9">
        <v>13356</v>
      </c>
      <c r="BF1238" s="9">
        <v>15150</v>
      </c>
      <c r="BG1238" s="11">
        <v>0</v>
      </c>
      <c r="BH1238" s="13">
        <v>0</v>
      </c>
      <c r="BI1238" s="6">
        <v>-1</v>
      </c>
      <c r="BJ1238" s="13">
        <v>-0.33333333333333331</v>
      </c>
      <c r="BK1238" s="6">
        <v>1</v>
      </c>
      <c r="BL1238" s="13">
        <v>0.5</v>
      </c>
      <c r="BM1238" s="11">
        <v>0</v>
      </c>
      <c r="BN1238" s="13">
        <v>0</v>
      </c>
      <c r="BO1238" s="11">
        <v>1</v>
      </c>
      <c r="BP1238" s="13">
        <v>0.5</v>
      </c>
      <c r="BQ1238" s="6">
        <v>3</v>
      </c>
      <c r="BR1238" s="6">
        <v>3</v>
      </c>
      <c r="BS1238" s="6">
        <v>3</v>
      </c>
      <c r="BT1238" s="6">
        <v>2</v>
      </c>
      <c r="BU1238" s="6">
        <v>2</v>
      </c>
      <c r="BV1238" s="6">
        <v>3</v>
      </c>
      <c r="BW1238" s="6">
        <v>3</v>
      </c>
      <c r="BX1238" s="6">
        <v>3</v>
      </c>
      <c r="BY1238" s="6">
        <v>3</v>
      </c>
      <c r="BZ1238" s="6">
        <v>4</v>
      </c>
      <c r="CA1238" s="6">
        <v>4</v>
      </c>
      <c r="CB1238" s="6">
        <v>3</v>
      </c>
      <c r="CC1238" s="11">
        <v>3</v>
      </c>
      <c r="CD1238" s="11">
        <v>-4</v>
      </c>
      <c r="CE1238" s="11">
        <v>2</v>
      </c>
      <c r="CF1238" s="11">
        <v>1</v>
      </c>
      <c r="CG1238" s="11">
        <v>3</v>
      </c>
      <c r="CH1238" s="20">
        <v>0.23</v>
      </c>
      <c r="CI1238" s="20">
        <v>0.26</v>
      </c>
      <c r="CJ1238" s="20">
        <v>0.23</v>
      </c>
      <c r="CK1238" s="20">
        <v>0.23</v>
      </c>
      <c r="CL1238" s="20">
        <v>0.16</v>
      </c>
      <c r="CM1238" s="20">
        <v>0.16</v>
      </c>
      <c r="CN1238" s="20">
        <v>0.14000000000000001</v>
      </c>
      <c r="CO1238" s="20">
        <v>0.18</v>
      </c>
      <c r="CP1238" s="20">
        <v>0.26</v>
      </c>
      <c r="CQ1238" s="20">
        <v>0.26</v>
      </c>
      <c r="CR1238" s="20">
        <v>0.2</v>
      </c>
      <c r="CS1238" s="20">
        <v>0.21</v>
      </c>
      <c r="CT1238" s="20">
        <v>0.18</v>
      </c>
      <c r="CU1238" s="20">
        <v>0.18</v>
      </c>
      <c r="CV1238" s="20">
        <v>0.17</v>
      </c>
      <c r="CW1238" s="20">
        <v>0.15</v>
      </c>
      <c r="CX1238" s="20">
        <v>0.15</v>
      </c>
      <c r="CY1238" s="6" t="s">
        <v>591</v>
      </c>
      <c r="CZ1238" s="6" t="s">
        <v>592</v>
      </c>
      <c r="DA1238" s="6" t="s">
        <v>99</v>
      </c>
      <c r="DB1238" s="6" t="s">
        <v>345</v>
      </c>
      <c r="DC1238" s="6"/>
      <c r="DD1238" s="6"/>
      <c r="DE1238" s="6"/>
      <c r="DF1238" s="6"/>
      <c r="DG1238" s="6"/>
      <c r="DH1238" s="6" t="s">
        <v>333</v>
      </c>
      <c r="DI1238" s="6"/>
      <c r="DJ1238" s="6"/>
      <c r="DK1238" s="6"/>
      <c r="DL1238" s="6">
        <v>6</v>
      </c>
      <c r="DM1238" s="6" t="s">
        <v>396</v>
      </c>
      <c r="DN1238" s="6">
        <v>6</v>
      </c>
      <c r="DO1238" s="6" t="s">
        <v>393</v>
      </c>
      <c r="DP1238" s="6"/>
      <c r="DQ1238" s="6"/>
    </row>
    <row r="1239" spans="1:121" x14ac:dyDescent="0.2">
      <c r="A1239" s="6" t="s">
        <v>323</v>
      </c>
      <c r="B1239" s="6" t="s">
        <v>323</v>
      </c>
      <c r="C1239" s="6" t="s">
        <v>192</v>
      </c>
      <c r="D1239" s="6" t="s">
        <v>99</v>
      </c>
      <c r="E1239" s="6" t="s">
        <v>240</v>
      </c>
      <c r="F1239" s="11">
        <v>101</v>
      </c>
      <c r="G1239" s="13">
        <v>0.51269035532999996</v>
      </c>
      <c r="H1239" s="11">
        <v>55.707944476000023</v>
      </c>
      <c r="I1239" s="13">
        <v>0.28305706865279007</v>
      </c>
      <c r="J1239" s="11">
        <v>0.75938947899999221</v>
      </c>
      <c r="K1239" s="13">
        <v>3.0072911275167225E-3</v>
      </c>
      <c r="L1239" s="11">
        <v>44.986965661999989</v>
      </c>
      <c r="M1239" s="13">
        <v>0.17762067181579513</v>
      </c>
      <c r="N1239" s="11">
        <v>45.746355140999981</v>
      </c>
      <c r="O1239" s="13">
        <v>0.18116212001372703</v>
      </c>
      <c r="P1239" s="7">
        <v>196.80817278699999</v>
      </c>
      <c r="Q1239" s="7">
        <v>224.73357756600001</v>
      </c>
      <c r="R1239" s="7">
        <v>244.55646985999999</v>
      </c>
      <c r="S1239" s="7">
        <v>264.999436194</v>
      </c>
      <c r="T1239" s="7">
        <v>284.84279696900001</v>
      </c>
      <c r="U1239" s="7">
        <v>246.61074849799999</v>
      </c>
      <c r="V1239" s="7">
        <v>252.51611726300001</v>
      </c>
      <c r="W1239" s="7">
        <v>243.84544602400001</v>
      </c>
      <c r="X1239" s="7">
        <v>229.09927848800001</v>
      </c>
      <c r="Y1239" s="7">
        <v>253.275506742</v>
      </c>
      <c r="Z1239" s="7">
        <v>199.06880527999999</v>
      </c>
      <c r="AA1239" s="7">
        <v>210.44380337000001</v>
      </c>
      <c r="AB1239" s="7">
        <v>240.890921045</v>
      </c>
      <c r="AC1239" s="7">
        <v>272.31652566399998</v>
      </c>
      <c r="AD1239" s="7">
        <v>295.53163177599998</v>
      </c>
      <c r="AE1239" s="7">
        <v>287.76690633999999</v>
      </c>
      <c r="AF1239" s="7">
        <v>298.26247240399999</v>
      </c>
      <c r="AG1239" s="9">
        <v>3156.8765413599995</v>
      </c>
      <c r="AH1239" s="13">
        <v>0.35734606001922231</v>
      </c>
      <c r="AI1239" s="9">
        <v>667.14971537999918</v>
      </c>
      <c r="AJ1239" s="13">
        <v>7.5518734771706605E-2</v>
      </c>
      <c r="AK1239" s="9">
        <v>2196.7166793800006</v>
      </c>
      <c r="AL1239" s="13">
        <v>0.23119980734784648</v>
      </c>
      <c r="AM1239" s="9">
        <v>293.01014659999964</v>
      </c>
      <c r="AN1239" s="13">
        <v>2.5047682011905503E-2</v>
      </c>
      <c r="AO1239" s="9">
        <v>2489.7268259800003</v>
      </c>
      <c r="AP1239" s="13">
        <v>0.26203850861541467</v>
      </c>
      <c r="AQ1239" s="9">
        <v>8834.2279223400001</v>
      </c>
      <c r="AR1239" s="9">
        <v>8421.9156555900008</v>
      </c>
      <c r="AS1239" s="9">
        <v>8575.34854567</v>
      </c>
      <c r="AT1239" s="9">
        <v>8796.8818963899994</v>
      </c>
      <c r="AU1239" s="9">
        <v>9356.2588639900005</v>
      </c>
      <c r="AV1239" s="9">
        <v>9597.3111096600005</v>
      </c>
      <c r="AW1239" s="9">
        <v>9501.3776377199993</v>
      </c>
      <c r="AX1239" s="9">
        <v>9007.4222734300001</v>
      </c>
      <c r="AY1239" s="9">
        <v>10165.7139142</v>
      </c>
      <c r="AZ1239" s="9">
        <v>11698.0943171</v>
      </c>
      <c r="BA1239" s="9">
        <v>11433.555766900001</v>
      </c>
      <c r="BB1239" s="9">
        <v>11313.317971500001</v>
      </c>
      <c r="BC1239" s="9">
        <v>11931.489468</v>
      </c>
      <c r="BD1239" s="9">
        <v>12479.9879884</v>
      </c>
      <c r="BE1239" s="9">
        <v>12141.021500499999</v>
      </c>
      <c r="BF1239" s="9">
        <v>11991.1044637</v>
      </c>
      <c r="BG1239" s="11">
        <v>6.25</v>
      </c>
      <c r="BH1239" s="13">
        <v>0.390625</v>
      </c>
      <c r="BI1239" s="6">
        <v>1</v>
      </c>
      <c r="BJ1239" s="13">
        <v>6.25E-2</v>
      </c>
      <c r="BK1239" s="6">
        <v>6</v>
      </c>
      <c r="BL1239" s="13">
        <v>0.35294117647058826</v>
      </c>
      <c r="BM1239" s="11">
        <v>-0.75</v>
      </c>
      <c r="BN1239" s="13">
        <v>-3.2608695652173912E-2</v>
      </c>
      <c r="BO1239" s="11">
        <v>5.25</v>
      </c>
      <c r="BP1239" s="13">
        <v>0.30882352941176472</v>
      </c>
      <c r="BQ1239" s="6">
        <v>16</v>
      </c>
      <c r="BR1239" s="6">
        <v>18</v>
      </c>
      <c r="BS1239" s="6">
        <v>17</v>
      </c>
      <c r="BT1239" s="6">
        <v>17</v>
      </c>
      <c r="BU1239" s="6">
        <v>16</v>
      </c>
      <c r="BV1239" s="6">
        <v>16</v>
      </c>
      <c r="BW1239" s="6">
        <v>23</v>
      </c>
      <c r="BX1239" s="6">
        <v>21</v>
      </c>
      <c r="BY1239" s="6">
        <v>21</v>
      </c>
      <c r="BZ1239" s="6">
        <v>22</v>
      </c>
      <c r="CA1239" s="6">
        <v>21</v>
      </c>
      <c r="CB1239" s="6">
        <v>21</v>
      </c>
      <c r="CC1239" s="11">
        <v>22.25</v>
      </c>
      <c r="CD1239" s="11">
        <v>35.185499999999998</v>
      </c>
      <c r="CE1239" s="11">
        <v>44.755299999999998</v>
      </c>
      <c r="CF1239" s="11">
        <v>21.513500000000001</v>
      </c>
      <c r="CG1239" s="11">
        <v>67</v>
      </c>
      <c r="CH1239" s="20">
        <v>0.76374299999999995</v>
      </c>
      <c r="CI1239" s="20">
        <v>0.830955</v>
      </c>
      <c r="CJ1239" s="20">
        <v>0.87366600000000005</v>
      </c>
      <c r="CK1239" s="20">
        <v>0.89022500000000004</v>
      </c>
      <c r="CL1239" s="20">
        <v>0.933311</v>
      </c>
      <c r="CM1239" s="20">
        <v>0.79618999999999995</v>
      </c>
      <c r="CN1239" s="20">
        <v>0.803477</v>
      </c>
      <c r="CO1239" s="20">
        <v>0.77221399999999996</v>
      </c>
      <c r="CP1239" s="20">
        <v>0.74399199999999999</v>
      </c>
      <c r="CQ1239" s="20">
        <v>0.79006900000000002</v>
      </c>
      <c r="CR1239" s="20">
        <v>0.61172700000000002</v>
      </c>
      <c r="CS1239" s="20">
        <v>0.61300600000000005</v>
      </c>
      <c r="CT1239" s="20">
        <v>0.67328100000000002</v>
      </c>
      <c r="CU1239" s="20">
        <v>0.76363000000000003</v>
      </c>
      <c r="CV1239" s="20">
        <v>0.81399600000000005</v>
      </c>
      <c r="CW1239" s="20">
        <v>0.78334000000000004</v>
      </c>
      <c r="CX1239" s="20">
        <v>0.78658799999999995</v>
      </c>
      <c r="CY1239" s="6" t="s">
        <v>591</v>
      </c>
      <c r="CZ1239" s="6" t="s">
        <v>592</v>
      </c>
      <c r="DA1239" s="6" t="s">
        <v>99</v>
      </c>
      <c r="DB1239" s="6" t="s">
        <v>345</v>
      </c>
      <c r="DC1239" s="6"/>
      <c r="DD1239" s="6"/>
      <c r="DE1239" s="6"/>
      <c r="DF1239" s="6"/>
      <c r="DG1239" s="6"/>
      <c r="DH1239" s="6" t="s">
        <v>333</v>
      </c>
      <c r="DI1239" s="6"/>
      <c r="DJ1239" s="6"/>
      <c r="DK1239" s="6"/>
      <c r="DL1239" s="6">
        <v>6</v>
      </c>
      <c r="DM1239" s="6" t="s">
        <v>396</v>
      </c>
      <c r="DN1239" s="6">
        <v>6</v>
      </c>
      <c r="DO1239" s="6" t="s">
        <v>393</v>
      </c>
      <c r="DP1239" s="6"/>
      <c r="DQ1239" s="6"/>
    </row>
    <row r="1240" spans="1:121" x14ac:dyDescent="0.2">
      <c r="A1240" s="6" t="s">
        <v>325</v>
      </c>
      <c r="B1240" s="6" t="s">
        <v>325</v>
      </c>
      <c r="C1240" s="6" t="s">
        <v>193</v>
      </c>
      <c r="D1240" s="6" t="s">
        <v>99</v>
      </c>
      <c r="E1240" s="6" t="s">
        <v>240</v>
      </c>
      <c r="F1240" s="11">
        <v>140</v>
      </c>
      <c r="G1240" s="13">
        <v>0.58091286307099999</v>
      </c>
      <c r="H1240" s="11">
        <v>117.54810063099998</v>
      </c>
      <c r="I1240" s="13">
        <v>0.48706622647492998</v>
      </c>
      <c r="J1240" s="11">
        <v>33.710126976000026</v>
      </c>
      <c r="K1240" s="13">
        <v>9.3929601182996023E-2</v>
      </c>
      <c r="L1240" s="11">
        <v>-11.940478915000028</v>
      </c>
      <c r="M1240" s="13">
        <v>-3.0414064438733165E-2</v>
      </c>
      <c r="N1240" s="11">
        <v>21.769648060999998</v>
      </c>
      <c r="O1240" s="13">
        <v>6.0658755801178701E-2</v>
      </c>
      <c r="P1240" s="7">
        <v>241.33905050600001</v>
      </c>
      <c r="Q1240" s="7">
        <v>262.39906663199997</v>
      </c>
      <c r="R1240" s="7">
        <v>271.28149644799998</v>
      </c>
      <c r="S1240" s="7">
        <v>279.65169640300002</v>
      </c>
      <c r="T1240" s="7">
        <v>321.009284896</v>
      </c>
      <c r="U1240" s="7">
        <v>323.31219133299999</v>
      </c>
      <c r="V1240" s="7">
        <v>358.88715113699999</v>
      </c>
      <c r="W1240" s="7">
        <v>334.29316398100002</v>
      </c>
      <c r="X1240" s="7">
        <v>375.18749462900001</v>
      </c>
      <c r="Y1240" s="7">
        <v>392.59727811300002</v>
      </c>
      <c r="Z1240" s="7">
        <v>407.676763166</v>
      </c>
      <c r="AA1240" s="7">
        <v>432.92560878</v>
      </c>
      <c r="AB1240" s="7">
        <v>366.59569824099998</v>
      </c>
      <c r="AC1240" s="7">
        <v>379.54709172600002</v>
      </c>
      <c r="AD1240" s="7">
        <v>360.67443564600001</v>
      </c>
      <c r="AE1240" s="7">
        <v>367.00670639999998</v>
      </c>
      <c r="AF1240" s="7">
        <v>380.65679919799999</v>
      </c>
      <c r="AG1240" s="9">
        <v>7323.3366199000011</v>
      </c>
      <c r="AH1240" s="13">
        <v>0.48781983633746545</v>
      </c>
      <c r="AI1240" s="9">
        <v>1545.5072022999993</v>
      </c>
      <c r="AJ1240" s="13">
        <v>0.10294884826619571</v>
      </c>
      <c r="AK1240" s="9">
        <v>222.94001099999878</v>
      </c>
      <c r="AL1240" s="13">
        <v>1.3464279107292434E-2</v>
      </c>
      <c r="AM1240" s="9">
        <v>5554.889406600003</v>
      </c>
      <c r="AN1240" s="13">
        <v>0.33102596358460384</v>
      </c>
      <c r="AO1240" s="9">
        <v>5777.8294176000018</v>
      </c>
      <c r="AP1240" s="13">
        <v>0.34894726865735975</v>
      </c>
      <c r="AQ1240" s="9">
        <v>15012.379723800001</v>
      </c>
      <c r="AR1240" s="9">
        <v>14554.869519600001</v>
      </c>
      <c r="AS1240" s="9">
        <v>15723.842974699999</v>
      </c>
      <c r="AT1240" s="9">
        <v>17314.155667200001</v>
      </c>
      <c r="AU1240" s="9">
        <v>16550.082564799999</v>
      </c>
      <c r="AV1240" s="9">
        <v>16370.3787945</v>
      </c>
      <c r="AW1240" s="9">
        <v>16557.8869261</v>
      </c>
      <c r="AX1240" s="9">
        <v>16972.114659899999</v>
      </c>
      <c r="AY1240" s="9">
        <v>17222.201865800002</v>
      </c>
      <c r="AZ1240" s="9">
        <v>16780.826937099999</v>
      </c>
      <c r="BA1240" s="9">
        <v>17504.3594586</v>
      </c>
      <c r="BB1240" s="9">
        <v>17545.740036200001</v>
      </c>
      <c r="BC1240" s="9">
        <v>20750.343426899999</v>
      </c>
      <c r="BD1240" s="9">
        <v>21098.7337271</v>
      </c>
      <c r="BE1240" s="9">
        <v>22281.072132000001</v>
      </c>
      <c r="BF1240" s="9">
        <v>22335.716343700002</v>
      </c>
      <c r="BG1240" s="11">
        <v>-6.5</v>
      </c>
      <c r="BH1240" s="13">
        <v>-0.19117647058823528</v>
      </c>
      <c r="BI1240" s="6">
        <v>28</v>
      </c>
      <c r="BJ1240" s="13">
        <v>0.82352941176470584</v>
      </c>
      <c r="BK1240" s="6">
        <v>17</v>
      </c>
      <c r="BL1240" s="13">
        <v>0.27419354838709675</v>
      </c>
      <c r="BM1240" s="11">
        <v>-51.5</v>
      </c>
      <c r="BN1240" s="13">
        <v>-0.65189873417721522</v>
      </c>
      <c r="BO1240" s="11">
        <v>-34.5</v>
      </c>
      <c r="BP1240" s="13">
        <v>-0.55645161290322576</v>
      </c>
      <c r="BQ1240" s="6">
        <v>34</v>
      </c>
      <c r="BR1240" s="6">
        <v>42</v>
      </c>
      <c r="BS1240" s="6">
        <v>46</v>
      </c>
      <c r="BT1240" s="6">
        <v>62</v>
      </c>
      <c r="BU1240" s="6">
        <v>66</v>
      </c>
      <c r="BV1240" s="6">
        <v>76</v>
      </c>
      <c r="BW1240" s="6">
        <v>79</v>
      </c>
      <c r="BX1240" s="6">
        <v>97</v>
      </c>
      <c r="BY1240" s="6">
        <v>114</v>
      </c>
      <c r="BZ1240" s="6">
        <v>30</v>
      </c>
      <c r="CA1240" s="6">
        <v>29</v>
      </c>
      <c r="CB1240" s="6">
        <v>30</v>
      </c>
      <c r="CC1240" s="11">
        <v>27.5</v>
      </c>
      <c r="CD1240" s="11">
        <v>115.15900000000001</v>
      </c>
      <c r="CE1240" s="11">
        <v>-2.2225000000000001</v>
      </c>
      <c r="CF1240" s="11">
        <v>26.3813</v>
      </c>
      <c r="CG1240" s="11">
        <v>24</v>
      </c>
      <c r="CH1240" s="20">
        <v>1.37879</v>
      </c>
      <c r="CI1240" s="20">
        <v>1.4224399999999999</v>
      </c>
      <c r="CJ1240" s="20">
        <v>1.4290099999999999</v>
      </c>
      <c r="CK1240" s="20">
        <v>1.41031</v>
      </c>
      <c r="CL1240" s="20">
        <v>1.60517</v>
      </c>
      <c r="CM1240" s="20">
        <v>1.60788</v>
      </c>
      <c r="CN1240" s="20">
        <v>1.7677099999999999</v>
      </c>
      <c r="CO1240" s="20">
        <v>1.6372199999999999</v>
      </c>
      <c r="CP1240" s="20">
        <v>1.84589</v>
      </c>
      <c r="CQ1240" s="20">
        <v>1.8691199999999999</v>
      </c>
      <c r="CR1240" s="20">
        <v>1.93991</v>
      </c>
      <c r="CS1240" s="20">
        <v>1.9678800000000001</v>
      </c>
      <c r="CT1240" s="20">
        <v>1.74414</v>
      </c>
      <c r="CU1240" s="20">
        <v>1.83101</v>
      </c>
      <c r="CV1240" s="20">
        <v>1.7428600000000001</v>
      </c>
      <c r="CW1240" s="20">
        <v>1.7713300000000001</v>
      </c>
      <c r="CX1240" s="20">
        <v>1.79579</v>
      </c>
      <c r="CY1240" s="6" t="s">
        <v>591</v>
      </c>
      <c r="CZ1240" s="6" t="s">
        <v>592</v>
      </c>
      <c r="DA1240" s="6" t="s">
        <v>99</v>
      </c>
      <c r="DB1240" s="6" t="s">
        <v>345</v>
      </c>
      <c r="DC1240" s="6"/>
      <c r="DD1240" s="6"/>
      <c r="DE1240" s="6"/>
      <c r="DF1240" s="6"/>
      <c r="DG1240" s="6"/>
      <c r="DH1240" s="6" t="s">
        <v>333</v>
      </c>
      <c r="DI1240" s="6"/>
      <c r="DJ1240" s="6"/>
      <c r="DK1240" s="6"/>
      <c r="DL1240" s="6">
        <v>6</v>
      </c>
      <c r="DM1240" s="6" t="s">
        <v>396</v>
      </c>
      <c r="DN1240" s="6">
        <v>6</v>
      </c>
      <c r="DO1240" s="6" t="s">
        <v>393</v>
      </c>
      <c r="DP1240" s="6"/>
      <c r="DQ1240" s="6"/>
    </row>
    <row r="1241" spans="1:121" x14ac:dyDescent="0.2">
      <c r="A1241" s="6" t="s">
        <v>327</v>
      </c>
      <c r="B1241" s="6" t="s">
        <v>327</v>
      </c>
      <c r="C1241" s="6" t="s">
        <v>194</v>
      </c>
      <c r="D1241" s="6" t="s">
        <v>99</v>
      </c>
      <c r="E1241" s="6" t="s">
        <v>240</v>
      </c>
      <c r="F1241" s="11">
        <v>93</v>
      </c>
      <c r="G1241" s="13">
        <v>0.11177884615399999</v>
      </c>
      <c r="H1241" s="11">
        <v>112.33876099999998</v>
      </c>
      <c r="I1241" s="13">
        <v>0.1350736053158266</v>
      </c>
      <c r="J1241" s="11">
        <v>-3.3774889999999687</v>
      </c>
      <c r="K1241" s="13">
        <v>-3.5777565109988427E-3</v>
      </c>
      <c r="L1241" s="11">
        <v>-15.801514695000037</v>
      </c>
      <c r="M1241" s="13">
        <v>-1.6798563406989063E-2</v>
      </c>
      <c r="N1241" s="11">
        <v>-19.179003695000006</v>
      </c>
      <c r="O1241" s="13">
        <v>-2.0316218748383127E-2</v>
      </c>
      <c r="P1241" s="7">
        <v>831.68551500000001</v>
      </c>
      <c r="Q1241" s="7">
        <v>869.93532700000003</v>
      </c>
      <c r="R1241" s="7">
        <v>903.74211600000001</v>
      </c>
      <c r="S1241" s="7">
        <v>943.82051300000001</v>
      </c>
      <c r="T1241" s="7">
        <v>986.48295800000005</v>
      </c>
      <c r="U1241" s="7">
        <v>985.74914899999999</v>
      </c>
      <c r="V1241" s="7">
        <v>944.02427599999999</v>
      </c>
      <c r="W1241" s="7">
        <v>908.57164299999999</v>
      </c>
      <c r="X1241" s="7">
        <v>920.42961300000002</v>
      </c>
      <c r="Y1241" s="7">
        <v>940.64678700000002</v>
      </c>
      <c r="Z1241" s="7">
        <v>934.958933</v>
      </c>
      <c r="AA1241" s="7">
        <v>949.95801500000005</v>
      </c>
      <c r="AB1241" s="7">
        <v>974.95861200000002</v>
      </c>
      <c r="AC1241" s="7">
        <v>952.71149300000002</v>
      </c>
      <c r="AD1241" s="7">
        <v>931.36289899999997</v>
      </c>
      <c r="AE1241" s="7">
        <v>927.20808950000003</v>
      </c>
      <c r="AF1241" s="7">
        <v>924.84527230499998</v>
      </c>
      <c r="AG1241" s="9">
        <v>16241.874738799997</v>
      </c>
      <c r="AH1241" s="13">
        <v>0.5852560307166107</v>
      </c>
      <c r="AI1241" s="9">
        <v>8303.1112428999986</v>
      </c>
      <c r="AJ1241" s="13">
        <v>0.2991924273993723</v>
      </c>
      <c r="AK1241" s="9">
        <v>3594.7728110000025</v>
      </c>
      <c r="AL1241" s="13">
        <v>9.9702881153896777E-2</v>
      </c>
      <c r="AM1241" s="9">
        <v>4343.9906848999963</v>
      </c>
      <c r="AN1241" s="13">
        <v>0.10955943467548916</v>
      </c>
      <c r="AO1241" s="9">
        <v>7938.7634958999988</v>
      </c>
      <c r="AP1241" s="13">
        <v>0.22018570712412436</v>
      </c>
      <c r="AQ1241" s="9">
        <v>27751.742632900001</v>
      </c>
      <c r="AR1241" s="9">
        <v>28006.946023199998</v>
      </c>
      <c r="AS1241" s="9">
        <v>28553.498254900001</v>
      </c>
      <c r="AT1241" s="9">
        <v>30671.380275</v>
      </c>
      <c r="AU1241" s="9">
        <v>33195.264006199999</v>
      </c>
      <c r="AV1241" s="9">
        <v>33870.6919394</v>
      </c>
      <c r="AW1241" s="9">
        <v>36054.8538758</v>
      </c>
      <c r="AX1241" s="9">
        <v>38371.2433275</v>
      </c>
      <c r="AY1241" s="9">
        <v>39377.144016899998</v>
      </c>
      <c r="AZ1241" s="9">
        <v>39649.626686800002</v>
      </c>
      <c r="BA1241" s="9">
        <v>39728.942803500002</v>
      </c>
      <c r="BB1241" s="9">
        <v>39683.8461465</v>
      </c>
      <c r="BC1241" s="9">
        <v>40185.772255600001</v>
      </c>
      <c r="BD1241" s="9">
        <v>41571.564622799997</v>
      </c>
      <c r="BE1241" s="9">
        <v>43005.017616099998</v>
      </c>
      <c r="BF1241" s="9">
        <v>43993.617371699998</v>
      </c>
      <c r="BG1241" s="11">
        <v>-0.25</v>
      </c>
      <c r="BH1241" s="13">
        <v>-8.6206896551724137E-3</v>
      </c>
      <c r="BI1241" s="6">
        <v>-1</v>
      </c>
      <c r="BJ1241" s="13">
        <v>-3.4482758620689655E-2</v>
      </c>
      <c r="BK1241" s="6">
        <v>3</v>
      </c>
      <c r="BL1241" s="13">
        <v>0.10714285714285714</v>
      </c>
      <c r="BM1241" s="11">
        <v>-2.25</v>
      </c>
      <c r="BN1241" s="13">
        <v>-7.2580645161290328E-2</v>
      </c>
      <c r="BO1241" s="11">
        <v>0.75</v>
      </c>
      <c r="BP1241" s="13">
        <v>2.6785714285714284E-2</v>
      </c>
      <c r="BQ1241" s="6">
        <v>29</v>
      </c>
      <c r="BR1241" s="6">
        <v>29</v>
      </c>
      <c r="BS1241" s="6">
        <v>28</v>
      </c>
      <c r="BT1241" s="6">
        <v>28</v>
      </c>
      <c r="BU1241" s="6">
        <v>29</v>
      </c>
      <c r="BV1241" s="6">
        <v>32</v>
      </c>
      <c r="BW1241" s="6">
        <v>31</v>
      </c>
      <c r="BX1241" s="6">
        <v>29</v>
      </c>
      <c r="BY1241" s="6">
        <v>28</v>
      </c>
      <c r="BZ1241" s="6">
        <v>29</v>
      </c>
      <c r="CA1241" s="6">
        <v>29</v>
      </c>
      <c r="CB1241" s="6">
        <v>29</v>
      </c>
      <c r="CC1241" s="11">
        <v>28.75</v>
      </c>
      <c r="CD1241" s="11">
        <v>51.003799999999998</v>
      </c>
      <c r="CE1241" s="11">
        <v>-48.757300000000001</v>
      </c>
      <c r="CF1241" s="11">
        <v>90.913200000000003</v>
      </c>
      <c r="CG1241" s="11">
        <v>42</v>
      </c>
      <c r="CH1241" s="20">
        <v>1.4303999999999999</v>
      </c>
      <c r="CI1241" s="20">
        <v>1.41686</v>
      </c>
      <c r="CJ1241" s="20">
        <v>1.44086</v>
      </c>
      <c r="CK1241" s="20">
        <v>1.45105</v>
      </c>
      <c r="CL1241" s="20">
        <v>1.5072700000000001</v>
      </c>
      <c r="CM1241" s="20">
        <v>1.5078199999999999</v>
      </c>
      <c r="CN1241" s="20">
        <v>1.4404399999999999</v>
      </c>
      <c r="CO1241" s="20">
        <v>1.36467</v>
      </c>
      <c r="CP1241" s="20">
        <v>1.3732599999999999</v>
      </c>
      <c r="CQ1241" s="20">
        <v>1.3503000000000001</v>
      </c>
      <c r="CR1241" s="20">
        <v>1.37293</v>
      </c>
      <c r="CS1241" s="20">
        <v>1.3777299999999999</v>
      </c>
      <c r="CT1241" s="20">
        <v>1.4057299999999999</v>
      </c>
      <c r="CU1241" s="20">
        <v>1.4192</v>
      </c>
      <c r="CV1241" s="20">
        <v>1.4016500000000001</v>
      </c>
      <c r="CW1241" s="20">
        <v>1.4007700000000001</v>
      </c>
      <c r="CX1241" s="20">
        <v>1.37524</v>
      </c>
      <c r="CY1241" s="6" t="s">
        <v>591</v>
      </c>
      <c r="CZ1241" s="6" t="s">
        <v>592</v>
      </c>
      <c r="DA1241" s="6" t="s">
        <v>99</v>
      </c>
      <c r="DB1241" s="6" t="s">
        <v>345</v>
      </c>
      <c r="DC1241" s="6"/>
      <c r="DD1241" s="6"/>
      <c r="DE1241" s="6"/>
      <c r="DF1241" s="6"/>
      <c r="DG1241" s="6"/>
      <c r="DH1241" s="6" t="s">
        <v>333</v>
      </c>
      <c r="DI1241" s="6"/>
      <c r="DJ1241" s="6"/>
      <c r="DK1241" s="6"/>
      <c r="DL1241" s="6">
        <v>6</v>
      </c>
      <c r="DM1241" s="6" t="s">
        <v>396</v>
      </c>
      <c r="DN1241" s="6">
        <v>6</v>
      </c>
      <c r="DO1241" s="6" t="s">
        <v>393</v>
      </c>
      <c r="DP1241" s="6"/>
      <c r="DQ1241" s="6"/>
    </row>
    <row r="1242" spans="1:121" x14ac:dyDescent="0.2">
      <c r="A1242" s="6" t="s">
        <v>1</v>
      </c>
      <c r="B1242" s="6" t="s">
        <v>1</v>
      </c>
      <c r="C1242" s="6" t="s">
        <v>2</v>
      </c>
      <c r="D1242" s="6" t="s">
        <v>114</v>
      </c>
      <c r="E1242" s="6" t="s">
        <v>255</v>
      </c>
      <c r="F1242" s="11">
        <v>4</v>
      </c>
      <c r="G1242" s="13">
        <v>0.166666666667</v>
      </c>
      <c r="H1242" s="11">
        <v>-3.2692726826000005</v>
      </c>
      <c r="I1242" s="13">
        <v>-0.13484865562683629</v>
      </c>
      <c r="J1242" s="11">
        <v>5.245423112400001</v>
      </c>
      <c r="K1242" s="13">
        <v>0.25008285231418398</v>
      </c>
      <c r="L1242" s="11">
        <v>1.9901063802999985</v>
      </c>
      <c r="M1242" s="13">
        <v>7.5899843898776215E-2</v>
      </c>
      <c r="N1242" s="11">
        <v>7.2355294926999996</v>
      </c>
      <c r="O1242" s="13">
        <v>0.34496394566536748</v>
      </c>
      <c r="P1242" s="7">
        <v>24.2440139088</v>
      </c>
      <c r="Q1242" s="7">
        <v>19.734871014500001</v>
      </c>
      <c r="R1242" s="7">
        <v>25.622237371600001</v>
      </c>
      <c r="S1242" s="7">
        <v>51.134757091099999</v>
      </c>
      <c r="T1242" s="7">
        <v>70.535852089700001</v>
      </c>
      <c r="U1242" s="7">
        <v>24.9604803822</v>
      </c>
      <c r="V1242" s="7">
        <v>20.974741226199999</v>
      </c>
      <c r="W1242" s="7">
        <v>27.443113084699998</v>
      </c>
      <c r="X1242" s="7">
        <v>32.742753340699998</v>
      </c>
      <c r="Y1242" s="7">
        <v>26.2201643386</v>
      </c>
      <c r="Z1242" s="7">
        <v>26.552024167999999</v>
      </c>
      <c r="AA1242" s="7">
        <v>19.239224972300001</v>
      </c>
      <c r="AB1242" s="7">
        <v>25.695747416</v>
      </c>
      <c r="AC1242" s="7">
        <v>38.771495444400003</v>
      </c>
      <c r="AD1242" s="7">
        <v>25.868480300600002</v>
      </c>
      <c r="AE1242" s="7">
        <v>27.1409147938</v>
      </c>
      <c r="AF1242" s="7">
        <v>28.210270718899999</v>
      </c>
      <c r="AG1242" s="9">
        <v>5290.3542339999985</v>
      </c>
      <c r="AH1242" s="13">
        <v>0.31715401720500802</v>
      </c>
      <c r="AI1242" s="9">
        <v>1786.8837808999997</v>
      </c>
      <c r="AJ1242" s="13">
        <v>0.10712276424681252</v>
      </c>
      <c r="AK1242" s="9">
        <v>-390.55000189999919</v>
      </c>
      <c r="AL1242" s="13">
        <v>-2.1147855175664552E-2</v>
      </c>
      <c r="AM1242" s="9">
        <v>3894.020454999998</v>
      </c>
      <c r="AN1242" s="13">
        <v>0.21541245738128748</v>
      </c>
      <c r="AO1242" s="9">
        <v>3503.4704530999988</v>
      </c>
      <c r="AP1242" s="13">
        <v>0.18970909075388945</v>
      </c>
      <c r="AQ1242" s="9">
        <v>16680.710150300001</v>
      </c>
      <c r="AR1242" s="9">
        <v>17531.4236877</v>
      </c>
      <c r="AS1242" s="9">
        <v>17797.9612786</v>
      </c>
      <c r="AT1242" s="9">
        <v>20243.1319869</v>
      </c>
      <c r="AU1242" s="9">
        <v>20898.0914944</v>
      </c>
      <c r="AV1242" s="9">
        <v>18761.413431699999</v>
      </c>
      <c r="AW1242" s="9">
        <v>18467.593931200001</v>
      </c>
      <c r="AX1242" s="9">
        <v>19268.0189202</v>
      </c>
      <c r="AY1242" s="9">
        <v>17922.5471397</v>
      </c>
      <c r="AZ1242" s="9">
        <v>18077.043929300002</v>
      </c>
      <c r="BA1242" s="9">
        <v>19047.963959299999</v>
      </c>
      <c r="BB1242" s="9">
        <v>22707.061185499999</v>
      </c>
      <c r="BC1242" s="9">
        <v>31757.918313900002</v>
      </c>
      <c r="BD1242" s="9">
        <v>26803.541611600001</v>
      </c>
      <c r="BE1242" s="9">
        <v>22859.1175692</v>
      </c>
      <c r="BF1242" s="9">
        <v>21971.0643843</v>
      </c>
      <c r="BG1242" s="11">
        <v>1</v>
      </c>
      <c r="BH1242" s="13">
        <v>1</v>
      </c>
      <c r="BI1242" s="6">
        <v>1</v>
      </c>
      <c r="BJ1242" s="13">
        <v>1</v>
      </c>
      <c r="BK1242" s="6">
        <v>0</v>
      </c>
      <c r="BL1242" s="13">
        <v>0</v>
      </c>
      <c r="BM1242" s="11">
        <v>0</v>
      </c>
      <c r="BN1242" s="13">
        <v>0</v>
      </c>
      <c r="BO1242" s="11">
        <v>0</v>
      </c>
      <c r="BP1242" s="13">
        <v>0</v>
      </c>
      <c r="BQ1242" s="6">
        <v>1</v>
      </c>
      <c r="BR1242" s="6">
        <v>1</v>
      </c>
      <c r="BS1242" s="6">
        <v>1</v>
      </c>
      <c r="BT1242" s="6">
        <v>2</v>
      </c>
      <c r="BU1242" s="6">
        <v>2</v>
      </c>
      <c r="BV1242" s="6">
        <v>2</v>
      </c>
      <c r="BW1242" s="6">
        <v>2</v>
      </c>
      <c r="BX1242" s="6">
        <v>2</v>
      </c>
      <c r="BY1242" s="6">
        <v>2</v>
      </c>
      <c r="BZ1242" s="6">
        <v>1</v>
      </c>
      <c r="CA1242" s="6">
        <v>1</v>
      </c>
      <c r="CB1242" s="6">
        <v>1</v>
      </c>
      <c r="CC1242" s="11">
        <v>2</v>
      </c>
      <c r="CD1242" s="11">
        <v>3.52651</v>
      </c>
      <c r="CE1242" s="11">
        <v>-2.2104200000000001</v>
      </c>
      <c r="CF1242" s="11">
        <v>2.6501600000000001</v>
      </c>
      <c r="CG1242" s="11">
        <v>1</v>
      </c>
      <c r="CH1242" s="20">
        <v>1.06748</v>
      </c>
      <c r="CI1242" s="20">
        <v>0.85540000000000005</v>
      </c>
      <c r="CJ1242" s="20">
        <v>1.0998000000000001</v>
      </c>
      <c r="CK1242" s="20">
        <v>2.25705</v>
      </c>
      <c r="CL1242" s="20">
        <v>2.9965299999999999</v>
      </c>
      <c r="CM1242" s="20">
        <v>1.05907</v>
      </c>
      <c r="CN1242" s="20">
        <v>0.94262800000000002</v>
      </c>
      <c r="CO1242" s="20">
        <v>1.3125199999999999</v>
      </c>
      <c r="CP1242" s="20">
        <v>1.53992</v>
      </c>
      <c r="CQ1242" s="20">
        <v>1.1752899999999999</v>
      </c>
      <c r="CR1242" s="20">
        <v>1.21024</v>
      </c>
      <c r="CS1242" s="20">
        <v>0.87201600000000001</v>
      </c>
      <c r="CT1242" s="20">
        <v>1.11941</v>
      </c>
      <c r="CU1242" s="20">
        <v>1.93099</v>
      </c>
      <c r="CV1242" s="20">
        <v>1.3202799999999999</v>
      </c>
      <c r="CW1242" s="20">
        <v>1.40174</v>
      </c>
      <c r="CX1242" s="20">
        <v>1.4610700000000001</v>
      </c>
      <c r="CY1242" s="6" t="s">
        <v>593</v>
      </c>
      <c r="CZ1242" s="6" t="s">
        <v>594</v>
      </c>
      <c r="DA1242" s="6" t="s">
        <v>114</v>
      </c>
      <c r="DB1242" s="6"/>
      <c r="DC1242" s="6"/>
      <c r="DD1242" s="6"/>
      <c r="DE1242" s="6"/>
      <c r="DF1242" s="6"/>
      <c r="DG1242" s="6"/>
      <c r="DH1242" s="6" t="s">
        <v>333</v>
      </c>
      <c r="DI1242" s="6"/>
      <c r="DJ1242" s="6"/>
      <c r="DK1242" s="6"/>
      <c r="DL1242" s="6">
        <v>7</v>
      </c>
      <c r="DM1242" s="6" t="s">
        <v>485</v>
      </c>
      <c r="DN1242" s="6">
        <v>8</v>
      </c>
      <c r="DO1242" s="6" t="s">
        <v>486</v>
      </c>
      <c r="DP1242" s="6"/>
      <c r="DQ1242" s="6"/>
    </row>
    <row r="1243" spans="1:121" x14ac:dyDescent="0.2">
      <c r="A1243" s="6" t="s">
        <v>310</v>
      </c>
      <c r="B1243" s="6" t="s">
        <v>310</v>
      </c>
      <c r="C1243" s="6" t="s">
        <v>173</v>
      </c>
      <c r="D1243" s="6" t="s">
        <v>114</v>
      </c>
      <c r="E1243" s="6" t="s">
        <v>255</v>
      </c>
      <c r="F1243" s="11">
        <v>0</v>
      </c>
      <c r="G1243" s="13">
        <v>0</v>
      </c>
      <c r="H1243" s="11">
        <v>0</v>
      </c>
      <c r="I1243" s="13"/>
      <c r="J1243" s="11">
        <v>0</v>
      </c>
      <c r="K1243" s="13"/>
      <c r="L1243" s="11">
        <v>0</v>
      </c>
      <c r="M1243" s="13"/>
      <c r="N1243" s="11">
        <v>0</v>
      </c>
      <c r="O1243" s="13"/>
      <c r="P1243" s="7">
        <v>0</v>
      </c>
      <c r="Q1243" s="7">
        <v>0</v>
      </c>
      <c r="R1243" s="7">
        <v>0</v>
      </c>
      <c r="S1243" s="7">
        <v>0</v>
      </c>
      <c r="T1243" s="7">
        <v>0</v>
      </c>
      <c r="U1243" s="7">
        <v>0</v>
      </c>
      <c r="V1243" s="7">
        <v>0</v>
      </c>
      <c r="W1243" s="7">
        <v>0</v>
      </c>
      <c r="X1243" s="7">
        <v>0</v>
      </c>
      <c r="Y1243" s="7">
        <v>0</v>
      </c>
      <c r="Z1243" s="7">
        <v>0</v>
      </c>
      <c r="AA1243" s="7">
        <v>0</v>
      </c>
      <c r="AB1243" s="7">
        <v>0</v>
      </c>
      <c r="AC1243" s="7">
        <v>0</v>
      </c>
      <c r="AD1243" s="7">
        <v>0</v>
      </c>
      <c r="AE1243" s="7">
        <v>0</v>
      </c>
      <c r="AF1243" s="7">
        <v>0</v>
      </c>
      <c r="AG1243" s="9">
        <v>0</v>
      </c>
      <c r="AH1243" s="13"/>
      <c r="AI1243" s="9">
        <v>0</v>
      </c>
      <c r="AJ1243" s="13"/>
      <c r="AK1243" s="9">
        <v>0</v>
      </c>
      <c r="AL1243" s="13"/>
      <c r="AM1243" s="9">
        <v>0</v>
      </c>
      <c r="AN1243" s="13"/>
      <c r="AO1243" s="9">
        <v>0</v>
      </c>
      <c r="AP1243" s="13"/>
      <c r="AQ1243" s="9">
        <v>0</v>
      </c>
      <c r="AR1243" s="9">
        <v>0</v>
      </c>
      <c r="AS1243" s="9">
        <v>0</v>
      </c>
      <c r="AT1243" s="9">
        <v>0</v>
      </c>
      <c r="AU1243" s="9">
        <v>0</v>
      </c>
      <c r="AV1243" s="9">
        <v>0</v>
      </c>
      <c r="AW1243" s="9">
        <v>0</v>
      </c>
      <c r="AX1243" s="9">
        <v>0</v>
      </c>
      <c r="AY1243" s="9">
        <v>0</v>
      </c>
      <c r="AZ1243" s="9">
        <v>0</v>
      </c>
      <c r="BA1243" s="9">
        <v>0</v>
      </c>
      <c r="BB1243" s="9">
        <v>0</v>
      </c>
      <c r="BC1243" s="9">
        <v>0</v>
      </c>
      <c r="BD1243" s="9">
        <v>0</v>
      </c>
      <c r="BE1243" s="9">
        <v>0</v>
      </c>
      <c r="BF1243" s="9">
        <v>0</v>
      </c>
      <c r="BG1243" s="11">
        <v>0</v>
      </c>
      <c r="BH1243" s="13" t="e">
        <v>#DIV/0!</v>
      </c>
      <c r="BI1243" s="6">
        <v>0</v>
      </c>
      <c r="BJ1243" s="13" t="e">
        <v>#DIV/0!</v>
      </c>
      <c r="BK1243" s="6">
        <v>0</v>
      </c>
      <c r="BL1243" s="13" t="e">
        <v>#DIV/0!</v>
      </c>
      <c r="BM1243" s="11">
        <v>0</v>
      </c>
      <c r="BN1243" s="13" t="e">
        <v>#DIV/0!</v>
      </c>
      <c r="BO1243" s="11">
        <v>0</v>
      </c>
      <c r="BP1243" s="13" t="e">
        <v>#DIV/0!</v>
      </c>
      <c r="BQ1243" s="6">
        <v>0</v>
      </c>
      <c r="BR1243" s="6">
        <v>0</v>
      </c>
      <c r="BS1243" s="6">
        <v>0</v>
      </c>
      <c r="BT1243" s="6">
        <v>0</v>
      </c>
      <c r="BU1243" s="6">
        <v>0</v>
      </c>
      <c r="BV1243" s="6">
        <v>0</v>
      </c>
      <c r="BW1243" s="6">
        <v>0</v>
      </c>
      <c r="BX1243" s="6">
        <v>0</v>
      </c>
      <c r="BY1243" s="6">
        <v>0</v>
      </c>
      <c r="BZ1243" s="6">
        <v>0</v>
      </c>
      <c r="CA1243" s="6">
        <v>0</v>
      </c>
      <c r="CB1243" s="6">
        <v>0</v>
      </c>
      <c r="CC1243" s="11">
        <v>0</v>
      </c>
      <c r="CD1243" s="11">
        <v>0</v>
      </c>
      <c r="CE1243" s="11">
        <v>0</v>
      </c>
      <c r="CF1243" s="11">
        <v>0</v>
      </c>
      <c r="CG1243" s="11">
        <v>0</v>
      </c>
      <c r="CH1243" s="20">
        <v>0</v>
      </c>
      <c r="CI1243" s="20">
        <v>0</v>
      </c>
      <c r="CJ1243" s="20">
        <v>0</v>
      </c>
      <c r="CK1243" s="20">
        <v>0</v>
      </c>
      <c r="CL1243" s="20">
        <v>0</v>
      </c>
      <c r="CM1243" s="20">
        <v>0</v>
      </c>
      <c r="CN1243" s="20">
        <v>0</v>
      </c>
      <c r="CO1243" s="20">
        <v>0</v>
      </c>
      <c r="CP1243" s="20">
        <v>0</v>
      </c>
      <c r="CQ1243" s="20">
        <v>0</v>
      </c>
      <c r="CR1243" s="20">
        <v>0</v>
      </c>
      <c r="CS1243" s="20">
        <v>0</v>
      </c>
      <c r="CT1243" s="20">
        <v>0</v>
      </c>
      <c r="CU1243" s="20">
        <v>0</v>
      </c>
      <c r="CV1243" s="20">
        <v>0</v>
      </c>
      <c r="CW1243" s="20">
        <v>0</v>
      </c>
      <c r="CX1243" s="20">
        <v>0</v>
      </c>
      <c r="CY1243" s="6" t="s">
        <v>593</v>
      </c>
      <c r="CZ1243" s="6" t="s">
        <v>594</v>
      </c>
      <c r="DA1243" s="6" t="s">
        <v>114</v>
      </c>
      <c r="DB1243" s="6"/>
      <c r="DC1243" s="6"/>
      <c r="DD1243" s="6"/>
      <c r="DE1243" s="6"/>
      <c r="DF1243" s="6"/>
      <c r="DG1243" s="6"/>
      <c r="DH1243" s="6" t="s">
        <v>333</v>
      </c>
      <c r="DI1243" s="6"/>
      <c r="DJ1243" s="6"/>
      <c r="DK1243" s="6"/>
      <c r="DL1243" s="6">
        <v>7</v>
      </c>
      <c r="DM1243" s="6" t="s">
        <v>485</v>
      </c>
      <c r="DN1243" s="6">
        <v>8</v>
      </c>
      <c r="DO1243" s="6" t="s">
        <v>486</v>
      </c>
      <c r="DP1243" s="6"/>
      <c r="DQ1243" s="6"/>
    </row>
    <row r="1244" spans="1:121" x14ac:dyDescent="0.2">
      <c r="A1244" s="6" t="s">
        <v>311</v>
      </c>
      <c r="B1244" s="6" t="s">
        <v>311</v>
      </c>
      <c r="C1244" s="6" t="s">
        <v>174</v>
      </c>
      <c r="D1244" s="6" t="s">
        <v>114</v>
      </c>
      <c r="E1244" s="6" t="s">
        <v>255</v>
      </c>
      <c r="F1244" s="11">
        <v>1</v>
      </c>
      <c r="G1244" s="13">
        <v>1</v>
      </c>
      <c r="H1244" s="11">
        <v>0</v>
      </c>
      <c r="I1244" s="13"/>
      <c r="J1244" s="11">
        <v>0</v>
      </c>
      <c r="K1244" s="13"/>
      <c r="L1244" s="11">
        <v>5</v>
      </c>
      <c r="M1244" s="13"/>
      <c r="N1244" s="11">
        <v>5</v>
      </c>
      <c r="O1244" s="13"/>
      <c r="P1244" s="7">
        <v>0</v>
      </c>
      <c r="Q1244" s="7">
        <v>0</v>
      </c>
      <c r="R1244" s="7">
        <v>0</v>
      </c>
      <c r="S1244" s="7">
        <v>0</v>
      </c>
      <c r="T1244" s="7">
        <v>0</v>
      </c>
      <c r="U1244" s="7">
        <v>0</v>
      </c>
      <c r="V1244" s="7">
        <v>0</v>
      </c>
      <c r="W1244" s="7">
        <v>0</v>
      </c>
      <c r="X1244" s="7">
        <v>0</v>
      </c>
      <c r="Y1244" s="7">
        <v>0</v>
      </c>
      <c r="Z1244" s="7">
        <v>0</v>
      </c>
      <c r="AA1244" s="7">
        <v>0</v>
      </c>
      <c r="AB1244" s="7">
        <v>0</v>
      </c>
      <c r="AC1244" s="7">
        <v>0</v>
      </c>
      <c r="AD1244" s="7">
        <v>5</v>
      </c>
      <c r="AE1244" s="7">
        <v>5</v>
      </c>
      <c r="AF1244" s="7">
        <v>5</v>
      </c>
      <c r="AG1244" s="9">
        <v>1</v>
      </c>
      <c r="AH1244" s="13"/>
      <c r="AI1244" s="9">
        <v>0</v>
      </c>
      <c r="AJ1244" s="13"/>
      <c r="AK1244" s="9">
        <v>0</v>
      </c>
      <c r="AL1244" s="13"/>
      <c r="AM1244" s="9">
        <v>1</v>
      </c>
      <c r="AN1244" s="13"/>
      <c r="AO1244" s="9">
        <v>1</v>
      </c>
      <c r="AP1244" s="13"/>
      <c r="AQ1244" s="9">
        <v>0</v>
      </c>
      <c r="AR1244" s="9">
        <v>0</v>
      </c>
      <c r="AS1244" s="9">
        <v>0</v>
      </c>
      <c r="AT1244" s="9">
        <v>0</v>
      </c>
      <c r="AU1244" s="9">
        <v>0</v>
      </c>
      <c r="AV1244" s="9">
        <v>0</v>
      </c>
      <c r="AW1244" s="9">
        <v>0</v>
      </c>
      <c r="AX1244" s="9">
        <v>0</v>
      </c>
      <c r="AY1244" s="9">
        <v>0</v>
      </c>
      <c r="AZ1244" s="9">
        <v>0</v>
      </c>
      <c r="BA1244" s="9">
        <v>0</v>
      </c>
      <c r="BB1244" s="9">
        <v>0</v>
      </c>
      <c r="BC1244" s="9">
        <v>0</v>
      </c>
      <c r="BD1244" s="9">
        <v>0</v>
      </c>
      <c r="BE1244" s="9">
        <v>1</v>
      </c>
      <c r="BF1244" s="9">
        <v>1</v>
      </c>
      <c r="BG1244" s="11">
        <v>0</v>
      </c>
      <c r="BH1244" s="13" t="e">
        <v>#DIV/0!</v>
      </c>
      <c r="BI1244" s="6">
        <v>0</v>
      </c>
      <c r="BJ1244" s="13" t="e">
        <v>#DIV/0!</v>
      </c>
      <c r="BK1244" s="6">
        <v>0</v>
      </c>
      <c r="BL1244" s="13" t="e">
        <v>#DIV/0!</v>
      </c>
      <c r="BM1244" s="11">
        <v>0</v>
      </c>
      <c r="BN1244" s="13" t="e">
        <v>#DIV/0!</v>
      </c>
      <c r="BO1244" s="11">
        <v>0</v>
      </c>
      <c r="BP1244" s="13" t="e">
        <v>#DIV/0!</v>
      </c>
      <c r="BQ1244" s="6">
        <v>0</v>
      </c>
      <c r="BR1244" s="6">
        <v>0</v>
      </c>
      <c r="BS1244" s="6">
        <v>0</v>
      </c>
      <c r="BT1244" s="6">
        <v>0</v>
      </c>
      <c r="BU1244" s="6">
        <v>0</v>
      </c>
      <c r="BV1244" s="6">
        <v>0</v>
      </c>
      <c r="BW1244" s="6">
        <v>0</v>
      </c>
      <c r="BX1244" s="6">
        <v>0</v>
      </c>
      <c r="BY1244" s="6">
        <v>0</v>
      </c>
      <c r="BZ1244" s="6">
        <v>0</v>
      </c>
      <c r="CA1244" s="6">
        <v>0</v>
      </c>
      <c r="CB1244" s="6">
        <v>0</v>
      </c>
      <c r="CC1244" s="11">
        <v>0</v>
      </c>
      <c r="CD1244" s="11">
        <v>1.2551099999999999</v>
      </c>
      <c r="CE1244" s="11">
        <v>-0.16284399999999999</v>
      </c>
      <c r="CF1244" s="11">
        <v>0.10931200000000001</v>
      </c>
      <c r="CG1244" s="11">
        <v>0</v>
      </c>
      <c r="CH1244" s="20">
        <v>0</v>
      </c>
      <c r="CI1244" s="20">
        <v>0</v>
      </c>
      <c r="CJ1244" s="20">
        <v>0</v>
      </c>
      <c r="CK1244" s="20">
        <v>0</v>
      </c>
      <c r="CL1244" s="20">
        <v>0</v>
      </c>
      <c r="CM1244" s="20">
        <v>0</v>
      </c>
      <c r="CN1244" s="20">
        <v>0</v>
      </c>
      <c r="CO1244" s="20">
        <v>0</v>
      </c>
      <c r="CP1244" s="20">
        <v>0</v>
      </c>
      <c r="CQ1244" s="20">
        <v>0</v>
      </c>
      <c r="CR1244" s="20">
        <v>1.92125E-2</v>
      </c>
      <c r="CS1244" s="20">
        <v>0</v>
      </c>
      <c r="CT1244" s="20">
        <v>0</v>
      </c>
      <c r="CU1244" s="20">
        <v>0</v>
      </c>
      <c r="CV1244" s="20">
        <v>0.17587700000000001</v>
      </c>
      <c r="CW1244" s="20">
        <v>0.19875399999999999</v>
      </c>
      <c r="CX1244" s="20">
        <v>0.21535499999999999</v>
      </c>
      <c r="CY1244" s="6" t="s">
        <v>593</v>
      </c>
      <c r="CZ1244" s="6" t="s">
        <v>594</v>
      </c>
      <c r="DA1244" s="6" t="s">
        <v>114</v>
      </c>
      <c r="DB1244" s="6"/>
      <c r="DC1244" s="6"/>
      <c r="DD1244" s="6"/>
      <c r="DE1244" s="6"/>
      <c r="DF1244" s="6"/>
      <c r="DG1244" s="6"/>
      <c r="DH1244" s="6" t="s">
        <v>333</v>
      </c>
      <c r="DI1244" s="6"/>
      <c r="DJ1244" s="6"/>
      <c r="DK1244" s="6"/>
      <c r="DL1244" s="6">
        <v>7</v>
      </c>
      <c r="DM1244" s="6" t="s">
        <v>485</v>
      </c>
      <c r="DN1244" s="6">
        <v>8</v>
      </c>
      <c r="DO1244" s="6" t="s">
        <v>486</v>
      </c>
      <c r="DP1244" s="6"/>
      <c r="DQ1244" s="6"/>
    </row>
    <row r="1245" spans="1:121" x14ac:dyDescent="0.2">
      <c r="A1245" s="6" t="s">
        <v>312</v>
      </c>
      <c r="B1245" s="6" t="s">
        <v>312</v>
      </c>
      <c r="C1245" s="6" t="s">
        <v>175</v>
      </c>
      <c r="D1245" s="6" t="s">
        <v>114</v>
      </c>
      <c r="E1245" s="6" t="s">
        <v>255</v>
      </c>
      <c r="F1245" s="11">
        <v>13</v>
      </c>
      <c r="G1245" s="13">
        <v>0.122641509434</v>
      </c>
      <c r="H1245" s="11">
        <v>50.485001264000005</v>
      </c>
      <c r="I1245" s="13">
        <v>0.47480179906454584</v>
      </c>
      <c r="J1245" s="11">
        <v>-5.3555775439999991</v>
      </c>
      <c r="K1245" s="13">
        <v>-3.4152510817665349E-2</v>
      </c>
      <c r="L1245" s="11">
        <v>-32.173407497000014</v>
      </c>
      <c r="M1245" s="13">
        <v>-0.21242461027255288</v>
      </c>
      <c r="N1245" s="11">
        <v>-37.528985041000013</v>
      </c>
      <c r="O1245" s="13">
        <v>-0.23932228728994653</v>
      </c>
      <c r="P1245" s="7">
        <v>106.32858039600001</v>
      </c>
      <c r="Q1245" s="7">
        <v>102.85800057500001</v>
      </c>
      <c r="R1245" s="7">
        <v>115.866817599</v>
      </c>
      <c r="S1245" s="7">
        <v>128.15575944599999</v>
      </c>
      <c r="T1245" s="7">
        <v>141.369388456</v>
      </c>
      <c r="U1245" s="7">
        <v>171.57126568699999</v>
      </c>
      <c r="V1245" s="7">
        <v>156.81358166000001</v>
      </c>
      <c r="W1245" s="7">
        <v>151.45867242599999</v>
      </c>
      <c r="X1245" s="7">
        <v>162.88536959499999</v>
      </c>
      <c r="Y1245" s="7">
        <v>151.45800411600001</v>
      </c>
      <c r="Z1245" s="7">
        <v>132.58987107300001</v>
      </c>
      <c r="AA1245" s="7">
        <v>139.638019969</v>
      </c>
      <c r="AB1245" s="7">
        <v>133.305379131</v>
      </c>
      <c r="AC1245" s="7">
        <v>112.964170713</v>
      </c>
      <c r="AD1245" s="7">
        <v>118.054064946</v>
      </c>
      <c r="AE1245" s="7">
        <v>117.869857512</v>
      </c>
      <c r="AF1245" s="7">
        <v>119.284596619</v>
      </c>
      <c r="AG1245" s="9">
        <v>4179.8864447000014</v>
      </c>
      <c r="AH1245" s="13">
        <v>0.18447181265848153</v>
      </c>
      <c r="AI1245" s="9">
        <v>648.93424770000274</v>
      </c>
      <c r="AJ1245" s="13">
        <v>2.8639552426400757E-2</v>
      </c>
      <c r="AK1245" s="9">
        <v>6026.7481436999988</v>
      </c>
      <c r="AL1245" s="13">
        <v>0.25857429851878672</v>
      </c>
      <c r="AM1245" s="9">
        <v>-2495.7959467000001</v>
      </c>
      <c r="AN1245" s="13">
        <v>-8.5080988827745702E-2</v>
      </c>
      <c r="AO1245" s="9">
        <v>3530.9521969999987</v>
      </c>
      <c r="AP1245" s="13">
        <v>0.15149355268762194</v>
      </c>
      <c r="AQ1245" s="9">
        <v>22658.672804599999</v>
      </c>
      <c r="AR1245" s="9">
        <v>24852.4322168</v>
      </c>
      <c r="AS1245" s="9">
        <v>23734.286764500001</v>
      </c>
      <c r="AT1245" s="9">
        <v>23222.813778399999</v>
      </c>
      <c r="AU1245" s="9">
        <v>24784.666050299998</v>
      </c>
      <c r="AV1245" s="9">
        <v>26043.3711171</v>
      </c>
      <c r="AW1245" s="9">
        <v>23307.607052300002</v>
      </c>
      <c r="AX1245" s="9">
        <v>23860.634248099999</v>
      </c>
      <c r="AY1245" s="9">
        <v>29522.7266987</v>
      </c>
      <c r="AZ1245" s="9">
        <v>29334.355196</v>
      </c>
      <c r="BA1245" s="9">
        <v>30687.994278900002</v>
      </c>
      <c r="BB1245" s="9">
        <v>32316.258218300001</v>
      </c>
      <c r="BC1245" s="9">
        <v>25963.901978499998</v>
      </c>
      <c r="BD1245" s="9">
        <v>27291.531452300002</v>
      </c>
      <c r="BE1245" s="9">
        <v>28466.375152100001</v>
      </c>
      <c r="BF1245" s="9">
        <v>26838.5592493</v>
      </c>
      <c r="BG1245" s="11">
        <v>-8</v>
      </c>
      <c r="BH1245" s="13">
        <v>-0.4</v>
      </c>
      <c r="BI1245" s="6">
        <v>4</v>
      </c>
      <c r="BJ1245" s="13">
        <v>0.2</v>
      </c>
      <c r="BK1245" s="6">
        <v>-3</v>
      </c>
      <c r="BL1245" s="13">
        <v>-0.125</v>
      </c>
      <c r="BM1245" s="11">
        <v>-9</v>
      </c>
      <c r="BN1245" s="13">
        <v>-0.42857142857142855</v>
      </c>
      <c r="BO1245" s="11">
        <v>-12</v>
      </c>
      <c r="BP1245" s="13">
        <v>-0.5</v>
      </c>
      <c r="BQ1245" s="6">
        <v>20</v>
      </c>
      <c r="BR1245" s="6">
        <v>21</v>
      </c>
      <c r="BS1245" s="6">
        <v>23</v>
      </c>
      <c r="BT1245" s="6">
        <v>24</v>
      </c>
      <c r="BU1245" s="6">
        <v>23</v>
      </c>
      <c r="BV1245" s="6">
        <v>22</v>
      </c>
      <c r="BW1245" s="6">
        <v>21</v>
      </c>
      <c r="BX1245" s="6">
        <v>15</v>
      </c>
      <c r="BY1245" s="6">
        <v>14</v>
      </c>
      <c r="BZ1245" s="6">
        <v>14</v>
      </c>
      <c r="CA1245" s="6">
        <v>12</v>
      </c>
      <c r="CB1245" s="6">
        <v>11</v>
      </c>
      <c r="CC1245" s="11">
        <v>12</v>
      </c>
      <c r="CD1245" s="11">
        <v>14.2121</v>
      </c>
      <c r="CE1245" s="11">
        <v>-12.879099999999999</v>
      </c>
      <c r="CF1245" s="11">
        <v>11.622999999999999</v>
      </c>
      <c r="CG1245" s="11">
        <v>-1</v>
      </c>
      <c r="CH1245" s="20">
        <v>1.0383500000000001</v>
      </c>
      <c r="CI1245" s="20">
        <v>0.98524599999999996</v>
      </c>
      <c r="CJ1245" s="20">
        <v>1.08453</v>
      </c>
      <c r="CK1245" s="20">
        <v>1.1880200000000001</v>
      </c>
      <c r="CL1245" s="20">
        <v>1.212</v>
      </c>
      <c r="CM1245" s="20">
        <v>1.40648</v>
      </c>
      <c r="CN1245" s="20">
        <v>1.36131</v>
      </c>
      <c r="CO1245" s="20">
        <v>1.4381600000000001</v>
      </c>
      <c r="CP1245" s="20">
        <v>1.7302599999999999</v>
      </c>
      <c r="CQ1245" s="20">
        <v>1.6576900000000001</v>
      </c>
      <c r="CR1245" s="20">
        <v>1.5039899999999999</v>
      </c>
      <c r="CS1245" s="20">
        <v>1.58074</v>
      </c>
      <c r="CT1245" s="20">
        <v>1.43283</v>
      </c>
      <c r="CU1245" s="20">
        <v>1.35606</v>
      </c>
      <c r="CV1245" s="20">
        <v>1.41414</v>
      </c>
      <c r="CW1245" s="20">
        <v>1.3975200000000001</v>
      </c>
      <c r="CX1245" s="20">
        <v>1.41174</v>
      </c>
      <c r="CY1245" s="6" t="s">
        <v>593</v>
      </c>
      <c r="CZ1245" s="6" t="s">
        <v>594</v>
      </c>
      <c r="DA1245" s="6" t="s">
        <v>114</v>
      </c>
      <c r="DB1245" s="6"/>
      <c r="DC1245" s="6"/>
      <c r="DD1245" s="6"/>
      <c r="DE1245" s="6"/>
      <c r="DF1245" s="6"/>
      <c r="DG1245" s="6"/>
      <c r="DH1245" s="6" t="s">
        <v>333</v>
      </c>
      <c r="DI1245" s="6"/>
      <c r="DJ1245" s="6"/>
      <c r="DK1245" s="6"/>
      <c r="DL1245" s="6">
        <v>7</v>
      </c>
      <c r="DM1245" s="6" t="s">
        <v>485</v>
      </c>
      <c r="DN1245" s="6">
        <v>8</v>
      </c>
      <c r="DO1245" s="6" t="s">
        <v>486</v>
      </c>
      <c r="DP1245" s="6"/>
      <c r="DQ1245" s="6"/>
    </row>
    <row r="1246" spans="1:121" x14ac:dyDescent="0.2">
      <c r="A1246" s="6" t="s">
        <v>792</v>
      </c>
      <c r="B1246" s="6" t="s">
        <v>176</v>
      </c>
      <c r="C1246" s="6" t="s">
        <v>177</v>
      </c>
      <c r="D1246" s="6" t="s">
        <v>114</v>
      </c>
      <c r="E1246" s="6" t="s">
        <v>255</v>
      </c>
      <c r="F1246" s="11">
        <v>-61</v>
      </c>
      <c r="G1246" s="13">
        <v>-0.24497991967900001</v>
      </c>
      <c r="H1246" s="11">
        <v>-18.778440810000006</v>
      </c>
      <c r="I1246" s="13">
        <v>-7.553058003295296E-2</v>
      </c>
      <c r="J1246" s="11">
        <v>146.16924698399998</v>
      </c>
      <c r="K1246" s="13">
        <v>0.63595553269378169</v>
      </c>
      <c r="L1246" s="11">
        <v>-188.08650314999997</v>
      </c>
      <c r="M1246" s="13">
        <v>-0.50021519225482625</v>
      </c>
      <c r="N1246" s="11">
        <v>-41.917256165999987</v>
      </c>
      <c r="O1246" s="13">
        <v>-0.18237427861298497</v>
      </c>
      <c r="P1246" s="7">
        <v>248.62037074</v>
      </c>
      <c r="Q1246" s="7">
        <v>241.03935898099999</v>
      </c>
      <c r="R1246" s="7">
        <v>236.19144208099999</v>
      </c>
      <c r="S1246" s="7">
        <v>198.46955062699999</v>
      </c>
      <c r="T1246" s="7">
        <v>212.20196385200001</v>
      </c>
      <c r="U1246" s="7">
        <v>216.24070252199999</v>
      </c>
      <c r="V1246" s="7">
        <v>229.84192992999999</v>
      </c>
      <c r="W1246" s="7">
        <v>228.293863383</v>
      </c>
      <c r="X1246" s="7">
        <v>212.07177967499999</v>
      </c>
      <c r="Y1246" s="7">
        <v>376.01117691399998</v>
      </c>
      <c r="Z1246" s="7">
        <v>357.29194938900002</v>
      </c>
      <c r="AA1246" s="7">
        <v>357.43709681899998</v>
      </c>
      <c r="AB1246" s="7">
        <v>409.51520807999998</v>
      </c>
      <c r="AC1246" s="7">
        <v>193.191948309</v>
      </c>
      <c r="AD1246" s="7">
        <v>188.429431851</v>
      </c>
      <c r="AE1246" s="7">
        <v>193.58038497300001</v>
      </c>
      <c r="AF1246" s="7">
        <v>187.924673764</v>
      </c>
      <c r="AG1246" s="9">
        <v>22271.756554699998</v>
      </c>
      <c r="AH1246" s="13">
        <v>0.61150775580512007</v>
      </c>
      <c r="AI1246" s="9">
        <v>5696.3984555999996</v>
      </c>
      <c r="AJ1246" s="13">
        <v>0.15640400105848898</v>
      </c>
      <c r="AK1246" s="9">
        <v>12755.7724198</v>
      </c>
      <c r="AL1246" s="13">
        <v>0.302861922895515</v>
      </c>
      <c r="AM1246" s="9">
        <v>3819.5856792999984</v>
      </c>
      <c r="AN1246" s="13">
        <v>6.9607458613195519E-2</v>
      </c>
      <c r="AO1246" s="9">
        <v>16575.358099099998</v>
      </c>
      <c r="AP1246" s="13">
        <v>0.39355083027217286</v>
      </c>
      <c r="AQ1246" s="9">
        <v>36421.053279</v>
      </c>
      <c r="AR1246" s="9">
        <v>38387.8639138</v>
      </c>
      <c r="AS1246" s="9">
        <v>42011.3892719</v>
      </c>
      <c r="AT1246" s="9">
        <v>43430.337139499999</v>
      </c>
      <c r="AU1246" s="9">
        <v>42200.974984400003</v>
      </c>
      <c r="AV1246" s="9">
        <v>44067.665218000002</v>
      </c>
      <c r="AW1246" s="9">
        <v>42117.451734599999</v>
      </c>
      <c r="AX1246" s="9">
        <v>45992.5874501</v>
      </c>
      <c r="AY1246" s="9">
        <v>50402.3383321</v>
      </c>
      <c r="AZ1246" s="9">
        <v>54873.224154399999</v>
      </c>
      <c r="BA1246" s="9">
        <v>57703.749260600001</v>
      </c>
      <c r="BB1246" s="9">
        <v>60682.582304099997</v>
      </c>
      <c r="BC1246" s="9">
        <v>59053.517826299998</v>
      </c>
      <c r="BD1246" s="9">
        <v>55617.674359500001</v>
      </c>
      <c r="BE1246" s="9">
        <v>56955.754394399999</v>
      </c>
      <c r="BF1246" s="9">
        <v>58692.809833699997</v>
      </c>
      <c r="BG1246" s="11">
        <v>-2</v>
      </c>
      <c r="BH1246" s="13">
        <v>-0.15384615384615385</v>
      </c>
      <c r="BI1246" s="6">
        <v>1</v>
      </c>
      <c r="BJ1246" s="13">
        <v>7.6923076923076927E-2</v>
      </c>
      <c r="BK1246" s="6">
        <v>3</v>
      </c>
      <c r="BL1246" s="13">
        <v>0.21428571428571427</v>
      </c>
      <c r="BM1246" s="11">
        <v>-6</v>
      </c>
      <c r="BN1246" s="13">
        <v>-0.35294117647058826</v>
      </c>
      <c r="BO1246" s="11">
        <v>-3</v>
      </c>
      <c r="BP1246" s="13">
        <v>-0.21428571428571427</v>
      </c>
      <c r="BQ1246" s="6">
        <v>13</v>
      </c>
      <c r="BR1246" s="6">
        <v>15</v>
      </c>
      <c r="BS1246" s="6">
        <v>15</v>
      </c>
      <c r="BT1246" s="6">
        <v>14</v>
      </c>
      <c r="BU1246" s="6">
        <v>14</v>
      </c>
      <c r="BV1246" s="6">
        <v>15</v>
      </c>
      <c r="BW1246" s="6">
        <v>17</v>
      </c>
      <c r="BX1246" s="6">
        <v>15</v>
      </c>
      <c r="BY1246" s="6">
        <v>12</v>
      </c>
      <c r="BZ1246" s="6">
        <v>12</v>
      </c>
      <c r="CA1246" s="6">
        <v>11</v>
      </c>
      <c r="CB1246" s="6">
        <v>11</v>
      </c>
      <c r="CC1246" s="11">
        <v>11</v>
      </c>
      <c r="CD1246" s="11">
        <v>-0.11545</v>
      </c>
      <c r="CE1246" s="11">
        <v>-87.757400000000004</v>
      </c>
      <c r="CF1246" s="11">
        <v>27.177199999999999</v>
      </c>
      <c r="CG1246" s="11">
        <v>-61</v>
      </c>
      <c r="CH1246" s="20">
        <v>1.2682</v>
      </c>
      <c r="CI1246" s="20">
        <v>1.2887900000000001</v>
      </c>
      <c r="CJ1246" s="20">
        <v>1.31915</v>
      </c>
      <c r="CK1246" s="20">
        <v>1.1627700000000001</v>
      </c>
      <c r="CL1246" s="20">
        <v>1.2107300000000001</v>
      </c>
      <c r="CM1246" s="20">
        <v>1.2365299999999999</v>
      </c>
      <c r="CN1246" s="20">
        <v>1.4090800000000001</v>
      </c>
      <c r="CO1246" s="20">
        <v>1.4978</v>
      </c>
      <c r="CP1246" s="20">
        <v>1.53356</v>
      </c>
      <c r="CQ1246" s="20">
        <v>2.65028</v>
      </c>
      <c r="CR1246" s="20">
        <v>2.5322499999999999</v>
      </c>
      <c r="CS1246" s="20">
        <v>2.51003</v>
      </c>
      <c r="CT1246" s="20">
        <v>2.7734800000000002</v>
      </c>
      <c r="CU1246" s="20">
        <v>1.4971000000000001</v>
      </c>
      <c r="CV1246" s="20">
        <v>1.4979</v>
      </c>
      <c r="CW1246" s="20">
        <v>1.55636</v>
      </c>
      <c r="CX1246" s="20">
        <v>1.5178700000000001</v>
      </c>
      <c r="CY1246" s="6" t="s">
        <v>593</v>
      </c>
      <c r="CZ1246" s="6" t="s">
        <v>594</v>
      </c>
      <c r="DA1246" s="6" t="s">
        <v>114</v>
      </c>
      <c r="DB1246" s="6"/>
      <c r="DC1246" s="6"/>
      <c r="DD1246" s="6"/>
      <c r="DE1246" s="6"/>
      <c r="DF1246" s="6"/>
      <c r="DG1246" s="6"/>
      <c r="DH1246" s="6" t="s">
        <v>333</v>
      </c>
      <c r="DI1246" s="6"/>
      <c r="DJ1246" s="6"/>
      <c r="DK1246" s="6"/>
      <c r="DL1246" s="6">
        <v>7</v>
      </c>
      <c r="DM1246" s="6" t="s">
        <v>485</v>
      </c>
      <c r="DN1246" s="6">
        <v>8</v>
      </c>
      <c r="DO1246" s="6" t="s">
        <v>486</v>
      </c>
      <c r="DP1246" s="6"/>
      <c r="DQ1246" s="6"/>
    </row>
    <row r="1247" spans="1:121" x14ac:dyDescent="0.2">
      <c r="A1247" s="6" t="s">
        <v>313</v>
      </c>
      <c r="B1247" s="6" t="s">
        <v>313</v>
      </c>
      <c r="C1247" s="6" t="s">
        <v>178</v>
      </c>
      <c r="D1247" s="6" t="s">
        <v>114</v>
      </c>
      <c r="E1247" s="6" t="s">
        <v>255</v>
      </c>
      <c r="F1247" s="11">
        <v>-33</v>
      </c>
      <c r="G1247" s="13">
        <v>-0.39759036144600002</v>
      </c>
      <c r="H1247" s="11">
        <v>-20.290035811900005</v>
      </c>
      <c r="I1247" s="13">
        <v>-0.24399783660741184</v>
      </c>
      <c r="J1247" s="11">
        <v>-18.856011727800002</v>
      </c>
      <c r="K1247" s="13">
        <v>-0.29993694487923162</v>
      </c>
      <c r="L1247" s="11">
        <v>5.7806130889999991</v>
      </c>
      <c r="M1247" s="13">
        <v>0.13134600467866181</v>
      </c>
      <c r="N1247" s="11">
        <v>-13.075398638800003</v>
      </c>
      <c r="O1247" s="13">
        <v>-0.20798645956598089</v>
      </c>
      <c r="P1247" s="7">
        <v>83.156621771800005</v>
      </c>
      <c r="Q1247" s="7">
        <v>97.191825503199993</v>
      </c>
      <c r="R1247" s="7">
        <v>80.553650565400005</v>
      </c>
      <c r="S1247" s="7">
        <v>87.367690689100002</v>
      </c>
      <c r="T1247" s="7">
        <v>73.128418578099996</v>
      </c>
      <c r="U1247" s="7">
        <v>66.399194815000001</v>
      </c>
      <c r="V1247" s="7">
        <v>62.8665859599</v>
      </c>
      <c r="W1247" s="7">
        <v>47.2892688652</v>
      </c>
      <c r="X1247" s="7">
        <v>44.890833246600003</v>
      </c>
      <c r="Y1247" s="7">
        <v>44.010574232099998</v>
      </c>
      <c r="Z1247" s="7">
        <v>52.103857287499999</v>
      </c>
      <c r="AA1247" s="7">
        <v>46.8566302654</v>
      </c>
      <c r="AB1247" s="7">
        <v>42.792294314700001</v>
      </c>
      <c r="AC1247" s="7">
        <v>52.059224231999998</v>
      </c>
      <c r="AD1247" s="7">
        <v>45.7355383194</v>
      </c>
      <c r="AE1247" s="7">
        <v>47.071326819399999</v>
      </c>
      <c r="AF1247" s="7">
        <v>49.791187321099997</v>
      </c>
      <c r="AG1247" s="9">
        <v>7498.9942408999977</v>
      </c>
      <c r="AH1247" s="13">
        <v>0.56215747940931227</v>
      </c>
      <c r="AI1247" s="9">
        <v>4317.1072818000011</v>
      </c>
      <c r="AJ1247" s="13">
        <v>0.32362928546335445</v>
      </c>
      <c r="AK1247" s="9">
        <v>2882.5498219999972</v>
      </c>
      <c r="AL1247" s="13">
        <v>0.163254600368024</v>
      </c>
      <c r="AM1247" s="9">
        <v>299.33713709999938</v>
      </c>
      <c r="AN1247" s="13">
        <v>1.4573854444897821E-2</v>
      </c>
      <c r="AO1247" s="9">
        <v>3181.8869590999966</v>
      </c>
      <c r="AP1247" s="13">
        <v>0.18020770359614535</v>
      </c>
      <c r="AQ1247" s="9">
        <v>13339.668181200001</v>
      </c>
      <c r="AR1247" s="9">
        <v>10375.5645829</v>
      </c>
      <c r="AS1247" s="9">
        <v>13799.766087100001</v>
      </c>
      <c r="AT1247" s="9">
        <v>15815.334212600001</v>
      </c>
      <c r="AU1247" s="9">
        <v>15059.6697236</v>
      </c>
      <c r="AV1247" s="9">
        <v>17123.072601700002</v>
      </c>
      <c r="AW1247" s="9">
        <v>17656.775463000002</v>
      </c>
      <c r="AX1247" s="9">
        <v>21551.731922300001</v>
      </c>
      <c r="AY1247" s="9">
        <v>19953.677606699999</v>
      </c>
      <c r="AZ1247" s="9">
        <v>20539.325284999999</v>
      </c>
      <c r="BA1247" s="9">
        <v>21283.8240486</v>
      </c>
      <c r="BB1247" s="9">
        <v>20792.730528100001</v>
      </c>
      <c r="BC1247" s="9">
        <v>21848.410039900002</v>
      </c>
      <c r="BD1247" s="9">
        <v>28546.703298299999</v>
      </c>
      <c r="BE1247" s="9">
        <v>23486.0429081</v>
      </c>
      <c r="BF1247" s="9">
        <v>20838.662422099998</v>
      </c>
      <c r="BG1247" s="11">
        <v>-1.25</v>
      </c>
      <c r="BH1247" s="13">
        <v>-0.20833333333333334</v>
      </c>
      <c r="BI1247" s="6">
        <v>0</v>
      </c>
      <c r="BJ1247" s="13">
        <v>0</v>
      </c>
      <c r="BK1247" s="6">
        <v>-1</v>
      </c>
      <c r="BL1247" s="13">
        <v>-0.16666666666666666</v>
      </c>
      <c r="BM1247" s="11">
        <v>-0.25</v>
      </c>
      <c r="BN1247" s="13">
        <v>-0.05</v>
      </c>
      <c r="BO1247" s="11">
        <v>-1.25</v>
      </c>
      <c r="BP1247" s="13">
        <v>-0.20833333333333334</v>
      </c>
      <c r="BQ1247" s="6">
        <v>6</v>
      </c>
      <c r="BR1247" s="6">
        <v>5</v>
      </c>
      <c r="BS1247" s="6">
        <v>6</v>
      </c>
      <c r="BT1247" s="6">
        <v>6</v>
      </c>
      <c r="BU1247" s="6">
        <v>5</v>
      </c>
      <c r="BV1247" s="6">
        <v>5</v>
      </c>
      <c r="BW1247" s="6">
        <v>5</v>
      </c>
      <c r="BX1247" s="6">
        <v>6</v>
      </c>
      <c r="BY1247" s="6">
        <v>5</v>
      </c>
      <c r="BZ1247" s="6">
        <v>5</v>
      </c>
      <c r="CA1247" s="6">
        <v>5</v>
      </c>
      <c r="CB1247" s="6">
        <v>5</v>
      </c>
      <c r="CC1247" s="11">
        <v>4.75</v>
      </c>
      <c r="CD1247" s="11">
        <v>-35.655900000000003</v>
      </c>
      <c r="CE1247" s="11">
        <v>-6.7995099999999997</v>
      </c>
      <c r="CF1247" s="11">
        <v>9.0900200000000009</v>
      </c>
      <c r="CG1247" s="11">
        <v>2</v>
      </c>
      <c r="CH1247" s="20">
        <v>1.1912400000000001</v>
      </c>
      <c r="CI1247" s="20">
        <v>1.38609</v>
      </c>
      <c r="CJ1247" s="20">
        <v>1.1471</v>
      </c>
      <c r="CK1247" s="20">
        <v>1.2741899999999999</v>
      </c>
      <c r="CL1247" s="20">
        <v>1.0140100000000001</v>
      </c>
      <c r="CM1247" s="20">
        <v>0.89781</v>
      </c>
      <c r="CN1247" s="20">
        <v>0.87908200000000003</v>
      </c>
      <c r="CO1247" s="20">
        <v>0.68952899999999995</v>
      </c>
      <c r="CP1247" s="20">
        <v>0.68197600000000003</v>
      </c>
      <c r="CQ1247" s="20">
        <v>0.6452</v>
      </c>
      <c r="CR1247" s="20">
        <v>0.77143899999999999</v>
      </c>
      <c r="CS1247" s="20">
        <v>0.68657699999999999</v>
      </c>
      <c r="CT1247" s="20">
        <v>0.601298</v>
      </c>
      <c r="CU1247" s="20">
        <v>0.83805799999999997</v>
      </c>
      <c r="CV1247" s="20">
        <v>0.75576100000000002</v>
      </c>
      <c r="CW1247" s="20">
        <v>0.78871599999999997</v>
      </c>
      <c r="CX1247" s="20">
        <v>0.83132399999999995</v>
      </c>
      <c r="CY1247" s="6" t="s">
        <v>593</v>
      </c>
      <c r="CZ1247" s="6" t="s">
        <v>594</v>
      </c>
      <c r="DA1247" s="6" t="s">
        <v>114</v>
      </c>
      <c r="DB1247" s="6"/>
      <c r="DC1247" s="6"/>
      <c r="DD1247" s="6"/>
      <c r="DE1247" s="6"/>
      <c r="DF1247" s="6"/>
      <c r="DG1247" s="6"/>
      <c r="DH1247" s="6" t="s">
        <v>333</v>
      </c>
      <c r="DI1247" s="6"/>
      <c r="DJ1247" s="6"/>
      <c r="DK1247" s="6"/>
      <c r="DL1247" s="6">
        <v>7</v>
      </c>
      <c r="DM1247" s="6" t="s">
        <v>485</v>
      </c>
      <c r="DN1247" s="6">
        <v>8</v>
      </c>
      <c r="DO1247" s="6" t="s">
        <v>486</v>
      </c>
      <c r="DP1247" s="6"/>
      <c r="DQ1247" s="6"/>
    </row>
    <row r="1248" spans="1:121" x14ac:dyDescent="0.2">
      <c r="A1248" s="6" t="s">
        <v>793</v>
      </c>
      <c r="B1248" s="6" t="s">
        <v>179</v>
      </c>
      <c r="C1248" s="6" t="s">
        <v>180</v>
      </c>
      <c r="D1248" s="6" t="s">
        <v>114</v>
      </c>
      <c r="E1248" s="6" t="s">
        <v>255</v>
      </c>
      <c r="F1248" s="11">
        <v>29</v>
      </c>
      <c r="G1248" s="13">
        <v>0.15</v>
      </c>
      <c r="H1248" s="11">
        <v>6</v>
      </c>
      <c r="I1248" s="13">
        <v>3.0769230769230771E-2</v>
      </c>
      <c r="J1248" s="11">
        <v>-9</v>
      </c>
      <c r="K1248" s="13">
        <v>-4.4776119402985072E-2</v>
      </c>
      <c r="L1248" s="11">
        <v>32</v>
      </c>
      <c r="M1248" s="13">
        <v>0.16666666666666666</v>
      </c>
      <c r="N1248" s="11">
        <v>23</v>
      </c>
      <c r="O1248" s="13">
        <v>0.11442786069651742</v>
      </c>
      <c r="P1248" s="7">
        <v>195</v>
      </c>
      <c r="Q1248" s="7">
        <v>203</v>
      </c>
      <c r="R1248" s="7">
        <v>208</v>
      </c>
      <c r="S1248" s="7">
        <v>195</v>
      </c>
      <c r="T1248" s="7">
        <v>201</v>
      </c>
      <c r="U1248" s="7">
        <v>198</v>
      </c>
      <c r="V1248" s="7">
        <v>201</v>
      </c>
      <c r="W1248" s="7">
        <v>201</v>
      </c>
      <c r="X1248" s="7">
        <v>196</v>
      </c>
      <c r="Y1248" s="7">
        <v>192</v>
      </c>
      <c r="Z1248" s="7">
        <v>199</v>
      </c>
      <c r="AA1248" s="7">
        <v>220</v>
      </c>
      <c r="AB1248" s="7">
        <v>233</v>
      </c>
      <c r="AC1248" s="7">
        <v>220</v>
      </c>
      <c r="AD1248" s="7">
        <v>218</v>
      </c>
      <c r="AE1248" s="7">
        <v>220</v>
      </c>
      <c r="AF1248" s="7">
        <v>224</v>
      </c>
      <c r="AG1248" s="9">
        <v>6221</v>
      </c>
      <c r="AH1248" s="13">
        <v>0.36118207152810033</v>
      </c>
      <c r="AI1248" s="9">
        <v>4889</v>
      </c>
      <c r="AJ1248" s="13">
        <v>0.28384811890385508</v>
      </c>
      <c r="AK1248" s="9">
        <v>900</v>
      </c>
      <c r="AL1248" s="13">
        <v>4.0700040700040699E-2</v>
      </c>
      <c r="AM1248" s="9">
        <v>432</v>
      </c>
      <c r="AN1248" s="13">
        <v>1.8771998435666796E-2</v>
      </c>
      <c r="AO1248" s="9">
        <v>1332</v>
      </c>
      <c r="AP1248" s="13">
        <v>6.0236060236060235E-2</v>
      </c>
      <c r="AQ1248" s="9">
        <v>17224</v>
      </c>
      <c r="AR1248" s="9">
        <v>17054</v>
      </c>
      <c r="AS1248" s="9">
        <v>17841</v>
      </c>
      <c r="AT1248" s="9">
        <v>19105</v>
      </c>
      <c r="AU1248" s="9">
        <v>20135</v>
      </c>
      <c r="AV1248" s="9">
        <v>20616</v>
      </c>
      <c r="AW1248" s="9">
        <v>22113</v>
      </c>
      <c r="AX1248" s="9">
        <v>25359</v>
      </c>
      <c r="AY1248" s="9">
        <v>22866</v>
      </c>
      <c r="AZ1248" s="9">
        <v>23013</v>
      </c>
      <c r="BA1248" s="9">
        <v>22204</v>
      </c>
      <c r="BB1248" s="9">
        <v>22341</v>
      </c>
      <c r="BC1248" s="9">
        <v>24136</v>
      </c>
      <c r="BD1248" s="9">
        <v>23015</v>
      </c>
      <c r="BE1248" s="9">
        <v>22571</v>
      </c>
      <c r="BF1248" s="9">
        <v>23445</v>
      </c>
      <c r="BG1248" s="11">
        <v>2</v>
      </c>
      <c r="BH1248" s="13">
        <v>8.6956521739130432E-2</v>
      </c>
      <c r="BI1248" s="6">
        <v>-1</v>
      </c>
      <c r="BJ1248" s="13">
        <v>-4.3478260869565216E-2</v>
      </c>
      <c r="BK1248" s="6">
        <v>-2</v>
      </c>
      <c r="BL1248" s="13">
        <v>-9.0909090909090912E-2</v>
      </c>
      <c r="BM1248" s="11">
        <v>5</v>
      </c>
      <c r="BN1248" s="13">
        <v>0.25</v>
      </c>
      <c r="BO1248" s="11">
        <v>3</v>
      </c>
      <c r="BP1248" s="13">
        <v>0.13636363636363635</v>
      </c>
      <c r="BQ1248" s="6">
        <v>23</v>
      </c>
      <c r="BR1248" s="6">
        <v>22</v>
      </c>
      <c r="BS1248" s="6">
        <v>22</v>
      </c>
      <c r="BT1248" s="6">
        <v>22</v>
      </c>
      <c r="BU1248" s="6">
        <v>22</v>
      </c>
      <c r="BV1248" s="6">
        <v>26</v>
      </c>
      <c r="BW1248" s="6">
        <v>20</v>
      </c>
      <c r="BX1248" s="6">
        <v>21</v>
      </c>
      <c r="BY1248" s="6">
        <v>28</v>
      </c>
      <c r="BZ1248" s="6">
        <v>29</v>
      </c>
      <c r="CA1248" s="6">
        <v>27</v>
      </c>
      <c r="CB1248" s="6">
        <v>26</v>
      </c>
      <c r="CC1248" s="11">
        <v>25</v>
      </c>
      <c r="CD1248" s="11">
        <v>20</v>
      </c>
      <c r="CE1248" s="11">
        <v>-13</v>
      </c>
      <c r="CF1248" s="11">
        <v>21</v>
      </c>
      <c r="CG1248" s="11">
        <v>8</v>
      </c>
      <c r="CH1248" s="20">
        <v>1.04</v>
      </c>
      <c r="CI1248" s="20">
        <v>1.06</v>
      </c>
      <c r="CJ1248" s="20">
        <v>1.0900000000000001</v>
      </c>
      <c r="CK1248" s="20">
        <v>1.05</v>
      </c>
      <c r="CL1248" s="20">
        <v>1.04</v>
      </c>
      <c r="CM1248" s="20">
        <v>1.01</v>
      </c>
      <c r="CN1248" s="20">
        <v>1.07</v>
      </c>
      <c r="CO1248" s="20">
        <v>1.1200000000000001</v>
      </c>
      <c r="CP1248" s="20">
        <v>1.1200000000000001</v>
      </c>
      <c r="CQ1248" s="20">
        <v>1.05</v>
      </c>
      <c r="CR1248" s="20">
        <v>1.1000000000000001</v>
      </c>
      <c r="CS1248" s="20">
        <v>1.21</v>
      </c>
      <c r="CT1248" s="20">
        <v>1.23</v>
      </c>
      <c r="CU1248" s="20">
        <v>1.32</v>
      </c>
      <c r="CV1248" s="20">
        <v>1.33</v>
      </c>
      <c r="CW1248" s="20">
        <v>1.35</v>
      </c>
      <c r="CX1248" s="20">
        <v>1.37</v>
      </c>
      <c r="CY1248" s="6" t="s">
        <v>593</v>
      </c>
      <c r="CZ1248" s="6" t="s">
        <v>594</v>
      </c>
      <c r="DA1248" s="6" t="s">
        <v>114</v>
      </c>
      <c r="DB1248" s="6"/>
      <c r="DC1248" s="6"/>
      <c r="DD1248" s="6"/>
      <c r="DE1248" s="6"/>
      <c r="DF1248" s="6"/>
      <c r="DG1248" s="6"/>
      <c r="DH1248" s="6" t="s">
        <v>333</v>
      </c>
      <c r="DI1248" s="6"/>
      <c r="DJ1248" s="6"/>
      <c r="DK1248" s="6"/>
      <c r="DL1248" s="6">
        <v>7</v>
      </c>
      <c r="DM1248" s="6" t="s">
        <v>485</v>
      </c>
      <c r="DN1248" s="6">
        <v>8</v>
      </c>
      <c r="DO1248" s="6" t="s">
        <v>486</v>
      </c>
      <c r="DP1248" s="6"/>
      <c r="DQ1248" s="6"/>
    </row>
    <row r="1249" spans="1:121" x14ac:dyDescent="0.2">
      <c r="A1249" s="6" t="s">
        <v>794</v>
      </c>
      <c r="B1249" s="6" t="s">
        <v>181</v>
      </c>
      <c r="C1249" s="6" t="s">
        <v>182</v>
      </c>
      <c r="D1249" s="6" t="s">
        <v>114</v>
      </c>
      <c r="E1249" s="6" t="s">
        <v>255</v>
      </c>
      <c r="F1249" s="11">
        <v>-70</v>
      </c>
      <c r="G1249" s="13">
        <v>-0.555555555556</v>
      </c>
      <c r="H1249" s="11">
        <v>-16.676441570999998</v>
      </c>
      <c r="I1249" s="13">
        <v>-0.13263021613160689</v>
      </c>
      <c r="J1249" s="11">
        <v>-49.405785149899998</v>
      </c>
      <c r="K1249" s="13">
        <v>-0.45301502653970283</v>
      </c>
      <c r="L1249" s="11">
        <v>-3.8757522414999954</v>
      </c>
      <c r="M1249" s="13">
        <v>-6.497038099418978E-2</v>
      </c>
      <c r="N1249" s="11">
        <v>-53.281537391399993</v>
      </c>
      <c r="O1249" s="13">
        <v>-0.48855284866351512</v>
      </c>
      <c r="P1249" s="7">
        <v>125.73636730299999</v>
      </c>
      <c r="Q1249" s="7">
        <v>124.771632856</v>
      </c>
      <c r="R1249" s="7">
        <v>110.930062875</v>
      </c>
      <c r="S1249" s="7">
        <v>102.624099487</v>
      </c>
      <c r="T1249" s="7">
        <v>126.076490037</v>
      </c>
      <c r="U1249" s="7">
        <v>120.35955464200001</v>
      </c>
      <c r="V1249" s="7">
        <v>109.059925732</v>
      </c>
      <c r="W1249" s="7">
        <v>105.692703917</v>
      </c>
      <c r="X1249" s="7">
        <v>99.990578388200007</v>
      </c>
      <c r="Y1249" s="7">
        <v>59.654140582099998</v>
      </c>
      <c r="Z1249" s="7">
        <v>63.162164710100001</v>
      </c>
      <c r="AA1249" s="7">
        <v>59.5885723285</v>
      </c>
      <c r="AB1249" s="7">
        <v>65.559107593099995</v>
      </c>
      <c r="AC1249" s="7">
        <v>57.959588396400001</v>
      </c>
      <c r="AD1249" s="7">
        <v>59.4542509714</v>
      </c>
      <c r="AE1249" s="7">
        <v>57.959930025699997</v>
      </c>
      <c r="AF1249" s="7">
        <v>55.778388340600003</v>
      </c>
      <c r="AG1249" s="9">
        <v>9181.2739360999985</v>
      </c>
      <c r="AH1249" s="13">
        <v>0.19841462743960123</v>
      </c>
      <c r="AI1249" s="9">
        <v>11480.022844699997</v>
      </c>
      <c r="AJ1249" s="13">
        <v>0.24809241850121963</v>
      </c>
      <c r="AK1249" s="9">
        <v>-10505.132989999998</v>
      </c>
      <c r="AL1249" s="13">
        <v>-0.1818970057749624</v>
      </c>
      <c r="AM1249" s="9">
        <v>8206.3840813999996</v>
      </c>
      <c r="AN1249" s="13">
        <v>0.17368721541672555</v>
      </c>
      <c r="AO1249" s="9">
        <v>-2298.7489085999987</v>
      </c>
      <c r="AP1249" s="13">
        <v>-3.9802974783930134E-2</v>
      </c>
      <c r="AQ1249" s="9">
        <v>46273.170756500003</v>
      </c>
      <c r="AR1249" s="9">
        <v>45038.762199700002</v>
      </c>
      <c r="AS1249" s="9">
        <v>52113.025592999998</v>
      </c>
      <c r="AT1249" s="9">
        <v>50287.343919400002</v>
      </c>
      <c r="AU1249" s="9">
        <v>60010.149891399997</v>
      </c>
      <c r="AV1249" s="9">
        <v>59648.8035982</v>
      </c>
      <c r="AW1249" s="9">
        <v>57753.193601200001</v>
      </c>
      <c r="AX1249" s="9">
        <v>59029.905269000003</v>
      </c>
      <c r="AY1249" s="9">
        <v>57604.211559900003</v>
      </c>
      <c r="AZ1249" s="9">
        <v>47248.060611200002</v>
      </c>
      <c r="BA1249" s="9">
        <v>47886.598552700001</v>
      </c>
      <c r="BB1249" s="9">
        <v>45624.165575599996</v>
      </c>
      <c r="BC1249" s="9">
        <v>45495.236798799997</v>
      </c>
      <c r="BD1249" s="9">
        <v>45314.650268799996</v>
      </c>
      <c r="BE1249" s="9">
        <v>52386.814519899999</v>
      </c>
      <c r="BF1249" s="9">
        <v>55454.444692600002</v>
      </c>
      <c r="BG1249" s="11">
        <v>-0.25</v>
      </c>
      <c r="BH1249" s="13">
        <v>-2.7777777777777776E-2</v>
      </c>
      <c r="BI1249" s="6">
        <v>-1</v>
      </c>
      <c r="BJ1249" s="13">
        <v>-0.1111111111111111</v>
      </c>
      <c r="BK1249" s="6">
        <v>-3</v>
      </c>
      <c r="BL1249" s="13">
        <v>-0.375</v>
      </c>
      <c r="BM1249" s="11">
        <v>3.75</v>
      </c>
      <c r="BN1249" s="13">
        <v>0.75</v>
      </c>
      <c r="BO1249" s="11">
        <v>0.75</v>
      </c>
      <c r="BP1249" s="13">
        <v>9.375E-2</v>
      </c>
      <c r="BQ1249" s="6">
        <v>9</v>
      </c>
      <c r="BR1249" s="6">
        <v>10</v>
      </c>
      <c r="BS1249" s="6">
        <v>10</v>
      </c>
      <c r="BT1249" s="6">
        <v>8</v>
      </c>
      <c r="BU1249" s="6">
        <v>7</v>
      </c>
      <c r="BV1249" s="6">
        <v>9</v>
      </c>
      <c r="BW1249" s="6">
        <v>5</v>
      </c>
      <c r="BX1249" s="6">
        <v>6</v>
      </c>
      <c r="BY1249" s="6">
        <v>8</v>
      </c>
      <c r="BZ1249" s="6">
        <v>7</v>
      </c>
      <c r="CA1249" s="6">
        <v>8</v>
      </c>
      <c r="CB1249" s="6">
        <v>8</v>
      </c>
      <c r="CC1249" s="11">
        <v>8.75</v>
      </c>
      <c r="CD1249" s="11">
        <v>-91.627700000000004</v>
      </c>
      <c r="CE1249" s="11">
        <v>7.9252099999999999</v>
      </c>
      <c r="CF1249" s="11">
        <v>13.7445</v>
      </c>
      <c r="CG1249" s="11">
        <v>22</v>
      </c>
      <c r="CH1249" s="20">
        <v>2.2753899999999998</v>
      </c>
      <c r="CI1249" s="20">
        <v>2.2669299999999999</v>
      </c>
      <c r="CJ1249" s="20">
        <v>2.01668</v>
      </c>
      <c r="CK1249" s="20">
        <v>1.89236</v>
      </c>
      <c r="CL1249" s="20">
        <v>2.1971099999999999</v>
      </c>
      <c r="CM1249" s="20">
        <v>2.03945</v>
      </c>
      <c r="CN1249" s="20">
        <v>1.907</v>
      </c>
      <c r="CO1249" s="20">
        <v>1.92733</v>
      </c>
      <c r="CP1249" s="20">
        <v>1.89419</v>
      </c>
      <c r="CQ1249" s="20">
        <v>1.0839300000000001</v>
      </c>
      <c r="CR1249" s="20">
        <v>1.1440600000000001</v>
      </c>
      <c r="CS1249" s="20">
        <v>1.0640000000000001</v>
      </c>
      <c r="CT1249" s="20">
        <v>1.11585</v>
      </c>
      <c r="CU1249" s="20">
        <v>1.105</v>
      </c>
      <c r="CV1249" s="20">
        <v>1.12368</v>
      </c>
      <c r="CW1249" s="20">
        <v>1.0823700000000001</v>
      </c>
      <c r="CX1249" s="20">
        <v>1.03115</v>
      </c>
      <c r="CY1249" s="6" t="s">
        <v>593</v>
      </c>
      <c r="CZ1249" s="6" t="s">
        <v>594</v>
      </c>
      <c r="DA1249" s="6" t="s">
        <v>114</v>
      </c>
      <c r="DB1249" s="6"/>
      <c r="DC1249" s="6"/>
      <c r="DD1249" s="6"/>
      <c r="DE1249" s="6"/>
      <c r="DF1249" s="6"/>
      <c r="DG1249" s="6"/>
      <c r="DH1249" s="6" t="s">
        <v>333</v>
      </c>
      <c r="DI1249" s="6"/>
      <c r="DJ1249" s="6"/>
      <c r="DK1249" s="6"/>
      <c r="DL1249" s="6">
        <v>7</v>
      </c>
      <c r="DM1249" s="6" t="s">
        <v>485</v>
      </c>
      <c r="DN1249" s="6">
        <v>8</v>
      </c>
      <c r="DO1249" s="6" t="s">
        <v>486</v>
      </c>
      <c r="DP1249" s="6"/>
      <c r="DQ1249" s="6"/>
    </row>
    <row r="1250" spans="1:121" x14ac:dyDescent="0.2">
      <c r="A1250" s="6" t="s">
        <v>314</v>
      </c>
      <c r="B1250" s="6" t="s">
        <v>314</v>
      </c>
      <c r="C1250" s="6" t="s">
        <v>183</v>
      </c>
      <c r="D1250" s="6" t="s">
        <v>114</v>
      </c>
      <c r="E1250" s="6" t="s">
        <v>255</v>
      </c>
      <c r="F1250" s="11">
        <v>1</v>
      </c>
      <c r="G1250" s="13">
        <v>1</v>
      </c>
      <c r="H1250" s="11">
        <v>-13.2377368969</v>
      </c>
      <c r="I1250" s="13">
        <v>-0.49545265491998602</v>
      </c>
      <c r="J1250" s="11">
        <v>-8.4807331031000004</v>
      </c>
      <c r="K1250" s="13">
        <v>-0.62910028989074707</v>
      </c>
      <c r="L1250" s="11">
        <v>0</v>
      </c>
      <c r="M1250" s="13">
        <v>0</v>
      </c>
      <c r="N1250" s="11">
        <v>-8.4807331031000004</v>
      </c>
      <c r="O1250" s="13">
        <v>-0.62910028989074707</v>
      </c>
      <c r="P1250" s="7">
        <v>26.71847</v>
      </c>
      <c r="Q1250" s="7">
        <v>17.000471292</v>
      </c>
      <c r="R1250" s="7">
        <v>18.2634276625</v>
      </c>
      <c r="S1250" s="7">
        <v>14.23742</v>
      </c>
      <c r="T1250" s="7">
        <v>11.323150999999999</v>
      </c>
      <c r="U1250" s="7">
        <v>5</v>
      </c>
      <c r="V1250" s="7">
        <v>13.4807331031</v>
      </c>
      <c r="W1250" s="7">
        <v>5</v>
      </c>
      <c r="X1250" s="7">
        <v>5</v>
      </c>
      <c r="Y1250" s="7">
        <v>5</v>
      </c>
      <c r="Z1250" s="7">
        <v>5</v>
      </c>
      <c r="AA1250" s="7">
        <v>5</v>
      </c>
      <c r="AB1250" s="7">
        <v>5</v>
      </c>
      <c r="AC1250" s="7">
        <v>5</v>
      </c>
      <c r="AD1250" s="7">
        <v>5</v>
      </c>
      <c r="AE1250" s="7">
        <v>5</v>
      </c>
      <c r="AF1250" s="7">
        <v>5</v>
      </c>
      <c r="AG1250" s="9">
        <v>-28419.436718199999</v>
      </c>
      <c r="AH1250" s="13">
        <v>-0.9999648140522992</v>
      </c>
      <c r="AI1250" s="9">
        <v>-18097.367508199997</v>
      </c>
      <c r="AJ1250" s="13">
        <v>-0.63677302666537594</v>
      </c>
      <c r="AK1250" s="9">
        <v>-10322.06921</v>
      </c>
      <c r="AL1250" s="13">
        <v>-0.99990312958484961</v>
      </c>
      <c r="AM1250" s="9">
        <v>0</v>
      </c>
      <c r="AN1250" s="13">
        <v>0</v>
      </c>
      <c r="AO1250" s="9">
        <v>-10322.06921</v>
      </c>
      <c r="AP1250" s="13">
        <v>-0.99990312958484961</v>
      </c>
      <c r="AQ1250" s="9">
        <v>28420.436718199999</v>
      </c>
      <c r="AR1250" s="9">
        <v>40069.220508300001</v>
      </c>
      <c r="AS1250" s="9">
        <v>24492.715176099999</v>
      </c>
      <c r="AT1250" s="9">
        <v>12563.0628836</v>
      </c>
      <c r="AU1250" s="9">
        <v>15221.1908067</v>
      </c>
      <c r="AV1250" s="9">
        <v>1</v>
      </c>
      <c r="AW1250" s="9">
        <v>10323.06921</v>
      </c>
      <c r="AX1250" s="9">
        <v>1</v>
      </c>
      <c r="AY1250" s="9">
        <v>1</v>
      </c>
      <c r="AZ1250" s="9">
        <v>1</v>
      </c>
      <c r="BA1250" s="9">
        <v>1</v>
      </c>
      <c r="BB1250" s="9">
        <v>1</v>
      </c>
      <c r="BC1250" s="9">
        <v>1</v>
      </c>
      <c r="BD1250" s="9">
        <v>1</v>
      </c>
      <c r="BE1250" s="9">
        <v>1</v>
      </c>
      <c r="BF1250" s="9">
        <v>1</v>
      </c>
      <c r="BG1250" s="11">
        <v>-0.25</v>
      </c>
      <c r="BH1250" s="13">
        <v>-0.125</v>
      </c>
      <c r="BI1250" s="6">
        <v>0</v>
      </c>
      <c r="BJ1250" s="13">
        <v>0</v>
      </c>
      <c r="BK1250" s="6">
        <v>0</v>
      </c>
      <c r="BL1250" s="13">
        <v>0</v>
      </c>
      <c r="BM1250" s="11">
        <v>-0.25</v>
      </c>
      <c r="BN1250" s="13">
        <v>-0.125</v>
      </c>
      <c r="BO1250" s="11">
        <v>-0.25</v>
      </c>
      <c r="BP1250" s="13">
        <v>-0.125</v>
      </c>
      <c r="BQ1250" s="6">
        <v>2</v>
      </c>
      <c r="BR1250" s="6">
        <v>2</v>
      </c>
      <c r="BS1250" s="6">
        <v>2</v>
      </c>
      <c r="BT1250" s="6">
        <v>2</v>
      </c>
      <c r="BU1250" s="6">
        <v>2</v>
      </c>
      <c r="BV1250" s="6">
        <v>2</v>
      </c>
      <c r="BW1250" s="6">
        <v>2</v>
      </c>
      <c r="BX1250" s="6">
        <v>2</v>
      </c>
      <c r="BY1250" s="6">
        <v>2</v>
      </c>
      <c r="BZ1250" s="6">
        <v>1</v>
      </c>
      <c r="CA1250" s="6">
        <v>1</v>
      </c>
      <c r="CB1250" s="6">
        <v>2</v>
      </c>
      <c r="CC1250" s="11">
        <v>1.75</v>
      </c>
      <c r="CD1250" s="11">
        <v>-20.0627</v>
      </c>
      <c r="CE1250" s="11">
        <v>-8.1836099999999998</v>
      </c>
      <c r="CF1250" s="11">
        <v>2.9206500000000002</v>
      </c>
      <c r="CG1250" s="11">
        <v>-5</v>
      </c>
      <c r="CH1250" s="20">
        <v>0.61399700000000001</v>
      </c>
      <c r="CI1250" s="20">
        <v>0.40329700000000002</v>
      </c>
      <c r="CJ1250" s="20">
        <v>0.45267099999999999</v>
      </c>
      <c r="CK1250" s="20">
        <v>0.37307000000000001</v>
      </c>
      <c r="CL1250" s="20">
        <v>0.29104000000000002</v>
      </c>
      <c r="CM1250" s="20">
        <v>0.164829</v>
      </c>
      <c r="CN1250" s="20">
        <v>0.36622700000000002</v>
      </c>
      <c r="CO1250" s="20">
        <v>0.101798</v>
      </c>
      <c r="CP1250" s="20">
        <v>3.8063899999999998E-2</v>
      </c>
      <c r="CQ1250" s="20">
        <v>6.6926399999999997E-2</v>
      </c>
      <c r="CR1250" s="20">
        <v>3.3479700000000001E-2</v>
      </c>
      <c r="CS1250" s="20">
        <v>4.9687299999999997E-2</v>
      </c>
      <c r="CT1250" s="20">
        <v>3.9330700000000003E-2</v>
      </c>
      <c r="CU1250" s="20">
        <v>3.2503799999999999E-2</v>
      </c>
      <c r="CV1250" s="20">
        <v>5.4226799999999999E-2</v>
      </c>
      <c r="CW1250" s="20">
        <v>5.2807899999999998E-2</v>
      </c>
      <c r="CX1250" s="20">
        <v>4.7734800000000001E-2</v>
      </c>
      <c r="CY1250" s="6" t="s">
        <v>593</v>
      </c>
      <c r="CZ1250" s="6" t="s">
        <v>594</v>
      </c>
      <c r="DA1250" s="6" t="s">
        <v>114</v>
      </c>
      <c r="DB1250" s="6"/>
      <c r="DC1250" s="6"/>
      <c r="DD1250" s="6"/>
      <c r="DE1250" s="6"/>
      <c r="DF1250" s="6"/>
      <c r="DG1250" s="6"/>
      <c r="DH1250" s="6" t="s">
        <v>333</v>
      </c>
      <c r="DI1250" s="6"/>
      <c r="DJ1250" s="6"/>
      <c r="DK1250" s="6"/>
      <c r="DL1250" s="6">
        <v>7</v>
      </c>
      <c r="DM1250" s="6" t="s">
        <v>485</v>
      </c>
      <c r="DN1250" s="6">
        <v>8</v>
      </c>
      <c r="DO1250" s="6" t="s">
        <v>486</v>
      </c>
      <c r="DP1250" s="6"/>
      <c r="DQ1250" s="6"/>
    </row>
    <row r="1251" spans="1:121" x14ac:dyDescent="0.2">
      <c r="A1251" s="6" t="s">
        <v>315</v>
      </c>
      <c r="B1251" s="6" t="s">
        <v>315</v>
      </c>
      <c r="C1251" s="6" t="s">
        <v>184</v>
      </c>
      <c r="D1251" s="6" t="s">
        <v>114</v>
      </c>
      <c r="E1251" s="6" t="s">
        <v>255</v>
      </c>
      <c r="F1251" s="11">
        <v>7</v>
      </c>
      <c r="G1251" s="13">
        <v>7.0000000000000007E-2</v>
      </c>
      <c r="H1251" s="11">
        <v>-5</v>
      </c>
      <c r="I1251" s="13">
        <v>-4.716981132075472E-2</v>
      </c>
      <c r="J1251" s="11">
        <v>9</v>
      </c>
      <c r="K1251" s="13">
        <v>8.9108910891089105E-2</v>
      </c>
      <c r="L1251" s="11">
        <v>3</v>
      </c>
      <c r="M1251" s="13">
        <v>2.7272727272727271E-2</v>
      </c>
      <c r="N1251" s="11">
        <v>12</v>
      </c>
      <c r="O1251" s="13">
        <v>0.11881188118811881</v>
      </c>
      <c r="P1251" s="7">
        <v>106</v>
      </c>
      <c r="Q1251" s="7">
        <v>108</v>
      </c>
      <c r="R1251" s="7">
        <v>94</v>
      </c>
      <c r="S1251" s="7">
        <v>98</v>
      </c>
      <c r="T1251" s="7">
        <v>100</v>
      </c>
      <c r="U1251" s="7">
        <v>99</v>
      </c>
      <c r="V1251" s="7">
        <v>101</v>
      </c>
      <c r="W1251" s="7">
        <v>106</v>
      </c>
      <c r="X1251" s="7">
        <v>113</v>
      </c>
      <c r="Y1251" s="7">
        <v>110</v>
      </c>
      <c r="Z1251" s="7">
        <v>108</v>
      </c>
      <c r="AA1251" s="7">
        <v>96</v>
      </c>
      <c r="AB1251" s="7">
        <v>101</v>
      </c>
      <c r="AC1251" s="7">
        <v>104</v>
      </c>
      <c r="AD1251" s="7">
        <v>107</v>
      </c>
      <c r="AE1251" s="7">
        <v>111</v>
      </c>
      <c r="AF1251" s="7">
        <v>113</v>
      </c>
      <c r="AG1251" s="9">
        <v>17921</v>
      </c>
      <c r="AH1251" s="13">
        <v>0.620146722956606</v>
      </c>
      <c r="AI1251" s="9">
        <v>7373</v>
      </c>
      <c r="AJ1251" s="13">
        <v>0.25513876392829954</v>
      </c>
      <c r="AK1251" s="9">
        <v>1060</v>
      </c>
      <c r="AL1251" s="13">
        <v>2.9224449284552399E-2</v>
      </c>
      <c r="AM1251" s="9">
        <v>9488</v>
      </c>
      <c r="AN1251" s="13">
        <v>0.25415874206423616</v>
      </c>
      <c r="AO1251" s="9">
        <v>10548</v>
      </c>
      <c r="AP1251" s="13">
        <v>0.29081084061647045</v>
      </c>
      <c r="AQ1251" s="9">
        <v>28898</v>
      </c>
      <c r="AR1251" s="9">
        <v>30684</v>
      </c>
      <c r="AS1251" s="9">
        <v>32806</v>
      </c>
      <c r="AT1251" s="9">
        <v>33387</v>
      </c>
      <c r="AU1251" s="9">
        <v>34463</v>
      </c>
      <c r="AV1251" s="9">
        <v>36041</v>
      </c>
      <c r="AW1251" s="9">
        <v>36271</v>
      </c>
      <c r="AX1251" s="9">
        <v>37152</v>
      </c>
      <c r="AY1251" s="9">
        <v>37650</v>
      </c>
      <c r="AZ1251" s="9">
        <v>37331</v>
      </c>
      <c r="BA1251" s="9">
        <v>38582</v>
      </c>
      <c r="BB1251" s="9">
        <v>41632</v>
      </c>
      <c r="BC1251" s="9">
        <v>43972</v>
      </c>
      <c r="BD1251" s="9">
        <v>42136</v>
      </c>
      <c r="BE1251" s="9">
        <v>44118</v>
      </c>
      <c r="BF1251" s="9">
        <v>46819</v>
      </c>
      <c r="BG1251" s="11">
        <v>-3</v>
      </c>
      <c r="BH1251" s="13">
        <v>-0.23076923076923078</v>
      </c>
      <c r="BI1251" s="6">
        <v>-1</v>
      </c>
      <c r="BJ1251" s="13">
        <v>-7.6923076923076927E-2</v>
      </c>
      <c r="BK1251" s="6">
        <v>0</v>
      </c>
      <c r="BL1251" s="13">
        <v>0</v>
      </c>
      <c r="BM1251" s="11">
        <v>-2</v>
      </c>
      <c r="BN1251" s="13">
        <v>-0.16666666666666666</v>
      </c>
      <c r="BO1251" s="11">
        <v>-2</v>
      </c>
      <c r="BP1251" s="13">
        <v>-0.16666666666666666</v>
      </c>
      <c r="BQ1251" s="6">
        <v>13</v>
      </c>
      <c r="BR1251" s="6">
        <v>14</v>
      </c>
      <c r="BS1251" s="6">
        <v>13</v>
      </c>
      <c r="BT1251" s="6">
        <v>12</v>
      </c>
      <c r="BU1251" s="6">
        <v>13</v>
      </c>
      <c r="BV1251" s="6">
        <v>13</v>
      </c>
      <c r="BW1251" s="6">
        <v>12</v>
      </c>
      <c r="BX1251" s="6">
        <v>12</v>
      </c>
      <c r="BY1251" s="6">
        <v>11</v>
      </c>
      <c r="BZ1251" s="6">
        <v>10</v>
      </c>
      <c r="CA1251" s="6">
        <v>10</v>
      </c>
      <c r="CB1251" s="6">
        <v>10</v>
      </c>
      <c r="CC1251" s="11">
        <v>10</v>
      </c>
      <c r="CD1251" s="11">
        <v>3</v>
      </c>
      <c r="CE1251" s="11">
        <v>-8</v>
      </c>
      <c r="CF1251" s="11">
        <v>12</v>
      </c>
      <c r="CG1251" s="11">
        <v>4</v>
      </c>
      <c r="CH1251" s="20">
        <v>1.5</v>
      </c>
      <c r="CI1251" s="20">
        <v>1.49</v>
      </c>
      <c r="CJ1251" s="20">
        <v>1.26</v>
      </c>
      <c r="CK1251" s="20">
        <v>1.35</v>
      </c>
      <c r="CL1251" s="20">
        <v>1.32</v>
      </c>
      <c r="CM1251" s="20">
        <v>1.27</v>
      </c>
      <c r="CN1251" s="20">
        <v>1.36</v>
      </c>
      <c r="CO1251" s="20">
        <v>1.53</v>
      </c>
      <c r="CP1251" s="20">
        <v>1.66</v>
      </c>
      <c r="CQ1251" s="20">
        <v>1.56</v>
      </c>
      <c r="CR1251" s="20">
        <v>1.56</v>
      </c>
      <c r="CS1251" s="20">
        <v>1.38</v>
      </c>
      <c r="CT1251" s="20">
        <v>1.4</v>
      </c>
      <c r="CU1251" s="20">
        <v>1.68</v>
      </c>
      <c r="CV1251" s="20">
        <v>1.76</v>
      </c>
      <c r="CW1251" s="20">
        <v>1.82</v>
      </c>
      <c r="CX1251" s="20">
        <v>1.84</v>
      </c>
      <c r="CY1251" s="6" t="s">
        <v>593</v>
      </c>
      <c r="CZ1251" s="6" t="s">
        <v>594</v>
      </c>
      <c r="DA1251" s="6" t="s">
        <v>114</v>
      </c>
      <c r="DB1251" s="6"/>
      <c r="DC1251" s="6"/>
      <c r="DD1251" s="6"/>
      <c r="DE1251" s="6"/>
      <c r="DF1251" s="6"/>
      <c r="DG1251" s="6"/>
      <c r="DH1251" s="6" t="s">
        <v>333</v>
      </c>
      <c r="DI1251" s="6"/>
      <c r="DJ1251" s="6"/>
      <c r="DK1251" s="6"/>
      <c r="DL1251" s="6">
        <v>7</v>
      </c>
      <c r="DM1251" s="6" t="s">
        <v>485</v>
      </c>
      <c r="DN1251" s="6">
        <v>8</v>
      </c>
      <c r="DO1251" s="6" t="s">
        <v>486</v>
      </c>
      <c r="DP1251" s="6"/>
      <c r="DQ1251" s="6"/>
    </row>
    <row r="1252" spans="1:121" x14ac:dyDescent="0.2">
      <c r="A1252" s="6" t="s">
        <v>316</v>
      </c>
      <c r="B1252" s="6" t="s">
        <v>316</v>
      </c>
      <c r="C1252" s="6" t="s">
        <v>185</v>
      </c>
      <c r="D1252" s="6" t="s">
        <v>114</v>
      </c>
      <c r="E1252" s="6" t="s">
        <v>255</v>
      </c>
      <c r="F1252" s="11">
        <v>9</v>
      </c>
      <c r="G1252" s="13">
        <v>0.64</v>
      </c>
      <c r="H1252" s="11">
        <v>-3</v>
      </c>
      <c r="I1252" s="13">
        <v>-0.21428571428571427</v>
      </c>
      <c r="J1252" s="11">
        <v>-1</v>
      </c>
      <c r="K1252" s="13">
        <v>-9.0909090909090912E-2</v>
      </c>
      <c r="L1252" s="11">
        <v>13</v>
      </c>
      <c r="M1252" s="13">
        <v>1.3</v>
      </c>
      <c r="N1252" s="11">
        <v>12</v>
      </c>
      <c r="O1252" s="13">
        <v>1.0909090909090908</v>
      </c>
      <c r="P1252" s="7">
        <v>14</v>
      </c>
      <c r="Q1252" s="7">
        <v>19</v>
      </c>
      <c r="R1252" s="7">
        <v>12</v>
      </c>
      <c r="S1252" s="7">
        <v>11</v>
      </c>
      <c r="T1252" s="7">
        <v>12</v>
      </c>
      <c r="U1252" s="7">
        <v>5</v>
      </c>
      <c r="V1252" s="7">
        <v>11</v>
      </c>
      <c r="W1252" s="7">
        <v>14</v>
      </c>
      <c r="X1252" s="7">
        <v>5</v>
      </c>
      <c r="Y1252" s="7">
        <v>10</v>
      </c>
      <c r="Z1252" s="7">
        <v>10</v>
      </c>
      <c r="AA1252" s="7">
        <v>14</v>
      </c>
      <c r="AB1252" s="7">
        <v>12</v>
      </c>
      <c r="AC1252" s="7">
        <v>13</v>
      </c>
      <c r="AD1252" s="7">
        <v>21</v>
      </c>
      <c r="AE1252" s="7">
        <v>21</v>
      </c>
      <c r="AF1252" s="7">
        <v>23</v>
      </c>
      <c r="AG1252" s="9">
        <v>149</v>
      </c>
      <c r="AH1252" s="13">
        <v>5.1078125535634709E-3</v>
      </c>
      <c r="AI1252" s="9">
        <v>-4965</v>
      </c>
      <c r="AJ1252" s="13">
        <v>-0.1702032840835076</v>
      </c>
      <c r="AK1252" s="9">
        <v>-1440</v>
      </c>
      <c r="AL1252" s="13">
        <v>-5.9489382797653471E-2</v>
      </c>
      <c r="AM1252" s="9">
        <v>6554</v>
      </c>
      <c r="AN1252" s="13">
        <v>0.28788544320477905</v>
      </c>
      <c r="AO1252" s="9">
        <v>5114</v>
      </c>
      <c r="AP1252" s="13">
        <v>0.21126993307444436</v>
      </c>
      <c r="AQ1252" s="9">
        <v>29171</v>
      </c>
      <c r="AR1252" s="9">
        <v>12955</v>
      </c>
      <c r="AS1252" s="9">
        <v>13271</v>
      </c>
      <c r="AT1252" s="9">
        <v>20556</v>
      </c>
      <c r="AU1252" s="9">
        <v>18347</v>
      </c>
      <c r="AV1252" s="9">
        <v>1</v>
      </c>
      <c r="AW1252" s="9">
        <v>24206</v>
      </c>
      <c r="AX1252" s="9">
        <v>24414</v>
      </c>
      <c r="AY1252" s="9">
        <v>1</v>
      </c>
      <c r="AZ1252" s="9">
        <v>22766</v>
      </c>
      <c r="BA1252" s="9">
        <v>14613</v>
      </c>
      <c r="BB1252" s="9">
        <v>22132</v>
      </c>
      <c r="BC1252" s="9">
        <v>18906</v>
      </c>
      <c r="BD1252" s="9">
        <v>29300</v>
      </c>
      <c r="BE1252" s="9">
        <v>24838</v>
      </c>
      <c r="BF1252" s="9">
        <v>29320</v>
      </c>
      <c r="BG1252" s="11">
        <v>-1</v>
      </c>
      <c r="BH1252" s="13">
        <v>-0.33333333333333331</v>
      </c>
      <c r="BI1252" s="6">
        <v>1</v>
      </c>
      <c r="BJ1252" s="13">
        <v>0.33333333333333331</v>
      </c>
      <c r="BK1252" s="6">
        <v>-2</v>
      </c>
      <c r="BL1252" s="13">
        <v>-0.5</v>
      </c>
      <c r="BM1252" s="11">
        <v>0</v>
      </c>
      <c r="BN1252" s="13">
        <v>0</v>
      </c>
      <c r="BO1252" s="11">
        <v>-2</v>
      </c>
      <c r="BP1252" s="13">
        <v>-0.5</v>
      </c>
      <c r="BQ1252" s="6">
        <v>3</v>
      </c>
      <c r="BR1252" s="6">
        <v>3</v>
      </c>
      <c r="BS1252" s="6">
        <v>3</v>
      </c>
      <c r="BT1252" s="6">
        <v>4</v>
      </c>
      <c r="BU1252" s="6">
        <v>3</v>
      </c>
      <c r="BV1252" s="6">
        <v>2</v>
      </c>
      <c r="BW1252" s="6">
        <v>2</v>
      </c>
      <c r="BX1252" s="6">
        <v>2</v>
      </c>
      <c r="BY1252" s="6">
        <v>2</v>
      </c>
      <c r="BZ1252" s="6">
        <v>2</v>
      </c>
      <c r="CA1252" s="6">
        <v>2</v>
      </c>
      <c r="CB1252" s="6">
        <v>3</v>
      </c>
      <c r="CC1252" s="11">
        <v>2</v>
      </c>
      <c r="CD1252" s="11">
        <v>8</v>
      </c>
      <c r="CE1252" s="11">
        <v>-1</v>
      </c>
      <c r="CF1252" s="11">
        <v>2</v>
      </c>
      <c r="CG1252" s="11">
        <v>1</v>
      </c>
      <c r="CH1252" s="20">
        <v>0.48</v>
      </c>
      <c r="CI1252" s="20">
        <v>0.62</v>
      </c>
      <c r="CJ1252" s="20">
        <v>0.4</v>
      </c>
      <c r="CK1252" s="20">
        <v>0.34</v>
      </c>
      <c r="CL1252" s="20">
        <v>0.35</v>
      </c>
      <c r="CM1252" s="20">
        <v>0.24</v>
      </c>
      <c r="CN1252" s="20">
        <v>0.34</v>
      </c>
      <c r="CO1252" s="20">
        <v>0.47</v>
      </c>
      <c r="CP1252" s="20">
        <v>0.33</v>
      </c>
      <c r="CQ1252" s="20">
        <v>0.35</v>
      </c>
      <c r="CR1252" s="20">
        <v>0.36</v>
      </c>
      <c r="CS1252" s="20">
        <v>0.48</v>
      </c>
      <c r="CT1252" s="20">
        <v>0.4</v>
      </c>
      <c r="CU1252" s="20">
        <v>0.5</v>
      </c>
      <c r="CV1252" s="20">
        <v>0.82</v>
      </c>
      <c r="CW1252" s="20">
        <v>0.81</v>
      </c>
      <c r="CX1252" s="20">
        <v>0.88</v>
      </c>
      <c r="CY1252" s="6" t="s">
        <v>593</v>
      </c>
      <c r="CZ1252" s="6" t="s">
        <v>594</v>
      </c>
      <c r="DA1252" s="6" t="s">
        <v>114</v>
      </c>
      <c r="DB1252" s="6"/>
      <c r="DC1252" s="6"/>
      <c r="DD1252" s="6"/>
      <c r="DE1252" s="6"/>
      <c r="DF1252" s="6"/>
      <c r="DG1252" s="6"/>
      <c r="DH1252" s="6" t="s">
        <v>333</v>
      </c>
      <c r="DI1252" s="6"/>
      <c r="DJ1252" s="6"/>
      <c r="DK1252" s="6"/>
      <c r="DL1252" s="6">
        <v>7</v>
      </c>
      <c r="DM1252" s="6" t="s">
        <v>485</v>
      </c>
      <c r="DN1252" s="6">
        <v>8</v>
      </c>
      <c r="DO1252" s="6" t="s">
        <v>486</v>
      </c>
      <c r="DP1252" s="6"/>
      <c r="DQ1252" s="6"/>
    </row>
    <row r="1253" spans="1:121" x14ac:dyDescent="0.2">
      <c r="A1253" s="6" t="s">
        <v>317</v>
      </c>
      <c r="B1253" s="6" t="s">
        <v>317</v>
      </c>
      <c r="C1253" s="6" t="s">
        <v>186</v>
      </c>
      <c r="D1253" s="6" t="s">
        <v>114</v>
      </c>
      <c r="E1253" s="6" t="s">
        <v>255</v>
      </c>
      <c r="F1253" s="11">
        <v>-15</v>
      </c>
      <c r="G1253" s="13">
        <v>-0.45</v>
      </c>
      <c r="H1253" s="11">
        <v>1</v>
      </c>
      <c r="I1253" s="13">
        <v>3.0303030303030304E-2</v>
      </c>
      <c r="J1253" s="11">
        <v>-17</v>
      </c>
      <c r="K1253" s="13">
        <v>-0.5</v>
      </c>
      <c r="L1253" s="11">
        <v>1</v>
      </c>
      <c r="M1253" s="13">
        <v>5.8823529411764705E-2</v>
      </c>
      <c r="N1253" s="11">
        <v>-16</v>
      </c>
      <c r="O1253" s="13">
        <v>-0.47058823529411759</v>
      </c>
      <c r="P1253" s="7">
        <v>33</v>
      </c>
      <c r="Q1253" s="7">
        <v>38</v>
      </c>
      <c r="R1253" s="7">
        <v>40</v>
      </c>
      <c r="S1253" s="7">
        <v>39</v>
      </c>
      <c r="T1253" s="7">
        <v>36</v>
      </c>
      <c r="U1253" s="7">
        <v>32</v>
      </c>
      <c r="V1253" s="7">
        <v>34</v>
      </c>
      <c r="W1253" s="7">
        <v>18</v>
      </c>
      <c r="X1253" s="7">
        <v>20</v>
      </c>
      <c r="Y1253" s="7">
        <v>17</v>
      </c>
      <c r="Z1253" s="7">
        <v>22</v>
      </c>
      <c r="AA1253" s="7">
        <v>20</v>
      </c>
      <c r="AB1253" s="7">
        <v>20</v>
      </c>
      <c r="AC1253" s="7">
        <v>19</v>
      </c>
      <c r="AD1253" s="7">
        <v>18</v>
      </c>
      <c r="AE1253" s="7">
        <v>18</v>
      </c>
      <c r="AF1253" s="7">
        <v>18</v>
      </c>
      <c r="AG1253" s="9">
        <v>483</v>
      </c>
      <c r="AH1253" s="13">
        <v>1.3969631236442516E-2</v>
      </c>
      <c r="AI1253" s="9">
        <v>-9961</v>
      </c>
      <c r="AJ1253" s="13">
        <v>-0.28809833694866233</v>
      </c>
      <c r="AK1253" s="9">
        <v>-336</v>
      </c>
      <c r="AL1253" s="13">
        <v>-1.3650767855691885E-2</v>
      </c>
      <c r="AM1253" s="9">
        <v>10780</v>
      </c>
      <c r="AN1253" s="13">
        <v>0.44402339566685889</v>
      </c>
      <c r="AO1253" s="9">
        <v>10444</v>
      </c>
      <c r="AP1253" s="13">
        <v>0.42431136751442267</v>
      </c>
      <c r="AQ1253" s="9">
        <v>34575</v>
      </c>
      <c r="AR1253" s="9">
        <v>28422</v>
      </c>
      <c r="AS1253" s="9">
        <v>30173</v>
      </c>
      <c r="AT1253" s="9">
        <v>28831</v>
      </c>
      <c r="AU1253" s="9">
        <v>30319</v>
      </c>
      <c r="AV1253" s="9">
        <v>32032</v>
      </c>
      <c r="AW1253" s="9">
        <v>24614</v>
      </c>
      <c r="AX1253" s="9">
        <v>27994</v>
      </c>
      <c r="AY1253" s="9">
        <v>21287</v>
      </c>
      <c r="AZ1253" s="9">
        <v>24278</v>
      </c>
      <c r="BA1253" s="9">
        <v>29971</v>
      </c>
      <c r="BB1253" s="9">
        <v>34035</v>
      </c>
      <c r="BC1253" s="9">
        <v>34775</v>
      </c>
      <c r="BD1253" s="9">
        <v>34057</v>
      </c>
      <c r="BE1253" s="9">
        <v>37417</v>
      </c>
      <c r="BF1253" s="9">
        <v>35058</v>
      </c>
      <c r="BG1253" s="11">
        <v>0</v>
      </c>
      <c r="BH1253" s="13">
        <v>0</v>
      </c>
      <c r="BI1253" s="6">
        <v>2</v>
      </c>
      <c r="BJ1253" s="13">
        <v>0.4</v>
      </c>
      <c r="BK1253" s="6">
        <v>-1</v>
      </c>
      <c r="BL1253" s="13">
        <v>-0.14285714285714285</v>
      </c>
      <c r="BM1253" s="11">
        <v>-1</v>
      </c>
      <c r="BN1253" s="13">
        <v>-0.16666666666666666</v>
      </c>
      <c r="BO1253" s="11">
        <v>-2</v>
      </c>
      <c r="BP1253" s="13">
        <v>-0.2857142857142857</v>
      </c>
      <c r="BQ1253" s="6">
        <v>5</v>
      </c>
      <c r="BR1253" s="6">
        <v>5</v>
      </c>
      <c r="BS1253" s="6">
        <v>6</v>
      </c>
      <c r="BT1253" s="6">
        <v>7</v>
      </c>
      <c r="BU1253" s="6">
        <v>8</v>
      </c>
      <c r="BV1253" s="6">
        <v>6</v>
      </c>
      <c r="BW1253" s="6">
        <v>6</v>
      </c>
      <c r="BX1253" s="6">
        <v>6</v>
      </c>
      <c r="BY1253" s="6">
        <v>4</v>
      </c>
      <c r="BZ1253" s="6">
        <v>5</v>
      </c>
      <c r="CA1253" s="6">
        <v>5</v>
      </c>
      <c r="CB1253" s="6">
        <v>5</v>
      </c>
      <c r="CC1253" s="11">
        <v>5</v>
      </c>
      <c r="CD1253" s="11">
        <v>-25</v>
      </c>
      <c r="CE1253" s="11">
        <v>7</v>
      </c>
      <c r="CF1253" s="11">
        <v>4</v>
      </c>
      <c r="CG1253" s="11">
        <v>11</v>
      </c>
      <c r="CH1253" s="20">
        <v>0.35</v>
      </c>
      <c r="CI1253" s="20">
        <v>0.41</v>
      </c>
      <c r="CJ1253" s="20">
        <v>0.42</v>
      </c>
      <c r="CK1253" s="20">
        <v>0.42</v>
      </c>
      <c r="CL1253" s="20">
        <v>0.36</v>
      </c>
      <c r="CM1253" s="20">
        <v>0.31</v>
      </c>
      <c r="CN1253" s="20">
        <v>0.33</v>
      </c>
      <c r="CO1253" s="20">
        <v>0.17</v>
      </c>
      <c r="CP1253" s="20">
        <v>0.2</v>
      </c>
      <c r="CQ1253" s="20">
        <v>0.16</v>
      </c>
      <c r="CR1253" s="20">
        <v>0.21</v>
      </c>
      <c r="CS1253" s="20">
        <v>0.19</v>
      </c>
      <c r="CT1253" s="20">
        <v>0.18</v>
      </c>
      <c r="CU1253" s="20">
        <v>0.19</v>
      </c>
      <c r="CV1253" s="20">
        <v>0.19</v>
      </c>
      <c r="CW1253" s="20">
        <v>0.18</v>
      </c>
      <c r="CX1253" s="20">
        <v>0.18</v>
      </c>
      <c r="CY1253" s="6" t="s">
        <v>593</v>
      </c>
      <c r="CZ1253" s="6" t="s">
        <v>594</v>
      </c>
      <c r="DA1253" s="6" t="s">
        <v>114</v>
      </c>
      <c r="DB1253" s="6"/>
      <c r="DC1253" s="6"/>
      <c r="DD1253" s="6"/>
      <c r="DE1253" s="6"/>
      <c r="DF1253" s="6"/>
      <c r="DG1253" s="6"/>
      <c r="DH1253" s="6" t="s">
        <v>333</v>
      </c>
      <c r="DI1253" s="6"/>
      <c r="DJ1253" s="6"/>
      <c r="DK1253" s="6"/>
      <c r="DL1253" s="6">
        <v>7</v>
      </c>
      <c r="DM1253" s="6" t="s">
        <v>485</v>
      </c>
      <c r="DN1253" s="6">
        <v>8</v>
      </c>
      <c r="DO1253" s="6" t="s">
        <v>486</v>
      </c>
      <c r="DP1253" s="6"/>
      <c r="DQ1253" s="6"/>
    </row>
    <row r="1254" spans="1:121" x14ac:dyDescent="0.2">
      <c r="A1254" s="6" t="s">
        <v>318</v>
      </c>
      <c r="B1254" s="6" t="s">
        <v>318</v>
      </c>
      <c r="C1254" s="6" t="s">
        <v>187</v>
      </c>
      <c r="D1254" s="6" t="s">
        <v>114</v>
      </c>
      <c r="E1254" s="6" t="s">
        <v>255</v>
      </c>
      <c r="F1254" s="11">
        <v>1</v>
      </c>
      <c r="G1254" s="13">
        <v>1</v>
      </c>
      <c r="H1254" s="11">
        <v>-10.887435</v>
      </c>
      <c r="I1254" s="13">
        <v>-0.68528588787302669</v>
      </c>
      <c r="J1254" s="11">
        <v>0</v>
      </c>
      <c r="K1254" s="13">
        <v>0</v>
      </c>
      <c r="L1254" s="11">
        <v>0</v>
      </c>
      <c r="M1254" s="13">
        <v>0</v>
      </c>
      <c r="N1254" s="11">
        <v>0</v>
      </c>
      <c r="O1254" s="13">
        <v>0</v>
      </c>
      <c r="P1254" s="7">
        <v>15.887435</v>
      </c>
      <c r="Q1254" s="7">
        <v>13.738125999999999</v>
      </c>
      <c r="R1254" s="7">
        <v>5</v>
      </c>
      <c r="S1254" s="7">
        <v>5</v>
      </c>
      <c r="T1254" s="7">
        <v>5</v>
      </c>
      <c r="U1254" s="7">
        <v>5</v>
      </c>
      <c r="V1254" s="7">
        <v>5</v>
      </c>
      <c r="W1254" s="7">
        <v>5</v>
      </c>
      <c r="X1254" s="7">
        <v>5</v>
      </c>
      <c r="Y1254" s="7">
        <v>5</v>
      </c>
      <c r="Z1254" s="7">
        <v>5</v>
      </c>
      <c r="AA1254" s="7">
        <v>5</v>
      </c>
      <c r="AB1254" s="7">
        <v>5</v>
      </c>
      <c r="AC1254" s="7">
        <v>5</v>
      </c>
      <c r="AD1254" s="7">
        <v>5</v>
      </c>
      <c r="AE1254" s="7">
        <v>5</v>
      </c>
      <c r="AF1254" s="7">
        <v>5</v>
      </c>
      <c r="AG1254" s="9">
        <v>-25326.819852699999</v>
      </c>
      <c r="AH1254" s="13">
        <v>-0.99996051772296957</v>
      </c>
      <c r="AI1254" s="9">
        <v>-25326.819852699999</v>
      </c>
      <c r="AJ1254" s="13">
        <v>-0.99996051772296957</v>
      </c>
      <c r="AK1254" s="9">
        <v>0</v>
      </c>
      <c r="AL1254" s="13">
        <v>0</v>
      </c>
      <c r="AM1254" s="9">
        <v>0</v>
      </c>
      <c r="AN1254" s="13">
        <v>0</v>
      </c>
      <c r="AO1254" s="9">
        <v>0</v>
      </c>
      <c r="AP1254" s="13">
        <v>0</v>
      </c>
      <c r="AQ1254" s="9">
        <v>25327.819852699999</v>
      </c>
      <c r="AR1254" s="9">
        <v>50739.119317299999</v>
      </c>
      <c r="AS1254" s="9">
        <v>1</v>
      </c>
      <c r="AT1254" s="9">
        <v>1</v>
      </c>
      <c r="AU1254" s="9">
        <v>1</v>
      </c>
      <c r="AV1254" s="9">
        <v>1</v>
      </c>
      <c r="AW1254" s="9">
        <v>1</v>
      </c>
      <c r="AX1254" s="9">
        <v>1</v>
      </c>
      <c r="AY1254" s="9">
        <v>1</v>
      </c>
      <c r="AZ1254" s="9">
        <v>1</v>
      </c>
      <c r="BA1254" s="9">
        <v>1</v>
      </c>
      <c r="BB1254" s="9">
        <v>1</v>
      </c>
      <c r="BC1254" s="9">
        <v>1</v>
      </c>
      <c r="BD1254" s="9">
        <v>1</v>
      </c>
      <c r="BE1254" s="9">
        <v>1</v>
      </c>
      <c r="BF1254" s="9">
        <v>1</v>
      </c>
      <c r="BG1254" s="11">
        <v>0</v>
      </c>
      <c r="BH1254" s="13">
        <v>0</v>
      </c>
      <c r="BI1254" s="6">
        <v>0</v>
      </c>
      <c r="BJ1254" s="13">
        <v>0</v>
      </c>
      <c r="BK1254" s="6">
        <v>1</v>
      </c>
      <c r="BL1254" s="13">
        <v>1</v>
      </c>
      <c r="BM1254" s="11">
        <v>-1</v>
      </c>
      <c r="BN1254" s="13">
        <v>-0.5</v>
      </c>
      <c r="BO1254" s="11">
        <v>0</v>
      </c>
      <c r="BP1254" s="13">
        <v>0</v>
      </c>
      <c r="BQ1254" s="6">
        <v>1</v>
      </c>
      <c r="BR1254" s="6">
        <v>1</v>
      </c>
      <c r="BS1254" s="6">
        <v>1</v>
      </c>
      <c r="BT1254" s="6">
        <v>1</v>
      </c>
      <c r="BU1254" s="6">
        <v>2</v>
      </c>
      <c r="BV1254" s="6">
        <v>2</v>
      </c>
      <c r="BW1254" s="6">
        <v>2</v>
      </c>
      <c r="BX1254" s="6">
        <v>2</v>
      </c>
      <c r="BY1254" s="6">
        <v>2</v>
      </c>
      <c r="BZ1254" s="6">
        <v>1</v>
      </c>
      <c r="CA1254" s="6">
        <v>1</v>
      </c>
      <c r="CB1254" s="6">
        <v>1</v>
      </c>
      <c r="CC1254" s="11">
        <v>1</v>
      </c>
      <c r="CD1254" s="11">
        <v>-16.803599999999999</v>
      </c>
      <c r="CE1254" s="11">
        <v>3.4016299999999999</v>
      </c>
      <c r="CF1254" s="11">
        <v>1.7366900000000001</v>
      </c>
      <c r="CG1254" s="11">
        <v>5</v>
      </c>
      <c r="CH1254" s="20">
        <v>0.78663899999999998</v>
      </c>
      <c r="CI1254" s="20">
        <v>0.67122199999999999</v>
      </c>
      <c r="CJ1254" s="20">
        <v>0.46672999999999998</v>
      </c>
      <c r="CK1254" s="20">
        <v>0.29639300000000002</v>
      </c>
      <c r="CL1254" s="20">
        <v>0.107542</v>
      </c>
      <c r="CM1254" s="20">
        <v>1.49313E-2</v>
      </c>
      <c r="CN1254" s="20">
        <v>9.6200400000000005E-2</v>
      </c>
      <c r="CO1254" s="20">
        <v>0.342503</v>
      </c>
      <c r="CP1254" s="20">
        <v>0.251054</v>
      </c>
      <c r="CQ1254" s="20">
        <v>0.102338</v>
      </c>
      <c r="CR1254" s="20">
        <v>0.168047</v>
      </c>
      <c r="CS1254" s="20">
        <v>0.23830799999999999</v>
      </c>
      <c r="CT1254" s="20">
        <v>0.188665</v>
      </c>
      <c r="CU1254" s="20">
        <v>0.184415</v>
      </c>
      <c r="CV1254" s="20">
        <v>0.16294700000000001</v>
      </c>
      <c r="CW1254" s="20">
        <v>0.17491200000000001</v>
      </c>
      <c r="CX1254" s="20">
        <v>0.18917700000000001</v>
      </c>
      <c r="CY1254" s="6" t="s">
        <v>593</v>
      </c>
      <c r="CZ1254" s="6" t="s">
        <v>594</v>
      </c>
      <c r="DA1254" s="6" t="s">
        <v>114</v>
      </c>
      <c r="DB1254" s="6"/>
      <c r="DC1254" s="6"/>
      <c r="DD1254" s="6"/>
      <c r="DE1254" s="6"/>
      <c r="DF1254" s="6"/>
      <c r="DG1254" s="6"/>
      <c r="DH1254" s="6" t="s">
        <v>333</v>
      </c>
      <c r="DI1254" s="6"/>
      <c r="DJ1254" s="6"/>
      <c r="DK1254" s="6"/>
      <c r="DL1254" s="6">
        <v>7</v>
      </c>
      <c r="DM1254" s="6" t="s">
        <v>485</v>
      </c>
      <c r="DN1254" s="6">
        <v>8</v>
      </c>
      <c r="DO1254" s="6" t="s">
        <v>486</v>
      </c>
      <c r="DP1254" s="6"/>
      <c r="DQ1254" s="6"/>
    </row>
    <row r="1255" spans="1:121" x14ac:dyDescent="0.2">
      <c r="A1255" s="6" t="s">
        <v>319</v>
      </c>
      <c r="B1255" s="6" t="s">
        <v>319</v>
      </c>
      <c r="C1255" s="6" t="s">
        <v>188</v>
      </c>
      <c r="D1255" s="6" t="s">
        <v>114</v>
      </c>
      <c r="E1255" s="6" t="s">
        <v>255</v>
      </c>
      <c r="F1255" s="11">
        <v>31</v>
      </c>
      <c r="G1255" s="13">
        <v>2.38461538462</v>
      </c>
      <c r="H1255" s="11">
        <v>31.817333986600001</v>
      </c>
      <c r="I1255" s="13">
        <v>2.4243304242722221</v>
      </c>
      <c r="J1255" s="11">
        <v>-11.935436470900001</v>
      </c>
      <c r="K1255" s="13">
        <v>-0.26557712551971985</v>
      </c>
      <c r="L1255" s="11">
        <v>11.281411869400003</v>
      </c>
      <c r="M1255" s="13">
        <v>0.34179808133998218</v>
      </c>
      <c r="N1255" s="11">
        <v>-0.65402460149999797</v>
      </c>
      <c r="O1255" s="13">
        <v>-1.45527961301655E-2</v>
      </c>
      <c r="P1255" s="7">
        <v>13.124173861799999</v>
      </c>
      <c r="Q1255" s="7">
        <v>28.172550919900001</v>
      </c>
      <c r="R1255" s="7">
        <v>30.215676203899999</v>
      </c>
      <c r="S1255" s="7">
        <v>25.2567923561</v>
      </c>
      <c r="T1255" s="7">
        <v>34.978957613299997</v>
      </c>
      <c r="U1255" s="7">
        <v>43.678014947500003</v>
      </c>
      <c r="V1255" s="7">
        <v>44.941507848400001</v>
      </c>
      <c r="W1255" s="7">
        <v>46.441966354999998</v>
      </c>
      <c r="X1255" s="7">
        <v>30.521442831400002</v>
      </c>
      <c r="Y1255" s="7">
        <v>33.0060713775</v>
      </c>
      <c r="Z1255" s="7">
        <v>46.743781097499998</v>
      </c>
      <c r="AA1255" s="7">
        <v>45.889070984100002</v>
      </c>
      <c r="AB1255" s="7">
        <v>38.927623343900002</v>
      </c>
      <c r="AC1255" s="7">
        <v>47.382207361200003</v>
      </c>
      <c r="AD1255" s="7">
        <v>43.4313991366</v>
      </c>
      <c r="AE1255" s="7">
        <v>43.734933224599999</v>
      </c>
      <c r="AF1255" s="7">
        <v>44.287483246900003</v>
      </c>
      <c r="AG1255" s="9">
        <v>10228.181813839999</v>
      </c>
      <c r="AH1255" s="13">
        <v>1.0580895284724632</v>
      </c>
      <c r="AI1255" s="9">
        <v>4416.1926142399989</v>
      </c>
      <c r="AJ1255" s="13">
        <v>0.45684826940815576</v>
      </c>
      <c r="AK1255" s="9">
        <v>1414.9231990000007</v>
      </c>
      <c r="AL1255" s="13">
        <v>0.10047141573699409</v>
      </c>
      <c r="AM1255" s="9">
        <v>4397.0660005999998</v>
      </c>
      <c r="AN1255" s="13">
        <v>0.2837225618847235</v>
      </c>
      <c r="AO1255" s="9">
        <v>5811.9891996000006</v>
      </c>
      <c r="AP1255" s="13">
        <v>0.41269998509080263</v>
      </c>
      <c r="AQ1255" s="9">
        <v>9666.6506364600009</v>
      </c>
      <c r="AR1255" s="9">
        <v>11266.248988699999</v>
      </c>
      <c r="AS1255" s="9">
        <v>10044.240861099999</v>
      </c>
      <c r="AT1255" s="9">
        <v>9909.2780997499995</v>
      </c>
      <c r="AU1255" s="9">
        <v>12608.8694784</v>
      </c>
      <c r="AV1255" s="9">
        <v>13796.0668114</v>
      </c>
      <c r="AW1255" s="9">
        <v>14082.8432507</v>
      </c>
      <c r="AX1255" s="9">
        <v>16224.120680100001</v>
      </c>
      <c r="AY1255" s="9">
        <v>15613.447842699999</v>
      </c>
      <c r="AZ1255" s="9">
        <v>15497.766449700001</v>
      </c>
      <c r="BA1255" s="9">
        <v>15270.190866700001</v>
      </c>
      <c r="BB1255" s="9">
        <v>15440.377004800001</v>
      </c>
      <c r="BC1255" s="9">
        <v>15359.775009499999</v>
      </c>
      <c r="BD1255" s="9">
        <v>16254.77709</v>
      </c>
      <c r="BE1255" s="9">
        <v>18395.383422899999</v>
      </c>
      <c r="BF1255" s="9">
        <v>19894.8324503</v>
      </c>
      <c r="BG1255" s="11">
        <v>1</v>
      </c>
      <c r="BH1255" s="13">
        <v>0.2</v>
      </c>
      <c r="BI1255" s="6">
        <v>2</v>
      </c>
      <c r="BJ1255" s="13">
        <v>0.4</v>
      </c>
      <c r="BK1255" s="6">
        <v>-3</v>
      </c>
      <c r="BL1255" s="13">
        <v>-0.42857142857142855</v>
      </c>
      <c r="BM1255" s="11">
        <v>2</v>
      </c>
      <c r="BN1255" s="13">
        <v>0.5</v>
      </c>
      <c r="BO1255" s="11">
        <v>-1</v>
      </c>
      <c r="BP1255" s="13">
        <v>-0.14285714285714285</v>
      </c>
      <c r="BQ1255" s="6">
        <v>5</v>
      </c>
      <c r="BR1255" s="6">
        <v>6</v>
      </c>
      <c r="BS1255" s="6">
        <v>6</v>
      </c>
      <c r="BT1255" s="6">
        <v>7</v>
      </c>
      <c r="BU1255" s="6">
        <v>6</v>
      </c>
      <c r="BV1255" s="6">
        <v>4</v>
      </c>
      <c r="BW1255" s="6">
        <v>4</v>
      </c>
      <c r="BX1255" s="6">
        <v>4</v>
      </c>
      <c r="BY1255" s="6">
        <v>6</v>
      </c>
      <c r="BZ1255" s="6">
        <v>6</v>
      </c>
      <c r="CA1255" s="6">
        <v>5</v>
      </c>
      <c r="CB1255" s="6">
        <v>6</v>
      </c>
      <c r="CC1255" s="11">
        <v>6</v>
      </c>
      <c r="CD1255" s="11">
        <v>28.547899999999998</v>
      </c>
      <c r="CE1255" s="11">
        <v>1.18082</v>
      </c>
      <c r="CF1255" s="11">
        <v>1.4346300000000001</v>
      </c>
      <c r="CG1255" s="11">
        <v>2</v>
      </c>
      <c r="CH1255" s="20">
        <v>0.13247500000000001</v>
      </c>
      <c r="CI1255" s="20">
        <v>0.27787400000000001</v>
      </c>
      <c r="CJ1255" s="20">
        <v>0.29731800000000003</v>
      </c>
      <c r="CK1255" s="20">
        <v>0.248613</v>
      </c>
      <c r="CL1255" s="20">
        <v>0.32225399999999998</v>
      </c>
      <c r="CM1255" s="20">
        <v>0.38979200000000003</v>
      </c>
      <c r="CN1255" s="20">
        <v>0.41752400000000001</v>
      </c>
      <c r="CO1255" s="20">
        <v>0.46695900000000001</v>
      </c>
      <c r="CP1255" s="20">
        <v>0.32896399999999998</v>
      </c>
      <c r="CQ1255" s="20">
        <v>0.32760299999999998</v>
      </c>
      <c r="CR1255" s="20">
        <v>0.45748100000000003</v>
      </c>
      <c r="CS1255" s="20">
        <v>0.43816300000000002</v>
      </c>
      <c r="CT1255" s="20">
        <v>0.350499</v>
      </c>
      <c r="CU1255" s="20">
        <v>0.47879699999999997</v>
      </c>
      <c r="CV1255" s="20">
        <v>0.44478099999999998</v>
      </c>
      <c r="CW1255" s="20">
        <v>0.44644699999999998</v>
      </c>
      <c r="CX1255" s="20">
        <v>0.44641199999999998</v>
      </c>
      <c r="CY1255" s="6" t="s">
        <v>593</v>
      </c>
      <c r="CZ1255" s="6" t="s">
        <v>594</v>
      </c>
      <c r="DA1255" s="6" t="s">
        <v>114</v>
      </c>
      <c r="DB1255" s="6"/>
      <c r="DC1255" s="6"/>
      <c r="DD1255" s="6"/>
      <c r="DE1255" s="6"/>
      <c r="DF1255" s="6"/>
      <c r="DG1255" s="6"/>
      <c r="DH1255" s="6" t="s">
        <v>333</v>
      </c>
      <c r="DI1255" s="6"/>
      <c r="DJ1255" s="6"/>
      <c r="DK1255" s="6"/>
      <c r="DL1255" s="6">
        <v>7</v>
      </c>
      <c r="DM1255" s="6" t="s">
        <v>485</v>
      </c>
      <c r="DN1255" s="6">
        <v>8</v>
      </c>
      <c r="DO1255" s="6" t="s">
        <v>486</v>
      </c>
      <c r="DP1255" s="6"/>
      <c r="DQ1255" s="6"/>
    </row>
    <row r="1256" spans="1:121" x14ac:dyDescent="0.2">
      <c r="A1256" s="6" t="s">
        <v>320</v>
      </c>
      <c r="B1256" s="6" t="s">
        <v>320</v>
      </c>
      <c r="C1256" s="6" t="s">
        <v>189</v>
      </c>
      <c r="D1256" s="6" t="s">
        <v>114</v>
      </c>
      <c r="E1256" s="6" t="s">
        <v>255</v>
      </c>
      <c r="F1256" s="11">
        <v>1</v>
      </c>
      <c r="G1256" s="13">
        <v>1</v>
      </c>
      <c r="H1256" s="11">
        <v>0</v>
      </c>
      <c r="I1256" s="13"/>
      <c r="J1256" s="11">
        <v>0</v>
      </c>
      <c r="K1256" s="13"/>
      <c r="L1256" s="11">
        <v>5</v>
      </c>
      <c r="M1256" s="13"/>
      <c r="N1256" s="11">
        <v>5</v>
      </c>
      <c r="O1256" s="13"/>
      <c r="P1256" s="7">
        <v>0</v>
      </c>
      <c r="Q1256" s="7">
        <v>0</v>
      </c>
      <c r="R1256" s="7">
        <v>0</v>
      </c>
      <c r="S1256" s="7">
        <v>0</v>
      </c>
      <c r="T1256" s="7">
        <v>0</v>
      </c>
      <c r="U1256" s="7">
        <v>0</v>
      </c>
      <c r="V1256" s="7">
        <v>0</v>
      </c>
      <c r="W1256" s="7">
        <v>0</v>
      </c>
      <c r="X1256" s="7">
        <v>5</v>
      </c>
      <c r="Y1256" s="7">
        <v>0</v>
      </c>
      <c r="Z1256" s="7">
        <v>0</v>
      </c>
      <c r="AA1256" s="7">
        <v>5</v>
      </c>
      <c r="AB1256" s="7">
        <v>5</v>
      </c>
      <c r="AC1256" s="7">
        <v>5</v>
      </c>
      <c r="AD1256" s="7">
        <v>5</v>
      </c>
      <c r="AE1256" s="7">
        <v>5</v>
      </c>
      <c r="AF1256" s="7">
        <v>5</v>
      </c>
      <c r="AG1256" s="9">
        <v>1</v>
      </c>
      <c r="AH1256" s="13"/>
      <c r="AI1256" s="9">
        <v>0</v>
      </c>
      <c r="AJ1256" s="13"/>
      <c r="AK1256" s="9">
        <v>0</v>
      </c>
      <c r="AL1256" s="13"/>
      <c r="AM1256" s="9">
        <v>1</v>
      </c>
      <c r="AN1256" s="13"/>
      <c r="AO1256" s="9">
        <v>1</v>
      </c>
      <c r="AP1256" s="13"/>
      <c r="AQ1256" s="9">
        <v>0</v>
      </c>
      <c r="AR1256" s="9">
        <v>0</v>
      </c>
      <c r="AS1256" s="9">
        <v>0</v>
      </c>
      <c r="AT1256" s="9">
        <v>0</v>
      </c>
      <c r="AU1256" s="9">
        <v>0</v>
      </c>
      <c r="AV1256" s="9">
        <v>0</v>
      </c>
      <c r="AW1256" s="9">
        <v>0</v>
      </c>
      <c r="AX1256" s="9">
        <v>0</v>
      </c>
      <c r="AY1256" s="9">
        <v>1</v>
      </c>
      <c r="AZ1256" s="9">
        <v>0</v>
      </c>
      <c r="BA1256" s="9">
        <v>0</v>
      </c>
      <c r="BB1256" s="9">
        <v>1</v>
      </c>
      <c r="BC1256" s="9">
        <v>1</v>
      </c>
      <c r="BD1256" s="9">
        <v>1</v>
      </c>
      <c r="BE1256" s="9">
        <v>1</v>
      </c>
      <c r="BF1256" s="9">
        <v>1</v>
      </c>
      <c r="BG1256" s="11">
        <v>0</v>
      </c>
      <c r="BH1256" s="13" t="e">
        <v>#DIV/0!</v>
      </c>
      <c r="BI1256" s="6">
        <v>0</v>
      </c>
      <c r="BJ1256" s="13" t="e">
        <v>#DIV/0!</v>
      </c>
      <c r="BK1256" s="6">
        <v>0</v>
      </c>
      <c r="BL1256" s="13" t="e">
        <v>#DIV/0!</v>
      </c>
      <c r="BM1256" s="11">
        <v>0</v>
      </c>
      <c r="BN1256" s="13" t="e">
        <v>#DIV/0!</v>
      </c>
      <c r="BO1256" s="11">
        <v>0</v>
      </c>
      <c r="BP1256" s="13" t="e">
        <v>#DIV/0!</v>
      </c>
      <c r="BQ1256" s="6">
        <v>0</v>
      </c>
      <c r="BR1256" s="6">
        <v>0</v>
      </c>
      <c r="BS1256" s="6">
        <v>0</v>
      </c>
      <c r="BT1256" s="6">
        <v>0</v>
      </c>
      <c r="BU1256" s="6">
        <v>0</v>
      </c>
      <c r="BV1256" s="6">
        <v>0</v>
      </c>
      <c r="BW1256" s="6">
        <v>0</v>
      </c>
      <c r="BX1256" s="6">
        <v>0</v>
      </c>
      <c r="BY1256" s="6">
        <v>0</v>
      </c>
      <c r="BZ1256" s="6">
        <v>0</v>
      </c>
      <c r="CA1256" s="6">
        <v>1</v>
      </c>
      <c r="CB1256" s="6">
        <v>1</v>
      </c>
      <c r="CC1256" s="11">
        <v>0</v>
      </c>
      <c r="CD1256" s="11">
        <v>1.03244</v>
      </c>
      <c r="CE1256" s="11">
        <v>0.36210500000000001</v>
      </c>
      <c r="CF1256" s="11">
        <v>0.10931200000000001</v>
      </c>
      <c r="CG1256" s="11">
        <v>0</v>
      </c>
      <c r="CH1256" s="20">
        <v>0</v>
      </c>
      <c r="CI1256" s="20">
        <v>0</v>
      </c>
      <c r="CJ1256" s="20">
        <v>0</v>
      </c>
      <c r="CK1256" s="20">
        <v>0</v>
      </c>
      <c r="CL1256" s="20">
        <v>0</v>
      </c>
      <c r="CM1256" s="20">
        <v>0</v>
      </c>
      <c r="CN1256" s="20">
        <v>0</v>
      </c>
      <c r="CO1256" s="20">
        <v>0</v>
      </c>
      <c r="CP1256" s="20">
        <v>1.29894E-2</v>
      </c>
      <c r="CQ1256" s="20">
        <v>0</v>
      </c>
      <c r="CR1256" s="20">
        <v>0</v>
      </c>
      <c r="CS1256" s="20">
        <v>2.5551500000000001E-2</v>
      </c>
      <c r="CT1256" s="20">
        <v>2.6217299999999999E-2</v>
      </c>
      <c r="CU1256" s="20">
        <v>1.30893E-2</v>
      </c>
      <c r="CV1256" s="20">
        <v>9.4893699999999997E-2</v>
      </c>
      <c r="CW1256" s="20">
        <v>3.1135099999999999E-2</v>
      </c>
      <c r="CX1256" s="20">
        <v>3.7032599999999999E-2</v>
      </c>
      <c r="CY1256" s="6" t="s">
        <v>593</v>
      </c>
      <c r="CZ1256" s="6" t="s">
        <v>594</v>
      </c>
      <c r="DA1256" s="6" t="s">
        <v>114</v>
      </c>
      <c r="DB1256" s="6"/>
      <c r="DC1256" s="6"/>
      <c r="DD1256" s="6"/>
      <c r="DE1256" s="6"/>
      <c r="DF1256" s="6"/>
      <c r="DG1256" s="6"/>
      <c r="DH1256" s="6" t="s">
        <v>333</v>
      </c>
      <c r="DI1256" s="6"/>
      <c r="DJ1256" s="6"/>
      <c r="DK1256" s="6"/>
      <c r="DL1256" s="6">
        <v>7</v>
      </c>
      <c r="DM1256" s="6" t="s">
        <v>485</v>
      </c>
      <c r="DN1256" s="6">
        <v>8</v>
      </c>
      <c r="DO1256" s="6" t="s">
        <v>486</v>
      </c>
      <c r="DP1256" s="6"/>
      <c r="DQ1256" s="6"/>
    </row>
    <row r="1257" spans="1:121" x14ac:dyDescent="0.2">
      <c r="A1257" s="6" t="s">
        <v>321</v>
      </c>
      <c r="B1257" s="6" t="s">
        <v>321</v>
      </c>
      <c r="C1257" s="6" t="s">
        <v>190</v>
      </c>
      <c r="D1257" s="6" t="s">
        <v>114</v>
      </c>
      <c r="E1257" s="6" t="s">
        <v>255</v>
      </c>
      <c r="F1257" s="11">
        <v>-8</v>
      </c>
      <c r="G1257" s="13">
        <v>-5.0632911392399997E-2</v>
      </c>
      <c r="H1257" s="11">
        <v>-23.633266512999995</v>
      </c>
      <c r="I1257" s="13">
        <v>-0.15001893458312399</v>
      </c>
      <c r="J1257" s="11">
        <v>-7.790682798000006</v>
      </c>
      <c r="K1257" s="13">
        <v>-5.8181993192091143E-2</v>
      </c>
      <c r="L1257" s="11">
        <v>23.754229869999989</v>
      </c>
      <c r="M1257" s="13">
        <v>0.18835928719932363</v>
      </c>
      <c r="N1257" s="11">
        <v>15.963547071999983</v>
      </c>
      <c r="O1257" s="13">
        <v>0.11921817524173428</v>
      </c>
      <c r="P1257" s="7">
        <v>157.535224328</v>
      </c>
      <c r="Q1257" s="7">
        <v>156.86807701000001</v>
      </c>
      <c r="R1257" s="7">
        <v>159.68739927499999</v>
      </c>
      <c r="S1257" s="7">
        <v>153.10484705299999</v>
      </c>
      <c r="T1257" s="7">
        <v>180.927783826</v>
      </c>
      <c r="U1257" s="7">
        <v>193.70839771600001</v>
      </c>
      <c r="V1257" s="7">
        <v>133.901957815</v>
      </c>
      <c r="W1257" s="7">
        <v>126.593489353</v>
      </c>
      <c r="X1257" s="7">
        <v>127.230892301</v>
      </c>
      <c r="Y1257" s="7">
        <v>126.111275017</v>
      </c>
      <c r="Z1257" s="7">
        <v>135.02772575</v>
      </c>
      <c r="AA1257" s="7">
        <v>157.51102467999999</v>
      </c>
      <c r="AB1257" s="7">
        <v>179.967906551</v>
      </c>
      <c r="AC1257" s="7">
        <v>176.63323555400001</v>
      </c>
      <c r="AD1257" s="7">
        <v>162.733393202</v>
      </c>
      <c r="AE1257" s="7">
        <v>145.68549680300001</v>
      </c>
      <c r="AF1257" s="7">
        <v>149.86550488699999</v>
      </c>
      <c r="AG1257" s="9">
        <v>12267.914560099998</v>
      </c>
      <c r="AH1257" s="13">
        <v>0.66469867022528317</v>
      </c>
      <c r="AI1257" s="9">
        <v>4374.4136789000004</v>
      </c>
      <c r="AJ1257" s="13">
        <v>0.23701395548001097</v>
      </c>
      <c r="AK1257" s="9">
        <v>1738.5052985999973</v>
      </c>
      <c r="AL1257" s="13">
        <v>7.6147471448145515E-2</v>
      </c>
      <c r="AM1257" s="9">
        <v>6154.9955826000005</v>
      </c>
      <c r="AN1257" s="13">
        <v>0.25051597425966016</v>
      </c>
      <c r="AO1257" s="9">
        <v>7893.5008811999978</v>
      </c>
      <c r="AP1257" s="13">
        <v>0.34573960370504747</v>
      </c>
      <c r="AQ1257" s="9">
        <v>18456.354901300001</v>
      </c>
      <c r="AR1257" s="9">
        <v>19835.158508699998</v>
      </c>
      <c r="AS1257" s="9">
        <v>19466.568297000002</v>
      </c>
      <c r="AT1257" s="9">
        <v>19694.5247538</v>
      </c>
      <c r="AU1257" s="9">
        <v>18544.201463099998</v>
      </c>
      <c r="AV1257" s="9">
        <v>18915.115607899999</v>
      </c>
      <c r="AW1257" s="9">
        <v>22830.768580200001</v>
      </c>
      <c r="AX1257" s="9">
        <v>25705.4816273</v>
      </c>
      <c r="AY1257" s="9">
        <v>24956.683210899999</v>
      </c>
      <c r="AZ1257" s="9">
        <v>24569.273878799999</v>
      </c>
      <c r="BA1257" s="9">
        <v>24317.469964700002</v>
      </c>
      <c r="BB1257" s="9">
        <v>24398.945868999999</v>
      </c>
      <c r="BC1257" s="9">
        <v>26944.4587249</v>
      </c>
      <c r="BD1257" s="9">
        <v>26947.760458799999</v>
      </c>
      <c r="BE1257" s="9">
        <v>25617.008505400001</v>
      </c>
      <c r="BF1257" s="9">
        <v>30724.269461399999</v>
      </c>
      <c r="BG1257" s="11">
        <v>15.5</v>
      </c>
      <c r="BH1257" s="13">
        <v>1.2916666666666667</v>
      </c>
      <c r="BI1257" s="6">
        <v>-1</v>
      </c>
      <c r="BJ1257" s="13">
        <v>-8.3333333333333329E-2</v>
      </c>
      <c r="BK1257" s="6">
        <v>-2</v>
      </c>
      <c r="BL1257" s="13">
        <v>-0.18181818181818182</v>
      </c>
      <c r="BM1257" s="11">
        <v>18.5</v>
      </c>
      <c r="BN1257" s="13">
        <v>2.0555555555555554</v>
      </c>
      <c r="BO1257" s="11">
        <v>16.5</v>
      </c>
      <c r="BP1257" s="13">
        <v>1.5</v>
      </c>
      <c r="BQ1257" s="6">
        <v>12</v>
      </c>
      <c r="BR1257" s="6">
        <v>11</v>
      </c>
      <c r="BS1257" s="6">
        <v>12</v>
      </c>
      <c r="BT1257" s="6">
        <v>11</v>
      </c>
      <c r="BU1257" s="6">
        <v>9</v>
      </c>
      <c r="BV1257" s="6">
        <v>9</v>
      </c>
      <c r="BW1257" s="6">
        <v>9</v>
      </c>
      <c r="BX1257" s="6">
        <v>11</v>
      </c>
      <c r="BY1257" s="6">
        <v>14</v>
      </c>
      <c r="BZ1257" s="6">
        <v>32</v>
      </c>
      <c r="CA1257" s="6">
        <v>30</v>
      </c>
      <c r="CB1257" s="6">
        <v>29</v>
      </c>
      <c r="CC1257" s="11">
        <v>27.5</v>
      </c>
      <c r="CD1257" s="11">
        <v>-82.259299999999996</v>
      </c>
      <c r="CE1257" s="11">
        <v>57.369100000000003</v>
      </c>
      <c r="CF1257" s="11">
        <v>17.220500000000001</v>
      </c>
      <c r="CG1257" s="11">
        <v>74</v>
      </c>
      <c r="CH1257" s="20">
        <v>0.96507799999999999</v>
      </c>
      <c r="CI1257" s="20">
        <v>0.90388100000000005</v>
      </c>
      <c r="CJ1257" s="20">
        <v>0.88990199999999997</v>
      </c>
      <c r="CK1257" s="20">
        <v>0.86407299999999998</v>
      </c>
      <c r="CL1257" s="20">
        <v>0.96650999999999998</v>
      </c>
      <c r="CM1257" s="20">
        <v>1.0040899999999999</v>
      </c>
      <c r="CN1257" s="20">
        <v>0.70972199999999996</v>
      </c>
      <c r="CO1257" s="20">
        <v>0.67720499999999995</v>
      </c>
      <c r="CP1257" s="20">
        <v>0.65086900000000003</v>
      </c>
      <c r="CQ1257" s="20">
        <v>0.60233199999999998</v>
      </c>
      <c r="CR1257" s="20">
        <v>0.65200499999999995</v>
      </c>
      <c r="CS1257" s="20">
        <v>0.736846</v>
      </c>
      <c r="CT1257" s="20">
        <v>0.80003599999999997</v>
      </c>
      <c r="CU1257" s="20">
        <v>0.89363099999999995</v>
      </c>
      <c r="CV1257" s="20">
        <v>0.83499999999999996</v>
      </c>
      <c r="CW1257" s="20">
        <v>0.74160300000000001</v>
      </c>
      <c r="CX1257" s="20">
        <v>0.74620399999999998</v>
      </c>
      <c r="CY1257" s="6" t="s">
        <v>593</v>
      </c>
      <c r="CZ1257" s="6" t="s">
        <v>594</v>
      </c>
      <c r="DA1257" s="6" t="s">
        <v>114</v>
      </c>
      <c r="DB1257" s="6"/>
      <c r="DC1257" s="6"/>
      <c r="DD1257" s="6"/>
      <c r="DE1257" s="6"/>
      <c r="DF1257" s="6"/>
      <c r="DG1257" s="6"/>
      <c r="DH1257" s="6" t="s">
        <v>333</v>
      </c>
      <c r="DI1257" s="6"/>
      <c r="DJ1257" s="6"/>
      <c r="DK1257" s="6"/>
      <c r="DL1257" s="6">
        <v>7</v>
      </c>
      <c r="DM1257" s="6" t="s">
        <v>485</v>
      </c>
      <c r="DN1257" s="6">
        <v>8</v>
      </c>
      <c r="DO1257" s="6" t="s">
        <v>486</v>
      </c>
      <c r="DP1257" s="6"/>
      <c r="DQ1257" s="6"/>
    </row>
    <row r="1258" spans="1:121" x14ac:dyDescent="0.2">
      <c r="A1258" s="6" t="s">
        <v>322</v>
      </c>
      <c r="B1258" s="6" t="s">
        <v>322</v>
      </c>
      <c r="C1258" s="6" t="s">
        <v>191</v>
      </c>
      <c r="D1258" s="6" t="s">
        <v>114</v>
      </c>
      <c r="E1258" s="6" t="s">
        <v>255</v>
      </c>
      <c r="F1258" s="11">
        <v>1</v>
      </c>
      <c r="G1258" s="13">
        <v>1</v>
      </c>
      <c r="H1258" s="11">
        <v>0</v>
      </c>
      <c r="I1258" s="13">
        <v>0</v>
      </c>
      <c r="J1258" s="11">
        <v>0</v>
      </c>
      <c r="K1258" s="13">
        <v>0</v>
      </c>
      <c r="L1258" s="11">
        <v>0</v>
      </c>
      <c r="M1258" s="13">
        <v>0</v>
      </c>
      <c r="N1258" s="11">
        <v>0</v>
      </c>
      <c r="O1258" s="13">
        <v>0</v>
      </c>
      <c r="P1258" s="7">
        <v>5</v>
      </c>
      <c r="Q1258" s="7">
        <v>5</v>
      </c>
      <c r="R1258" s="7">
        <v>5</v>
      </c>
      <c r="S1258" s="7">
        <v>5</v>
      </c>
      <c r="T1258" s="7">
        <v>5</v>
      </c>
      <c r="U1258" s="7">
        <v>5</v>
      </c>
      <c r="V1258" s="7">
        <v>5</v>
      </c>
      <c r="W1258" s="7">
        <v>5</v>
      </c>
      <c r="X1258" s="7">
        <v>5</v>
      </c>
      <c r="Y1258" s="7">
        <v>5</v>
      </c>
      <c r="Z1258" s="7">
        <v>5</v>
      </c>
      <c r="AA1258" s="7">
        <v>5</v>
      </c>
      <c r="AB1258" s="7">
        <v>5</v>
      </c>
      <c r="AC1258" s="7">
        <v>5</v>
      </c>
      <c r="AD1258" s="7">
        <v>5</v>
      </c>
      <c r="AE1258" s="7">
        <v>5</v>
      </c>
      <c r="AF1258" s="7">
        <v>5</v>
      </c>
      <c r="AG1258" s="9">
        <v>0</v>
      </c>
      <c r="AH1258" s="13">
        <v>0</v>
      </c>
      <c r="AI1258" s="9">
        <v>0</v>
      </c>
      <c r="AJ1258" s="13">
        <v>0</v>
      </c>
      <c r="AK1258" s="9">
        <v>0</v>
      </c>
      <c r="AL1258" s="13">
        <v>0</v>
      </c>
      <c r="AM1258" s="9">
        <v>0</v>
      </c>
      <c r="AN1258" s="13">
        <v>0</v>
      </c>
      <c r="AO1258" s="9">
        <v>0</v>
      </c>
      <c r="AP1258" s="13">
        <v>0</v>
      </c>
      <c r="AQ1258" s="9">
        <v>1</v>
      </c>
      <c r="AR1258" s="9">
        <v>1</v>
      </c>
      <c r="AS1258" s="9">
        <v>1</v>
      </c>
      <c r="AT1258" s="9">
        <v>1</v>
      </c>
      <c r="AU1258" s="9">
        <v>1</v>
      </c>
      <c r="AV1258" s="9">
        <v>1</v>
      </c>
      <c r="AW1258" s="9">
        <v>1</v>
      </c>
      <c r="AX1258" s="9">
        <v>1</v>
      </c>
      <c r="AY1258" s="9">
        <v>1</v>
      </c>
      <c r="AZ1258" s="9">
        <v>1</v>
      </c>
      <c r="BA1258" s="9">
        <v>1</v>
      </c>
      <c r="BB1258" s="9">
        <v>1</v>
      </c>
      <c r="BC1258" s="9">
        <v>1</v>
      </c>
      <c r="BD1258" s="9">
        <v>1</v>
      </c>
      <c r="BE1258" s="9">
        <v>1</v>
      </c>
      <c r="BF1258" s="9">
        <v>1</v>
      </c>
      <c r="BG1258" s="11">
        <v>-1</v>
      </c>
      <c r="BH1258" s="13">
        <v>-1</v>
      </c>
      <c r="BI1258" s="6">
        <v>-1</v>
      </c>
      <c r="BJ1258" s="13">
        <v>-1</v>
      </c>
      <c r="BK1258" s="6">
        <v>0</v>
      </c>
      <c r="BL1258" s="13" t="e">
        <v>#DIV/0!</v>
      </c>
      <c r="BM1258" s="11">
        <v>0</v>
      </c>
      <c r="BN1258" s="13" t="e">
        <v>#DIV/0!</v>
      </c>
      <c r="BO1258" s="11">
        <v>0</v>
      </c>
      <c r="BP1258" s="13" t="e">
        <v>#DIV/0!</v>
      </c>
      <c r="BQ1258" s="6">
        <v>1</v>
      </c>
      <c r="BR1258" s="6">
        <v>1</v>
      </c>
      <c r="BS1258" s="6">
        <v>0</v>
      </c>
      <c r="BT1258" s="6">
        <v>0</v>
      </c>
      <c r="BU1258" s="6">
        <v>0</v>
      </c>
      <c r="BV1258" s="6">
        <v>0</v>
      </c>
      <c r="BW1258" s="6">
        <v>0</v>
      </c>
      <c r="BX1258" s="6">
        <v>0</v>
      </c>
      <c r="BY1258" s="6">
        <v>0</v>
      </c>
      <c r="BZ1258" s="6">
        <v>0</v>
      </c>
      <c r="CA1258" s="6">
        <v>0</v>
      </c>
      <c r="CB1258" s="6">
        <v>0</v>
      </c>
      <c r="CC1258" s="11">
        <v>0</v>
      </c>
      <c r="CD1258" s="11">
        <v>0</v>
      </c>
      <c r="CE1258" s="11">
        <v>1</v>
      </c>
      <c r="CF1258" s="11">
        <v>0</v>
      </c>
      <c r="CG1258" s="11">
        <v>1</v>
      </c>
      <c r="CH1258" s="20">
        <v>0.11</v>
      </c>
      <c r="CI1258" s="20">
        <v>0.12</v>
      </c>
      <c r="CJ1258" s="20">
        <v>0.15</v>
      </c>
      <c r="CK1258" s="20">
        <v>0.27</v>
      </c>
      <c r="CL1258" s="20">
        <v>7.0000000000000007E-2</v>
      </c>
      <c r="CM1258" s="20">
        <v>0.11</v>
      </c>
      <c r="CN1258" s="20">
        <v>0.14000000000000001</v>
      </c>
      <c r="CO1258" s="20">
        <v>0.19</v>
      </c>
      <c r="CP1258" s="20">
        <v>0.17</v>
      </c>
      <c r="CQ1258" s="20">
        <v>0.15</v>
      </c>
      <c r="CR1258" s="20">
        <v>0.1</v>
      </c>
      <c r="CS1258" s="20">
        <v>0.08</v>
      </c>
      <c r="CT1258" s="20">
        <v>0.04</v>
      </c>
      <c r="CU1258" s="20">
        <v>0.15</v>
      </c>
      <c r="CV1258" s="20">
        <v>0.14000000000000001</v>
      </c>
      <c r="CW1258" s="20">
        <v>0.14000000000000001</v>
      </c>
      <c r="CX1258" s="20">
        <v>0.14000000000000001</v>
      </c>
      <c r="CY1258" s="6" t="s">
        <v>593</v>
      </c>
      <c r="CZ1258" s="6" t="s">
        <v>594</v>
      </c>
      <c r="DA1258" s="6" t="s">
        <v>114</v>
      </c>
      <c r="DB1258" s="6"/>
      <c r="DC1258" s="6"/>
      <c r="DD1258" s="6"/>
      <c r="DE1258" s="6"/>
      <c r="DF1258" s="6"/>
      <c r="DG1258" s="6"/>
      <c r="DH1258" s="6" t="s">
        <v>333</v>
      </c>
      <c r="DI1258" s="6"/>
      <c r="DJ1258" s="6"/>
      <c r="DK1258" s="6"/>
      <c r="DL1258" s="6">
        <v>7</v>
      </c>
      <c r="DM1258" s="6" t="s">
        <v>485</v>
      </c>
      <c r="DN1258" s="6">
        <v>8</v>
      </c>
      <c r="DO1258" s="6" t="s">
        <v>486</v>
      </c>
      <c r="DP1258" s="6"/>
      <c r="DQ1258" s="6"/>
    </row>
    <row r="1259" spans="1:121" x14ac:dyDescent="0.2">
      <c r="A1259" s="6" t="s">
        <v>323</v>
      </c>
      <c r="B1259" s="6" t="s">
        <v>323</v>
      </c>
      <c r="C1259" s="6" t="s">
        <v>192</v>
      </c>
      <c r="D1259" s="6" t="s">
        <v>114</v>
      </c>
      <c r="E1259" s="6" t="s">
        <v>255</v>
      </c>
      <c r="F1259" s="11">
        <v>-1</v>
      </c>
      <c r="G1259" s="13">
        <v>-1.8181818181800001E-2</v>
      </c>
      <c r="H1259" s="11">
        <v>51.541864751800006</v>
      </c>
      <c r="I1259" s="13">
        <v>0.92869347966350813</v>
      </c>
      <c r="J1259" s="11">
        <v>-26.730777615199997</v>
      </c>
      <c r="K1259" s="13">
        <v>-0.24972421117908439</v>
      </c>
      <c r="L1259" s="11">
        <v>-26.679446676700003</v>
      </c>
      <c r="M1259" s="13">
        <v>-0.33220406564271854</v>
      </c>
      <c r="N1259" s="11">
        <v>-53.410224291900001</v>
      </c>
      <c r="O1259" s="13">
        <v>-0.49896887857869027</v>
      </c>
      <c r="P1259" s="7">
        <v>55.499328767199998</v>
      </c>
      <c r="Q1259" s="7">
        <v>74.211907593700005</v>
      </c>
      <c r="R1259" s="7">
        <v>91.595156112799998</v>
      </c>
      <c r="S1259" s="7">
        <v>97.390944065499994</v>
      </c>
      <c r="T1259" s="7">
        <v>96.035658129300003</v>
      </c>
      <c r="U1259" s="7">
        <v>109.12015106</v>
      </c>
      <c r="V1259" s="7">
        <v>107.041193519</v>
      </c>
      <c r="W1259" s="7">
        <v>77.875645309800007</v>
      </c>
      <c r="X1259" s="7">
        <v>94.833430093299995</v>
      </c>
      <c r="Y1259" s="7">
        <v>80.310415903800006</v>
      </c>
      <c r="Z1259" s="7">
        <v>69.085244027000002</v>
      </c>
      <c r="AA1259" s="7">
        <v>68.083283721300006</v>
      </c>
      <c r="AB1259" s="7">
        <v>57.327541498400002</v>
      </c>
      <c r="AC1259" s="7">
        <v>62.296462784299997</v>
      </c>
      <c r="AD1259" s="7">
        <v>55.825217402299998</v>
      </c>
      <c r="AE1259" s="7">
        <v>56.072876996700003</v>
      </c>
      <c r="AF1259" s="7">
        <v>53.630969227100003</v>
      </c>
      <c r="AG1259" s="9">
        <v>1305.7306300399996</v>
      </c>
      <c r="AH1259" s="13">
        <v>0.14358260634283698</v>
      </c>
      <c r="AI1259" s="9">
        <v>-1100.5084853400003</v>
      </c>
      <c r="AJ1259" s="13">
        <v>-0.12101567734739016</v>
      </c>
      <c r="AK1259" s="9">
        <v>1434.4548021200007</v>
      </c>
      <c r="AL1259" s="13">
        <v>0.17945434581921438</v>
      </c>
      <c r="AM1259" s="9">
        <v>971.78431325999918</v>
      </c>
      <c r="AN1259" s="13">
        <v>0.10307559743947636</v>
      </c>
      <c r="AO1259" s="9">
        <v>2406.2391153799999</v>
      </c>
      <c r="AP1259" s="13">
        <v>0.30102730716711668</v>
      </c>
      <c r="AQ1259" s="9">
        <v>9093.93319496</v>
      </c>
      <c r="AR1259" s="9">
        <v>8733.8947745500009</v>
      </c>
      <c r="AS1259" s="9">
        <v>8510.5452525500004</v>
      </c>
      <c r="AT1259" s="9">
        <v>9231.2546093300007</v>
      </c>
      <c r="AU1259" s="9">
        <v>9077.6112801700001</v>
      </c>
      <c r="AV1259" s="9">
        <v>8562.5007165400002</v>
      </c>
      <c r="AW1259" s="9">
        <v>7993.4247096199997</v>
      </c>
      <c r="AX1259" s="9">
        <v>8624.5279841899992</v>
      </c>
      <c r="AY1259" s="9">
        <v>7555.9565319200001</v>
      </c>
      <c r="AZ1259" s="9">
        <v>9427.8795117400005</v>
      </c>
      <c r="BA1259" s="9">
        <v>9387.6661270900004</v>
      </c>
      <c r="BB1259" s="9">
        <v>9971.4097834099994</v>
      </c>
      <c r="BC1259" s="9">
        <v>10279.1592934</v>
      </c>
      <c r="BD1259" s="9">
        <v>10211.139414400001</v>
      </c>
      <c r="BE1259" s="9">
        <v>10154.5359833</v>
      </c>
      <c r="BF1259" s="9">
        <v>10399.663825</v>
      </c>
      <c r="BG1259" s="11">
        <v>-4.5</v>
      </c>
      <c r="BH1259" s="13">
        <v>-0.32142857142857145</v>
      </c>
      <c r="BI1259" s="6">
        <v>-3</v>
      </c>
      <c r="BJ1259" s="13">
        <v>-0.21428571428571427</v>
      </c>
      <c r="BK1259" s="6">
        <v>1</v>
      </c>
      <c r="BL1259" s="13">
        <v>9.0909090909090912E-2</v>
      </c>
      <c r="BM1259" s="11">
        <v>-2.5</v>
      </c>
      <c r="BN1259" s="13">
        <v>-0.20833333333333334</v>
      </c>
      <c r="BO1259" s="11">
        <v>-1.5</v>
      </c>
      <c r="BP1259" s="13">
        <v>-0.13636363636363635</v>
      </c>
      <c r="BQ1259" s="6">
        <v>14</v>
      </c>
      <c r="BR1259" s="6">
        <v>12</v>
      </c>
      <c r="BS1259" s="6">
        <v>13</v>
      </c>
      <c r="BT1259" s="6">
        <v>11</v>
      </c>
      <c r="BU1259" s="6">
        <v>10</v>
      </c>
      <c r="BV1259" s="6">
        <v>9</v>
      </c>
      <c r="BW1259" s="6">
        <v>12</v>
      </c>
      <c r="BX1259" s="6">
        <v>11</v>
      </c>
      <c r="BY1259" s="6">
        <v>9</v>
      </c>
      <c r="BZ1259" s="6">
        <v>8</v>
      </c>
      <c r="CA1259" s="6">
        <v>9</v>
      </c>
      <c r="CB1259" s="6">
        <v>10</v>
      </c>
      <c r="CC1259" s="11">
        <v>9.5</v>
      </c>
      <c r="CD1259" s="11">
        <v>-20.556000000000001</v>
      </c>
      <c r="CE1259" s="11">
        <v>12.620900000000001</v>
      </c>
      <c r="CF1259" s="11">
        <v>6.0667400000000002</v>
      </c>
      <c r="CG1259" s="11">
        <v>19</v>
      </c>
      <c r="CH1259" s="20">
        <v>0.45813900000000002</v>
      </c>
      <c r="CI1259" s="20">
        <v>0.59085500000000002</v>
      </c>
      <c r="CJ1259" s="20">
        <v>0.71393399999999996</v>
      </c>
      <c r="CK1259" s="20">
        <v>0.76475199999999999</v>
      </c>
      <c r="CL1259" s="20">
        <v>0.71326000000000001</v>
      </c>
      <c r="CM1259" s="20">
        <v>0.78951400000000005</v>
      </c>
      <c r="CN1259" s="20">
        <v>0.79635900000000004</v>
      </c>
      <c r="CO1259" s="20">
        <v>0.598136</v>
      </c>
      <c r="CP1259" s="20">
        <v>0.73107800000000001</v>
      </c>
      <c r="CQ1259" s="20">
        <v>0.58559899999999998</v>
      </c>
      <c r="CR1259" s="20">
        <v>0.50370899999999996</v>
      </c>
      <c r="CS1259" s="20">
        <v>0.48390100000000003</v>
      </c>
      <c r="CT1259" s="20">
        <v>0.38306200000000001</v>
      </c>
      <c r="CU1259" s="20">
        <v>0.46875099999999997</v>
      </c>
      <c r="CV1259" s="20">
        <v>0.42194300000000001</v>
      </c>
      <c r="CW1259" s="20">
        <v>0.41946800000000001</v>
      </c>
      <c r="CX1259" s="20">
        <v>0.39664300000000002</v>
      </c>
      <c r="CY1259" s="6" t="s">
        <v>593</v>
      </c>
      <c r="CZ1259" s="6" t="s">
        <v>594</v>
      </c>
      <c r="DA1259" s="6" t="s">
        <v>114</v>
      </c>
      <c r="DB1259" s="6"/>
      <c r="DC1259" s="6"/>
      <c r="DD1259" s="6"/>
      <c r="DE1259" s="6"/>
      <c r="DF1259" s="6"/>
      <c r="DG1259" s="6"/>
      <c r="DH1259" s="6" t="s">
        <v>333</v>
      </c>
      <c r="DI1259" s="6"/>
      <c r="DJ1259" s="6"/>
      <c r="DK1259" s="6"/>
      <c r="DL1259" s="6">
        <v>7</v>
      </c>
      <c r="DM1259" s="6" t="s">
        <v>485</v>
      </c>
      <c r="DN1259" s="6">
        <v>8</v>
      </c>
      <c r="DO1259" s="6" t="s">
        <v>486</v>
      </c>
      <c r="DP1259" s="6"/>
      <c r="DQ1259" s="6"/>
    </row>
    <row r="1260" spans="1:121" x14ac:dyDescent="0.2">
      <c r="A1260" s="6" t="s">
        <v>325</v>
      </c>
      <c r="B1260" s="6" t="s">
        <v>325</v>
      </c>
      <c r="C1260" s="6" t="s">
        <v>193</v>
      </c>
      <c r="D1260" s="6" t="s">
        <v>114</v>
      </c>
      <c r="E1260" s="6" t="s">
        <v>255</v>
      </c>
      <c r="F1260" s="11">
        <v>20</v>
      </c>
      <c r="G1260" s="13">
        <v>0.20202020202000001</v>
      </c>
      <c r="H1260" s="11">
        <v>31.294426263399998</v>
      </c>
      <c r="I1260" s="13">
        <v>0.31529894329684466</v>
      </c>
      <c r="J1260" s="11">
        <v>-17.658493063999998</v>
      </c>
      <c r="K1260" s="13">
        <v>-0.1352647671755017</v>
      </c>
      <c r="L1260" s="11">
        <v>6.4912926420000048</v>
      </c>
      <c r="M1260" s="13">
        <v>5.7501488154648131E-2</v>
      </c>
      <c r="N1260" s="11">
        <v>-11.167200421999993</v>
      </c>
      <c r="O1260" s="13">
        <v>-8.5541204428336917E-2</v>
      </c>
      <c r="P1260" s="7">
        <v>99.253191070599996</v>
      </c>
      <c r="Q1260" s="7">
        <v>115.490541506</v>
      </c>
      <c r="R1260" s="7">
        <v>120.21524316</v>
      </c>
      <c r="S1260" s="7">
        <v>124.593031604</v>
      </c>
      <c r="T1260" s="7">
        <v>114.217980162</v>
      </c>
      <c r="U1260" s="7">
        <v>144.57110930799999</v>
      </c>
      <c r="V1260" s="7">
        <v>130.54761733399999</v>
      </c>
      <c r="W1260" s="7">
        <v>121.02767569700001</v>
      </c>
      <c r="X1260" s="7">
        <v>111.146891563</v>
      </c>
      <c r="Y1260" s="7">
        <v>112.88912427</v>
      </c>
      <c r="Z1260" s="7">
        <v>115.70749945199999</v>
      </c>
      <c r="AA1260" s="7">
        <v>127.04954850599999</v>
      </c>
      <c r="AB1260" s="7">
        <v>114.383720775</v>
      </c>
      <c r="AC1260" s="7">
        <v>110.457173045</v>
      </c>
      <c r="AD1260" s="7">
        <v>114.399772625</v>
      </c>
      <c r="AE1260" s="7">
        <v>117.647992313</v>
      </c>
      <c r="AF1260" s="7">
        <v>119.380416912</v>
      </c>
      <c r="AG1260" s="9">
        <v>1225.787406899999</v>
      </c>
      <c r="AH1260" s="13">
        <v>8.3705520737810762E-2</v>
      </c>
      <c r="AI1260" s="9">
        <v>-2755.1600090000011</v>
      </c>
      <c r="AJ1260" s="13">
        <v>-0.18814200730987837</v>
      </c>
      <c r="AK1260" s="9">
        <v>1173.757293300001</v>
      </c>
      <c r="AL1260" s="13">
        <v>9.8727281886772378E-2</v>
      </c>
      <c r="AM1260" s="9">
        <v>2807.1901225999991</v>
      </c>
      <c r="AN1260" s="13">
        <v>0.21490216724215103</v>
      </c>
      <c r="AO1260" s="9">
        <v>3980.9474159000001</v>
      </c>
      <c r="AP1260" s="13">
        <v>0.33484615597231754</v>
      </c>
      <c r="AQ1260" s="9">
        <v>14644.044933900001</v>
      </c>
      <c r="AR1260" s="9">
        <v>13801.663033999999</v>
      </c>
      <c r="AS1260" s="9">
        <v>15703.262429300001</v>
      </c>
      <c r="AT1260" s="9">
        <v>14144.811071300001</v>
      </c>
      <c r="AU1260" s="9">
        <v>12529.950773</v>
      </c>
      <c r="AV1260" s="9">
        <v>11485.733343399999</v>
      </c>
      <c r="AW1260" s="9">
        <v>11888.8849249</v>
      </c>
      <c r="AX1260" s="9">
        <v>12757.539657200001</v>
      </c>
      <c r="AY1260" s="9">
        <v>12308.2026952</v>
      </c>
      <c r="AZ1260" s="9">
        <v>13062.642218200001</v>
      </c>
      <c r="BA1260" s="9">
        <v>12655.4046148</v>
      </c>
      <c r="BB1260" s="9">
        <v>11171.226328700001</v>
      </c>
      <c r="BC1260" s="9">
        <v>16861.894318899998</v>
      </c>
      <c r="BD1260" s="9">
        <v>15688.7462586</v>
      </c>
      <c r="BE1260" s="9">
        <v>15724.272078100001</v>
      </c>
      <c r="BF1260" s="9">
        <v>15869.8323408</v>
      </c>
      <c r="BG1260" s="11">
        <v>-18</v>
      </c>
      <c r="BH1260" s="13">
        <v>-0.72</v>
      </c>
      <c r="BI1260" s="6">
        <v>3</v>
      </c>
      <c r="BJ1260" s="13">
        <v>0.12</v>
      </c>
      <c r="BK1260" s="6">
        <v>-7</v>
      </c>
      <c r="BL1260" s="13">
        <v>-0.25</v>
      </c>
      <c r="BM1260" s="11">
        <v>-14</v>
      </c>
      <c r="BN1260" s="13">
        <v>-0.66666666666666663</v>
      </c>
      <c r="BO1260" s="11">
        <v>-21</v>
      </c>
      <c r="BP1260" s="13">
        <v>-0.75</v>
      </c>
      <c r="BQ1260" s="6">
        <v>25</v>
      </c>
      <c r="BR1260" s="6">
        <v>26</v>
      </c>
      <c r="BS1260" s="6">
        <v>30</v>
      </c>
      <c r="BT1260" s="6">
        <v>28</v>
      </c>
      <c r="BU1260" s="6">
        <v>25</v>
      </c>
      <c r="BV1260" s="6">
        <v>21</v>
      </c>
      <c r="BW1260" s="6">
        <v>21</v>
      </c>
      <c r="BX1260" s="6">
        <v>21</v>
      </c>
      <c r="BY1260" s="6">
        <v>23</v>
      </c>
      <c r="BZ1260" s="6">
        <v>7</v>
      </c>
      <c r="CA1260" s="6">
        <v>7</v>
      </c>
      <c r="CB1260" s="6">
        <v>7</v>
      </c>
      <c r="CC1260" s="11">
        <v>7</v>
      </c>
      <c r="CD1260" s="11">
        <v>10.191700000000001</v>
      </c>
      <c r="CE1260" s="11">
        <v>-0.91402799999999995</v>
      </c>
      <c r="CF1260" s="11">
        <v>10.849600000000001</v>
      </c>
      <c r="CG1260" s="11">
        <v>10</v>
      </c>
      <c r="CH1260" s="20">
        <v>1.2061999999999999</v>
      </c>
      <c r="CI1260" s="20">
        <v>1.3480799999999999</v>
      </c>
      <c r="CJ1260" s="20">
        <v>1.38164</v>
      </c>
      <c r="CK1260" s="20">
        <v>1.46871</v>
      </c>
      <c r="CL1260" s="20">
        <v>1.2945899999999999</v>
      </c>
      <c r="CM1260" s="20">
        <v>1.6112500000000001</v>
      </c>
      <c r="CN1260" s="20">
        <v>1.5034799999999999</v>
      </c>
      <c r="CO1260" s="20">
        <v>1.4376</v>
      </c>
      <c r="CP1260" s="20">
        <v>1.2981100000000001</v>
      </c>
      <c r="CQ1260" s="20">
        <v>1.2563200000000001</v>
      </c>
      <c r="CR1260" s="20">
        <v>1.30637</v>
      </c>
      <c r="CS1260" s="20">
        <v>1.4091100000000001</v>
      </c>
      <c r="CT1260" s="20">
        <v>1.3010299999999999</v>
      </c>
      <c r="CU1260" s="20">
        <v>1.4298500000000001</v>
      </c>
      <c r="CV1260" s="20">
        <v>1.5169699999999999</v>
      </c>
      <c r="CW1260" s="20">
        <v>1.56044</v>
      </c>
      <c r="CX1260" s="20">
        <v>1.5793999999999999</v>
      </c>
      <c r="CY1260" s="6" t="s">
        <v>593</v>
      </c>
      <c r="CZ1260" s="6" t="s">
        <v>594</v>
      </c>
      <c r="DA1260" s="6" t="s">
        <v>114</v>
      </c>
      <c r="DB1260" s="6"/>
      <c r="DC1260" s="6"/>
      <c r="DD1260" s="6"/>
      <c r="DE1260" s="6"/>
      <c r="DF1260" s="6"/>
      <c r="DG1260" s="6"/>
      <c r="DH1260" s="6" t="s">
        <v>333</v>
      </c>
      <c r="DI1260" s="6"/>
      <c r="DJ1260" s="6"/>
      <c r="DK1260" s="6"/>
      <c r="DL1260" s="6">
        <v>7</v>
      </c>
      <c r="DM1260" s="6" t="s">
        <v>485</v>
      </c>
      <c r="DN1260" s="6">
        <v>8</v>
      </c>
      <c r="DO1260" s="6" t="s">
        <v>486</v>
      </c>
      <c r="DP1260" s="6"/>
      <c r="DQ1260" s="6"/>
    </row>
    <row r="1261" spans="1:121" x14ac:dyDescent="0.2">
      <c r="A1261" s="6" t="s">
        <v>327</v>
      </c>
      <c r="B1261" s="6" t="s">
        <v>327</v>
      </c>
      <c r="C1261" s="6" t="s">
        <v>194</v>
      </c>
      <c r="D1261" s="6" t="s">
        <v>114</v>
      </c>
      <c r="E1261" s="6" t="s">
        <v>255</v>
      </c>
      <c r="F1261" s="11">
        <v>-15</v>
      </c>
      <c r="G1261" s="13">
        <v>-3.7878787878800002E-2</v>
      </c>
      <c r="H1261" s="11">
        <v>6.3888489999999933</v>
      </c>
      <c r="I1261" s="13">
        <v>1.6119709604326495E-2</v>
      </c>
      <c r="J1261" s="11">
        <v>-4.202337</v>
      </c>
      <c r="K1261" s="13">
        <v>-1.043471499566212E-2</v>
      </c>
      <c r="L1261" s="11">
        <v>-17.971007813999961</v>
      </c>
      <c r="M1261" s="13">
        <v>-4.509388949457481E-2</v>
      </c>
      <c r="N1261" s="11">
        <v>-22.173344813999961</v>
      </c>
      <c r="O1261" s="13">
        <v>-5.5058062605315157E-2</v>
      </c>
      <c r="P1261" s="7">
        <v>396.33772299999998</v>
      </c>
      <c r="Q1261" s="7">
        <v>376.53657299999998</v>
      </c>
      <c r="R1261" s="7">
        <v>391.55453499999999</v>
      </c>
      <c r="S1261" s="7">
        <v>374.356494</v>
      </c>
      <c r="T1261" s="7">
        <v>384.54213499999997</v>
      </c>
      <c r="U1261" s="7">
        <v>398.23622899999998</v>
      </c>
      <c r="V1261" s="7">
        <v>402.72657199999998</v>
      </c>
      <c r="W1261" s="7">
        <v>408.20830100000001</v>
      </c>
      <c r="X1261" s="7">
        <v>402.63327700000002</v>
      </c>
      <c r="Y1261" s="7">
        <v>398.52423499999998</v>
      </c>
      <c r="Z1261" s="7">
        <v>379.27347800000001</v>
      </c>
      <c r="AA1261" s="7">
        <v>361.879705</v>
      </c>
      <c r="AB1261" s="7">
        <v>374.42685399999999</v>
      </c>
      <c r="AC1261" s="7">
        <v>377.26038299999999</v>
      </c>
      <c r="AD1261" s="7">
        <v>375.98909300000003</v>
      </c>
      <c r="AE1261" s="7">
        <v>380.10053325000001</v>
      </c>
      <c r="AF1261" s="7">
        <v>380.55322718600002</v>
      </c>
      <c r="AG1261" s="9">
        <v>10420.688229400002</v>
      </c>
      <c r="AH1261" s="13">
        <v>0.42109626240560111</v>
      </c>
      <c r="AI1261" s="9">
        <v>9072.6239222000004</v>
      </c>
      <c r="AJ1261" s="13">
        <v>0.36662146873096085</v>
      </c>
      <c r="AK1261" s="9">
        <v>1858.8476894999985</v>
      </c>
      <c r="AL1261" s="13">
        <v>5.4964280975199509E-2</v>
      </c>
      <c r="AM1261" s="9">
        <v>-510.78338229999645</v>
      </c>
      <c r="AN1261" s="13">
        <v>-1.4316463460294524E-2</v>
      </c>
      <c r="AO1261" s="9">
        <v>1348.0643072000021</v>
      </c>
      <c r="AP1261" s="13">
        <v>3.9860923394702173E-2</v>
      </c>
      <c r="AQ1261" s="9">
        <v>24746.570225700001</v>
      </c>
      <c r="AR1261" s="9">
        <v>27158.575685299998</v>
      </c>
      <c r="AS1261" s="9">
        <v>25707.550004600002</v>
      </c>
      <c r="AT1261" s="9">
        <v>29518.007461900001</v>
      </c>
      <c r="AU1261" s="9">
        <v>30543.377238000001</v>
      </c>
      <c r="AV1261" s="9">
        <v>32138.184106500001</v>
      </c>
      <c r="AW1261" s="9">
        <v>33819.194147900002</v>
      </c>
      <c r="AX1261" s="9">
        <v>33909.544513599998</v>
      </c>
      <c r="AY1261" s="9">
        <v>34720.243739899997</v>
      </c>
      <c r="AZ1261" s="9">
        <v>35678.0418374</v>
      </c>
      <c r="BA1261" s="9">
        <v>33796.204872900002</v>
      </c>
      <c r="BB1261" s="9">
        <v>34485.991289700003</v>
      </c>
      <c r="BC1261" s="9">
        <v>34195.417414399999</v>
      </c>
      <c r="BD1261" s="9">
        <v>34474.6408438</v>
      </c>
      <c r="BE1261" s="9">
        <v>35307.913816200002</v>
      </c>
      <c r="BF1261" s="9">
        <v>35167.258455100004</v>
      </c>
      <c r="BG1261" s="11">
        <v>-1</v>
      </c>
      <c r="BH1261" s="13">
        <v>-4.1666666666666664E-2</v>
      </c>
      <c r="BI1261" s="6">
        <v>-3</v>
      </c>
      <c r="BJ1261" s="13">
        <v>-0.125</v>
      </c>
      <c r="BK1261" s="6">
        <v>3</v>
      </c>
      <c r="BL1261" s="13">
        <v>0.14285714285714285</v>
      </c>
      <c r="BM1261" s="11">
        <v>-1</v>
      </c>
      <c r="BN1261" s="13">
        <v>-4.1666666666666664E-2</v>
      </c>
      <c r="BO1261" s="11">
        <v>2</v>
      </c>
      <c r="BP1261" s="13">
        <v>9.5238095238095233E-2</v>
      </c>
      <c r="BQ1261" s="6">
        <v>24</v>
      </c>
      <c r="BR1261" s="6">
        <v>23</v>
      </c>
      <c r="BS1261" s="6">
        <v>22</v>
      </c>
      <c r="BT1261" s="6">
        <v>21</v>
      </c>
      <c r="BU1261" s="6">
        <v>23</v>
      </c>
      <c r="BV1261" s="6">
        <v>24</v>
      </c>
      <c r="BW1261" s="6">
        <v>24</v>
      </c>
      <c r="BX1261" s="6">
        <v>23</v>
      </c>
      <c r="BY1261" s="6">
        <v>23</v>
      </c>
      <c r="BZ1261" s="6">
        <v>24</v>
      </c>
      <c r="CA1261" s="6">
        <v>23</v>
      </c>
      <c r="CB1261" s="6">
        <v>23</v>
      </c>
      <c r="CC1261" s="11">
        <v>23</v>
      </c>
      <c r="CD1261" s="11">
        <v>-35.873800000000003</v>
      </c>
      <c r="CE1261" s="11">
        <v>-23.235199999999999</v>
      </c>
      <c r="CF1261" s="11">
        <v>43.3245</v>
      </c>
      <c r="CG1261" s="11">
        <v>20</v>
      </c>
      <c r="CH1261" s="20">
        <v>1.45</v>
      </c>
      <c r="CI1261" s="20">
        <v>1.3205199999999999</v>
      </c>
      <c r="CJ1261" s="20">
        <v>1.3620399999999999</v>
      </c>
      <c r="CK1261" s="20">
        <v>1.3453200000000001</v>
      </c>
      <c r="CL1261" s="20">
        <v>1.3318000000000001</v>
      </c>
      <c r="CM1261" s="20">
        <v>1.36513</v>
      </c>
      <c r="CN1261" s="20">
        <v>1.4368000000000001</v>
      </c>
      <c r="CO1261" s="20">
        <v>1.48705</v>
      </c>
      <c r="CP1261" s="20">
        <v>1.42604</v>
      </c>
      <c r="CQ1261" s="20">
        <v>1.33725</v>
      </c>
      <c r="CR1261" s="20">
        <v>1.3214399999999999</v>
      </c>
      <c r="CS1261" s="20">
        <v>1.2805899999999999</v>
      </c>
      <c r="CT1261" s="20">
        <v>1.2906599999999999</v>
      </c>
      <c r="CU1261" s="20">
        <v>1.50797</v>
      </c>
      <c r="CV1261" s="20">
        <v>1.55274</v>
      </c>
      <c r="CW1261" s="20">
        <v>1.57806</v>
      </c>
      <c r="CX1261" s="20">
        <v>1.58694</v>
      </c>
      <c r="CY1261" s="6" t="s">
        <v>593</v>
      </c>
      <c r="CZ1261" s="6" t="s">
        <v>594</v>
      </c>
      <c r="DA1261" s="6" t="s">
        <v>114</v>
      </c>
      <c r="DB1261" s="6"/>
      <c r="DC1261" s="6"/>
      <c r="DD1261" s="6"/>
      <c r="DE1261" s="6"/>
      <c r="DF1261" s="6"/>
      <c r="DG1261" s="6"/>
      <c r="DH1261" s="6" t="s">
        <v>333</v>
      </c>
      <c r="DI1261" s="6"/>
      <c r="DJ1261" s="6"/>
      <c r="DK1261" s="6"/>
      <c r="DL1261" s="6">
        <v>7</v>
      </c>
      <c r="DM1261" s="6" t="s">
        <v>485</v>
      </c>
      <c r="DN1261" s="6">
        <v>8</v>
      </c>
      <c r="DO1261" s="6" t="s">
        <v>486</v>
      </c>
      <c r="DP1261" s="6"/>
      <c r="DQ1261" s="6"/>
    </row>
    <row r="1262" spans="1:121" x14ac:dyDescent="0.2">
      <c r="A1262" s="6" t="s">
        <v>1</v>
      </c>
      <c r="B1262" s="6" t="s">
        <v>1</v>
      </c>
      <c r="C1262" s="6" t="s">
        <v>2</v>
      </c>
      <c r="D1262" s="6" t="s">
        <v>72</v>
      </c>
      <c r="E1262" s="6" t="s">
        <v>213</v>
      </c>
      <c r="F1262" s="11">
        <v>104</v>
      </c>
      <c r="G1262" s="13">
        <v>0.69798657718099999</v>
      </c>
      <c r="H1262" s="11">
        <v>-87.16605943110001</v>
      </c>
      <c r="I1262" s="13">
        <v>-0.58310634390980287</v>
      </c>
      <c r="J1262" s="11">
        <v>74.491159131099991</v>
      </c>
      <c r="K1262" s="13">
        <v>1.1953079254719934</v>
      </c>
      <c r="L1262" s="11">
        <v>116.16157803199999</v>
      </c>
      <c r="M1262" s="13">
        <v>0.84906731856015871</v>
      </c>
      <c r="N1262" s="11">
        <v>190.65273716309997</v>
      </c>
      <c r="O1262" s="13">
        <v>3.0592721391663633</v>
      </c>
      <c r="P1262" s="7">
        <v>149.48569903500001</v>
      </c>
      <c r="Q1262" s="7">
        <v>154.85583337700001</v>
      </c>
      <c r="R1262" s="7">
        <v>149.294987475</v>
      </c>
      <c r="S1262" s="7">
        <v>198.83547702600001</v>
      </c>
      <c r="T1262" s="7">
        <v>139.456775287</v>
      </c>
      <c r="U1262" s="7">
        <v>96.971012776500004</v>
      </c>
      <c r="V1262" s="7">
        <v>62.319639603900001</v>
      </c>
      <c r="W1262" s="7">
        <v>87.630868029300004</v>
      </c>
      <c r="X1262" s="7">
        <v>98.005873647000001</v>
      </c>
      <c r="Y1262" s="7">
        <v>136.81079873499999</v>
      </c>
      <c r="Z1262" s="7">
        <v>191.57896506099999</v>
      </c>
      <c r="AA1262" s="7">
        <v>220.82423334699999</v>
      </c>
      <c r="AB1262" s="7">
        <v>221.24740769799999</v>
      </c>
      <c r="AC1262" s="7">
        <v>235.40734287399999</v>
      </c>
      <c r="AD1262" s="7">
        <v>232.38131116400001</v>
      </c>
      <c r="AE1262" s="7">
        <v>240.17305536399999</v>
      </c>
      <c r="AF1262" s="7">
        <v>252.97237676699999</v>
      </c>
      <c r="AG1262" s="9">
        <v>7525.7988815999997</v>
      </c>
      <c r="AH1262" s="13">
        <v>0.365453386995372</v>
      </c>
      <c r="AI1262" s="9">
        <v>659.85199280000234</v>
      </c>
      <c r="AJ1262" s="13">
        <v>3.2042464790547093E-2</v>
      </c>
      <c r="AK1262" s="9">
        <v>365.79210749999766</v>
      </c>
      <c r="AL1262" s="13">
        <v>1.7211397964559366E-2</v>
      </c>
      <c r="AM1262" s="9">
        <v>6500.1547812999997</v>
      </c>
      <c r="AN1262" s="13">
        <v>0.30067290675442293</v>
      </c>
      <c r="AO1262" s="9">
        <v>6865.9468887999974</v>
      </c>
      <c r="AP1262" s="13">
        <v>0.32305930577429354</v>
      </c>
      <c r="AQ1262" s="9">
        <v>20593.047292499999</v>
      </c>
      <c r="AR1262" s="9">
        <v>22066.882905099999</v>
      </c>
      <c r="AS1262" s="9">
        <v>20389.950975200001</v>
      </c>
      <c r="AT1262" s="9">
        <v>22047.603092699999</v>
      </c>
      <c r="AU1262" s="9">
        <v>22292.2988262</v>
      </c>
      <c r="AV1262" s="9">
        <v>20513.216360300001</v>
      </c>
      <c r="AW1262" s="9">
        <v>21252.899285300002</v>
      </c>
      <c r="AX1262" s="9">
        <v>22251.762364999999</v>
      </c>
      <c r="AY1262" s="9">
        <v>21183.364774099999</v>
      </c>
      <c r="AZ1262" s="9">
        <v>21618.691392799999</v>
      </c>
      <c r="BA1262" s="9">
        <v>22612.5258092</v>
      </c>
      <c r="BB1262" s="9">
        <v>24926.9687658</v>
      </c>
      <c r="BC1262" s="9">
        <v>27093.331448600002</v>
      </c>
      <c r="BD1262" s="9">
        <v>28421.093710100002</v>
      </c>
      <c r="BE1262" s="9">
        <v>28631.9566591</v>
      </c>
      <c r="BF1262" s="9">
        <v>28118.846174099999</v>
      </c>
      <c r="BG1262" s="11">
        <v>2</v>
      </c>
      <c r="BH1262" s="13">
        <v>0.2857142857142857</v>
      </c>
      <c r="BI1262" s="6">
        <v>-3</v>
      </c>
      <c r="BJ1262" s="13">
        <v>-0.42857142857142855</v>
      </c>
      <c r="BK1262" s="6">
        <v>4</v>
      </c>
      <c r="BL1262" s="13">
        <v>1</v>
      </c>
      <c r="BM1262" s="11">
        <v>1</v>
      </c>
      <c r="BN1262" s="13">
        <v>0.125</v>
      </c>
      <c r="BO1262" s="11">
        <v>5</v>
      </c>
      <c r="BP1262" s="13">
        <v>1.25</v>
      </c>
      <c r="BQ1262" s="6">
        <v>7</v>
      </c>
      <c r="BR1262" s="6">
        <v>7</v>
      </c>
      <c r="BS1262" s="6">
        <v>6</v>
      </c>
      <c r="BT1262" s="6">
        <v>4</v>
      </c>
      <c r="BU1262" s="6">
        <v>6</v>
      </c>
      <c r="BV1262" s="6">
        <v>6</v>
      </c>
      <c r="BW1262" s="6">
        <v>8</v>
      </c>
      <c r="BX1262" s="6">
        <v>9</v>
      </c>
      <c r="BY1262" s="6">
        <v>10</v>
      </c>
      <c r="BZ1262" s="6">
        <v>10</v>
      </c>
      <c r="CA1262" s="6">
        <v>10</v>
      </c>
      <c r="CB1262" s="6">
        <v>9</v>
      </c>
      <c r="CC1262" s="11">
        <v>9</v>
      </c>
      <c r="CD1262" s="11">
        <v>100.77500000000001</v>
      </c>
      <c r="CE1262" s="11">
        <v>-13.629200000000001</v>
      </c>
      <c r="CF1262" s="11">
        <v>16.340599999999998</v>
      </c>
      <c r="CG1262" s="11">
        <v>2</v>
      </c>
      <c r="CH1262" s="20">
        <v>0.73638899999999996</v>
      </c>
      <c r="CI1262" s="20">
        <v>0.76717400000000002</v>
      </c>
      <c r="CJ1262" s="20">
        <v>0.73670899999999995</v>
      </c>
      <c r="CK1262" s="20">
        <v>1.0051000000000001</v>
      </c>
      <c r="CL1262" s="20">
        <v>0.71089599999999997</v>
      </c>
      <c r="CM1262" s="20">
        <v>0.50431099999999995</v>
      </c>
      <c r="CN1262" s="20">
        <v>0.34389399999999998</v>
      </c>
      <c r="CO1262" s="20">
        <v>0.48629800000000001</v>
      </c>
      <c r="CP1262" s="20">
        <v>0.53101699999999996</v>
      </c>
      <c r="CQ1262" s="20">
        <v>0.69055299999999997</v>
      </c>
      <c r="CR1262" s="20">
        <v>0.97585</v>
      </c>
      <c r="CS1262" s="20">
        <v>1.1085700000000001</v>
      </c>
      <c r="CT1262" s="20">
        <v>1.18807</v>
      </c>
      <c r="CU1262" s="20">
        <v>1.2661199999999999</v>
      </c>
      <c r="CV1262" s="20">
        <v>1.2339899999999999</v>
      </c>
      <c r="CW1262" s="20">
        <v>1.2990999999999999</v>
      </c>
      <c r="CX1262" s="20">
        <v>1.36039</v>
      </c>
      <c r="CY1262" s="6" t="s">
        <v>595</v>
      </c>
      <c r="CZ1262" s="6" t="s">
        <v>596</v>
      </c>
      <c r="DA1262" s="6" t="s">
        <v>72</v>
      </c>
      <c r="DB1262" s="6"/>
      <c r="DC1262" s="6">
        <v>25300</v>
      </c>
      <c r="DD1262" s="6">
        <v>448</v>
      </c>
      <c r="DE1262" s="6" t="s">
        <v>598</v>
      </c>
      <c r="DF1262" s="6" t="s">
        <v>363</v>
      </c>
      <c r="DG1262" s="6" t="s">
        <v>364</v>
      </c>
      <c r="DH1262" s="6" t="s">
        <v>365</v>
      </c>
      <c r="DI1262" s="6" t="s">
        <v>575</v>
      </c>
      <c r="DJ1262" s="6">
        <v>29</v>
      </c>
      <c r="DK1262" s="6">
        <v>127</v>
      </c>
      <c r="DL1262" s="6">
        <v>8</v>
      </c>
      <c r="DM1262" s="6" t="s">
        <v>368</v>
      </c>
      <c r="DN1262" s="6">
        <v>5</v>
      </c>
      <c r="DO1262" s="6" t="s">
        <v>429</v>
      </c>
      <c r="DP1262" s="6"/>
      <c r="DQ1262" s="6"/>
    </row>
    <row r="1263" spans="1:121" x14ac:dyDescent="0.2">
      <c r="A1263" s="6" t="s">
        <v>310</v>
      </c>
      <c r="B1263" s="6" t="s">
        <v>310</v>
      </c>
      <c r="C1263" s="6" t="s">
        <v>173</v>
      </c>
      <c r="D1263" s="6" t="s">
        <v>72</v>
      </c>
      <c r="E1263" s="6" t="s">
        <v>213</v>
      </c>
      <c r="F1263" s="11">
        <v>1</v>
      </c>
      <c r="G1263" s="13">
        <v>1</v>
      </c>
      <c r="H1263" s="11">
        <v>16.318397000000001</v>
      </c>
      <c r="I1263" s="13">
        <v>3.2636794</v>
      </c>
      <c r="J1263" s="11">
        <v>24.780562999999997</v>
      </c>
      <c r="K1263" s="13">
        <v>1.1624027360030866</v>
      </c>
      <c r="L1263" s="11">
        <v>-24.905746068399999</v>
      </c>
      <c r="M1263" s="13">
        <v>-0.54026698364561809</v>
      </c>
      <c r="N1263" s="11">
        <v>-0.12518306840000193</v>
      </c>
      <c r="O1263" s="13">
        <v>-5.8720676043326299E-3</v>
      </c>
      <c r="P1263" s="7">
        <v>5</v>
      </c>
      <c r="Q1263" s="7">
        <v>14.596791</v>
      </c>
      <c r="R1263" s="7">
        <v>23.759129999999999</v>
      </c>
      <c r="S1263" s="7">
        <v>11.389759</v>
      </c>
      <c r="T1263" s="7">
        <v>22.3997473061</v>
      </c>
      <c r="U1263" s="7">
        <v>27.659026000000001</v>
      </c>
      <c r="V1263" s="7">
        <v>21.318397000000001</v>
      </c>
      <c r="W1263" s="7">
        <v>24.122444000000002</v>
      </c>
      <c r="X1263" s="7">
        <v>30.426362000000001</v>
      </c>
      <c r="Y1263" s="7">
        <v>46.098959999999998</v>
      </c>
      <c r="Z1263" s="7">
        <v>33.938881000000002</v>
      </c>
      <c r="AA1263" s="7">
        <v>25.238302000000001</v>
      </c>
      <c r="AB1263" s="7">
        <v>14.73237</v>
      </c>
      <c r="AC1263" s="7">
        <v>15.227945999999999</v>
      </c>
      <c r="AD1263" s="7">
        <v>18.455632000000001</v>
      </c>
      <c r="AE1263" s="7">
        <v>21.785813999999998</v>
      </c>
      <c r="AF1263" s="7">
        <v>21.193213931599999</v>
      </c>
      <c r="AG1263" s="9">
        <v>58232.478211399997</v>
      </c>
      <c r="AH1263" s="13">
        <v>58232.478211399997</v>
      </c>
      <c r="AI1263" s="9">
        <v>57724.575395599997</v>
      </c>
      <c r="AJ1263" s="13">
        <v>57724.575395599997</v>
      </c>
      <c r="AK1263" s="9">
        <v>-2585.9136266999994</v>
      </c>
      <c r="AL1263" s="13">
        <v>-4.4796671301731275E-2</v>
      </c>
      <c r="AM1263" s="9">
        <v>3093.8164424999995</v>
      </c>
      <c r="AN1263" s="13">
        <v>5.6108730870833547E-2</v>
      </c>
      <c r="AO1263" s="9">
        <v>507.9028158000001</v>
      </c>
      <c r="AP1263" s="13">
        <v>8.7985751951242374E-3</v>
      </c>
      <c r="AQ1263" s="9">
        <v>1</v>
      </c>
      <c r="AR1263" s="9">
        <v>52789.870187</v>
      </c>
      <c r="AS1263" s="9">
        <v>54429.510604399999</v>
      </c>
      <c r="AT1263" s="9">
        <v>57432.492411400002</v>
      </c>
      <c r="AU1263" s="9">
        <v>48165.658788399996</v>
      </c>
      <c r="AV1263" s="9">
        <v>55591.005945700002</v>
      </c>
      <c r="AW1263" s="9">
        <v>57725.575395599997</v>
      </c>
      <c r="AX1263" s="9">
        <v>54827.1474026</v>
      </c>
      <c r="AY1263" s="9">
        <v>53376.946563400001</v>
      </c>
      <c r="AZ1263" s="9">
        <v>55139.661768899998</v>
      </c>
      <c r="BA1263" s="9">
        <v>58190.657054800002</v>
      </c>
      <c r="BB1263" s="9">
        <v>62847.213477600002</v>
      </c>
      <c r="BC1263" s="9">
        <v>52127.009314700001</v>
      </c>
      <c r="BD1263" s="9">
        <v>42466.273070000003</v>
      </c>
      <c r="BE1263" s="9">
        <v>57057.224309700003</v>
      </c>
      <c r="BF1263" s="9">
        <v>58233.478211399997</v>
      </c>
      <c r="BG1263" s="11">
        <v>-0.5</v>
      </c>
      <c r="BH1263" s="13">
        <v>-0.25</v>
      </c>
      <c r="BI1263" s="6">
        <v>-1</v>
      </c>
      <c r="BJ1263" s="13">
        <v>-0.5</v>
      </c>
      <c r="BK1263" s="6">
        <v>0</v>
      </c>
      <c r="BL1263" s="13">
        <v>0</v>
      </c>
      <c r="BM1263" s="11">
        <v>0.5</v>
      </c>
      <c r="BN1263" s="13">
        <v>0.5</v>
      </c>
      <c r="BO1263" s="11">
        <v>0.5</v>
      </c>
      <c r="BP1263" s="13">
        <v>0.5</v>
      </c>
      <c r="BQ1263" s="6">
        <v>2</v>
      </c>
      <c r="BR1263" s="6">
        <v>1</v>
      </c>
      <c r="BS1263" s="6">
        <v>1</v>
      </c>
      <c r="BT1263" s="6">
        <v>1</v>
      </c>
      <c r="BU1263" s="6">
        <v>1</v>
      </c>
      <c r="BV1263" s="6">
        <v>1</v>
      </c>
      <c r="BW1263" s="6">
        <v>1</v>
      </c>
      <c r="BX1263" s="6">
        <v>1</v>
      </c>
      <c r="BY1263" s="6">
        <v>2</v>
      </c>
      <c r="BZ1263" s="6">
        <v>2</v>
      </c>
      <c r="CA1263" s="6">
        <v>2</v>
      </c>
      <c r="CB1263" s="6">
        <v>2</v>
      </c>
      <c r="CC1263" s="11">
        <v>1.5</v>
      </c>
      <c r="CD1263" s="11">
        <v>10.154</v>
      </c>
      <c r="CE1263" s="11">
        <v>0.944133</v>
      </c>
      <c r="CF1263" s="11">
        <v>0.99476900000000001</v>
      </c>
      <c r="CG1263" s="11">
        <v>2</v>
      </c>
      <c r="CH1263" s="20">
        <v>0.15800400000000001</v>
      </c>
      <c r="CI1263" s="20">
        <v>0.26623999999999998</v>
      </c>
      <c r="CJ1263" s="20">
        <v>0.43776399999999999</v>
      </c>
      <c r="CK1263" s="20">
        <v>0.208012</v>
      </c>
      <c r="CL1263" s="20">
        <v>0.38489800000000002</v>
      </c>
      <c r="CM1263" s="20">
        <v>0.44014900000000001</v>
      </c>
      <c r="CN1263" s="20">
        <v>0.33403699999999997</v>
      </c>
      <c r="CO1263" s="20">
        <v>0.342947</v>
      </c>
      <c r="CP1263" s="20">
        <v>0.463953</v>
      </c>
      <c r="CQ1263" s="20">
        <v>0.642154</v>
      </c>
      <c r="CR1263" s="20">
        <v>0.42948500000000001</v>
      </c>
      <c r="CS1263" s="20">
        <v>0.292103</v>
      </c>
      <c r="CT1263" s="20">
        <v>0.18101</v>
      </c>
      <c r="CU1263" s="20">
        <v>0.18390400000000001</v>
      </c>
      <c r="CV1263" s="20">
        <v>0.24873100000000001</v>
      </c>
      <c r="CW1263" s="20">
        <v>0.35204000000000002</v>
      </c>
      <c r="CX1263" s="20">
        <v>0.337146</v>
      </c>
      <c r="CY1263" s="6" t="s">
        <v>595</v>
      </c>
      <c r="CZ1263" s="6" t="s">
        <v>596</v>
      </c>
      <c r="DA1263" s="6" t="s">
        <v>72</v>
      </c>
      <c r="DB1263" s="6"/>
      <c r="DC1263" s="6">
        <v>25300</v>
      </c>
      <c r="DD1263" s="6">
        <v>448</v>
      </c>
      <c r="DE1263" s="6" t="s">
        <v>598</v>
      </c>
      <c r="DF1263" s="6" t="s">
        <v>363</v>
      </c>
      <c r="DG1263" s="6" t="s">
        <v>364</v>
      </c>
      <c r="DH1263" s="6" t="s">
        <v>365</v>
      </c>
      <c r="DI1263" s="6" t="s">
        <v>575</v>
      </c>
      <c r="DJ1263" s="6">
        <v>29</v>
      </c>
      <c r="DK1263" s="6">
        <v>127</v>
      </c>
      <c r="DL1263" s="6">
        <v>8</v>
      </c>
      <c r="DM1263" s="6" t="s">
        <v>368</v>
      </c>
      <c r="DN1263" s="6">
        <v>5</v>
      </c>
      <c r="DO1263" s="6" t="s">
        <v>429</v>
      </c>
      <c r="DP1263" s="6"/>
      <c r="DQ1263" s="6"/>
    </row>
    <row r="1264" spans="1:121" x14ac:dyDescent="0.2">
      <c r="A1264" s="6" t="s">
        <v>311</v>
      </c>
      <c r="B1264" s="6" t="s">
        <v>311</v>
      </c>
      <c r="C1264" s="6" t="s">
        <v>174</v>
      </c>
      <c r="D1264" s="6" t="s">
        <v>72</v>
      </c>
      <c r="E1264" s="6" t="s">
        <v>213</v>
      </c>
      <c r="F1264" s="11">
        <v>6</v>
      </c>
      <c r="G1264" s="13">
        <v>5.76923076923E-2</v>
      </c>
      <c r="H1264" s="11">
        <v>-8.8696890000000081</v>
      </c>
      <c r="I1264" s="13">
        <v>-8.5315578529303951E-2</v>
      </c>
      <c r="J1264" s="11">
        <v>6.7911150000000049</v>
      </c>
      <c r="K1264" s="13">
        <v>7.1415050916670483E-2</v>
      </c>
      <c r="L1264" s="11">
        <v>8.2474908899999946</v>
      </c>
      <c r="M1264" s="13">
        <v>8.094923836718404E-2</v>
      </c>
      <c r="N1264" s="11">
        <v>15.038605889999999</v>
      </c>
      <c r="O1264" s="13">
        <v>0.15814528326351265</v>
      </c>
      <c r="P1264" s="7">
        <v>103.96329900000001</v>
      </c>
      <c r="Q1264" s="7">
        <v>107.88045200000001</v>
      </c>
      <c r="R1264" s="7">
        <v>104.82092</v>
      </c>
      <c r="S1264" s="7">
        <v>104.98112399999999</v>
      </c>
      <c r="T1264" s="7">
        <v>101.93884</v>
      </c>
      <c r="U1264" s="7">
        <v>97.927712999999997</v>
      </c>
      <c r="V1264" s="7">
        <v>95.093609999999998</v>
      </c>
      <c r="W1264" s="7">
        <v>97.730495000000005</v>
      </c>
      <c r="X1264" s="7">
        <v>100.08485899999999</v>
      </c>
      <c r="Y1264" s="7">
        <v>101.884725</v>
      </c>
      <c r="Z1264" s="7">
        <v>101.819292</v>
      </c>
      <c r="AA1264" s="7">
        <v>106.304592</v>
      </c>
      <c r="AB1264" s="7">
        <v>110.83555200000001</v>
      </c>
      <c r="AC1264" s="7">
        <v>105.062608</v>
      </c>
      <c r="AD1264" s="7">
        <v>106.85327100000001</v>
      </c>
      <c r="AE1264" s="7">
        <v>107.88873049999999</v>
      </c>
      <c r="AF1264" s="7">
        <v>110.13221589</v>
      </c>
      <c r="AG1264" s="9">
        <v>36220.465856400006</v>
      </c>
      <c r="AH1264" s="13">
        <v>0.5784093633676024</v>
      </c>
      <c r="AI1264" s="9">
        <v>16484.974663399997</v>
      </c>
      <c r="AJ1264" s="13">
        <v>0.26325071957911994</v>
      </c>
      <c r="AK1264" s="9">
        <v>11367.269720299999</v>
      </c>
      <c r="AL1264" s="13">
        <v>0.14369706363063681</v>
      </c>
      <c r="AM1264" s="9">
        <v>8368.2214727000101</v>
      </c>
      <c r="AN1264" s="13">
        <v>9.2494069623867289E-2</v>
      </c>
      <c r="AO1264" s="9">
        <v>19735.491193000009</v>
      </c>
      <c r="AP1264" s="13">
        <v>0.2494822594627015</v>
      </c>
      <c r="AQ1264" s="9">
        <v>62620.8152052</v>
      </c>
      <c r="AR1264" s="9">
        <v>64018.066161399998</v>
      </c>
      <c r="AS1264" s="9">
        <v>63807.796689299998</v>
      </c>
      <c r="AT1264" s="9">
        <v>69126.158012100001</v>
      </c>
      <c r="AU1264" s="9">
        <v>68469.805433999994</v>
      </c>
      <c r="AV1264" s="9">
        <v>81872.838439200001</v>
      </c>
      <c r="AW1264" s="9">
        <v>79105.789868599997</v>
      </c>
      <c r="AX1264" s="9">
        <v>82552.420063600002</v>
      </c>
      <c r="AY1264" s="9">
        <v>85870.051349500005</v>
      </c>
      <c r="AZ1264" s="9">
        <v>90473.059588899996</v>
      </c>
      <c r="BA1264" s="9">
        <v>90390.248395400005</v>
      </c>
      <c r="BB1264" s="9">
        <v>84623.354110300003</v>
      </c>
      <c r="BC1264" s="9">
        <v>89703.022111400001</v>
      </c>
      <c r="BD1264" s="9">
        <v>96132.299367700005</v>
      </c>
      <c r="BE1264" s="9">
        <v>98514.933749300006</v>
      </c>
      <c r="BF1264" s="9">
        <v>98841.281061600006</v>
      </c>
      <c r="BG1264" s="11">
        <v>0</v>
      </c>
      <c r="BH1264" s="13">
        <v>0</v>
      </c>
      <c r="BI1264" s="6">
        <v>0</v>
      </c>
      <c r="BJ1264" s="13">
        <v>0</v>
      </c>
      <c r="BK1264" s="6">
        <v>0</v>
      </c>
      <c r="BL1264" s="13">
        <v>0</v>
      </c>
      <c r="BM1264" s="11">
        <v>0</v>
      </c>
      <c r="BN1264" s="13">
        <v>0</v>
      </c>
      <c r="BO1264" s="11">
        <v>0</v>
      </c>
      <c r="BP1264" s="13">
        <v>0</v>
      </c>
      <c r="BQ1264" s="6">
        <v>4</v>
      </c>
      <c r="BR1264" s="6">
        <v>4</v>
      </c>
      <c r="BS1264" s="6">
        <v>4</v>
      </c>
      <c r="BT1264" s="6">
        <v>4</v>
      </c>
      <c r="BU1264" s="6">
        <v>4</v>
      </c>
      <c r="BV1264" s="6">
        <v>4</v>
      </c>
      <c r="BW1264" s="6">
        <v>4</v>
      </c>
      <c r="BX1264" s="6">
        <v>4</v>
      </c>
      <c r="BY1264" s="6">
        <v>4</v>
      </c>
      <c r="BZ1264" s="6">
        <v>4</v>
      </c>
      <c r="CA1264" s="6">
        <v>4</v>
      </c>
      <c r="CB1264" s="6">
        <v>4</v>
      </c>
      <c r="CC1264" s="11">
        <v>4</v>
      </c>
      <c r="CD1264" s="11">
        <v>11.734299999999999</v>
      </c>
      <c r="CE1264" s="11">
        <v>-16.9298</v>
      </c>
      <c r="CF1264" s="11">
        <v>11.3644</v>
      </c>
      <c r="CG1264" s="11">
        <v>-6</v>
      </c>
      <c r="CH1264" s="20">
        <v>1.6475</v>
      </c>
      <c r="CI1264" s="20">
        <v>1.7250099999999999</v>
      </c>
      <c r="CJ1264" s="20">
        <v>1.7238899999999999</v>
      </c>
      <c r="CK1264" s="20">
        <v>1.81674</v>
      </c>
      <c r="CL1264" s="20">
        <v>1.8335600000000001</v>
      </c>
      <c r="CM1264" s="20">
        <v>1.80643</v>
      </c>
      <c r="CN1264" s="20">
        <v>1.8361799999999999</v>
      </c>
      <c r="CO1264" s="20">
        <v>1.81745</v>
      </c>
      <c r="CP1264" s="20">
        <v>1.79227</v>
      </c>
      <c r="CQ1264" s="20">
        <v>1.7175199999999999</v>
      </c>
      <c r="CR1264" s="20">
        <v>1.74699</v>
      </c>
      <c r="CS1264" s="20">
        <v>1.8212200000000001</v>
      </c>
      <c r="CT1264" s="20">
        <v>2.0562900000000002</v>
      </c>
      <c r="CU1264" s="20">
        <v>1.9669099999999999</v>
      </c>
      <c r="CV1264" s="20">
        <v>1.9779500000000001</v>
      </c>
      <c r="CW1264" s="20">
        <v>2.0316900000000002</v>
      </c>
      <c r="CX1264" s="20">
        <v>2.0494699999999999</v>
      </c>
      <c r="CY1264" s="6" t="s">
        <v>595</v>
      </c>
      <c r="CZ1264" s="6" t="s">
        <v>596</v>
      </c>
      <c r="DA1264" s="6" t="s">
        <v>72</v>
      </c>
      <c r="DB1264" s="6"/>
      <c r="DC1264" s="6">
        <v>25300</v>
      </c>
      <c r="DD1264" s="6">
        <v>448</v>
      </c>
      <c r="DE1264" s="6" t="s">
        <v>598</v>
      </c>
      <c r="DF1264" s="6" t="s">
        <v>363</v>
      </c>
      <c r="DG1264" s="6" t="s">
        <v>364</v>
      </c>
      <c r="DH1264" s="6" t="s">
        <v>365</v>
      </c>
      <c r="DI1264" s="6" t="s">
        <v>575</v>
      </c>
      <c r="DJ1264" s="6">
        <v>29</v>
      </c>
      <c r="DK1264" s="6">
        <v>127</v>
      </c>
      <c r="DL1264" s="6">
        <v>8</v>
      </c>
      <c r="DM1264" s="6" t="s">
        <v>368</v>
      </c>
      <c r="DN1264" s="6">
        <v>5</v>
      </c>
      <c r="DO1264" s="6" t="s">
        <v>429</v>
      </c>
      <c r="DP1264" s="6"/>
      <c r="DQ1264" s="6"/>
    </row>
    <row r="1265" spans="1:121" x14ac:dyDescent="0.2">
      <c r="A1265" s="6" t="s">
        <v>312</v>
      </c>
      <c r="B1265" s="6" t="s">
        <v>312</v>
      </c>
      <c r="C1265" s="6" t="s">
        <v>175</v>
      </c>
      <c r="D1265" s="6" t="s">
        <v>72</v>
      </c>
      <c r="E1265" s="6" t="s">
        <v>213</v>
      </c>
      <c r="F1265" s="11">
        <v>-50</v>
      </c>
      <c r="G1265" s="13">
        <v>-5.1975051975100002E-2</v>
      </c>
      <c r="H1265" s="11">
        <v>62.769453554999927</v>
      </c>
      <c r="I1265" s="13">
        <v>6.5264937128780204E-2</v>
      </c>
      <c r="J1265" s="11">
        <v>-149.95744240099987</v>
      </c>
      <c r="K1265" s="13">
        <v>-0.14636659448924447</v>
      </c>
      <c r="L1265" s="11">
        <v>37.17788933199995</v>
      </c>
      <c r="M1265" s="13">
        <v>4.250962479003173E-2</v>
      </c>
      <c r="N1265" s="11">
        <v>-112.77955306899992</v>
      </c>
      <c r="O1265" s="13">
        <v>-0.11007895871274524</v>
      </c>
      <c r="P1265" s="7">
        <v>961.76379410499999</v>
      </c>
      <c r="Q1265" s="7">
        <v>952.19967151000003</v>
      </c>
      <c r="R1265" s="7">
        <v>922.88429528999995</v>
      </c>
      <c r="S1265" s="7">
        <v>953.93827669200004</v>
      </c>
      <c r="T1265" s="7">
        <v>920.31210871300004</v>
      </c>
      <c r="U1265" s="7">
        <v>919.14392662499995</v>
      </c>
      <c r="V1265" s="7">
        <v>1024.5332476599999</v>
      </c>
      <c r="W1265" s="7">
        <v>959.85579544300003</v>
      </c>
      <c r="X1265" s="7">
        <v>866.55274187500004</v>
      </c>
      <c r="Y1265" s="7">
        <v>874.57580525900005</v>
      </c>
      <c r="Z1265" s="7">
        <v>870.75159171400003</v>
      </c>
      <c r="AA1265" s="7">
        <v>840.73248282899999</v>
      </c>
      <c r="AB1265" s="7">
        <v>845.78168499799995</v>
      </c>
      <c r="AC1265" s="7">
        <v>859.96470583799999</v>
      </c>
      <c r="AD1265" s="7">
        <v>886.339931643</v>
      </c>
      <c r="AE1265" s="7">
        <v>902.70444317900001</v>
      </c>
      <c r="AF1265" s="7">
        <v>911.753694591</v>
      </c>
      <c r="AG1265" s="9">
        <v>16332.223302999999</v>
      </c>
      <c r="AH1265" s="13">
        <v>0.4421143316347807</v>
      </c>
      <c r="AI1265" s="9">
        <v>9691.2147397000008</v>
      </c>
      <c r="AJ1265" s="13">
        <v>0.26234180416726094</v>
      </c>
      <c r="AK1265" s="9">
        <v>568.92822029999661</v>
      </c>
      <c r="AL1265" s="13">
        <v>1.220027993879085E-2</v>
      </c>
      <c r="AM1265" s="9">
        <v>6072.0803430000014</v>
      </c>
      <c r="AN1265" s="13">
        <v>0.12864217540300379</v>
      </c>
      <c r="AO1265" s="9">
        <v>6641.0085632999981</v>
      </c>
      <c r="AP1265" s="13">
        <v>0.14241192589364635</v>
      </c>
      <c r="AQ1265" s="9">
        <v>36941.175923000003</v>
      </c>
      <c r="AR1265" s="9">
        <v>40167.4644291</v>
      </c>
      <c r="AS1265" s="9">
        <v>40146.618754800002</v>
      </c>
      <c r="AT1265" s="9">
        <v>39661.343445899998</v>
      </c>
      <c r="AU1265" s="9">
        <v>44778.208232199999</v>
      </c>
      <c r="AV1265" s="9">
        <v>45702.9424392</v>
      </c>
      <c r="AW1265" s="9">
        <v>46632.390662700003</v>
      </c>
      <c r="AX1265" s="9">
        <v>45730.8250329</v>
      </c>
      <c r="AY1265" s="9">
        <v>46317.554190299998</v>
      </c>
      <c r="AZ1265" s="9">
        <v>47201.318883</v>
      </c>
      <c r="BA1265" s="9">
        <v>49018.136031900001</v>
      </c>
      <c r="BB1265" s="9">
        <v>49216.625507199999</v>
      </c>
      <c r="BC1265" s="9">
        <v>55484.431195500001</v>
      </c>
      <c r="BD1265" s="9">
        <v>52009.568025799999</v>
      </c>
      <c r="BE1265" s="9">
        <v>51083.4964444</v>
      </c>
      <c r="BF1265" s="9">
        <v>53273.399226000001</v>
      </c>
      <c r="BG1265" s="11">
        <v>-14.75</v>
      </c>
      <c r="BH1265" s="13">
        <v>-0.2048611111111111</v>
      </c>
      <c r="BI1265" s="6">
        <v>-7</v>
      </c>
      <c r="BJ1265" s="13">
        <v>-9.7222222222222224E-2</v>
      </c>
      <c r="BK1265" s="6">
        <v>-2</v>
      </c>
      <c r="BL1265" s="13">
        <v>-3.0769230769230771E-2</v>
      </c>
      <c r="BM1265" s="11">
        <v>-5.75</v>
      </c>
      <c r="BN1265" s="13">
        <v>-9.1269841269841265E-2</v>
      </c>
      <c r="BO1265" s="11">
        <v>-7.75</v>
      </c>
      <c r="BP1265" s="13">
        <v>-0.11923076923076924</v>
      </c>
      <c r="BQ1265" s="6">
        <v>72</v>
      </c>
      <c r="BR1265" s="6">
        <v>73</v>
      </c>
      <c r="BS1265" s="6">
        <v>69</v>
      </c>
      <c r="BT1265" s="6">
        <v>65</v>
      </c>
      <c r="BU1265" s="6">
        <v>58</v>
      </c>
      <c r="BV1265" s="6">
        <v>59</v>
      </c>
      <c r="BW1265" s="6">
        <v>63</v>
      </c>
      <c r="BX1265" s="6">
        <v>57</v>
      </c>
      <c r="BY1265" s="6">
        <v>56</v>
      </c>
      <c r="BZ1265" s="6">
        <v>60</v>
      </c>
      <c r="CA1265" s="6">
        <v>60</v>
      </c>
      <c r="CB1265" s="6">
        <v>57</v>
      </c>
      <c r="CC1265" s="11">
        <v>57.25</v>
      </c>
      <c r="CD1265" s="11">
        <v>-38.648400000000002</v>
      </c>
      <c r="CE1265" s="11">
        <v>-116.494</v>
      </c>
      <c r="CF1265" s="11">
        <v>105.13200000000001</v>
      </c>
      <c r="CG1265" s="11">
        <v>-11</v>
      </c>
      <c r="CH1265" s="20">
        <v>1.0507899999999999</v>
      </c>
      <c r="CI1265" s="20">
        <v>1.0424800000000001</v>
      </c>
      <c r="CJ1265" s="20">
        <v>0.99307699999999999</v>
      </c>
      <c r="CK1265" s="20">
        <v>1.01274</v>
      </c>
      <c r="CL1265" s="20">
        <v>0.94676400000000005</v>
      </c>
      <c r="CM1265" s="20">
        <v>0.92354099999999995</v>
      </c>
      <c r="CN1265" s="20">
        <v>1.09209</v>
      </c>
      <c r="CO1265" s="20">
        <v>1.0575300000000001</v>
      </c>
      <c r="CP1265" s="20">
        <v>1.06046</v>
      </c>
      <c r="CQ1265" s="20">
        <v>1.07789</v>
      </c>
      <c r="CR1265" s="20">
        <v>1.10379</v>
      </c>
      <c r="CS1265" s="20">
        <v>1.05413</v>
      </c>
      <c r="CT1265" s="20">
        <v>1.1205799999999999</v>
      </c>
      <c r="CU1265" s="20">
        <v>1.11483</v>
      </c>
      <c r="CV1265" s="20">
        <v>1.1046499999999999</v>
      </c>
      <c r="CW1265" s="20">
        <v>1.1209199999999999</v>
      </c>
      <c r="CX1265" s="20">
        <v>1.1204000000000001</v>
      </c>
      <c r="CY1265" s="6" t="s">
        <v>595</v>
      </c>
      <c r="CZ1265" s="6" t="s">
        <v>596</v>
      </c>
      <c r="DA1265" s="6" t="s">
        <v>72</v>
      </c>
      <c r="DB1265" s="6"/>
      <c r="DC1265" s="6">
        <v>25300</v>
      </c>
      <c r="DD1265" s="6">
        <v>448</v>
      </c>
      <c r="DE1265" s="6" t="s">
        <v>598</v>
      </c>
      <c r="DF1265" s="6" t="s">
        <v>363</v>
      </c>
      <c r="DG1265" s="6" t="s">
        <v>364</v>
      </c>
      <c r="DH1265" s="6" t="s">
        <v>365</v>
      </c>
      <c r="DI1265" s="6" t="s">
        <v>575</v>
      </c>
      <c r="DJ1265" s="6">
        <v>29</v>
      </c>
      <c r="DK1265" s="6">
        <v>127</v>
      </c>
      <c r="DL1265" s="6">
        <v>8</v>
      </c>
      <c r="DM1265" s="6" t="s">
        <v>368</v>
      </c>
      <c r="DN1265" s="6">
        <v>5</v>
      </c>
      <c r="DO1265" s="6" t="s">
        <v>429</v>
      </c>
      <c r="DP1265" s="6"/>
      <c r="DQ1265" s="6"/>
    </row>
    <row r="1266" spans="1:121" x14ac:dyDescent="0.2">
      <c r="A1266" s="6" t="s">
        <v>792</v>
      </c>
      <c r="B1266" s="6" t="s">
        <v>176</v>
      </c>
      <c r="C1266" s="6" t="s">
        <v>177</v>
      </c>
      <c r="D1266" s="6" t="s">
        <v>72</v>
      </c>
      <c r="E1266" s="6" t="s">
        <v>213</v>
      </c>
      <c r="F1266" s="11">
        <v>-1680</v>
      </c>
      <c r="G1266" s="13">
        <v>-0.58597837460799995</v>
      </c>
      <c r="H1266" s="11">
        <v>-1550.44612895</v>
      </c>
      <c r="I1266" s="13">
        <v>-0.54083922887921809</v>
      </c>
      <c r="J1266" s="11">
        <v>508.54905316999998</v>
      </c>
      <c r="K1266" s="13">
        <v>0.38634880862005005</v>
      </c>
      <c r="L1266" s="11">
        <v>-637.70665671000006</v>
      </c>
      <c r="M1266" s="13">
        <v>-0.34945814250276175</v>
      </c>
      <c r="N1266" s="11">
        <v>-129.15760354000008</v>
      </c>
      <c r="O1266" s="13">
        <v>-9.8122070901229361E-2</v>
      </c>
      <c r="P1266" s="7">
        <v>2866.7412535200001</v>
      </c>
      <c r="Q1266" s="7">
        <v>2701.8669988199999</v>
      </c>
      <c r="R1266" s="7">
        <v>2605.3044268200001</v>
      </c>
      <c r="S1266" s="7">
        <v>2214.94744967</v>
      </c>
      <c r="T1266" s="7">
        <v>2089.1718762300002</v>
      </c>
      <c r="U1266" s="7">
        <v>2099.5807210100002</v>
      </c>
      <c r="V1266" s="7">
        <v>1316.2951245700001</v>
      </c>
      <c r="W1266" s="7">
        <v>1279.2066704900001</v>
      </c>
      <c r="X1266" s="7">
        <v>1098.1860005999999</v>
      </c>
      <c r="Y1266" s="7">
        <v>1824.8441777400001</v>
      </c>
      <c r="Z1266" s="7">
        <v>1820.6704001099999</v>
      </c>
      <c r="AA1266" s="7">
        <v>1930.1991737400001</v>
      </c>
      <c r="AB1266" s="7">
        <v>1122.5495801500001</v>
      </c>
      <c r="AC1266" s="7">
        <v>1174.0144331700001</v>
      </c>
      <c r="AD1266" s="7">
        <v>1195.9055640700001</v>
      </c>
      <c r="AE1266" s="7">
        <v>1179.00583835</v>
      </c>
      <c r="AF1266" s="7">
        <v>1187.13752103</v>
      </c>
      <c r="AG1266" s="9">
        <v>15599.4807239</v>
      </c>
      <c r="AH1266" s="13">
        <v>0.3899074198419451</v>
      </c>
      <c r="AI1266" s="9">
        <v>17898.675787</v>
      </c>
      <c r="AJ1266" s="13">
        <v>0.44737556449583543</v>
      </c>
      <c r="AK1266" s="9">
        <v>-574.52888489999896</v>
      </c>
      <c r="AL1266" s="13">
        <v>-9.9216062996750985E-3</v>
      </c>
      <c r="AM1266" s="9">
        <v>-1724.666178200001</v>
      </c>
      <c r="AN1266" s="13">
        <v>-3.0081922306070544E-2</v>
      </c>
      <c r="AO1266" s="9">
        <v>-2299.1950631</v>
      </c>
      <c r="AP1266" s="13">
        <v>-3.9705067615887393E-2</v>
      </c>
      <c r="AQ1266" s="9">
        <v>40008.165862100002</v>
      </c>
      <c r="AR1266" s="9">
        <v>41551.5590066</v>
      </c>
      <c r="AS1266" s="9">
        <v>46719.598390300001</v>
      </c>
      <c r="AT1266" s="9">
        <v>47660.664947700003</v>
      </c>
      <c r="AU1266" s="9">
        <v>54352.892827700001</v>
      </c>
      <c r="AV1266" s="9">
        <v>56352.345150699999</v>
      </c>
      <c r="AW1266" s="9">
        <v>57906.841649100003</v>
      </c>
      <c r="AX1266" s="9">
        <v>58454.170308300003</v>
      </c>
      <c r="AY1266" s="9">
        <v>54641.120163599997</v>
      </c>
      <c r="AZ1266" s="9">
        <v>57332.312764200004</v>
      </c>
      <c r="BA1266" s="9">
        <v>57946.878592599998</v>
      </c>
      <c r="BB1266" s="9">
        <v>58236.6133949</v>
      </c>
      <c r="BC1266" s="9">
        <v>46497.297788600001</v>
      </c>
      <c r="BD1266" s="9">
        <v>49176.5984426</v>
      </c>
      <c r="BE1266" s="9">
        <v>52397.9704643</v>
      </c>
      <c r="BF1266" s="9">
        <v>55607.646586000003</v>
      </c>
      <c r="BG1266" s="11">
        <v>-8.25</v>
      </c>
      <c r="BH1266" s="13">
        <v>-0.17934782608695651</v>
      </c>
      <c r="BI1266" s="6">
        <v>-3</v>
      </c>
      <c r="BJ1266" s="13">
        <v>-6.5217391304347824E-2</v>
      </c>
      <c r="BK1266" s="6">
        <v>-3</v>
      </c>
      <c r="BL1266" s="13">
        <v>-6.9767441860465115E-2</v>
      </c>
      <c r="BM1266" s="11">
        <v>-2.25</v>
      </c>
      <c r="BN1266" s="13">
        <v>-5.6250000000000001E-2</v>
      </c>
      <c r="BO1266" s="11">
        <v>-5.25</v>
      </c>
      <c r="BP1266" s="13">
        <v>-0.12209302325581395</v>
      </c>
      <c r="BQ1266" s="6">
        <v>46</v>
      </c>
      <c r="BR1266" s="6">
        <v>48</v>
      </c>
      <c r="BS1266" s="6">
        <v>46</v>
      </c>
      <c r="BT1266" s="6">
        <v>43</v>
      </c>
      <c r="BU1266" s="6">
        <v>44</v>
      </c>
      <c r="BV1266" s="6">
        <v>45</v>
      </c>
      <c r="BW1266" s="6">
        <v>40</v>
      </c>
      <c r="BX1266" s="6">
        <v>42</v>
      </c>
      <c r="BY1266" s="6">
        <v>44</v>
      </c>
      <c r="BZ1266" s="6">
        <v>39</v>
      </c>
      <c r="CA1266" s="6">
        <v>38</v>
      </c>
      <c r="CB1266" s="6">
        <v>39</v>
      </c>
      <c r="CC1266" s="11">
        <v>37.75</v>
      </c>
      <c r="CD1266" s="11">
        <v>-981.077</v>
      </c>
      <c r="CE1266" s="11">
        <v>-1011.9</v>
      </c>
      <c r="CF1266" s="11">
        <v>313.36900000000003</v>
      </c>
      <c r="CG1266" s="11">
        <v>-699</v>
      </c>
      <c r="CH1266" s="20">
        <v>1.63602</v>
      </c>
      <c r="CI1266" s="20">
        <v>1.65116</v>
      </c>
      <c r="CJ1266" s="20">
        <v>1.67279</v>
      </c>
      <c r="CK1266" s="20">
        <v>1.4861200000000001</v>
      </c>
      <c r="CL1266" s="20">
        <v>1.43031</v>
      </c>
      <c r="CM1266" s="20">
        <v>1.47157</v>
      </c>
      <c r="CN1266" s="20">
        <v>0.99087099999999995</v>
      </c>
      <c r="CO1266" s="20">
        <v>0.97380699999999998</v>
      </c>
      <c r="CP1266" s="20">
        <v>0.91488400000000003</v>
      </c>
      <c r="CQ1266" s="20">
        <v>1.4483900000000001</v>
      </c>
      <c r="CR1266" s="20">
        <v>1.4420299999999999</v>
      </c>
      <c r="CS1266" s="20">
        <v>1.5012700000000001</v>
      </c>
      <c r="CT1266" s="20">
        <v>0.93712399999999996</v>
      </c>
      <c r="CU1266" s="20">
        <v>0.98248599999999997</v>
      </c>
      <c r="CV1266" s="20">
        <v>0.98911000000000004</v>
      </c>
      <c r="CW1266" s="20">
        <v>0.99274600000000002</v>
      </c>
      <c r="CX1266" s="20">
        <v>0.995583</v>
      </c>
      <c r="CY1266" s="6" t="s">
        <v>595</v>
      </c>
      <c r="CZ1266" s="6" t="s">
        <v>596</v>
      </c>
      <c r="DA1266" s="6" t="s">
        <v>72</v>
      </c>
      <c r="DB1266" s="6"/>
      <c r="DC1266" s="6">
        <v>25300</v>
      </c>
      <c r="DD1266" s="6">
        <v>448</v>
      </c>
      <c r="DE1266" s="6" t="s">
        <v>598</v>
      </c>
      <c r="DF1266" s="6" t="s">
        <v>363</v>
      </c>
      <c r="DG1266" s="6" t="s">
        <v>364</v>
      </c>
      <c r="DH1266" s="6" t="s">
        <v>365</v>
      </c>
      <c r="DI1266" s="6" t="s">
        <v>575</v>
      </c>
      <c r="DJ1266" s="6">
        <v>29</v>
      </c>
      <c r="DK1266" s="6">
        <v>127</v>
      </c>
      <c r="DL1266" s="6">
        <v>8</v>
      </c>
      <c r="DM1266" s="6" t="s">
        <v>368</v>
      </c>
      <c r="DN1266" s="6">
        <v>5</v>
      </c>
      <c r="DO1266" s="6" t="s">
        <v>429</v>
      </c>
      <c r="DP1266" s="6"/>
      <c r="DQ1266" s="6"/>
    </row>
    <row r="1267" spans="1:121" x14ac:dyDescent="0.2">
      <c r="A1267" s="6" t="s">
        <v>313</v>
      </c>
      <c r="B1267" s="6" t="s">
        <v>313</v>
      </c>
      <c r="C1267" s="6" t="s">
        <v>178</v>
      </c>
      <c r="D1267" s="6" t="s">
        <v>72</v>
      </c>
      <c r="E1267" s="6" t="s">
        <v>213</v>
      </c>
      <c r="F1267" s="11">
        <v>366</v>
      </c>
      <c r="G1267" s="13">
        <v>1.2708333333299999</v>
      </c>
      <c r="H1267" s="11">
        <v>54.337484796000012</v>
      </c>
      <c r="I1267" s="13">
        <v>0.18861749399177979</v>
      </c>
      <c r="J1267" s="11">
        <v>255.68296885799998</v>
      </c>
      <c r="K1267" s="13">
        <v>0.74669307110260508</v>
      </c>
      <c r="L1267" s="11">
        <v>56.040963326999986</v>
      </c>
      <c r="M1267" s="13">
        <v>9.3697783082811889E-2</v>
      </c>
      <c r="N1267" s="11">
        <v>311.72393218499997</v>
      </c>
      <c r="O1267" s="13">
        <v>0.91035433959102752</v>
      </c>
      <c r="P1267" s="7">
        <v>288.082953739</v>
      </c>
      <c r="Q1267" s="7">
        <v>284.43803534900002</v>
      </c>
      <c r="R1267" s="7">
        <v>308.99882548900001</v>
      </c>
      <c r="S1267" s="7">
        <v>302.80846437500003</v>
      </c>
      <c r="T1267" s="7">
        <v>245.89502288599999</v>
      </c>
      <c r="U1267" s="7">
        <v>317.17340958800003</v>
      </c>
      <c r="V1267" s="7">
        <v>342.42043853500002</v>
      </c>
      <c r="W1267" s="7">
        <v>359.40337847000001</v>
      </c>
      <c r="X1267" s="7">
        <v>427.54532160399998</v>
      </c>
      <c r="Y1267" s="7">
        <v>598.103407393</v>
      </c>
      <c r="Z1267" s="7">
        <v>622.63790398200001</v>
      </c>
      <c r="AA1267" s="7">
        <v>632.23713909100002</v>
      </c>
      <c r="AB1267" s="7">
        <v>628.72855592600001</v>
      </c>
      <c r="AC1267" s="7">
        <v>619.58306488100004</v>
      </c>
      <c r="AD1267" s="7">
        <v>634.27340446000005</v>
      </c>
      <c r="AE1267" s="7">
        <v>624.23705712799995</v>
      </c>
      <c r="AF1267" s="7">
        <v>654.14437071999998</v>
      </c>
      <c r="AG1267" s="9">
        <v>51892.912491500007</v>
      </c>
      <c r="AH1267" s="13">
        <v>1.5727867227665338</v>
      </c>
      <c r="AI1267" s="9">
        <v>10600.902935800004</v>
      </c>
      <c r="AJ1267" s="13">
        <v>0.32129550233847493</v>
      </c>
      <c r="AK1267" s="9">
        <v>27541.510084599999</v>
      </c>
      <c r="AL1267" s="13">
        <v>0.63175629798608224</v>
      </c>
      <c r="AM1267" s="9">
        <v>13750.499471100004</v>
      </c>
      <c r="AN1267" s="13">
        <v>0.19329695271795008</v>
      </c>
      <c r="AO1267" s="9">
        <v>41292.009555700002</v>
      </c>
      <c r="AP1267" s="13">
        <v>0.94716981796511523</v>
      </c>
      <c r="AQ1267" s="9">
        <v>32994.246289299997</v>
      </c>
      <c r="AR1267" s="9">
        <v>29549.0281359</v>
      </c>
      <c r="AS1267" s="9">
        <v>29365.430888999999</v>
      </c>
      <c r="AT1267" s="9">
        <v>31489.2698169</v>
      </c>
      <c r="AU1267" s="9">
        <v>38161.373691699999</v>
      </c>
      <c r="AV1267" s="9">
        <v>40161.502080500002</v>
      </c>
      <c r="AW1267" s="9">
        <v>43595.149225100002</v>
      </c>
      <c r="AX1267" s="9">
        <v>44365.958116599999</v>
      </c>
      <c r="AY1267" s="9">
        <v>59935.740259099999</v>
      </c>
      <c r="AZ1267" s="9">
        <v>71136.6593097</v>
      </c>
      <c r="BA1267" s="9">
        <v>74373.7222626</v>
      </c>
      <c r="BB1267" s="9">
        <v>80066.561374600002</v>
      </c>
      <c r="BC1267" s="9">
        <v>81121.697116399999</v>
      </c>
      <c r="BD1267" s="9">
        <v>82888.984194799996</v>
      </c>
      <c r="BE1267" s="9">
        <v>81114.878572200003</v>
      </c>
      <c r="BF1267" s="9">
        <v>84887.158780800004</v>
      </c>
      <c r="BG1267" s="11">
        <v>-6.5</v>
      </c>
      <c r="BH1267" s="13">
        <v>-0.16250000000000001</v>
      </c>
      <c r="BI1267" s="6">
        <v>-3</v>
      </c>
      <c r="BJ1267" s="13">
        <v>-7.4999999999999997E-2</v>
      </c>
      <c r="BK1267" s="6">
        <v>0</v>
      </c>
      <c r="BL1267" s="13">
        <v>0</v>
      </c>
      <c r="BM1267" s="11">
        <v>-3.5</v>
      </c>
      <c r="BN1267" s="13">
        <v>-9.45945945945946E-2</v>
      </c>
      <c r="BO1267" s="11">
        <v>-3.5</v>
      </c>
      <c r="BP1267" s="13">
        <v>-9.45945945945946E-2</v>
      </c>
      <c r="BQ1267" s="6">
        <v>40</v>
      </c>
      <c r="BR1267" s="6">
        <v>35</v>
      </c>
      <c r="BS1267" s="6">
        <v>36</v>
      </c>
      <c r="BT1267" s="6">
        <v>37</v>
      </c>
      <c r="BU1267" s="6">
        <v>39</v>
      </c>
      <c r="BV1267" s="6">
        <v>41</v>
      </c>
      <c r="BW1267" s="6">
        <v>37</v>
      </c>
      <c r="BX1267" s="6">
        <v>35</v>
      </c>
      <c r="BY1267" s="6">
        <v>38</v>
      </c>
      <c r="BZ1267" s="6">
        <v>37</v>
      </c>
      <c r="CA1267" s="6">
        <v>34</v>
      </c>
      <c r="CB1267" s="6">
        <v>34</v>
      </c>
      <c r="CC1267" s="11">
        <v>33.5</v>
      </c>
      <c r="CD1267" s="11">
        <v>358.12599999999998</v>
      </c>
      <c r="CE1267" s="11">
        <v>-23.555800000000001</v>
      </c>
      <c r="CF1267" s="11">
        <v>31.4909</v>
      </c>
      <c r="CG1267" s="11">
        <v>7</v>
      </c>
      <c r="CH1267" s="20">
        <v>0.46171299999999998</v>
      </c>
      <c r="CI1267" s="20">
        <v>0.46363799999999999</v>
      </c>
      <c r="CJ1267" s="20">
        <v>0.50585500000000005</v>
      </c>
      <c r="CK1267" s="20">
        <v>0.50575499999999995</v>
      </c>
      <c r="CL1267" s="20">
        <v>0.409134</v>
      </c>
      <c r="CM1267" s="20">
        <v>0.52565600000000001</v>
      </c>
      <c r="CN1267" s="20">
        <v>0.58792999999999995</v>
      </c>
      <c r="CO1267" s="20">
        <v>0.60805699999999996</v>
      </c>
      <c r="CP1267" s="20">
        <v>0.74828399999999995</v>
      </c>
      <c r="CQ1267" s="20">
        <v>0.98737299999999995</v>
      </c>
      <c r="CR1267" s="20">
        <v>1.0302100000000001</v>
      </c>
      <c r="CS1267" s="20">
        <v>1.02607</v>
      </c>
      <c r="CT1267" s="20">
        <v>1.0889899999999999</v>
      </c>
      <c r="CU1267" s="20">
        <v>1.0771200000000001</v>
      </c>
      <c r="CV1267" s="20">
        <v>1.0904799999999999</v>
      </c>
      <c r="CW1267" s="20">
        <v>1.09544</v>
      </c>
      <c r="CX1267" s="20">
        <v>1.13401</v>
      </c>
      <c r="CY1267" s="6" t="s">
        <v>595</v>
      </c>
      <c r="CZ1267" s="6" t="s">
        <v>596</v>
      </c>
      <c r="DA1267" s="6" t="s">
        <v>72</v>
      </c>
      <c r="DB1267" s="6"/>
      <c r="DC1267" s="6">
        <v>25300</v>
      </c>
      <c r="DD1267" s="6">
        <v>448</v>
      </c>
      <c r="DE1267" s="6" t="s">
        <v>598</v>
      </c>
      <c r="DF1267" s="6" t="s">
        <v>363</v>
      </c>
      <c r="DG1267" s="6" t="s">
        <v>364</v>
      </c>
      <c r="DH1267" s="6" t="s">
        <v>365</v>
      </c>
      <c r="DI1267" s="6" t="s">
        <v>575</v>
      </c>
      <c r="DJ1267" s="6">
        <v>29</v>
      </c>
      <c r="DK1267" s="6">
        <v>127</v>
      </c>
      <c r="DL1267" s="6">
        <v>8</v>
      </c>
      <c r="DM1267" s="6" t="s">
        <v>368</v>
      </c>
      <c r="DN1267" s="6">
        <v>5</v>
      </c>
      <c r="DO1267" s="6" t="s">
        <v>429</v>
      </c>
      <c r="DP1267" s="6"/>
      <c r="DQ1267" s="6"/>
    </row>
    <row r="1268" spans="1:121" x14ac:dyDescent="0.2">
      <c r="A1268" s="6" t="s">
        <v>793</v>
      </c>
      <c r="B1268" s="6" t="s">
        <v>179</v>
      </c>
      <c r="C1268" s="6" t="s">
        <v>180</v>
      </c>
      <c r="D1268" s="6" t="s">
        <v>72</v>
      </c>
      <c r="E1268" s="6" t="s">
        <v>213</v>
      </c>
      <c r="F1268" s="11">
        <v>708</v>
      </c>
      <c r="G1268" s="13">
        <v>0.36</v>
      </c>
      <c r="H1268" s="11">
        <v>145</v>
      </c>
      <c r="I1268" s="13">
        <v>7.2974333165576249E-2</v>
      </c>
      <c r="J1268" s="11">
        <v>181</v>
      </c>
      <c r="K1268" s="13">
        <v>8.4896810506566597E-2</v>
      </c>
      <c r="L1268" s="11">
        <v>382</v>
      </c>
      <c r="M1268" s="13">
        <v>0.1651534803285776</v>
      </c>
      <c r="N1268" s="11">
        <v>563</v>
      </c>
      <c r="O1268" s="13">
        <v>0.26407129455909945</v>
      </c>
      <c r="P1268" s="7">
        <v>1987</v>
      </c>
      <c r="Q1268" s="7">
        <v>2128</v>
      </c>
      <c r="R1268" s="7">
        <v>2052</v>
      </c>
      <c r="S1268" s="7">
        <v>2156</v>
      </c>
      <c r="T1268" s="7">
        <v>2219</v>
      </c>
      <c r="U1268" s="7">
        <v>2181</v>
      </c>
      <c r="V1268" s="7">
        <v>2132</v>
      </c>
      <c r="W1268" s="7">
        <v>2146</v>
      </c>
      <c r="X1268" s="7">
        <v>2218</v>
      </c>
      <c r="Y1268" s="7">
        <v>2313</v>
      </c>
      <c r="Z1268" s="7">
        <v>2339</v>
      </c>
      <c r="AA1268" s="7">
        <v>2396</v>
      </c>
      <c r="AB1268" s="7">
        <v>2470</v>
      </c>
      <c r="AC1268" s="7">
        <v>2526</v>
      </c>
      <c r="AD1268" s="7">
        <v>2566</v>
      </c>
      <c r="AE1268" s="7">
        <v>2582</v>
      </c>
      <c r="AF1268" s="7">
        <v>2695</v>
      </c>
      <c r="AG1268" s="9">
        <v>5298</v>
      </c>
      <c r="AH1268" s="13">
        <v>0.28370997108278889</v>
      </c>
      <c r="AI1268" s="9">
        <v>2210</v>
      </c>
      <c r="AJ1268" s="13">
        <v>0.11834636392845668</v>
      </c>
      <c r="AK1268" s="9">
        <v>999</v>
      </c>
      <c r="AL1268" s="13">
        <v>4.7835663665964374E-2</v>
      </c>
      <c r="AM1268" s="9">
        <v>2089</v>
      </c>
      <c r="AN1268" s="13">
        <v>9.5462230955536256E-2</v>
      </c>
      <c r="AO1268" s="9">
        <v>3088</v>
      </c>
      <c r="AP1268" s="13">
        <v>0.14786439379429228</v>
      </c>
      <c r="AQ1268" s="9">
        <v>18674</v>
      </c>
      <c r="AR1268" s="9">
        <v>19323</v>
      </c>
      <c r="AS1268" s="9">
        <v>20576</v>
      </c>
      <c r="AT1268" s="9">
        <v>19992</v>
      </c>
      <c r="AU1268" s="9">
        <v>20067</v>
      </c>
      <c r="AV1268" s="9">
        <v>20466</v>
      </c>
      <c r="AW1268" s="9">
        <v>20884</v>
      </c>
      <c r="AX1268" s="9">
        <v>21667</v>
      </c>
      <c r="AY1268" s="9">
        <v>22262</v>
      </c>
      <c r="AZ1268" s="9">
        <v>21883</v>
      </c>
      <c r="BA1268" s="9">
        <v>22002</v>
      </c>
      <c r="BB1268" s="9">
        <v>22502</v>
      </c>
      <c r="BC1268" s="9">
        <v>22517</v>
      </c>
      <c r="BD1268" s="9">
        <v>22790</v>
      </c>
      <c r="BE1268" s="9">
        <v>23018</v>
      </c>
      <c r="BF1268" s="9">
        <v>23972</v>
      </c>
      <c r="BG1268" s="11">
        <v>-15</v>
      </c>
      <c r="BH1268" s="13">
        <v>-9.9337748344370855E-2</v>
      </c>
      <c r="BI1268" s="6">
        <v>-9</v>
      </c>
      <c r="BJ1268" s="13">
        <v>-5.9602649006622516E-2</v>
      </c>
      <c r="BK1268" s="6">
        <v>5</v>
      </c>
      <c r="BL1268" s="13">
        <v>3.5211267605633804E-2</v>
      </c>
      <c r="BM1268" s="11">
        <v>-11</v>
      </c>
      <c r="BN1268" s="13">
        <v>-7.4829931972789115E-2</v>
      </c>
      <c r="BO1268" s="11">
        <v>-6</v>
      </c>
      <c r="BP1268" s="13">
        <v>-4.2253521126760563E-2</v>
      </c>
      <c r="BQ1268" s="6">
        <v>151</v>
      </c>
      <c r="BR1268" s="6">
        <v>148</v>
      </c>
      <c r="BS1268" s="6">
        <v>146</v>
      </c>
      <c r="BT1268" s="6">
        <v>142</v>
      </c>
      <c r="BU1268" s="6">
        <v>138</v>
      </c>
      <c r="BV1268" s="6">
        <v>144</v>
      </c>
      <c r="BW1268" s="6">
        <v>147</v>
      </c>
      <c r="BX1268" s="6">
        <v>142</v>
      </c>
      <c r="BY1268" s="6">
        <v>138</v>
      </c>
      <c r="BZ1268" s="6">
        <v>139</v>
      </c>
      <c r="CA1268" s="6">
        <v>140</v>
      </c>
      <c r="CB1268" s="6">
        <v>143</v>
      </c>
      <c r="CC1268" s="11">
        <v>136</v>
      </c>
      <c r="CD1268" s="11">
        <v>618</v>
      </c>
      <c r="CE1268" s="11">
        <v>-127</v>
      </c>
      <c r="CF1268" s="11">
        <v>217</v>
      </c>
      <c r="CG1268" s="11">
        <v>90</v>
      </c>
      <c r="CH1268" s="20">
        <v>1.19</v>
      </c>
      <c r="CI1268" s="20">
        <v>1.27</v>
      </c>
      <c r="CJ1268" s="20">
        <v>1.24</v>
      </c>
      <c r="CK1268" s="20">
        <v>1.33</v>
      </c>
      <c r="CL1268" s="20">
        <v>1.37</v>
      </c>
      <c r="CM1268" s="20">
        <v>1.36</v>
      </c>
      <c r="CN1268" s="20">
        <v>1.39</v>
      </c>
      <c r="CO1268" s="20">
        <v>1.39</v>
      </c>
      <c r="CP1268" s="20">
        <v>1.46</v>
      </c>
      <c r="CQ1268" s="20">
        <v>1.42</v>
      </c>
      <c r="CR1268" s="20">
        <v>1.44</v>
      </c>
      <c r="CS1268" s="20">
        <v>1.46</v>
      </c>
      <c r="CT1268" s="20">
        <v>1.6</v>
      </c>
      <c r="CU1268" s="20">
        <v>1.64</v>
      </c>
      <c r="CV1268" s="20">
        <v>1.63</v>
      </c>
      <c r="CW1268" s="20">
        <v>1.66</v>
      </c>
      <c r="CX1268" s="20">
        <v>1.71</v>
      </c>
      <c r="CY1268" s="6" t="s">
        <v>595</v>
      </c>
      <c r="CZ1268" s="6" t="s">
        <v>596</v>
      </c>
      <c r="DA1268" s="6" t="s">
        <v>72</v>
      </c>
      <c r="DB1268" s="6"/>
      <c r="DC1268" s="6">
        <v>25300</v>
      </c>
      <c r="DD1268" s="6">
        <v>448</v>
      </c>
      <c r="DE1268" s="6" t="s">
        <v>598</v>
      </c>
      <c r="DF1268" s="6" t="s">
        <v>363</v>
      </c>
      <c r="DG1268" s="6" t="s">
        <v>364</v>
      </c>
      <c r="DH1268" s="6" t="s">
        <v>365</v>
      </c>
      <c r="DI1268" s="6" t="s">
        <v>575</v>
      </c>
      <c r="DJ1268" s="6">
        <v>29</v>
      </c>
      <c r="DK1268" s="6">
        <v>127</v>
      </c>
      <c r="DL1268" s="6">
        <v>8</v>
      </c>
      <c r="DM1268" s="6" t="s">
        <v>368</v>
      </c>
      <c r="DN1268" s="6">
        <v>5</v>
      </c>
      <c r="DO1268" s="6" t="s">
        <v>429</v>
      </c>
      <c r="DP1268" s="6"/>
      <c r="DQ1268" s="6"/>
    </row>
    <row r="1269" spans="1:121" x14ac:dyDescent="0.2">
      <c r="A1269" s="6" t="s">
        <v>794</v>
      </c>
      <c r="B1269" s="6" t="s">
        <v>181</v>
      </c>
      <c r="C1269" s="6" t="s">
        <v>182</v>
      </c>
      <c r="D1269" s="6" t="s">
        <v>72</v>
      </c>
      <c r="E1269" s="6" t="s">
        <v>213</v>
      </c>
      <c r="F1269" s="11">
        <v>-24</v>
      </c>
      <c r="G1269" s="13">
        <v>-5.1948051948100003E-2</v>
      </c>
      <c r="H1269" s="11">
        <v>25.629540101000032</v>
      </c>
      <c r="I1269" s="13">
        <v>5.5502970194979823E-2</v>
      </c>
      <c r="J1269" s="11">
        <v>-134.43098385799999</v>
      </c>
      <c r="K1269" s="13">
        <v>-0.27581337894345892</v>
      </c>
      <c r="L1269" s="11">
        <v>84.969680930999971</v>
      </c>
      <c r="M1269" s="13">
        <v>0.24072957100551445</v>
      </c>
      <c r="N1269" s="11">
        <v>-49.46130292700002</v>
      </c>
      <c r="O1269" s="13">
        <v>-0.10148024432858474</v>
      </c>
      <c r="P1269" s="7">
        <v>461.76880283999998</v>
      </c>
      <c r="Q1269" s="7">
        <v>417.08762164299998</v>
      </c>
      <c r="R1269" s="7">
        <v>429.048614117</v>
      </c>
      <c r="S1269" s="7">
        <v>454.23980275500003</v>
      </c>
      <c r="T1269" s="7">
        <v>443.71886063099998</v>
      </c>
      <c r="U1269" s="7">
        <v>443.87382465600001</v>
      </c>
      <c r="V1269" s="7">
        <v>487.39834294100001</v>
      </c>
      <c r="W1269" s="7">
        <v>480.91127237799998</v>
      </c>
      <c r="X1269" s="7">
        <v>394.81336538099998</v>
      </c>
      <c r="Y1269" s="7">
        <v>352.96735908300002</v>
      </c>
      <c r="Z1269" s="7">
        <v>348.97598001199998</v>
      </c>
      <c r="AA1269" s="7">
        <v>371.68921624699999</v>
      </c>
      <c r="AB1269" s="7">
        <v>386.50776519499999</v>
      </c>
      <c r="AC1269" s="7">
        <v>412.752411349</v>
      </c>
      <c r="AD1269" s="7">
        <v>402.30883329</v>
      </c>
      <c r="AE1269" s="7">
        <v>427.12888569099999</v>
      </c>
      <c r="AF1269" s="7">
        <v>437.93704001399999</v>
      </c>
      <c r="AG1269" s="9">
        <v>14505.966560999994</v>
      </c>
      <c r="AH1269" s="13">
        <v>0.39695318021331377</v>
      </c>
      <c r="AI1269" s="9">
        <v>8740.4265328999973</v>
      </c>
      <c r="AJ1269" s="13">
        <v>0.23918020864486972</v>
      </c>
      <c r="AK1269" s="9">
        <v>7864.5480796999982</v>
      </c>
      <c r="AL1269" s="13">
        <v>0.17367284430693927</v>
      </c>
      <c r="AM1269" s="9">
        <v>-2099.0080516000016</v>
      </c>
      <c r="AN1269" s="13">
        <v>-3.9493460878019623E-2</v>
      </c>
      <c r="AO1269" s="9">
        <v>5765.5400280999966</v>
      </c>
      <c r="AP1269" s="13">
        <v>0.12732044174670917</v>
      </c>
      <c r="AQ1269" s="9">
        <v>36543.268284700003</v>
      </c>
      <c r="AR1269" s="9">
        <v>39892.999235800002</v>
      </c>
      <c r="AS1269" s="9">
        <v>40377.976264500001</v>
      </c>
      <c r="AT1269" s="9">
        <v>41661.353805500003</v>
      </c>
      <c r="AU1269" s="9">
        <v>44533.736677200002</v>
      </c>
      <c r="AV1269" s="9">
        <v>45691.509878899997</v>
      </c>
      <c r="AW1269" s="9">
        <v>45283.694817600001</v>
      </c>
      <c r="AX1269" s="9">
        <v>48121.338496600001</v>
      </c>
      <c r="AY1269" s="9">
        <v>50316.929904800003</v>
      </c>
      <c r="AZ1269" s="9">
        <v>53148.242897299999</v>
      </c>
      <c r="BA1269" s="9">
        <v>53581.7714318</v>
      </c>
      <c r="BB1269" s="9">
        <v>54017.006103500004</v>
      </c>
      <c r="BC1269" s="9">
        <v>50671.879503999997</v>
      </c>
      <c r="BD1269" s="9">
        <v>53920.356954399998</v>
      </c>
      <c r="BE1269" s="9">
        <v>53336.685137</v>
      </c>
      <c r="BF1269" s="9">
        <v>51049.234845699997</v>
      </c>
      <c r="BG1269" s="11">
        <v>-9</v>
      </c>
      <c r="BH1269" s="13">
        <v>-0.27272727272727271</v>
      </c>
      <c r="BI1269" s="6">
        <v>0</v>
      </c>
      <c r="BJ1269" s="13">
        <v>0</v>
      </c>
      <c r="BK1269" s="6">
        <v>-7</v>
      </c>
      <c r="BL1269" s="13">
        <v>-0.21212121212121213</v>
      </c>
      <c r="BM1269" s="11">
        <v>-2</v>
      </c>
      <c r="BN1269" s="13">
        <v>-7.6923076923076927E-2</v>
      </c>
      <c r="BO1269" s="11">
        <v>-9</v>
      </c>
      <c r="BP1269" s="13">
        <v>-0.27272727272727271</v>
      </c>
      <c r="BQ1269" s="6">
        <v>33</v>
      </c>
      <c r="BR1269" s="6">
        <v>34</v>
      </c>
      <c r="BS1269" s="6">
        <v>34</v>
      </c>
      <c r="BT1269" s="6">
        <v>33</v>
      </c>
      <c r="BU1269" s="6">
        <v>34</v>
      </c>
      <c r="BV1269" s="6">
        <v>31</v>
      </c>
      <c r="BW1269" s="6">
        <v>26</v>
      </c>
      <c r="BX1269" s="6">
        <v>26</v>
      </c>
      <c r="BY1269" s="6">
        <v>27</v>
      </c>
      <c r="BZ1269" s="6">
        <v>26</v>
      </c>
      <c r="CA1269" s="6">
        <v>27</v>
      </c>
      <c r="CB1269" s="6">
        <v>25</v>
      </c>
      <c r="CC1269" s="11">
        <v>24</v>
      </c>
      <c r="CD1269" s="11">
        <v>-103.414</v>
      </c>
      <c r="CE1269" s="11">
        <v>29.105499999999999</v>
      </c>
      <c r="CF1269" s="11">
        <v>50.476900000000001</v>
      </c>
      <c r="CG1269" s="11">
        <v>79</v>
      </c>
      <c r="CH1269" s="20">
        <v>0.93491199999999997</v>
      </c>
      <c r="CI1269" s="20">
        <v>0.866124</v>
      </c>
      <c r="CJ1269" s="20">
        <v>0.89670499999999997</v>
      </c>
      <c r="CK1269" s="20">
        <v>0.95924299999999996</v>
      </c>
      <c r="CL1269" s="20">
        <v>0.92786599999999997</v>
      </c>
      <c r="CM1269" s="20">
        <v>0.92188099999999995</v>
      </c>
      <c r="CN1269" s="20">
        <v>1.04647</v>
      </c>
      <c r="CO1269" s="20">
        <v>1.01753</v>
      </c>
      <c r="CP1269" s="20">
        <v>0.861649</v>
      </c>
      <c r="CQ1269" s="20">
        <v>0.72221199999999997</v>
      </c>
      <c r="CR1269" s="20">
        <v>0.70639300000000005</v>
      </c>
      <c r="CS1269" s="20">
        <v>0.73508499999999999</v>
      </c>
      <c r="CT1269" s="20">
        <v>0.81090200000000001</v>
      </c>
      <c r="CU1269" s="20">
        <v>0.84979899999999997</v>
      </c>
      <c r="CV1269" s="20">
        <v>0.79110400000000003</v>
      </c>
      <c r="CW1269" s="20">
        <v>0.83537300000000003</v>
      </c>
      <c r="CX1269" s="20">
        <v>0.84060599999999996</v>
      </c>
      <c r="CY1269" s="6" t="s">
        <v>595</v>
      </c>
      <c r="CZ1269" s="6" t="s">
        <v>596</v>
      </c>
      <c r="DA1269" s="6" t="s">
        <v>72</v>
      </c>
      <c r="DB1269" s="6"/>
      <c r="DC1269" s="6">
        <v>25300</v>
      </c>
      <c r="DD1269" s="6">
        <v>448</v>
      </c>
      <c r="DE1269" s="6" t="s">
        <v>598</v>
      </c>
      <c r="DF1269" s="6" t="s">
        <v>363</v>
      </c>
      <c r="DG1269" s="6" t="s">
        <v>364</v>
      </c>
      <c r="DH1269" s="6" t="s">
        <v>365</v>
      </c>
      <c r="DI1269" s="6" t="s">
        <v>575</v>
      </c>
      <c r="DJ1269" s="6">
        <v>29</v>
      </c>
      <c r="DK1269" s="6">
        <v>127</v>
      </c>
      <c r="DL1269" s="6">
        <v>8</v>
      </c>
      <c r="DM1269" s="6" t="s">
        <v>368</v>
      </c>
      <c r="DN1269" s="6">
        <v>5</v>
      </c>
      <c r="DO1269" s="6" t="s">
        <v>429</v>
      </c>
      <c r="DP1269" s="6"/>
      <c r="DQ1269" s="6"/>
    </row>
    <row r="1270" spans="1:121" x14ac:dyDescent="0.2">
      <c r="A1270" s="6" t="s">
        <v>314</v>
      </c>
      <c r="B1270" s="6" t="s">
        <v>314</v>
      </c>
      <c r="C1270" s="6" t="s">
        <v>183</v>
      </c>
      <c r="D1270" s="6" t="s">
        <v>72</v>
      </c>
      <c r="E1270" s="6" t="s">
        <v>213</v>
      </c>
      <c r="F1270" s="11">
        <v>-181</v>
      </c>
      <c r="G1270" s="13">
        <v>-0.58199356913199995</v>
      </c>
      <c r="H1270" s="11">
        <v>-98.04119694900001</v>
      </c>
      <c r="I1270" s="13">
        <v>-0.31572256967342305</v>
      </c>
      <c r="J1270" s="11">
        <v>-1.7067131709999899</v>
      </c>
      <c r="K1270" s="13">
        <v>-8.0320304889288426E-3</v>
      </c>
      <c r="L1270" s="11">
        <v>-80.754949634000013</v>
      </c>
      <c r="M1270" s="13">
        <v>-0.38312131073795802</v>
      </c>
      <c r="N1270" s="11">
        <v>-82.461662805000003</v>
      </c>
      <c r="O1270" s="13">
        <v>-0.38807609917808122</v>
      </c>
      <c r="P1270" s="7">
        <v>310.529579974</v>
      </c>
      <c r="Q1270" s="7">
        <v>163.85472458999999</v>
      </c>
      <c r="R1270" s="7">
        <v>101.30070845900001</v>
      </c>
      <c r="S1270" s="7">
        <v>147.72356954099999</v>
      </c>
      <c r="T1270" s="7">
        <v>146.428203728</v>
      </c>
      <c r="U1270" s="7">
        <v>149.61100133900001</v>
      </c>
      <c r="V1270" s="7">
        <v>212.48838302499999</v>
      </c>
      <c r="W1270" s="7">
        <v>209.69369093399999</v>
      </c>
      <c r="X1270" s="7">
        <v>208.341719571</v>
      </c>
      <c r="Y1270" s="7">
        <v>210.781669854</v>
      </c>
      <c r="Z1270" s="7">
        <v>184.10818607300001</v>
      </c>
      <c r="AA1270" s="7">
        <v>122.23752288599999</v>
      </c>
      <c r="AB1270" s="7">
        <v>104.58139362199999</v>
      </c>
      <c r="AC1270" s="7">
        <v>114.038053277</v>
      </c>
      <c r="AD1270" s="7">
        <v>126.673870943</v>
      </c>
      <c r="AE1270" s="7">
        <v>128.77793914200001</v>
      </c>
      <c r="AF1270" s="7">
        <v>130.02672021999999</v>
      </c>
      <c r="AG1270" s="9">
        <v>3763.4973288000037</v>
      </c>
      <c r="AH1270" s="13">
        <v>0.10201229837581308</v>
      </c>
      <c r="AI1270" s="9">
        <v>34.378446400005487</v>
      </c>
      <c r="AJ1270" s="13">
        <v>9.3185248333163475E-4</v>
      </c>
      <c r="AK1270" s="9">
        <v>2032.7263648000007</v>
      </c>
      <c r="AL1270" s="13">
        <v>5.504721232136605E-2</v>
      </c>
      <c r="AM1270" s="9">
        <v>1696.3925175999975</v>
      </c>
      <c r="AN1270" s="13">
        <v>4.3542249732038553E-2</v>
      </c>
      <c r="AO1270" s="9">
        <v>3729.1188823999983</v>
      </c>
      <c r="AP1270" s="13">
        <v>0.10098634151935408</v>
      </c>
      <c r="AQ1270" s="9">
        <v>36892.584411099997</v>
      </c>
      <c r="AR1270" s="9">
        <v>41153.227423800003</v>
      </c>
      <c r="AS1270" s="9">
        <v>41590.251511199996</v>
      </c>
      <c r="AT1270" s="9">
        <v>39855.832485799998</v>
      </c>
      <c r="AU1270" s="9">
        <v>36895.098669699997</v>
      </c>
      <c r="AV1270" s="9">
        <v>36513.387981599997</v>
      </c>
      <c r="AW1270" s="9">
        <v>36926.962857500002</v>
      </c>
      <c r="AX1270" s="9">
        <v>35118.815699899998</v>
      </c>
      <c r="AY1270" s="9">
        <v>37506.944500799997</v>
      </c>
      <c r="AZ1270" s="9">
        <v>38959.689222300003</v>
      </c>
      <c r="BA1270" s="9">
        <v>37441.581401299998</v>
      </c>
      <c r="BB1270" s="9">
        <v>37340.211276900001</v>
      </c>
      <c r="BC1270" s="9">
        <v>35052.952476999999</v>
      </c>
      <c r="BD1270" s="9">
        <v>37406.121125400001</v>
      </c>
      <c r="BE1270" s="9">
        <v>40371.6255246</v>
      </c>
      <c r="BF1270" s="9">
        <v>40656.081739900001</v>
      </c>
      <c r="BG1270" s="11">
        <v>-9.75</v>
      </c>
      <c r="BH1270" s="13">
        <v>-0.51315789473684215</v>
      </c>
      <c r="BI1270" s="6">
        <v>-3</v>
      </c>
      <c r="BJ1270" s="13">
        <v>-0.15789473684210525</v>
      </c>
      <c r="BK1270" s="6">
        <v>-6</v>
      </c>
      <c r="BL1270" s="13">
        <v>-0.375</v>
      </c>
      <c r="BM1270" s="11">
        <v>-0.75</v>
      </c>
      <c r="BN1270" s="13">
        <v>-7.4999999999999997E-2</v>
      </c>
      <c r="BO1270" s="11">
        <v>-6.75</v>
      </c>
      <c r="BP1270" s="13">
        <v>-0.421875</v>
      </c>
      <c r="BQ1270" s="6">
        <v>19</v>
      </c>
      <c r="BR1270" s="6">
        <v>17</v>
      </c>
      <c r="BS1270" s="6">
        <v>15</v>
      </c>
      <c r="BT1270" s="6">
        <v>16</v>
      </c>
      <c r="BU1270" s="6">
        <v>15</v>
      </c>
      <c r="BV1270" s="6">
        <v>13</v>
      </c>
      <c r="BW1270" s="6">
        <v>10</v>
      </c>
      <c r="BX1270" s="6">
        <v>10</v>
      </c>
      <c r="BY1270" s="6">
        <v>9</v>
      </c>
      <c r="BZ1270" s="6">
        <v>8</v>
      </c>
      <c r="CA1270" s="6">
        <v>9</v>
      </c>
      <c r="CB1270" s="6">
        <v>10</v>
      </c>
      <c r="CC1270" s="11">
        <v>9.25</v>
      </c>
      <c r="CD1270" s="11">
        <v>-119.33499999999999</v>
      </c>
      <c r="CE1270" s="11">
        <v>-95.112200000000001</v>
      </c>
      <c r="CF1270" s="11">
        <v>33.944600000000001</v>
      </c>
      <c r="CG1270" s="11">
        <v>-61</v>
      </c>
      <c r="CH1270" s="20">
        <v>0.79837899999999995</v>
      </c>
      <c r="CI1270" s="20">
        <v>0.44427699999999998</v>
      </c>
      <c r="CJ1270" s="20">
        <v>0.28864699999999999</v>
      </c>
      <c r="CK1270" s="20">
        <v>0.44330000000000003</v>
      </c>
      <c r="CL1270" s="20">
        <v>0.45161499999999999</v>
      </c>
      <c r="CM1270" s="20">
        <v>0.47195300000000001</v>
      </c>
      <c r="CN1270" s="20">
        <v>0.70880799999999999</v>
      </c>
      <c r="CO1270" s="20">
        <v>0.69531500000000002</v>
      </c>
      <c r="CP1270" s="20">
        <v>0.70919399999999999</v>
      </c>
      <c r="CQ1270" s="20">
        <v>0.68999600000000005</v>
      </c>
      <c r="CR1270" s="20">
        <v>0.61841299999999999</v>
      </c>
      <c r="CS1270" s="20">
        <v>0.40926200000000001</v>
      </c>
      <c r="CT1270" s="20">
        <v>0.37530799999999997</v>
      </c>
      <c r="CU1270" s="20">
        <v>0.41022700000000001</v>
      </c>
      <c r="CV1270" s="20">
        <v>0.45111299999999999</v>
      </c>
      <c r="CW1270" s="20">
        <v>0.46110099999999998</v>
      </c>
      <c r="CX1270" s="20">
        <v>0.46270099999999997</v>
      </c>
      <c r="CY1270" s="6" t="s">
        <v>595</v>
      </c>
      <c r="CZ1270" s="6" t="s">
        <v>596</v>
      </c>
      <c r="DA1270" s="6" t="s">
        <v>72</v>
      </c>
      <c r="DB1270" s="6"/>
      <c r="DC1270" s="6">
        <v>25300</v>
      </c>
      <c r="DD1270" s="6">
        <v>448</v>
      </c>
      <c r="DE1270" s="6" t="s">
        <v>598</v>
      </c>
      <c r="DF1270" s="6" t="s">
        <v>363</v>
      </c>
      <c r="DG1270" s="6" t="s">
        <v>364</v>
      </c>
      <c r="DH1270" s="6" t="s">
        <v>365</v>
      </c>
      <c r="DI1270" s="6" t="s">
        <v>575</v>
      </c>
      <c r="DJ1270" s="6">
        <v>29</v>
      </c>
      <c r="DK1270" s="6">
        <v>127</v>
      </c>
      <c r="DL1270" s="6">
        <v>8</v>
      </c>
      <c r="DM1270" s="6" t="s">
        <v>368</v>
      </c>
      <c r="DN1270" s="6">
        <v>5</v>
      </c>
      <c r="DO1270" s="6" t="s">
        <v>429</v>
      </c>
      <c r="DP1270" s="6"/>
      <c r="DQ1270" s="6"/>
    </row>
    <row r="1271" spans="1:121" x14ac:dyDescent="0.2">
      <c r="A1271" s="6" t="s">
        <v>315</v>
      </c>
      <c r="B1271" s="6" t="s">
        <v>315</v>
      </c>
      <c r="C1271" s="6" t="s">
        <v>184</v>
      </c>
      <c r="D1271" s="6" t="s">
        <v>72</v>
      </c>
      <c r="E1271" s="6" t="s">
        <v>213</v>
      </c>
      <c r="F1271" s="11">
        <v>46</v>
      </c>
      <c r="G1271" s="13">
        <v>0.12</v>
      </c>
      <c r="H1271" s="11">
        <v>8</v>
      </c>
      <c r="I1271" s="13">
        <v>2.0202020202020204E-2</v>
      </c>
      <c r="J1271" s="11">
        <v>9</v>
      </c>
      <c r="K1271" s="13">
        <v>2.2277227722772276E-2</v>
      </c>
      <c r="L1271" s="11">
        <v>29</v>
      </c>
      <c r="M1271" s="13">
        <v>7.0217917675544791E-2</v>
      </c>
      <c r="N1271" s="11">
        <v>38</v>
      </c>
      <c r="O1271" s="13">
        <v>9.405940594059406E-2</v>
      </c>
      <c r="P1271" s="7">
        <v>396</v>
      </c>
      <c r="Q1271" s="7">
        <v>400</v>
      </c>
      <c r="R1271" s="7">
        <v>407</v>
      </c>
      <c r="S1271" s="7">
        <v>402</v>
      </c>
      <c r="T1271" s="7">
        <v>401</v>
      </c>
      <c r="U1271" s="7">
        <v>407</v>
      </c>
      <c r="V1271" s="7">
        <v>404</v>
      </c>
      <c r="W1271" s="7">
        <v>403</v>
      </c>
      <c r="X1271" s="7">
        <v>432</v>
      </c>
      <c r="Y1271" s="7">
        <v>413</v>
      </c>
      <c r="Z1271" s="7">
        <v>411</v>
      </c>
      <c r="AA1271" s="7">
        <v>429</v>
      </c>
      <c r="AB1271" s="7">
        <v>430</v>
      </c>
      <c r="AC1271" s="7">
        <v>422</v>
      </c>
      <c r="AD1271" s="7">
        <v>425</v>
      </c>
      <c r="AE1271" s="7">
        <v>437</v>
      </c>
      <c r="AF1271" s="7">
        <v>442</v>
      </c>
      <c r="AG1271" s="9">
        <v>20473</v>
      </c>
      <c r="AH1271" s="13">
        <v>0.64457527863484665</v>
      </c>
      <c r="AI1271" s="9">
        <v>9232</v>
      </c>
      <c r="AJ1271" s="13">
        <v>0.29066179711605061</v>
      </c>
      <c r="AK1271" s="9">
        <v>7311</v>
      </c>
      <c r="AL1271" s="13">
        <v>0.17834317217153731</v>
      </c>
      <c r="AM1271" s="9">
        <v>3930</v>
      </c>
      <c r="AN1271" s="13">
        <v>8.1358037470241173E-2</v>
      </c>
      <c r="AO1271" s="9">
        <v>11241</v>
      </c>
      <c r="AP1271" s="13">
        <v>0.27421086012587209</v>
      </c>
      <c r="AQ1271" s="9">
        <v>31762</v>
      </c>
      <c r="AR1271" s="9">
        <v>35940</v>
      </c>
      <c r="AS1271" s="9">
        <v>33499</v>
      </c>
      <c r="AT1271" s="9">
        <v>35080</v>
      </c>
      <c r="AU1271" s="9">
        <v>37376</v>
      </c>
      <c r="AV1271" s="9">
        <v>38283</v>
      </c>
      <c r="AW1271" s="9">
        <v>40994</v>
      </c>
      <c r="AX1271" s="9">
        <v>44660</v>
      </c>
      <c r="AY1271" s="9">
        <v>45173</v>
      </c>
      <c r="AZ1271" s="9">
        <v>48305</v>
      </c>
      <c r="BA1271" s="9">
        <v>47373</v>
      </c>
      <c r="BB1271" s="9">
        <v>48357</v>
      </c>
      <c r="BC1271" s="9">
        <v>47557</v>
      </c>
      <c r="BD1271" s="9">
        <v>49593</v>
      </c>
      <c r="BE1271" s="9">
        <v>52004</v>
      </c>
      <c r="BF1271" s="9">
        <v>52235</v>
      </c>
      <c r="BG1271" s="11">
        <v>4</v>
      </c>
      <c r="BH1271" s="13">
        <v>6.5573770491803282E-2</v>
      </c>
      <c r="BI1271" s="6">
        <v>7</v>
      </c>
      <c r="BJ1271" s="13">
        <v>0.11475409836065574</v>
      </c>
      <c r="BK1271" s="6">
        <v>1</v>
      </c>
      <c r="BL1271" s="13">
        <v>1.4705882352941176E-2</v>
      </c>
      <c r="BM1271" s="11">
        <v>-4</v>
      </c>
      <c r="BN1271" s="13">
        <v>-5.7971014492753624E-2</v>
      </c>
      <c r="BO1271" s="11">
        <v>-3</v>
      </c>
      <c r="BP1271" s="13">
        <v>-4.4117647058823532E-2</v>
      </c>
      <c r="BQ1271" s="6">
        <v>61</v>
      </c>
      <c r="BR1271" s="6">
        <v>62</v>
      </c>
      <c r="BS1271" s="6">
        <v>63</v>
      </c>
      <c r="BT1271" s="6">
        <v>68</v>
      </c>
      <c r="BU1271" s="6">
        <v>67</v>
      </c>
      <c r="BV1271" s="6">
        <v>71</v>
      </c>
      <c r="BW1271" s="6">
        <v>69</v>
      </c>
      <c r="BX1271" s="6">
        <v>69</v>
      </c>
      <c r="BY1271" s="6">
        <v>69</v>
      </c>
      <c r="BZ1271" s="6">
        <v>68</v>
      </c>
      <c r="CA1271" s="6">
        <v>66</v>
      </c>
      <c r="CB1271" s="6">
        <v>67</v>
      </c>
      <c r="CC1271" s="11">
        <v>65</v>
      </c>
      <c r="CD1271" s="11">
        <v>34</v>
      </c>
      <c r="CE1271" s="11">
        <v>-32</v>
      </c>
      <c r="CF1271" s="11">
        <v>43</v>
      </c>
      <c r="CG1271" s="11">
        <v>11</v>
      </c>
      <c r="CH1271" s="20">
        <v>0.62</v>
      </c>
      <c r="CI1271" s="20">
        <v>0.63</v>
      </c>
      <c r="CJ1271" s="20">
        <v>0.63</v>
      </c>
      <c r="CK1271" s="20">
        <v>0.64</v>
      </c>
      <c r="CL1271" s="20">
        <v>0.63</v>
      </c>
      <c r="CM1271" s="20">
        <v>0.64</v>
      </c>
      <c r="CN1271" s="20">
        <v>0.67</v>
      </c>
      <c r="CO1271" s="20">
        <v>0.67</v>
      </c>
      <c r="CP1271" s="20">
        <v>0.73</v>
      </c>
      <c r="CQ1271" s="20">
        <v>0.66</v>
      </c>
      <c r="CR1271" s="20">
        <v>0.66</v>
      </c>
      <c r="CS1271" s="20">
        <v>0.68</v>
      </c>
      <c r="CT1271" s="20">
        <v>0.74</v>
      </c>
      <c r="CU1271" s="20">
        <v>0.73</v>
      </c>
      <c r="CV1271" s="20">
        <v>0.72</v>
      </c>
      <c r="CW1271" s="20">
        <v>0.75</v>
      </c>
      <c r="CX1271" s="20">
        <v>0.75</v>
      </c>
      <c r="CY1271" s="6" t="s">
        <v>595</v>
      </c>
      <c r="CZ1271" s="6" t="s">
        <v>596</v>
      </c>
      <c r="DA1271" s="6" t="s">
        <v>72</v>
      </c>
      <c r="DB1271" s="6"/>
      <c r="DC1271" s="6">
        <v>25300</v>
      </c>
      <c r="DD1271" s="6">
        <v>448</v>
      </c>
      <c r="DE1271" s="6" t="s">
        <v>598</v>
      </c>
      <c r="DF1271" s="6" t="s">
        <v>363</v>
      </c>
      <c r="DG1271" s="6" t="s">
        <v>364</v>
      </c>
      <c r="DH1271" s="6" t="s">
        <v>365</v>
      </c>
      <c r="DI1271" s="6" t="s">
        <v>575</v>
      </c>
      <c r="DJ1271" s="6">
        <v>29</v>
      </c>
      <c r="DK1271" s="6">
        <v>127</v>
      </c>
      <c r="DL1271" s="6">
        <v>8</v>
      </c>
      <c r="DM1271" s="6" t="s">
        <v>368</v>
      </c>
      <c r="DN1271" s="6">
        <v>5</v>
      </c>
      <c r="DO1271" s="6" t="s">
        <v>429</v>
      </c>
      <c r="DP1271" s="6"/>
      <c r="DQ1271" s="6"/>
    </row>
    <row r="1272" spans="1:121" x14ac:dyDescent="0.2">
      <c r="A1272" s="6" t="s">
        <v>316</v>
      </c>
      <c r="B1272" s="6" t="s">
        <v>316</v>
      </c>
      <c r="C1272" s="6" t="s">
        <v>185</v>
      </c>
      <c r="D1272" s="6" t="s">
        <v>72</v>
      </c>
      <c r="E1272" s="6" t="s">
        <v>213</v>
      </c>
      <c r="F1272" s="11">
        <v>-28</v>
      </c>
      <c r="G1272" s="13">
        <v>-0.24</v>
      </c>
      <c r="H1272" s="11">
        <v>-13</v>
      </c>
      <c r="I1272" s="13">
        <v>-0.11206896551724138</v>
      </c>
      <c r="J1272" s="11">
        <v>3</v>
      </c>
      <c r="K1272" s="13">
        <v>2.9126213592233011E-2</v>
      </c>
      <c r="L1272" s="11">
        <v>-18</v>
      </c>
      <c r="M1272" s="13">
        <v>-0.16981132075471697</v>
      </c>
      <c r="N1272" s="11">
        <v>-15</v>
      </c>
      <c r="O1272" s="13">
        <v>-0.14563106796116504</v>
      </c>
      <c r="P1272" s="7">
        <v>116</v>
      </c>
      <c r="Q1272" s="7">
        <v>103</v>
      </c>
      <c r="R1272" s="7">
        <v>115</v>
      </c>
      <c r="S1272" s="7">
        <v>120</v>
      </c>
      <c r="T1272" s="7">
        <v>113</v>
      </c>
      <c r="U1272" s="7">
        <v>104</v>
      </c>
      <c r="V1272" s="7">
        <v>103</v>
      </c>
      <c r="W1272" s="7">
        <v>95</v>
      </c>
      <c r="X1272" s="7">
        <v>86</v>
      </c>
      <c r="Y1272" s="7">
        <v>106</v>
      </c>
      <c r="Z1272" s="7">
        <v>93</v>
      </c>
      <c r="AA1272" s="7">
        <v>78</v>
      </c>
      <c r="AB1272" s="7">
        <v>92</v>
      </c>
      <c r="AC1272" s="7">
        <v>87</v>
      </c>
      <c r="AD1272" s="7">
        <v>95</v>
      </c>
      <c r="AE1272" s="7">
        <v>84</v>
      </c>
      <c r="AF1272" s="7">
        <v>88</v>
      </c>
      <c r="AG1272" s="9">
        <v>15885</v>
      </c>
      <c r="AH1272" s="13">
        <v>0.66115874469324898</v>
      </c>
      <c r="AI1272" s="9">
        <v>-976</v>
      </c>
      <c r="AJ1272" s="13">
        <v>-4.0622658786314825E-2</v>
      </c>
      <c r="AK1272" s="9">
        <v>5510</v>
      </c>
      <c r="AL1272" s="13">
        <v>0.23904555314533624</v>
      </c>
      <c r="AM1272" s="9">
        <v>11351</v>
      </c>
      <c r="AN1272" s="13">
        <v>0.39744397759103639</v>
      </c>
      <c r="AO1272" s="9">
        <v>16861</v>
      </c>
      <c r="AP1272" s="13">
        <v>0.73149674620390459</v>
      </c>
      <c r="AQ1272" s="9">
        <v>24026</v>
      </c>
      <c r="AR1272" s="9">
        <v>25622</v>
      </c>
      <c r="AS1272" s="9">
        <v>25178</v>
      </c>
      <c r="AT1272" s="9">
        <v>22370</v>
      </c>
      <c r="AU1272" s="9">
        <v>22856</v>
      </c>
      <c r="AV1272" s="9">
        <v>23456</v>
      </c>
      <c r="AW1272" s="9">
        <v>23050</v>
      </c>
      <c r="AX1272" s="9">
        <v>27915</v>
      </c>
      <c r="AY1272" s="9">
        <v>28563</v>
      </c>
      <c r="AZ1272" s="9">
        <v>28560</v>
      </c>
      <c r="BA1272" s="9">
        <v>27600</v>
      </c>
      <c r="BB1272" s="9">
        <v>32236</v>
      </c>
      <c r="BC1272" s="9">
        <v>35356</v>
      </c>
      <c r="BD1272" s="9">
        <v>35761</v>
      </c>
      <c r="BE1272" s="9">
        <v>41222</v>
      </c>
      <c r="BF1272" s="9">
        <v>39911</v>
      </c>
      <c r="BG1272" s="11">
        <v>-9</v>
      </c>
      <c r="BH1272" s="13">
        <v>-0.28125</v>
      </c>
      <c r="BI1272" s="6">
        <v>-8</v>
      </c>
      <c r="BJ1272" s="13">
        <v>-0.25</v>
      </c>
      <c r="BK1272" s="6">
        <v>1</v>
      </c>
      <c r="BL1272" s="13">
        <v>4.1666666666666664E-2</v>
      </c>
      <c r="BM1272" s="11">
        <v>-2</v>
      </c>
      <c r="BN1272" s="13">
        <v>-0.08</v>
      </c>
      <c r="BO1272" s="11">
        <v>-1</v>
      </c>
      <c r="BP1272" s="13">
        <v>-4.1666666666666664E-2</v>
      </c>
      <c r="BQ1272" s="6">
        <v>32</v>
      </c>
      <c r="BR1272" s="6">
        <v>28</v>
      </c>
      <c r="BS1272" s="6">
        <v>23</v>
      </c>
      <c r="BT1272" s="6">
        <v>24</v>
      </c>
      <c r="BU1272" s="6">
        <v>24</v>
      </c>
      <c r="BV1272" s="6">
        <v>21</v>
      </c>
      <c r="BW1272" s="6">
        <v>25</v>
      </c>
      <c r="BX1272" s="6">
        <v>22</v>
      </c>
      <c r="BY1272" s="6">
        <v>22</v>
      </c>
      <c r="BZ1272" s="6">
        <v>22</v>
      </c>
      <c r="CA1272" s="6">
        <v>19</v>
      </c>
      <c r="CB1272" s="6">
        <v>22</v>
      </c>
      <c r="CC1272" s="11">
        <v>23</v>
      </c>
      <c r="CD1272" s="11">
        <v>-35</v>
      </c>
      <c r="CE1272" s="11">
        <v>-6</v>
      </c>
      <c r="CF1272" s="11">
        <v>13</v>
      </c>
      <c r="CG1272" s="11">
        <v>7</v>
      </c>
      <c r="CH1272" s="20">
        <v>0.45</v>
      </c>
      <c r="CI1272" s="20">
        <v>0.39</v>
      </c>
      <c r="CJ1272" s="20">
        <v>0.43</v>
      </c>
      <c r="CK1272" s="20">
        <v>0.45</v>
      </c>
      <c r="CL1272" s="20">
        <v>0.41</v>
      </c>
      <c r="CM1272" s="20">
        <v>0.38</v>
      </c>
      <c r="CN1272" s="20">
        <v>0.4</v>
      </c>
      <c r="CO1272" s="20">
        <v>0.37</v>
      </c>
      <c r="CP1272" s="20">
        <v>0.34</v>
      </c>
      <c r="CQ1272" s="20">
        <v>0.41</v>
      </c>
      <c r="CR1272" s="20">
        <v>0.37</v>
      </c>
      <c r="CS1272" s="20">
        <v>0.31</v>
      </c>
      <c r="CT1272" s="20">
        <v>0.38</v>
      </c>
      <c r="CU1272" s="20">
        <v>0.36</v>
      </c>
      <c r="CV1272" s="20">
        <v>0.38</v>
      </c>
      <c r="CW1272" s="20">
        <v>0.34</v>
      </c>
      <c r="CX1272" s="20">
        <v>0.36</v>
      </c>
      <c r="CY1272" s="6" t="s">
        <v>595</v>
      </c>
      <c r="CZ1272" s="6" t="s">
        <v>596</v>
      </c>
      <c r="DA1272" s="6" t="s">
        <v>72</v>
      </c>
      <c r="DB1272" s="6"/>
      <c r="DC1272" s="6">
        <v>25300</v>
      </c>
      <c r="DD1272" s="6">
        <v>448</v>
      </c>
      <c r="DE1272" s="6" t="s">
        <v>598</v>
      </c>
      <c r="DF1272" s="6" t="s">
        <v>363</v>
      </c>
      <c r="DG1272" s="6" t="s">
        <v>364</v>
      </c>
      <c r="DH1272" s="6" t="s">
        <v>365</v>
      </c>
      <c r="DI1272" s="6" t="s">
        <v>575</v>
      </c>
      <c r="DJ1272" s="6">
        <v>29</v>
      </c>
      <c r="DK1272" s="6">
        <v>127</v>
      </c>
      <c r="DL1272" s="6">
        <v>8</v>
      </c>
      <c r="DM1272" s="6" t="s">
        <v>368</v>
      </c>
      <c r="DN1272" s="6">
        <v>5</v>
      </c>
      <c r="DO1272" s="6" t="s">
        <v>429</v>
      </c>
      <c r="DP1272" s="6"/>
      <c r="DQ1272" s="6"/>
    </row>
    <row r="1273" spans="1:121" x14ac:dyDescent="0.2">
      <c r="A1273" s="6" t="s">
        <v>317</v>
      </c>
      <c r="B1273" s="6" t="s">
        <v>317</v>
      </c>
      <c r="C1273" s="6" t="s">
        <v>186</v>
      </c>
      <c r="D1273" s="6" t="s">
        <v>72</v>
      </c>
      <c r="E1273" s="6" t="s">
        <v>213</v>
      </c>
      <c r="F1273" s="11">
        <v>19</v>
      </c>
      <c r="G1273" s="13">
        <v>0.06</v>
      </c>
      <c r="H1273" s="11">
        <v>27</v>
      </c>
      <c r="I1273" s="13">
        <v>8.4639498432601878E-2</v>
      </c>
      <c r="J1273" s="11">
        <v>-26</v>
      </c>
      <c r="K1273" s="13">
        <v>-7.5144508670520235E-2</v>
      </c>
      <c r="L1273" s="11">
        <v>18</v>
      </c>
      <c r="M1273" s="13">
        <v>5.6250000000000001E-2</v>
      </c>
      <c r="N1273" s="11">
        <v>-8</v>
      </c>
      <c r="O1273" s="13">
        <v>-2.3121387283236993E-2</v>
      </c>
      <c r="P1273" s="7">
        <v>319</v>
      </c>
      <c r="Q1273" s="7">
        <v>337</v>
      </c>
      <c r="R1273" s="7">
        <v>315</v>
      </c>
      <c r="S1273" s="7">
        <v>322</v>
      </c>
      <c r="T1273" s="7">
        <v>310</v>
      </c>
      <c r="U1273" s="7">
        <v>322</v>
      </c>
      <c r="V1273" s="7">
        <v>346</v>
      </c>
      <c r="W1273" s="7">
        <v>316</v>
      </c>
      <c r="X1273" s="7">
        <v>298</v>
      </c>
      <c r="Y1273" s="7">
        <v>320</v>
      </c>
      <c r="Z1273" s="7">
        <v>285</v>
      </c>
      <c r="AA1273" s="7">
        <v>308</v>
      </c>
      <c r="AB1273" s="7">
        <v>294</v>
      </c>
      <c r="AC1273" s="7">
        <v>328</v>
      </c>
      <c r="AD1273" s="7">
        <v>324</v>
      </c>
      <c r="AE1273" s="7">
        <v>334</v>
      </c>
      <c r="AF1273" s="7">
        <v>338</v>
      </c>
      <c r="AG1273" s="9">
        <v>18329</v>
      </c>
      <c r="AH1273" s="13">
        <v>0.59959436029964996</v>
      </c>
      <c r="AI1273" s="9">
        <v>2623</v>
      </c>
      <c r="AJ1273" s="13">
        <v>8.5805881775655068E-2</v>
      </c>
      <c r="AK1273" s="9">
        <v>3923</v>
      </c>
      <c r="AL1273" s="13">
        <v>0.11819113039286576</v>
      </c>
      <c r="AM1273" s="9">
        <v>11783</v>
      </c>
      <c r="AN1273" s="13">
        <v>0.31747271992455878</v>
      </c>
      <c r="AO1273" s="9">
        <v>15706</v>
      </c>
      <c r="AP1273" s="13">
        <v>0.47318630995420585</v>
      </c>
      <c r="AQ1273" s="9">
        <v>30569</v>
      </c>
      <c r="AR1273" s="9">
        <v>31537</v>
      </c>
      <c r="AS1273" s="9">
        <v>32627</v>
      </c>
      <c r="AT1273" s="9">
        <v>34738</v>
      </c>
      <c r="AU1273" s="9">
        <v>33219</v>
      </c>
      <c r="AV1273" s="9">
        <v>32518</v>
      </c>
      <c r="AW1273" s="9">
        <v>33192</v>
      </c>
      <c r="AX1273" s="9">
        <v>33762</v>
      </c>
      <c r="AY1273" s="9">
        <v>36294</v>
      </c>
      <c r="AZ1273" s="9">
        <v>37115</v>
      </c>
      <c r="BA1273" s="9">
        <v>37707</v>
      </c>
      <c r="BB1273" s="9">
        <v>39487</v>
      </c>
      <c r="BC1273" s="9">
        <v>43753</v>
      </c>
      <c r="BD1273" s="9">
        <v>42732</v>
      </c>
      <c r="BE1273" s="9">
        <v>46669</v>
      </c>
      <c r="BF1273" s="9">
        <v>48898</v>
      </c>
      <c r="BG1273" s="11">
        <v>11</v>
      </c>
      <c r="BH1273" s="13">
        <v>0.22916666666666666</v>
      </c>
      <c r="BI1273" s="6">
        <v>5</v>
      </c>
      <c r="BJ1273" s="13">
        <v>0.10416666666666667</v>
      </c>
      <c r="BK1273" s="6">
        <v>-2</v>
      </c>
      <c r="BL1273" s="13">
        <v>-3.7735849056603772E-2</v>
      </c>
      <c r="BM1273" s="11">
        <v>8</v>
      </c>
      <c r="BN1273" s="13">
        <v>0.15686274509803921</v>
      </c>
      <c r="BO1273" s="11">
        <v>6</v>
      </c>
      <c r="BP1273" s="13">
        <v>0.11320754716981132</v>
      </c>
      <c r="BQ1273" s="6">
        <v>48</v>
      </c>
      <c r="BR1273" s="6">
        <v>50</v>
      </c>
      <c r="BS1273" s="6">
        <v>51</v>
      </c>
      <c r="BT1273" s="6">
        <v>53</v>
      </c>
      <c r="BU1273" s="6">
        <v>52</v>
      </c>
      <c r="BV1273" s="6">
        <v>49</v>
      </c>
      <c r="BW1273" s="6">
        <v>51</v>
      </c>
      <c r="BX1273" s="6">
        <v>50</v>
      </c>
      <c r="BY1273" s="6">
        <v>48</v>
      </c>
      <c r="BZ1273" s="6">
        <v>52</v>
      </c>
      <c r="CA1273" s="6">
        <v>52</v>
      </c>
      <c r="CB1273" s="6">
        <v>55</v>
      </c>
      <c r="CC1273" s="11">
        <v>59</v>
      </c>
      <c r="CD1273" s="11">
        <v>-81</v>
      </c>
      <c r="CE1273" s="11">
        <v>64</v>
      </c>
      <c r="CF1273" s="11">
        <v>35</v>
      </c>
      <c r="CG1273" s="11">
        <v>99</v>
      </c>
      <c r="CH1273" s="20">
        <v>0.38</v>
      </c>
      <c r="CI1273" s="20">
        <v>0.41</v>
      </c>
      <c r="CJ1273" s="20">
        <v>0.38</v>
      </c>
      <c r="CK1273" s="20">
        <v>0.4</v>
      </c>
      <c r="CL1273" s="20">
        <v>0.37</v>
      </c>
      <c r="CM1273" s="20">
        <v>0.38</v>
      </c>
      <c r="CN1273" s="20">
        <v>0.41</v>
      </c>
      <c r="CO1273" s="20">
        <v>0.36</v>
      </c>
      <c r="CP1273" s="20">
        <v>0.34</v>
      </c>
      <c r="CQ1273" s="20">
        <v>0.34</v>
      </c>
      <c r="CR1273" s="20">
        <v>0.3</v>
      </c>
      <c r="CS1273" s="20">
        <v>0.32</v>
      </c>
      <c r="CT1273" s="20">
        <v>0.32</v>
      </c>
      <c r="CU1273" s="20">
        <v>0.35</v>
      </c>
      <c r="CV1273" s="20">
        <v>0.34</v>
      </c>
      <c r="CW1273" s="20">
        <v>0.35</v>
      </c>
      <c r="CX1273" s="20">
        <v>0.34</v>
      </c>
      <c r="CY1273" s="6" t="s">
        <v>595</v>
      </c>
      <c r="CZ1273" s="6" t="s">
        <v>596</v>
      </c>
      <c r="DA1273" s="6" t="s">
        <v>72</v>
      </c>
      <c r="DB1273" s="6"/>
      <c r="DC1273" s="6">
        <v>25300</v>
      </c>
      <c r="DD1273" s="6">
        <v>448</v>
      </c>
      <c r="DE1273" s="6" t="s">
        <v>598</v>
      </c>
      <c r="DF1273" s="6" t="s">
        <v>363</v>
      </c>
      <c r="DG1273" s="6" t="s">
        <v>364</v>
      </c>
      <c r="DH1273" s="6" t="s">
        <v>365</v>
      </c>
      <c r="DI1273" s="6" t="s">
        <v>575</v>
      </c>
      <c r="DJ1273" s="6">
        <v>29</v>
      </c>
      <c r="DK1273" s="6">
        <v>127</v>
      </c>
      <c r="DL1273" s="6">
        <v>8</v>
      </c>
      <c r="DM1273" s="6" t="s">
        <v>368</v>
      </c>
      <c r="DN1273" s="6">
        <v>5</v>
      </c>
      <c r="DO1273" s="6" t="s">
        <v>429</v>
      </c>
      <c r="DP1273" s="6"/>
      <c r="DQ1273" s="6"/>
    </row>
    <row r="1274" spans="1:121" x14ac:dyDescent="0.2">
      <c r="A1274" s="6" t="s">
        <v>318</v>
      </c>
      <c r="B1274" s="6" t="s">
        <v>318</v>
      </c>
      <c r="C1274" s="6" t="s">
        <v>187</v>
      </c>
      <c r="D1274" s="6" t="s">
        <v>72</v>
      </c>
      <c r="E1274" s="6" t="s">
        <v>213</v>
      </c>
      <c r="F1274" s="11">
        <v>-14</v>
      </c>
      <c r="G1274" s="13">
        <v>-0.35897435897399999</v>
      </c>
      <c r="H1274" s="11">
        <v>-1.2332940000000008</v>
      </c>
      <c r="I1274" s="13">
        <v>-3.167663772006004E-2</v>
      </c>
      <c r="J1274" s="11">
        <v>12.568473000000004</v>
      </c>
      <c r="K1274" s="13">
        <v>0.33337617972013328</v>
      </c>
      <c r="L1274" s="11">
        <v>-25.621950663000003</v>
      </c>
      <c r="M1274" s="13">
        <v>-0.50969637782662525</v>
      </c>
      <c r="N1274" s="11">
        <v>-13.053477662999999</v>
      </c>
      <c r="O1274" s="13">
        <v>-0.34624082936352185</v>
      </c>
      <c r="P1274" s="7">
        <v>38.933866999999999</v>
      </c>
      <c r="Q1274" s="7">
        <v>45.096778</v>
      </c>
      <c r="R1274" s="7">
        <v>59.959657999999997</v>
      </c>
      <c r="S1274" s="7">
        <v>39.416589000000002</v>
      </c>
      <c r="T1274" s="7">
        <v>43.700304000000003</v>
      </c>
      <c r="U1274" s="7">
        <v>48.947493999999999</v>
      </c>
      <c r="V1274" s="7">
        <v>37.700572999999999</v>
      </c>
      <c r="W1274" s="7">
        <v>54.883598999999997</v>
      </c>
      <c r="X1274" s="7">
        <v>52.935901000000001</v>
      </c>
      <c r="Y1274" s="7">
        <v>50.269046000000003</v>
      </c>
      <c r="Z1274" s="7">
        <v>61.361060000000002</v>
      </c>
      <c r="AA1274" s="7">
        <v>37.390034999999997</v>
      </c>
      <c r="AB1274" s="7">
        <v>29.086728999999998</v>
      </c>
      <c r="AC1274" s="7">
        <v>28.588075</v>
      </c>
      <c r="AD1274" s="7">
        <v>31.145873999999999</v>
      </c>
      <c r="AE1274" s="7">
        <v>27.082331249999999</v>
      </c>
      <c r="AF1274" s="7">
        <v>24.647095337</v>
      </c>
      <c r="AG1274" s="9">
        <v>19037.878006199993</v>
      </c>
      <c r="AH1274" s="13">
        <v>0.45681405602163466</v>
      </c>
      <c r="AI1274" s="9">
        <v>12947.068396099996</v>
      </c>
      <c r="AJ1274" s="13">
        <v>0.31066502399510271</v>
      </c>
      <c r="AK1274" s="9">
        <v>-22263.121294</v>
      </c>
      <c r="AL1274" s="13">
        <v>-0.40758224892341754</v>
      </c>
      <c r="AM1274" s="9">
        <v>28353.930904099998</v>
      </c>
      <c r="AN1274" s="13">
        <v>0.87622254321445292</v>
      </c>
      <c r="AO1274" s="9">
        <v>6090.8096100999974</v>
      </c>
      <c r="AP1274" s="13">
        <v>0.11150753957029225</v>
      </c>
      <c r="AQ1274" s="9">
        <v>41675.333224200003</v>
      </c>
      <c r="AR1274" s="9">
        <v>44896.3835463</v>
      </c>
      <c r="AS1274" s="9">
        <v>41615.053697900003</v>
      </c>
      <c r="AT1274" s="9">
        <v>47577.496078600001</v>
      </c>
      <c r="AU1274" s="9">
        <v>44358.938211599998</v>
      </c>
      <c r="AV1274" s="9">
        <v>44147.642718900002</v>
      </c>
      <c r="AW1274" s="9">
        <v>54622.401620299999</v>
      </c>
      <c r="AX1274" s="9">
        <v>43221.008205500002</v>
      </c>
      <c r="AY1274" s="9">
        <v>44532.024762200002</v>
      </c>
      <c r="AZ1274" s="9">
        <v>32359.280326299999</v>
      </c>
      <c r="BA1274" s="9">
        <v>34216.223951200001</v>
      </c>
      <c r="BB1274" s="9">
        <v>45953.131385799999</v>
      </c>
      <c r="BC1274" s="9">
        <v>51255.562411999999</v>
      </c>
      <c r="BD1274" s="9">
        <v>53516.159812400001</v>
      </c>
      <c r="BE1274" s="9">
        <v>43261.811624000002</v>
      </c>
      <c r="BF1274" s="9">
        <v>60713.211230399997</v>
      </c>
      <c r="BG1274" s="11">
        <v>-2</v>
      </c>
      <c r="BH1274" s="13">
        <v>-0.66666666666666663</v>
      </c>
      <c r="BI1274" s="6">
        <v>1</v>
      </c>
      <c r="BJ1274" s="13">
        <v>0.33333333333333331</v>
      </c>
      <c r="BK1274" s="6">
        <v>-2</v>
      </c>
      <c r="BL1274" s="13">
        <v>-0.5</v>
      </c>
      <c r="BM1274" s="11">
        <v>-1</v>
      </c>
      <c r="BN1274" s="13">
        <v>-0.5</v>
      </c>
      <c r="BO1274" s="11">
        <v>-3</v>
      </c>
      <c r="BP1274" s="13">
        <v>-0.75</v>
      </c>
      <c r="BQ1274" s="6">
        <v>3</v>
      </c>
      <c r="BR1274" s="6">
        <v>3</v>
      </c>
      <c r="BS1274" s="6">
        <v>4</v>
      </c>
      <c r="BT1274" s="6">
        <v>4</v>
      </c>
      <c r="BU1274" s="6">
        <v>3</v>
      </c>
      <c r="BV1274" s="6">
        <v>3</v>
      </c>
      <c r="BW1274" s="6">
        <v>2</v>
      </c>
      <c r="BX1274" s="6">
        <v>1</v>
      </c>
      <c r="BY1274" s="6">
        <v>1</v>
      </c>
      <c r="BZ1274" s="6">
        <v>1</v>
      </c>
      <c r="CA1274" s="6">
        <v>1</v>
      </c>
      <c r="CB1274" s="6">
        <v>1</v>
      </c>
      <c r="CC1274" s="11">
        <v>1</v>
      </c>
      <c r="CD1274" s="11">
        <v>-26.878799999999998</v>
      </c>
      <c r="CE1274" s="11">
        <v>8.3360500000000002</v>
      </c>
      <c r="CF1274" s="11">
        <v>4.2559399999999998</v>
      </c>
      <c r="CG1274" s="11">
        <v>12</v>
      </c>
      <c r="CH1274" s="20">
        <v>0.21567500000000001</v>
      </c>
      <c r="CI1274" s="20">
        <v>0.25183499999999998</v>
      </c>
      <c r="CJ1274" s="20">
        <v>0.34206300000000001</v>
      </c>
      <c r="CK1274" s="20">
        <v>0.22673699999999999</v>
      </c>
      <c r="CL1274" s="20">
        <v>0.24826699999999999</v>
      </c>
      <c r="CM1274" s="20">
        <v>0.27640900000000002</v>
      </c>
      <c r="CN1274" s="20">
        <v>0.21746099999999999</v>
      </c>
      <c r="CO1274" s="20">
        <v>0.30046299999999998</v>
      </c>
      <c r="CP1274" s="20">
        <v>0.28651700000000002</v>
      </c>
      <c r="CQ1274" s="20">
        <v>0.25195899999999999</v>
      </c>
      <c r="CR1274" s="20">
        <v>0.30261500000000002</v>
      </c>
      <c r="CS1274" s="20">
        <v>0.176036</v>
      </c>
      <c r="CT1274" s="20">
        <v>0.142095</v>
      </c>
      <c r="CU1274" s="20">
        <v>0.137493</v>
      </c>
      <c r="CV1274" s="20">
        <v>0.14665900000000001</v>
      </c>
      <c r="CW1274" s="20">
        <v>0.12853400000000001</v>
      </c>
      <c r="CX1274" s="20">
        <v>0.114665</v>
      </c>
      <c r="CY1274" s="6" t="s">
        <v>595</v>
      </c>
      <c r="CZ1274" s="6" t="s">
        <v>596</v>
      </c>
      <c r="DA1274" s="6" t="s">
        <v>72</v>
      </c>
      <c r="DB1274" s="6"/>
      <c r="DC1274" s="6">
        <v>25300</v>
      </c>
      <c r="DD1274" s="6">
        <v>448</v>
      </c>
      <c r="DE1274" s="6" t="s">
        <v>598</v>
      </c>
      <c r="DF1274" s="6" t="s">
        <v>363</v>
      </c>
      <c r="DG1274" s="6" t="s">
        <v>364</v>
      </c>
      <c r="DH1274" s="6" t="s">
        <v>365</v>
      </c>
      <c r="DI1274" s="6" t="s">
        <v>575</v>
      </c>
      <c r="DJ1274" s="6">
        <v>29</v>
      </c>
      <c r="DK1274" s="6">
        <v>127</v>
      </c>
      <c r="DL1274" s="6">
        <v>8</v>
      </c>
      <c r="DM1274" s="6" t="s">
        <v>368</v>
      </c>
      <c r="DN1274" s="6">
        <v>5</v>
      </c>
      <c r="DO1274" s="6" t="s">
        <v>429</v>
      </c>
      <c r="DP1274" s="6"/>
      <c r="DQ1274" s="6"/>
    </row>
    <row r="1275" spans="1:121" x14ac:dyDescent="0.2">
      <c r="A1275" s="6" t="s">
        <v>319</v>
      </c>
      <c r="B1275" s="6" t="s">
        <v>319</v>
      </c>
      <c r="C1275" s="6" t="s">
        <v>188</v>
      </c>
      <c r="D1275" s="6" t="s">
        <v>72</v>
      </c>
      <c r="E1275" s="6" t="s">
        <v>213</v>
      </c>
      <c r="F1275" s="11">
        <v>42</v>
      </c>
      <c r="G1275" s="13">
        <v>0.10824742268</v>
      </c>
      <c r="H1275" s="11">
        <v>37.869226097999956</v>
      </c>
      <c r="I1275" s="13">
        <v>9.7694140550239922E-2</v>
      </c>
      <c r="J1275" s="11">
        <v>95.872571183000048</v>
      </c>
      <c r="K1275" s="13">
        <v>0.2253175994120043</v>
      </c>
      <c r="L1275" s="11">
        <v>-91.170263169000009</v>
      </c>
      <c r="M1275" s="13">
        <v>-0.17486596052532577</v>
      </c>
      <c r="N1275" s="11">
        <v>4.7023080140000388</v>
      </c>
      <c r="O1275" s="13">
        <v>1.1051260442237825E-2</v>
      </c>
      <c r="P1275" s="7">
        <v>387.63047491600003</v>
      </c>
      <c r="Q1275" s="7">
        <v>414.39935994699999</v>
      </c>
      <c r="R1275" s="7">
        <v>401.899197867</v>
      </c>
      <c r="S1275" s="7">
        <v>351.93625743500002</v>
      </c>
      <c r="T1275" s="7">
        <v>385.26191716599999</v>
      </c>
      <c r="U1275" s="7">
        <v>425.02332541700002</v>
      </c>
      <c r="V1275" s="7">
        <v>425.49970101399998</v>
      </c>
      <c r="W1275" s="7">
        <v>484.25415421600002</v>
      </c>
      <c r="X1275" s="7">
        <v>468.73673800799997</v>
      </c>
      <c r="Y1275" s="7">
        <v>521.37227219700003</v>
      </c>
      <c r="Z1275" s="7">
        <v>567.72873061200005</v>
      </c>
      <c r="AA1275" s="7">
        <v>564.18387375999998</v>
      </c>
      <c r="AB1275" s="7">
        <v>530.60267254300004</v>
      </c>
      <c r="AC1275" s="7">
        <v>455.67918257899998</v>
      </c>
      <c r="AD1275" s="7">
        <v>582.30025596899998</v>
      </c>
      <c r="AE1275" s="7">
        <v>428.89149187599998</v>
      </c>
      <c r="AF1275" s="7">
        <v>430.20200902800002</v>
      </c>
      <c r="AG1275" s="9">
        <v>1323.9158870999963</v>
      </c>
      <c r="AH1275" s="13">
        <v>4.1012514654385587E-2</v>
      </c>
      <c r="AI1275" s="9">
        <v>-4436.2479100000019</v>
      </c>
      <c r="AJ1275" s="13">
        <v>-0.13742691978559232</v>
      </c>
      <c r="AK1275" s="9">
        <v>-98.837911499998881</v>
      </c>
      <c r="AL1275" s="13">
        <v>-3.5496347265884195E-3</v>
      </c>
      <c r="AM1275" s="9">
        <v>5859.0017085999971</v>
      </c>
      <c r="AN1275" s="13">
        <v>0.21116797657688727</v>
      </c>
      <c r="AO1275" s="9">
        <v>5760.1637970999982</v>
      </c>
      <c r="AP1275" s="13">
        <v>0.20686877266749812</v>
      </c>
      <c r="AQ1275" s="9">
        <v>32280.7781541</v>
      </c>
      <c r="AR1275" s="9">
        <v>28598.994848499999</v>
      </c>
      <c r="AS1275" s="9">
        <v>28107.275481799999</v>
      </c>
      <c r="AT1275" s="9">
        <v>24835.6150638</v>
      </c>
      <c r="AU1275" s="9">
        <v>21122.221863499999</v>
      </c>
      <c r="AV1275" s="9">
        <v>21198.0290795</v>
      </c>
      <c r="AW1275" s="9">
        <v>27844.530244099999</v>
      </c>
      <c r="AX1275" s="9">
        <v>27456.373844599999</v>
      </c>
      <c r="AY1275" s="9">
        <v>25942.4167719</v>
      </c>
      <c r="AZ1275" s="9">
        <v>27745.6923326</v>
      </c>
      <c r="BA1275" s="9">
        <v>27498.454710000002</v>
      </c>
      <c r="BB1275" s="9">
        <v>29055.637119399998</v>
      </c>
      <c r="BC1275" s="9">
        <v>32026.419938999999</v>
      </c>
      <c r="BD1275" s="9">
        <v>31773.709853</v>
      </c>
      <c r="BE1275" s="9">
        <v>28727.483620399998</v>
      </c>
      <c r="BF1275" s="9">
        <v>33604.694041199997</v>
      </c>
      <c r="BG1275" s="11">
        <v>4</v>
      </c>
      <c r="BH1275" s="13">
        <v>0.14814814814814814</v>
      </c>
      <c r="BI1275" s="6">
        <v>10</v>
      </c>
      <c r="BJ1275" s="13">
        <v>0.37037037037037035</v>
      </c>
      <c r="BK1275" s="6">
        <v>-2</v>
      </c>
      <c r="BL1275" s="13">
        <v>-5.4054054054054057E-2</v>
      </c>
      <c r="BM1275" s="11">
        <v>-4</v>
      </c>
      <c r="BN1275" s="13">
        <v>-0.11428571428571428</v>
      </c>
      <c r="BO1275" s="11">
        <v>-6</v>
      </c>
      <c r="BP1275" s="13">
        <v>-0.16216216216216217</v>
      </c>
      <c r="BQ1275" s="6">
        <v>27</v>
      </c>
      <c r="BR1275" s="6">
        <v>29</v>
      </c>
      <c r="BS1275" s="6">
        <v>33</v>
      </c>
      <c r="BT1275" s="6">
        <v>37</v>
      </c>
      <c r="BU1275" s="6">
        <v>35</v>
      </c>
      <c r="BV1275" s="6">
        <v>37</v>
      </c>
      <c r="BW1275" s="6">
        <v>35</v>
      </c>
      <c r="BX1275" s="6">
        <v>37</v>
      </c>
      <c r="BY1275" s="6">
        <v>37</v>
      </c>
      <c r="BZ1275" s="6">
        <v>36</v>
      </c>
      <c r="CA1275" s="6">
        <v>31</v>
      </c>
      <c r="CB1275" s="6">
        <v>31</v>
      </c>
      <c r="CC1275" s="11">
        <v>31</v>
      </c>
      <c r="CD1275" s="11">
        <v>-34.677199999999999</v>
      </c>
      <c r="CE1275" s="11">
        <v>34.876100000000001</v>
      </c>
      <c r="CF1275" s="11">
        <v>42.372700000000002</v>
      </c>
      <c r="CG1275" s="11">
        <v>77</v>
      </c>
      <c r="CH1275" s="20">
        <v>0.43775500000000001</v>
      </c>
      <c r="CI1275" s="20">
        <v>0.46716600000000003</v>
      </c>
      <c r="CJ1275" s="20">
        <v>0.45463300000000001</v>
      </c>
      <c r="CK1275" s="20">
        <v>0.396733</v>
      </c>
      <c r="CL1275" s="20">
        <v>0.42589900000000003</v>
      </c>
      <c r="CM1275" s="20">
        <v>0.46490700000000001</v>
      </c>
      <c r="CN1275" s="20">
        <v>0.48538900000000001</v>
      </c>
      <c r="CO1275" s="20">
        <v>0.56495499999999998</v>
      </c>
      <c r="CP1275" s="20">
        <v>0.58203000000000005</v>
      </c>
      <c r="CQ1275" s="20">
        <v>0.58273299999999995</v>
      </c>
      <c r="CR1275" s="20">
        <v>0.62094000000000005</v>
      </c>
      <c r="CS1275" s="20">
        <v>0.59665699999999999</v>
      </c>
      <c r="CT1275" s="20">
        <v>0.58889199999999997</v>
      </c>
      <c r="CU1275" s="20">
        <v>0.49726199999999998</v>
      </c>
      <c r="CV1275" s="20">
        <v>0.62044299999999997</v>
      </c>
      <c r="CW1275" s="20">
        <v>0.45852399999999999</v>
      </c>
      <c r="CX1275" s="20">
        <v>0.45024900000000001</v>
      </c>
      <c r="CY1275" s="6" t="s">
        <v>595</v>
      </c>
      <c r="CZ1275" s="6" t="s">
        <v>596</v>
      </c>
      <c r="DA1275" s="6" t="s">
        <v>72</v>
      </c>
      <c r="DB1275" s="6"/>
      <c r="DC1275" s="6">
        <v>25300</v>
      </c>
      <c r="DD1275" s="6">
        <v>448</v>
      </c>
      <c r="DE1275" s="6" t="s">
        <v>598</v>
      </c>
      <c r="DF1275" s="6" t="s">
        <v>363</v>
      </c>
      <c r="DG1275" s="6" t="s">
        <v>364</v>
      </c>
      <c r="DH1275" s="6" t="s">
        <v>365</v>
      </c>
      <c r="DI1275" s="6" t="s">
        <v>575</v>
      </c>
      <c r="DJ1275" s="6">
        <v>29</v>
      </c>
      <c r="DK1275" s="6">
        <v>127</v>
      </c>
      <c r="DL1275" s="6">
        <v>8</v>
      </c>
      <c r="DM1275" s="6" t="s">
        <v>368</v>
      </c>
      <c r="DN1275" s="6">
        <v>5</v>
      </c>
      <c r="DO1275" s="6" t="s">
        <v>429</v>
      </c>
      <c r="DP1275" s="6"/>
      <c r="DQ1275" s="6"/>
    </row>
    <row r="1276" spans="1:121" x14ac:dyDescent="0.2">
      <c r="A1276" s="6" t="s">
        <v>320</v>
      </c>
      <c r="B1276" s="6" t="s">
        <v>320</v>
      </c>
      <c r="C1276" s="6" t="s">
        <v>189</v>
      </c>
      <c r="D1276" s="6" t="s">
        <v>72</v>
      </c>
      <c r="E1276" s="6" t="s">
        <v>213</v>
      </c>
      <c r="F1276" s="11">
        <v>97</v>
      </c>
      <c r="G1276" s="13">
        <v>0.20208333333299999</v>
      </c>
      <c r="H1276" s="11">
        <v>145.62368468000005</v>
      </c>
      <c r="I1276" s="13">
        <v>0.30322618983441846</v>
      </c>
      <c r="J1276" s="11">
        <v>89.852096921999987</v>
      </c>
      <c r="K1276" s="13">
        <v>0.14356319368951018</v>
      </c>
      <c r="L1276" s="11">
        <v>-139.14586723000002</v>
      </c>
      <c r="M1276" s="13">
        <v>-0.1944128814620103</v>
      </c>
      <c r="N1276" s="11">
        <v>-49.293770308000035</v>
      </c>
      <c r="O1276" s="13">
        <v>-7.8760221929566471E-2</v>
      </c>
      <c r="P1276" s="7">
        <v>480.24771461699999</v>
      </c>
      <c r="Q1276" s="7">
        <v>500.315644771</v>
      </c>
      <c r="R1276" s="7">
        <v>541.22582780799996</v>
      </c>
      <c r="S1276" s="7">
        <v>540.82610654099994</v>
      </c>
      <c r="T1276" s="7">
        <v>599.99349181299999</v>
      </c>
      <c r="U1276" s="7">
        <v>578.368690077</v>
      </c>
      <c r="V1276" s="7">
        <v>625.87139929700004</v>
      </c>
      <c r="W1276" s="7">
        <v>689.99112080899999</v>
      </c>
      <c r="X1276" s="7">
        <v>750.310292258</v>
      </c>
      <c r="Y1276" s="7">
        <v>715.72349621900003</v>
      </c>
      <c r="Z1276" s="7">
        <v>575.88492814899996</v>
      </c>
      <c r="AA1276" s="7">
        <v>578.58957623100002</v>
      </c>
      <c r="AB1276" s="7">
        <v>540.61920264699995</v>
      </c>
      <c r="AC1276" s="7">
        <v>594.68561207899995</v>
      </c>
      <c r="AD1276" s="7">
        <v>563.73780095300003</v>
      </c>
      <c r="AE1276" s="7">
        <v>578.86005503900003</v>
      </c>
      <c r="AF1276" s="7">
        <v>576.577628989</v>
      </c>
      <c r="AG1276" s="9">
        <v>26792.928786099998</v>
      </c>
      <c r="AH1276" s="13">
        <v>0.95486595752417136</v>
      </c>
      <c r="AI1276" s="9">
        <v>4533.049810200002</v>
      </c>
      <c r="AJ1276" s="13">
        <v>0.16155213870336427</v>
      </c>
      <c r="AK1276" s="9">
        <v>10324.690366400002</v>
      </c>
      <c r="AL1276" s="13">
        <v>0.31678203762522533</v>
      </c>
      <c r="AM1276" s="9">
        <v>11935.188609499994</v>
      </c>
      <c r="AN1276" s="13">
        <v>0.27809866534892108</v>
      </c>
      <c r="AO1276" s="9">
        <v>22259.878975899996</v>
      </c>
      <c r="AP1276" s="13">
        <v>0.68297736484423321</v>
      </c>
      <c r="AQ1276" s="9">
        <v>28059.3611857</v>
      </c>
      <c r="AR1276" s="9">
        <v>34772.274330400003</v>
      </c>
      <c r="AS1276" s="9">
        <v>23786.883270400001</v>
      </c>
      <c r="AT1276" s="9">
        <v>26626.996776399999</v>
      </c>
      <c r="AU1276" s="9">
        <v>38577.287759300001</v>
      </c>
      <c r="AV1276" s="9">
        <v>40166.020898199997</v>
      </c>
      <c r="AW1276" s="9">
        <v>32592.410995900002</v>
      </c>
      <c r="AX1276" s="9">
        <v>38038.584708399998</v>
      </c>
      <c r="AY1276" s="9">
        <v>32483.956191400001</v>
      </c>
      <c r="AZ1276" s="9">
        <v>42917.101362300004</v>
      </c>
      <c r="BA1276" s="9">
        <v>19590.747808600001</v>
      </c>
      <c r="BB1276" s="9">
        <v>28483.853248799998</v>
      </c>
      <c r="BC1276" s="9">
        <v>32501.144709</v>
      </c>
      <c r="BD1276" s="9">
        <v>24620.3909604</v>
      </c>
      <c r="BE1276" s="9">
        <v>33910.249575200003</v>
      </c>
      <c r="BF1276" s="9">
        <v>54852.289971799997</v>
      </c>
      <c r="BG1276" s="11">
        <v>-3</v>
      </c>
      <c r="BH1276" s="13">
        <v>-0.375</v>
      </c>
      <c r="BI1276" s="6">
        <v>1</v>
      </c>
      <c r="BJ1276" s="13">
        <v>0.125</v>
      </c>
      <c r="BK1276" s="6">
        <v>-3</v>
      </c>
      <c r="BL1276" s="13">
        <v>-0.33333333333333331</v>
      </c>
      <c r="BM1276" s="11">
        <v>-1</v>
      </c>
      <c r="BN1276" s="13">
        <v>-0.16666666666666666</v>
      </c>
      <c r="BO1276" s="11">
        <v>-4</v>
      </c>
      <c r="BP1276" s="13">
        <v>-0.44444444444444442</v>
      </c>
      <c r="BQ1276" s="6">
        <v>8</v>
      </c>
      <c r="BR1276" s="6">
        <v>9</v>
      </c>
      <c r="BS1276" s="6">
        <v>9</v>
      </c>
      <c r="BT1276" s="6">
        <v>9</v>
      </c>
      <c r="BU1276" s="6">
        <v>8</v>
      </c>
      <c r="BV1276" s="6">
        <v>7</v>
      </c>
      <c r="BW1276" s="6">
        <v>6</v>
      </c>
      <c r="BX1276" s="6">
        <v>5</v>
      </c>
      <c r="BY1276" s="6">
        <v>5</v>
      </c>
      <c r="BZ1276" s="6">
        <v>5</v>
      </c>
      <c r="CA1276" s="6">
        <v>5</v>
      </c>
      <c r="CB1276" s="6">
        <v>5</v>
      </c>
      <c r="CC1276" s="11">
        <v>5</v>
      </c>
      <c r="CD1276" s="11">
        <v>-130.06700000000001</v>
      </c>
      <c r="CE1276" s="11">
        <v>173.9</v>
      </c>
      <c r="CF1276" s="11">
        <v>52.496899999999997</v>
      </c>
      <c r="CG1276" s="11">
        <v>226</v>
      </c>
      <c r="CH1276" s="20">
        <v>1.62561</v>
      </c>
      <c r="CI1276" s="20">
        <v>1.61555</v>
      </c>
      <c r="CJ1276" s="20">
        <v>1.7030400000000001</v>
      </c>
      <c r="CK1276" s="20">
        <v>1.6894100000000001</v>
      </c>
      <c r="CL1276" s="20">
        <v>1.87913</v>
      </c>
      <c r="CM1276" s="20">
        <v>1.8011200000000001</v>
      </c>
      <c r="CN1276" s="20">
        <v>2.0009299999999999</v>
      </c>
      <c r="CO1276" s="20">
        <v>2.0967899999999999</v>
      </c>
      <c r="CP1276" s="20">
        <v>2.1484299999999998</v>
      </c>
      <c r="CQ1276" s="20">
        <v>1.85856</v>
      </c>
      <c r="CR1276" s="20">
        <v>1.4740800000000001</v>
      </c>
      <c r="CS1276" s="20">
        <v>1.4458500000000001</v>
      </c>
      <c r="CT1276" s="20">
        <v>1.4362900000000001</v>
      </c>
      <c r="CU1276" s="20">
        <v>1.5720700000000001</v>
      </c>
      <c r="CV1276" s="20">
        <v>1.4708300000000001</v>
      </c>
      <c r="CW1276" s="20">
        <v>1.5173399999999999</v>
      </c>
      <c r="CX1276" s="20">
        <v>1.4742200000000001</v>
      </c>
      <c r="CY1276" s="6" t="s">
        <v>595</v>
      </c>
      <c r="CZ1276" s="6" t="s">
        <v>596</v>
      </c>
      <c r="DA1276" s="6" t="s">
        <v>72</v>
      </c>
      <c r="DB1276" s="6"/>
      <c r="DC1276" s="6">
        <v>25300</v>
      </c>
      <c r="DD1276" s="6">
        <v>448</v>
      </c>
      <c r="DE1276" s="6" t="s">
        <v>598</v>
      </c>
      <c r="DF1276" s="6" t="s">
        <v>363</v>
      </c>
      <c r="DG1276" s="6" t="s">
        <v>364</v>
      </c>
      <c r="DH1276" s="6" t="s">
        <v>365</v>
      </c>
      <c r="DI1276" s="6" t="s">
        <v>575</v>
      </c>
      <c r="DJ1276" s="6">
        <v>29</v>
      </c>
      <c r="DK1276" s="6">
        <v>127</v>
      </c>
      <c r="DL1276" s="6">
        <v>8</v>
      </c>
      <c r="DM1276" s="6" t="s">
        <v>368</v>
      </c>
      <c r="DN1276" s="6">
        <v>5</v>
      </c>
      <c r="DO1276" s="6" t="s">
        <v>429</v>
      </c>
      <c r="DP1276" s="6"/>
      <c r="DQ1276" s="6"/>
    </row>
    <row r="1277" spans="1:121" x14ac:dyDescent="0.2">
      <c r="A1277" s="6" t="s">
        <v>321</v>
      </c>
      <c r="B1277" s="6" t="s">
        <v>321</v>
      </c>
      <c r="C1277" s="6" t="s">
        <v>190</v>
      </c>
      <c r="D1277" s="6" t="s">
        <v>72</v>
      </c>
      <c r="E1277" s="6" t="s">
        <v>213</v>
      </c>
      <c r="F1277" s="11">
        <v>562</v>
      </c>
      <c r="G1277" s="13">
        <v>0.24988883948400001</v>
      </c>
      <c r="H1277" s="11">
        <v>163.6505753700003</v>
      </c>
      <c r="I1277" s="13">
        <v>7.275069445884047E-2</v>
      </c>
      <c r="J1277" s="11">
        <v>238.21030367999992</v>
      </c>
      <c r="K1277" s="13">
        <v>9.8714589801942587E-2</v>
      </c>
      <c r="L1277" s="11">
        <v>159.40321374999985</v>
      </c>
      <c r="M1277" s="13">
        <v>6.0121939731341147E-2</v>
      </c>
      <c r="N1277" s="11">
        <v>397.61351742999977</v>
      </c>
      <c r="O1277" s="13">
        <v>0.16477144215196018</v>
      </c>
      <c r="P1277" s="7">
        <v>2249.4709718899999</v>
      </c>
      <c r="Q1277" s="7">
        <v>2306.9305474399998</v>
      </c>
      <c r="R1277" s="7">
        <v>2317.9934068100001</v>
      </c>
      <c r="S1277" s="7">
        <v>2323.4710262499998</v>
      </c>
      <c r="T1277" s="7">
        <v>2431.3234892300002</v>
      </c>
      <c r="U1277" s="7">
        <v>2366.2626633099999</v>
      </c>
      <c r="V1277" s="7">
        <v>2413.1215472600002</v>
      </c>
      <c r="W1277" s="7">
        <v>2501.0457680999998</v>
      </c>
      <c r="X1277" s="7">
        <v>2599.0725679699999</v>
      </c>
      <c r="Y1277" s="7">
        <v>2651.3318509400001</v>
      </c>
      <c r="Z1277" s="7">
        <v>2688.7305283300002</v>
      </c>
      <c r="AA1277" s="7">
        <v>2801.4145368899999</v>
      </c>
      <c r="AB1277" s="7">
        <v>2831.8275687999999</v>
      </c>
      <c r="AC1277" s="7">
        <v>2727.0785833</v>
      </c>
      <c r="AD1277" s="7">
        <v>2736.6912570600002</v>
      </c>
      <c r="AE1277" s="7">
        <v>2775.8241659199998</v>
      </c>
      <c r="AF1277" s="7">
        <v>2810.7350646899999</v>
      </c>
      <c r="AG1277" s="9">
        <v>19121.121794600003</v>
      </c>
      <c r="AH1277" s="13">
        <v>0.67539169084286699</v>
      </c>
      <c r="AI1277" s="9">
        <v>9992.893138899999</v>
      </c>
      <c r="AJ1277" s="13">
        <v>0.35296658145861365</v>
      </c>
      <c r="AK1277" s="9">
        <v>2802.5808838000012</v>
      </c>
      <c r="AL1277" s="13">
        <v>7.3166693873143521E-2</v>
      </c>
      <c r="AM1277" s="9">
        <v>6325.6477719000031</v>
      </c>
      <c r="AN1277" s="13">
        <v>0.15388386861875697</v>
      </c>
      <c r="AO1277" s="9">
        <v>9128.2286557000043</v>
      </c>
      <c r="AP1277" s="13">
        <v>0.2383097363991441</v>
      </c>
      <c r="AQ1277" s="9">
        <v>28311.159367</v>
      </c>
      <c r="AR1277" s="9">
        <v>28530.9551937</v>
      </c>
      <c r="AS1277" s="9">
        <v>32963.257944600002</v>
      </c>
      <c r="AT1277" s="9">
        <v>35746.696470100003</v>
      </c>
      <c r="AU1277" s="9">
        <v>31834.403307100001</v>
      </c>
      <c r="AV1277" s="9">
        <v>33804.781291799998</v>
      </c>
      <c r="AW1277" s="9">
        <v>38304.052505899999</v>
      </c>
      <c r="AX1277" s="9">
        <v>39099.465085800002</v>
      </c>
      <c r="AY1277" s="9">
        <v>43088.0384242</v>
      </c>
      <c r="AZ1277" s="9">
        <v>41106.6333897</v>
      </c>
      <c r="BA1277" s="9">
        <v>46552.604909299997</v>
      </c>
      <c r="BB1277" s="9">
        <v>44240.069058499997</v>
      </c>
      <c r="BC1277" s="9">
        <v>45665.973863400002</v>
      </c>
      <c r="BD1277" s="9">
        <v>49568.640456200003</v>
      </c>
      <c r="BE1277" s="9">
        <v>49886.090913300002</v>
      </c>
      <c r="BF1277" s="9">
        <v>47432.281161600004</v>
      </c>
      <c r="BG1277" s="11">
        <v>141.75</v>
      </c>
      <c r="BH1277" s="13">
        <v>1.6676470588235295</v>
      </c>
      <c r="BI1277" s="6">
        <v>3</v>
      </c>
      <c r="BJ1277" s="13">
        <v>3.5294117647058823E-2</v>
      </c>
      <c r="BK1277" s="6">
        <v>6</v>
      </c>
      <c r="BL1277" s="13">
        <v>6.8181818181818177E-2</v>
      </c>
      <c r="BM1277" s="11">
        <v>132.75</v>
      </c>
      <c r="BN1277" s="13">
        <v>1.4122340425531914</v>
      </c>
      <c r="BO1277" s="11">
        <v>138.75</v>
      </c>
      <c r="BP1277" s="13">
        <v>1.5767045454545454</v>
      </c>
      <c r="BQ1277" s="6">
        <v>85</v>
      </c>
      <c r="BR1277" s="6">
        <v>88</v>
      </c>
      <c r="BS1277" s="6">
        <v>88</v>
      </c>
      <c r="BT1277" s="6">
        <v>88</v>
      </c>
      <c r="BU1277" s="6">
        <v>90</v>
      </c>
      <c r="BV1277" s="6">
        <v>98</v>
      </c>
      <c r="BW1277" s="6">
        <v>94</v>
      </c>
      <c r="BX1277" s="6">
        <v>94</v>
      </c>
      <c r="BY1277" s="6">
        <v>96</v>
      </c>
      <c r="BZ1277" s="6">
        <v>254</v>
      </c>
      <c r="CA1277" s="6">
        <v>250</v>
      </c>
      <c r="CB1277" s="6">
        <v>239</v>
      </c>
      <c r="CC1277" s="11">
        <v>226.75</v>
      </c>
      <c r="CD1277" s="11">
        <v>-503.81200000000001</v>
      </c>
      <c r="CE1277" s="11">
        <v>819.18200000000002</v>
      </c>
      <c r="CF1277" s="11">
        <v>245.89400000000001</v>
      </c>
      <c r="CG1277" s="11">
        <v>1065</v>
      </c>
      <c r="CH1277" s="20">
        <v>1.54176</v>
      </c>
      <c r="CI1277" s="20">
        <v>1.5193000000000001</v>
      </c>
      <c r="CJ1277" s="20">
        <v>1.4850399999999999</v>
      </c>
      <c r="CK1277" s="20">
        <v>1.5017100000000001</v>
      </c>
      <c r="CL1277" s="20">
        <v>1.5584800000000001</v>
      </c>
      <c r="CM1277" s="20">
        <v>1.50339</v>
      </c>
      <c r="CN1277" s="20">
        <v>1.5705</v>
      </c>
      <c r="CO1277" s="20">
        <v>1.5524</v>
      </c>
      <c r="CP1277" s="20">
        <v>1.5317700000000001</v>
      </c>
      <c r="CQ1277" s="20">
        <v>1.42598</v>
      </c>
      <c r="CR1277" s="20">
        <v>1.45089</v>
      </c>
      <c r="CS1277" s="20">
        <v>1.4515100000000001</v>
      </c>
      <c r="CT1277" s="20">
        <v>1.5517399999999999</v>
      </c>
      <c r="CU1277" s="20">
        <v>1.4899500000000001</v>
      </c>
      <c r="CV1277" s="20">
        <v>1.46099</v>
      </c>
      <c r="CW1277" s="20">
        <v>1.47986</v>
      </c>
      <c r="CX1277" s="20">
        <v>1.45312</v>
      </c>
      <c r="CY1277" s="6" t="s">
        <v>595</v>
      </c>
      <c r="CZ1277" s="6" t="s">
        <v>596</v>
      </c>
      <c r="DA1277" s="6" t="s">
        <v>72</v>
      </c>
      <c r="DB1277" s="6"/>
      <c r="DC1277" s="6">
        <v>25300</v>
      </c>
      <c r="DD1277" s="6">
        <v>448</v>
      </c>
      <c r="DE1277" s="6" t="s">
        <v>598</v>
      </c>
      <c r="DF1277" s="6" t="s">
        <v>363</v>
      </c>
      <c r="DG1277" s="6" t="s">
        <v>364</v>
      </c>
      <c r="DH1277" s="6" t="s">
        <v>365</v>
      </c>
      <c r="DI1277" s="6" t="s">
        <v>575</v>
      </c>
      <c r="DJ1277" s="6">
        <v>29</v>
      </c>
      <c r="DK1277" s="6">
        <v>127</v>
      </c>
      <c r="DL1277" s="6">
        <v>8</v>
      </c>
      <c r="DM1277" s="6" t="s">
        <v>368</v>
      </c>
      <c r="DN1277" s="6">
        <v>5</v>
      </c>
      <c r="DO1277" s="6" t="s">
        <v>429</v>
      </c>
      <c r="DP1277" s="6"/>
      <c r="DQ1277" s="6"/>
    </row>
    <row r="1278" spans="1:121" x14ac:dyDescent="0.2">
      <c r="A1278" s="6" t="s">
        <v>322</v>
      </c>
      <c r="B1278" s="6" t="s">
        <v>322</v>
      </c>
      <c r="C1278" s="6" t="s">
        <v>191</v>
      </c>
      <c r="D1278" s="6" t="s">
        <v>72</v>
      </c>
      <c r="E1278" s="6" t="s">
        <v>213</v>
      </c>
      <c r="F1278" s="11">
        <v>-23</v>
      </c>
      <c r="G1278" s="13">
        <v>-0.09</v>
      </c>
      <c r="H1278" s="11">
        <v>-15</v>
      </c>
      <c r="I1278" s="13">
        <v>-5.6818181818181816E-2</v>
      </c>
      <c r="J1278" s="11">
        <v>-8</v>
      </c>
      <c r="K1278" s="13">
        <v>-3.2128514056224897E-2</v>
      </c>
      <c r="L1278" s="11">
        <v>0</v>
      </c>
      <c r="M1278" s="13">
        <v>0</v>
      </c>
      <c r="N1278" s="11">
        <v>-8</v>
      </c>
      <c r="O1278" s="13">
        <v>-3.2128514056224897E-2</v>
      </c>
      <c r="P1278" s="7">
        <v>264</v>
      </c>
      <c r="Q1278" s="7">
        <v>272</v>
      </c>
      <c r="R1278" s="7">
        <v>243</v>
      </c>
      <c r="S1278" s="7">
        <v>191</v>
      </c>
      <c r="T1278" s="7">
        <v>204</v>
      </c>
      <c r="U1278" s="7">
        <v>219</v>
      </c>
      <c r="V1278" s="7">
        <v>249</v>
      </c>
      <c r="W1278" s="7">
        <v>244</v>
      </c>
      <c r="X1278" s="7">
        <v>259</v>
      </c>
      <c r="Y1278" s="7">
        <v>241</v>
      </c>
      <c r="Z1278" s="7">
        <v>244</v>
      </c>
      <c r="AA1278" s="7">
        <v>244</v>
      </c>
      <c r="AB1278" s="7">
        <v>235</v>
      </c>
      <c r="AC1278" s="7">
        <v>226</v>
      </c>
      <c r="AD1278" s="7">
        <v>241</v>
      </c>
      <c r="AE1278" s="7">
        <v>241</v>
      </c>
      <c r="AF1278" s="7">
        <v>241</v>
      </c>
      <c r="AG1278" s="9">
        <v>2373</v>
      </c>
      <c r="AH1278" s="13">
        <v>0.25015812776723595</v>
      </c>
      <c r="AI1278" s="9">
        <v>1277</v>
      </c>
      <c r="AJ1278" s="13">
        <v>0.13461943917351887</v>
      </c>
      <c r="AK1278" s="9">
        <v>416</v>
      </c>
      <c r="AL1278" s="13">
        <v>3.865093375452941E-2</v>
      </c>
      <c r="AM1278" s="9">
        <v>680</v>
      </c>
      <c r="AN1278" s="13">
        <v>6.0828338849628766E-2</v>
      </c>
      <c r="AO1278" s="9">
        <v>1096</v>
      </c>
      <c r="AP1278" s="13">
        <v>0.10183034469943324</v>
      </c>
      <c r="AQ1278" s="9">
        <v>9486</v>
      </c>
      <c r="AR1278" s="9">
        <v>9426</v>
      </c>
      <c r="AS1278" s="9">
        <v>10135</v>
      </c>
      <c r="AT1278" s="9">
        <v>11028</v>
      </c>
      <c r="AU1278" s="9">
        <v>11007</v>
      </c>
      <c r="AV1278" s="9">
        <v>10512</v>
      </c>
      <c r="AW1278" s="9">
        <v>10763</v>
      </c>
      <c r="AX1278" s="9">
        <v>11070</v>
      </c>
      <c r="AY1278" s="9">
        <v>10922</v>
      </c>
      <c r="AZ1278" s="9">
        <v>11179</v>
      </c>
      <c r="BA1278" s="9">
        <v>11199</v>
      </c>
      <c r="BB1278" s="9">
        <v>11441</v>
      </c>
      <c r="BC1278" s="9">
        <v>11396</v>
      </c>
      <c r="BD1278" s="9">
        <v>12474</v>
      </c>
      <c r="BE1278" s="9">
        <v>12301</v>
      </c>
      <c r="BF1278" s="9">
        <v>11859</v>
      </c>
      <c r="BG1278" s="11">
        <v>-2</v>
      </c>
      <c r="BH1278" s="13">
        <v>-0.13333333333333333</v>
      </c>
      <c r="BI1278" s="6">
        <v>1</v>
      </c>
      <c r="BJ1278" s="13">
        <v>6.6666666666666666E-2</v>
      </c>
      <c r="BK1278" s="6">
        <v>-1</v>
      </c>
      <c r="BL1278" s="13">
        <v>-6.25E-2</v>
      </c>
      <c r="BM1278" s="11">
        <v>-2</v>
      </c>
      <c r="BN1278" s="13">
        <v>-0.13333333333333333</v>
      </c>
      <c r="BO1278" s="11">
        <v>-3</v>
      </c>
      <c r="BP1278" s="13">
        <v>-0.1875</v>
      </c>
      <c r="BQ1278" s="6">
        <v>15</v>
      </c>
      <c r="BR1278" s="6">
        <v>15</v>
      </c>
      <c r="BS1278" s="6">
        <v>15</v>
      </c>
      <c r="BT1278" s="6">
        <v>16</v>
      </c>
      <c r="BU1278" s="6">
        <v>18</v>
      </c>
      <c r="BV1278" s="6">
        <v>18</v>
      </c>
      <c r="BW1278" s="6">
        <v>15</v>
      </c>
      <c r="BX1278" s="6">
        <v>15</v>
      </c>
      <c r="BY1278" s="6">
        <v>13</v>
      </c>
      <c r="BZ1278" s="6">
        <v>14</v>
      </c>
      <c r="CA1278" s="6">
        <v>15</v>
      </c>
      <c r="CB1278" s="6">
        <v>15</v>
      </c>
      <c r="CC1278" s="11">
        <v>13</v>
      </c>
      <c r="CD1278" s="11">
        <v>-100</v>
      </c>
      <c r="CE1278" s="11">
        <v>48</v>
      </c>
      <c r="CF1278" s="11">
        <v>29</v>
      </c>
      <c r="CG1278" s="11">
        <v>77</v>
      </c>
      <c r="CH1278" s="20">
        <v>1.18</v>
      </c>
      <c r="CI1278" s="20">
        <v>1.19</v>
      </c>
      <c r="CJ1278" s="20">
        <v>1.05</v>
      </c>
      <c r="CK1278" s="20">
        <v>0.83</v>
      </c>
      <c r="CL1278" s="20">
        <v>0.89</v>
      </c>
      <c r="CM1278" s="20">
        <v>0.95</v>
      </c>
      <c r="CN1278" s="20">
        <v>1.1100000000000001</v>
      </c>
      <c r="CO1278" s="20">
        <v>1.06</v>
      </c>
      <c r="CP1278" s="20">
        <v>1.1100000000000001</v>
      </c>
      <c r="CQ1278" s="20">
        <v>0.97</v>
      </c>
      <c r="CR1278" s="20">
        <v>0.98</v>
      </c>
      <c r="CS1278" s="20">
        <v>0.96</v>
      </c>
      <c r="CT1278" s="20">
        <v>0.97</v>
      </c>
      <c r="CU1278" s="20">
        <v>0.92</v>
      </c>
      <c r="CV1278" s="20">
        <v>0.95</v>
      </c>
      <c r="CW1278" s="20">
        <v>0.95</v>
      </c>
      <c r="CX1278" s="20">
        <v>0.93</v>
      </c>
      <c r="CY1278" s="6" t="s">
        <v>595</v>
      </c>
      <c r="CZ1278" s="6" t="s">
        <v>596</v>
      </c>
      <c r="DA1278" s="6" t="s">
        <v>72</v>
      </c>
      <c r="DB1278" s="6"/>
      <c r="DC1278" s="6">
        <v>25300</v>
      </c>
      <c r="DD1278" s="6">
        <v>448</v>
      </c>
      <c r="DE1278" s="6" t="s">
        <v>598</v>
      </c>
      <c r="DF1278" s="6" t="s">
        <v>363</v>
      </c>
      <c r="DG1278" s="6" t="s">
        <v>364</v>
      </c>
      <c r="DH1278" s="6" t="s">
        <v>365</v>
      </c>
      <c r="DI1278" s="6" t="s">
        <v>575</v>
      </c>
      <c r="DJ1278" s="6">
        <v>29</v>
      </c>
      <c r="DK1278" s="6">
        <v>127</v>
      </c>
      <c r="DL1278" s="6">
        <v>8</v>
      </c>
      <c r="DM1278" s="6" t="s">
        <v>368</v>
      </c>
      <c r="DN1278" s="6">
        <v>5</v>
      </c>
      <c r="DO1278" s="6" t="s">
        <v>429</v>
      </c>
      <c r="DP1278" s="6"/>
      <c r="DQ1278" s="6"/>
    </row>
    <row r="1279" spans="1:121" x14ac:dyDescent="0.2">
      <c r="A1279" s="6" t="s">
        <v>323</v>
      </c>
      <c r="B1279" s="6" t="s">
        <v>323</v>
      </c>
      <c r="C1279" s="6" t="s">
        <v>192</v>
      </c>
      <c r="D1279" s="6" t="s">
        <v>72</v>
      </c>
      <c r="E1279" s="6" t="s">
        <v>213</v>
      </c>
      <c r="F1279" s="11">
        <v>281</v>
      </c>
      <c r="G1279" s="13">
        <v>0.27308066083600002</v>
      </c>
      <c r="H1279" s="11">
        <v>185.58534003999989</v>
      </c>
      <c r="I1279" s="13">
        <v>0.18033408203137863</v>
      </c>
      <c r="J1279" s="11">
        <v>27.194216460000007</v>
      </c>
      <c r="K1279" s="13">
        <v>2.2387507744348546E-2</v>
      </c>
      <c r="L1279" s="11">
        <v>67.656998359999989</v>
      </c>
      <c r="M1279" s="13">
        <v>5.4478656741432499E-2</v>
      </c>
      <c r="N1279" s="11">
        <v>94.851214819999996</v>
      </c>
      <c r="O1279" s="13">
        <v>7.8085805835481567E-2</v>
      </c>
      <c r="P1279" s="7">
        <v>1029.1196092800001</v>
      </c>
      <c r="Q1279" s="7">
        <v>1028.6328673600001</v>
      </c>
      <c r="R1279" s="7">
        <v>1099.61675003</v>
      </c>
      <c r="S1279" s="7">
        <v>1157.74758187</v>
      </c>
      <c r="T1279" s="7">
        <v>1181.2709664399999</v>
      </c>
      <c r="U1279" s="7">
        <v>1254.38405102</v>
      </c>
      <c r="V1279" s="7">
        <v>1214.70494932</v>
      </c>
      <c r="W1279" s="7">
        <v>1258.01304596</v>
      </c>
      <c r="X1279" s="7">
        <v>1220.62315115</v>
      </c>
      <c r="Y1279" s="7">
        <v>1241.89916578</v>
      </c>
      <c r="Z1279" s="7">
        <v>1212.11888776</v>
      </c>
      <c r="AA1279" s="7">
        <v>1195.13238555</v>
      </c>
      <c r="AB1279" s="7">
        <v>1220.97083445</v>
      </c>
      <c r="AC1279" s="7">
        <v>1234.4732647400001</v>
      </c>
      <c r="AD1279" s="7">
        <v>1305.8732869600001</v>
      </c>
      <c r="AE1279" s="7">
        <v>1294.28379417</v>
      </c>
      <c r="AF1279" s="7">
        <v>1309.55616414</v>
      </c>
      <c r="AG1279" s="9">
        <v>4043.2269129999986</v>
      </c>
      <c r="AH1279" s="13">
        <v>0.36031191800239715</v>
      </c>
      <c r="AI1279" s="9">
        <v>1475.7842873999998</v>
      </c>
      <c r="AJ1279" s="13">
        <v>0.13151442612365075</v>
      </c>
      <c r="AK1279" s="9">
        <v>607.54824379999991</v>
      </c>
      <c r="AL1279" s="13">
        <v>4.7848814984983112E-2</v>
      </c>
      <c r="AM1279" s="9">
        <v>1959.8943817999989</v>
      </c>
      <c r="AN1279" s="13">
        <v>0.14730736402769667</v>
      </c>
      <c r="AO1279" s="9">
        <v>2567.4426255999988</v>
      </c>
      <c r="AP1279" s="13">
        <v>0.2022046618199666</v>
      </c>
      <c r="AQ1279" s="9">
        <v>11221.463157300001</v>
      </c>
      <c r="AR1279" s="9">
        <v>11580.159695099999</v>
      </c>
      <c r="AS1279" s="9">
        <v>11786.6034882</v>
      </c>
      <c r="AT1279" s="9">
        <v>12037.429316600001</v>
      </c>
      <c r="AU1279" s="9">
        <v>12339.4690629</v>
      </c>
      <c r="AV1279" s="9">
        <v>12424.952867100001</v>
      </c>
      <c r="AW1279" s="9">
        <v>12697.2474447</v>
      </c>
      <c r="AX1279" s="9">
        <v>13091.3102081</v>
      </c>
      <c r="AY1279" s="9">
        <v>13233.8678502</v>
      </c>
      <c r="AZ1279" s="9">
        <v>13304.7956885</v>
      </c>
      <c r="BA1279" s="9">
        <v>13564.1392579</v>
      </c>
      <c r="BB1279" s="9">
        <v>13968.505018399999</v>
      </c>
      <c r="BC1279" s="9">
        <v>13425.9985024</v>
      </c>
      <c r="BD1279" s="9">
        <v>13770.4380655</v>
      </c>
      <c r="BE1279" s="9">
        <v>14408.2530155</v>
      </c>
      <c r="BF1279" s="9">
        <v>15264.690070299999</v>
      </c>
      <c r="BG1279" s="11">
        <v>1.75</v>
      </c>
      <c r="BH1279" s="13">
        <v>2.5362318840579712E-2</v>
      </c>
      <c r="BI1279" s="6">
        <v>6</v>
      </c>
      <c r="BJ1279" s="13">
        <v>8.6956521739130432E-2</v>
      </c>
      <c r="BK1279" s="6">
        <v>2</v>
      </c>
      <c r="BL1279" s="13">
        <v>2.6666666666666668E-2</v>
      </c>
      <c r="BM1279" s="11">
        <v>-6.25</v>
      </c>
      <c r="BN1279" s="13">
        <v>-8.1168831168831168E-2</v>
      </c>
      <c r="BO1279" s="11">
        <v>-4.25</v>
      </c>
      <c r="BP1279" s="13">
        <v>-5.6666666666666664E-2</v>
      </c>
      <c r="BQ1279" s="6">
        <v>69</v>
      </c>
      <c r="BR1279" s="6">
        <v>69</v>
      </c>
      <c r="BS1279" s="6">
        <v>71</v>
      </c>
      <c r="BT1279" s="6">
        <v>75</v>
      </c>
      <c r="BU1279" s="6">
        <v>70</v>
      </c>
      <c r="BV1279" s="6">
        <v>74</v>
      </c>
      <c r="BW1279" s="6">
        <v>77</v>
      </c>
      <c r="BX1279" s="6">
        <v>75</v>
      </c>
      <c r="BY1279" s="6">
        <v>71</v>
      </c>
      <c r="BZ1279" s="6">
        <v>70</v>
      </c>
      <c r="CA1279" s="6">
        <v>66</v>
      </c>
      <c r="CB1279" s="6">
        <v>72</v>
      </c>
      <c r="CC1279" s="11">
        <v>70.75</v>
      </c>
      <c r="CD1279" s="11">
        <v>-66.086200000000005</v>
      </c>
      <c r="CE1279" s="11">
        <v>234.02799999999999</v>
      </c>
      <c r="CF1279" s="11">
        <v>112.495</v>
      </c>
      <c r="CG1279" s="11">
        <v>346</v>
      </c>
      <c r="CH1279" s="20">
        <v>0.95044399999999996</v>
      </c>
      <c r="CI1279" s="20">
        <v>0.93604900000000002</v>
      </c>
      <c r="CJ1279" s="20">
        <v>0.98533000000000004</v>
      </c>
      <c r="CK1279" s="20">
        <v>1.0411300000000001</v>
      </c>
      <c r="CL1279" s="20">
        <v>1.0527500000000001</v>
      </c>
      <c r="CM1279" s="20">
        <v>1.11242</v>
      </c>
      <c r="CN1279" s="20">
        <v>1.10965</v>
      </c>
      <c r="CO1279" s="20">
        <v>1.12113</v>
      </c>
      <c r="CP1279" s="20">
        <v>1.0840700000000001</v>
      </c>
      <c r="CQ1279" s="20">
        <v>1.01972</v>
      </c>
      <c r="CR1279" s="20">
        <v>0.98764099999999999</v>
      </c>
      <c r="CS1279" s="20">
        <v>0.94082699999999997</v>
      </c>
      <c r="CT1279" s="20">
        <v>1.0056499999999999</v>
      </c>
      <c r="CU1279" s="20">
        <v>1.0031099999999999</v>
      </c>
      <c r="CV1279" s="20">
        <v>1.0269200000000001</v>
      </c>
      <c r="CW1279" s="20">
        <v>1.01403</v>
      </c>
      <c r="CX1279" s="20">
        <v>1.00562</v>
      </c>
      <c r="CY1279" s="6" t="s">
        <v>595</v>
      </c>
      <c r="CZ1279" s="6" t="s">
        <v>596</v>
      </c>
      <c r="DA1279" s="6" t="s">
        <v>72</v>
      </c>
      <c r="DB1279" s="6"/>
      <c r="DC1279" s="6">
        <v>25300</v>
      </c>
      <c r="DD1279" s="6">
        <v>448</v>
      </c>
      <c r="DE1279" s="6" t="s">
        <v>598</v>
      </c>
      <c r="DF1279" s="6" t="s">
        <v>363</v>
      </c>
      <c r="DG1279" s="6" t="s">
        <v>364</v>
      </c>
      <c r="DH1279" s="6" t="s">
        <v>365</v>
      </c>
      <c r="DI1279" s="6" t="s">
        <v>575</v>
      </c>
      <c r="DJ1279" s="6">
        <v>29</v>
      </c>
      <c r="DK1279" s="6">
        <v>127</v>
      </c>
      <c r="DL1279" s="6">
        <v>8</v>
      </c>
      <c r="DM1279" s="6" t="s">
        <v>368</v>
      </c>
      <c r="DN1279" s="6">
        <v>5</v>
      </c>
      <c r="DO1279" s="6" t="s">
        <v>429</v>
      </c>
      <c r="DP1279" s="6"/>
      <c r="DQ1279" s="6"/>
    </row>
    <row r="1280" spans="1:121" x14ac:dyDescent="0.2">
      <c r="A1280" s="6" t="s">
        <v>325</v>
      </c>
      <c r="B1280" s="6" t="s">
        <v>325</v>
      </c>
      <c r="C1280" s="6" t="s">
        <v>193</v>
      </c>
      <c r="D1280" s="6" t="s">
        <v>72</v>
      </c>
      <c r="E1280" s="6" t="s">
        <v>213</v>
      </c>
      <c r="F1280" s="11">
        <v>-198</v>
      </c>
      <c r="G1280" s="13">
        <v>-0.271604938272</v>
      </c>
      <c r="H1280" s="11">
        <v>45.740167327999984</v>
      </c>
      <c r="I1280" s="13">
        <v>6.274143012217416E-2</v>
      </c>
      <c r="J1280" s="11">
        <v>-99.813774354999964</v>
      </c>
      <c r="K1280" s="13">
        <v>-0.12883074893242821</v>
      </c>
      <c r="L1280" s="11">
        <v>-143.651541425</v>
      </c>
      <c r="M1280" s="13">
        <v>-0.21283194090368893</v>
      </c>
      <c r="N1280" s="11">
        <v>-243.46531577999997</v>
      </c>
      <c r="O1280" s="13">
        <v>-0.31424339149275254</v>
      </c>
      <c r="P1280" s="7">
        <v>729.02653380599997</v>
      </c>
      <c r="Q1280" s="7">
        <v>765.36992376600006</v>
      </c>
      <c r="R1280" s="7">
        <v>867.20763538799997</v>
      </c>
      <c r="S1280" s="7">
        <v>844.11736820399994</v>
      </c>
      <c r="T1280" s="7">
        <v>830.73053732699998</v>
      </c>
      <c r="U1280" s="7">
        <v>769.69225395900003</v>
      </c>
      <c r="V1280" s="7">
        <v>774.76670113399996</v>
      </c>
      <c r="W1280" s="7">
        <v>741.44111484500002</v>
      </c>
      <c r="X1280" s="7">
        <v>684.65344786100002</v>
      </c>
      <c r="Y1280" s="7">
        <v>674.95292677899999</v>
      </c>
      <c r="Z1280" s="7">
        <v>720.13359819100003</v>
      </c>
      <c r="AA1280" s="7">
        <v>800.41464944200004</v>
      </c>
      <c r="AB1280" s="7">
        <v>558.13541493599996</v>
      </c>
      <c r="AC1280" s="7">
        <v>538.64516161400002</v>
      </c>
      <c r="AD1280" s="7">
        <v>556.25034330699998</v>
      </c>
      <c r="AE1280" s="7">
        <v>542.86612944399997</v>
      </c>
      <c r="AF1280" s="7">
        <v>531.30138535399999</v>
      </c>
      <c r="AG1280" s="9">
        <v>4073.4565026000018</v>
      </c>
      <c r="AH1280" s="13">
        <v>0.24705528668470025</v>
      </c>
      <c r="AI1280" s="9">
        <v>-1310.2416478999985</v>
      </c>
      <c r="AJ1280" s="13">
        <v>-7.9466204129479689E-2</v>
      </c>
      <c r="AK1280" s="9">
        <v>1567.7866004999996</v>
      </c>
      <c r="AL1280" s="13">
        <v>0.10329475724028812</v>
      </c>
      <c r="AM1280" s="9">
        <v>3815.9115500000007</v>
      </c>
      <c r="AN1280" s="13">
        <v>0.22787573165065528</v>
      </c>
      <c r="AO1280" s="9">
        <v>5383.6981505000003</v>
      </c>
      <c r="AP1280" s="13">
        <v>0.35470885727275087</v>
      </c>
      <c r="AQ1280" s="9">
        <v>16488.036168999999</v>
      </c>
      <c r="AR1280" s="9">
        <v>16922.532202599999</v>
      </c>
      <c r="AS1280" s="9">
        <v>16011.5284646</v>
      </c>
      <c r="AT1280" s="9">
        <v>16812.740790100001</v>
      </c>
      <c r="AU1280" s="9">
        <v>17232.793554799999</v>
      </c>
      <c r="AV1280" s="9">
        <v>14943.048660599999</v>
      </c>
      <c r="AW1280" s="9">
        <v>15177.794521100001</v>
      </c>
      <c r="AX1280" s="9">
        <v>15885.8587035</v>
      </c>
      <c r="AY1280" s="9">
        <v>15698.983832800001</v>
      </c>
      <c r="AZ1280" s="9">
        <v>16745.5811216</v>
      </c>
      <c r="BA1280" s="9">
        <v>16406.5729655</v>
      </c>
      <c r="BB1280" s="9">
        <v>15314.5066482</v>
      </c>
      <c r="BC1280" s="9">
        <v>18797.201187499999</v>
      </c>
      <c r="BD1280" s="9">
        <v>19904.017865500002</v>
      </c>
      <c r="BE1280" s="9">
        <v>19935.9195053</v>
      </c>
      <c r="BF1280" s="9">
        <v>20561.492671600001</v>
      </c>
      <c r="BG1280" s="11">
        <v>-129.25</v>
      </c>
      <c r="BH1280" s="13">
        <v>-0.68026315789473679</v>
      </c>
      <c r="BI1280" s="6">
        <v>-22</v>
      </c>
      <c r="BJ1280" s="13">
        <v>-0.11578947368421053</v>
      </c>
      <c r="BK1280" s="6">
        <v>-10</v>
      </c>
      <c r="BL1280" s="13">
        <v>-5.9523809523809521E-2</v>
      </c>
      <c r="BM1280" s="11">
        <v>-97.25</v>
      </c>
      <c r="BN1280" s="13">
        <v>-0.615506329113924</v>
      </c>
      <c r="BO1280" s="11">
        <v>-107.25</v>
      </c>
      <c r="BP1280" s="13">
        <v>-0.6383928571428571</v>
      </c>
      <c r="BQ1280" s="6">
        <v>190</v>
      </c>
      <c r="BR1280" s="6">
        <v>161</v>
      </c>
      <c r="BS1280" s="6">
        <v>164</v>
      </c>
      <c r="BT1280" s="6">
        <v>168</v>
      </c>
      <c r="BU1280" s="6">
        <v>170</v>
      </c>
      <c r="BV1280" s="6">
        <v>159</v>
      </c>
      <c r="BW1280" s="6">
        <v>158</v>
      </c>
      <c r="BX1280" s="6">
        <v>179</v>
      </c>
      <c r="BY1280" s="6">
        <v>207</v>
      </c>
      <c r="BZ1280" s="6">
        <v>63</v>
      </c>
      <c r="CA1280" s="6">
        <v>62</v>
      </c>
      <c r="CB1280" s="6">
        <v>64</v>
      </c>
      <c r="CC1280" s="11">
        <v>60.75</v>
      </c>
      <c r="CD1280" s="11">
        <v>-270.70299999999997</v>
      </c>
      <c r="CE1280" s="11">
        <v>-6.7136399999999998</v>
      </c>
      <c r="CF1280" s="11">
        <v>79.691400000000002</v>
      </c>
      <c r="CG1280" s="11">
        <v>73</v>
      </c>
      <c r="CH1280" s="20">
        <v>0.99122200000000005</v>
      </c>
      <c r="CI1280" s="20">
        <v>1.02111</v>
      </c>
      <c r="CJ1280" s="20">
        <v>1.14581</v>
      </c>
      <c r="CK1280" s="20">
        <v>1.1395500000000001</v>
      </c>
      <c r="CL1280" s="20">
        <v>1.12984</v>
      </c>
      <c r="CM1280" s="20">
        <v>1.0514300000000001</v>
      </c>
      <c r="CN1280" s="20">
        <v>1.09561</v>
      </c>
      <c r="CO1280" s="20">
        <v>1.02189</v>
      </c>
      <c r="CP1280" s="20">
        <v>0.92120899999999994</v>
      </c>
      <c r="CQ1280" s="20">
        <v>0.84583900000000001</v>
      </c>
      <c r="CR1280" s="20">
        <v>0.90861099999999995</v>
      </c>
      <c r="CS1280" s="20">
        <v>0.98325099999999999</v>
      </c>
      <c r="CT1280" s="20">
        <v>0.78252900000000003</v>
      </c>
      <c r="CU1280" s="20">
        <v>0.75298699999999996</v>
      </c>
      <c r="CV1280" s="20">
        <v>0.76741999999999999</v>
      </c>
      <c r="CW1280" s="20">
        <v>0.75409999999999999</v>
      </c>
      <c r="CX1280" s="20">
        <v>0.72983399999999998</v>
      </c>
      <c r="CY1280" s="6" t="s">
        <v>595</v>
      </c>
      <c r="CZ1280" s="6" t="s">
        <v>596</v>
      </c>
      <c r="DA1280" s="6" t="s">
        <v>72</v>
      </c>
      <c r="DB1280" s="6"/>
      <c r="DC1280" s="6">
        <v>25300</v>
      </c>
      <c r="DD1280" s="6">
        <v>448</v>
      </c>
      <c r="DE1280" s="6" t="s">
        <v>598</v>
      </c>
      <c r="DF1280" s="6" t="s">
        <v>363</v>
      </c>
      <c r="DG1280" s="6" t="s">
        <v>364</v>
      </c>
      <c r="DH1280" s="6" t="s">
        <v>365</v>
      </c>
      <c r="DI1280" s="6" t="s">
        <v>575</v>
      </c>
      <c r="DJ1280" s="6">
        <v>29</v>
      </c>
      <c r="DK1280" s="6">
        <v>127</v>
      </c>
      <c r="DL1280" s="6">
        <v>8</v>
      </c>
      <c r="DM1280" s="6" t="s">
        <v>368</v>
      </c>
      <c r="DN1280" s="6">
        <v>5</v>
      </c>
      <c r="DO1280" s="6" t="s">
        <v>429</v>
      </c>
      <c r="DP1280" s="6"/>
      <c r="DQ1280" s="6"/>
    </row>
    <row r="1281" spans="1:121" x14ac:dyDescent="0.2">
      <c r="A1281" s="6" t="s">
        <v>327</v>
      </c>
      <c r="B1281" s="6" t="s">
        <v>327</v>
      </c>
      <c r="C1281" s="6" t="s">
        <v>194</v>
      </c>
      <c r="D1281" s="6" t="s">
        <v>72</v>
      </c>
      <c r="E1281" s="6" t="s">
        <v>213</v>
      </c>
      <c r="F1281" s="11">
        <v>-73</v>
      </c>
      <c r="G1281" s="13">
        <v>-3.5062439961600002E-2</v>
      </c>
      <c r="H1281" s="11">
        <v>-1.7531830000002628</v>
      </c>
      <c r="I1281" s="13">
        <v>-8.4205466092252576E-4</v>
      </c>
      <c r="J1281" s="11">
        <v>36.824390000000221</v>
      </c>
      <c r="K1281" s="13">
        <v>1.7701678488075533E-2</v>
      </c>
      <c r="L1281" s="11">
        <v>-108.49097002000008</v>
      </c>
      <c r="M1281" s="13">
        <v>-5.1245057939790117E-2</v>
      </c>
      <c r="N1281" s="11">
        <v>-71.666580019999856</v>
      </c>
      <c r="O1281" s="13">
        <v>-3.4450502991467548E-2</v>
      </c>
      <c r="P1281" s="7">
        <v>2082.0299220000002</v>
      </c>
      <c r="Q1281" s="7">
        <v>2114.4037589999998</v>
      </c>
      <c r="R1281" s="7">
        <v>2140.5064139999999</v>
      </c>
      <c r="S1281" s="7">
        <v>2113.1794789999999</v>
      </c>
      <c r="T1281" s="7">
        <v>2160.1362920000001</v>
      </c>
      <c r="U1281" s="7">
        <v>2150.7357699999998</v>
      </c>
      <c r="V1281" s="7">
        <v>2080.2767389999999</v>
      </c>
      <c r="W1281" s="7">
        <v>2173.2406590000001</v>
      </c>
      <c r="X1281" s="7">
        <v>2190.522923</v>
      </c>
      <c r="Y1281" s="7">
        <v>2117.1011290000001</v>
      </c>
      <c r="Z1281" s="7">
        <v>2058.98846</v>
      </c>
      <c r="AA1281" s="7">
        <v>2058.1694710000002</v>
      </c>
      <c r="AB1281" s="7">
        <v>2063.7841429999999</v>
      </c>
      <c r="AC1281" s="7">
        <v>2071.8860330000002</v>
      </c>
      <c r="AD1281" s="7">
        <v>2040.2118370000001</v>
      </c>
      <c r="AE1281" s="7">
        <v>2016.8194667499999</v>
      </c>
      <c r="AF1281" s="7">
        <v>2008.6101589800001</v>
      </c>
      <c r="AG1281" s="9">
        <v>13255.625112200003</v>
      </c>
      <c r="AH1281" s="13">
        <v>0.38456552334969257</v>
      </c>
      <c r="AI1281" s="9">
        <v>7660.2544216000024</v>
      </c>
      <c r="AJ1281" s="13">
        <v>0.22223544538258919</v>
      </c>
      <c r="AK1281" s="9">
        <v>3381.4146455000009</v>
      </c>
      <c r="AL1281" s="13">
        <v>8.0262685870550965E-2</v>
      </c>
      <c r="AM1281" s="9">
        <v>2213.9560450999998</v>
      </c>
      <c r="AN1281" s="13">
        <v>4.8646867326529016E-2</v>
      </c>
      <c r="AO1281" s="9">
        <v>5595.3706906000007</v>
      </c>
      <c r="AP1281" s="13">
        <v>0.13281408142789555</v>
      </c>
      <c r="AQ1281" s="9">
        <v>34469.093840599999</v>
      </c>
      <c r="AR1281" s="9">
        <v>34828.5194806</v>
      </c>
      <c r="AS1281" s="9">
        <v>36220.564012499999</v>
      </c>
      <c r="AT1281" s="9">
        <v>38564.384273800002</v>
      </c>
      <c r="AU1281" s="9">
        <v>39502.711765799999</v>
      </c>
      <c r="AV1281" s="9">
        <v>42206.664413899998</v>
      </c>
      <c r="AW1281" s="9">
        <v>42129.348262200001</v>
      </c>
      <c r="AX1281" s="9">
        <v>43165.209567999998</v>
      </c>
      <c r="AY1281" s="9">
        <v>44613.819505599997</v>
      </c>
      <c r="AZ1281" s="9">
        <v>45510.762907700002</v>
      </c>
      <c r="BA1281" s="9">
        <v>44635.869591900002</v>
      </c>
      <c r="BB1281" s="9">
        <v>43666.935908500003</v>
      </c>
      <c r="BC1281" s="9">
        <v>45359.3735505</v>
      </c>
      <c r="BD1281" s="9">
        <v>45321.300164300003</v>
      </c>
      <c r="BE1281" s="9">
        <v>46913.346048200001</v>
      </c>
      <c r="BF1281" s="9">
        <v>47724.718952800002</v>
      </c>
      <c r="BG1281" s="11">
        <v>0.75</v>
      </c>
      <c r="BH1281" s="13">
        <v>1.0135135135135136E-2</v>
      </c>
      <c r="BI1281" s="6">
        <v>-1</v>
      </c>
      <c r="BJ1281" s="13">
        <v>-1.3513513513513514E-2</v>
      </c>
      <c r="BK1281" s="6">
        <v>1</v>
      </c>
      <c r="BL1281" s="13">
        <v>1.3698630136986301E-2</v>
      </c>
      <c r="BM1281" s="11">
        <v>0.75</v>
      </c>
      <c r="BN1281" s="13">
        <v>1.0135135135135136E-2</v>
      </c>
      <c r="BO1281" s="11">
        <v>1.75</v>
      </c>
      <c r="BP1281" s="13">
        <v>2.3972602739726026E-2</v>
      </c>
      <c r="BQ1281" s="6">
        <v>74</v>
      </c>
      <c r="BR1281" s="6">
        <v>74</v>
      </c>
      <c r="BS1281" s="6">
        <v>75</v>
      </c>
      <c r="BT1281" s="6">
        <v>73</v>
      </c>
      <c r="BU1281" s="6">
        <v>71</v>
      </c>
      <c r="BV1281" s="6">
        <v>73</v>
      </c>
      <c r="BW1281" s="6">
        <v>74</v>
      </c>
      <c r="BX1281" s="6">
        <v>75</v>
      </c>
      <c r="BY1281" s="6">
        <v>74</v>
      </c>
      <c r="BZ1281" s="6">
        <v>75</v>
      </c>
      <c r="CA1281" s="6">
        <v>75</v>
      </c>
      <c r="CB1281" s="6">
        <v>74</v>
      </c>
      <c r="CC1281" s="11">
        <v>74.75</v>
      </c>
      <c r="CD1281" s="11">
        <v>-178.952</v>
      </c>
      <c r="CE1281" s="11">
        <v>-122.05800000000001</v>
      </c>
      <c r="CF1281" s="11">
        <v>227.59100000000001</v>
      </c>
      <c r="CG1281" s="11">
        <v>106</v>
      </c>
      <c r="CH1281" s="20">
        <v>0.85220099999999999</v>
      </c>
      <c r="CI1281" s="20">
        <v>0.84753599999999996</v>
      </c>
      <c r="CJ1281" s="20">
        <v>0.85598799999999997</v>
      </c>
      <c r="CK1281" s="20">
        <v>0.86969099999999999</v>
      </c>
      <c r="CL1281" s="20">
        <v>0.89770799999999995</v>
      </c>
      <c r="CM1281" s="20">
        <v>0.90365799999999996</v>
      </c>
      <c r="CN1281" s="20">
        <v>0.911304</v>
      </c>
      <c r="CO1281" s="20">
        <v>0.91859599999999997</v>
      </c>
      <c r="CP1281" s="20">
        <v>0.89380300000000001</v>
      </c>
      <c r="CQ1281" s="20">
        <v>0.79996</v>
      </c>
      <c r="CR1281" s="20">
        <v>0.80169299999999999</v>
      </c>
      <c r="CS1281" s="20">
        <v>0.80668799999999996</v>
      </c>
      <c r="CT1281" s="20">
        <v>0.87689399999999995</v>
      </c>
      <c r="CU1281" s="20">
        <v>0.89435100000000001</v>
      </c>
      <c r="CV1281" s="20">
        <v>0.87662099999999998</v>
      </c>
      <c r="CW1281" s="20">
        <v>0.87693100000000002</v>
      </c>
      <c r="CX1281" s="20">
        <v>0.86969300000000005</v>
      </c>
      <c r="CY1281" s="6" t="s">
        <v>595</v>
      </c>
      <c r="CZ1281" s="6" t="s">
        <v>596</v>
      </c>
      <c r="DA1281" s="6" t="s">
        <v>72</v>
      </c>
      <c r="DB1281" s="6"/>
      <c r="DC1281" s="6">
        <v>25300</v>
      </c>
      <c r="DD1281" s="6">
        <v>448</v>
      </c>
      <c r="DE1281" s="6" t="s">
        <v>598</v>
      </c>
      <c r="DF1281" s="6" t="s">
        <v>363</v>
      </c>
      <c r="DG1281" s="6" t="s">
        <v>364</v>
      </c>
      <c r="DH1281" s="6" t="s">
        <v>365</v>
      </c>
      <c r="DI1281" s="6" t="s">
        <v>575</v>
      </c>
      <c r="DJ1281" s="6">
        <v>29</v>
      </c>
      <c r="DK1281" s="6">
        <v>127</v>
      </c>
      <c r="DL1281" s="6">
        <v>8</v>
      </c>
      <c r="DM1281" s="6" t="s">
        <v>368</v>
      </c>
      <c r="DN1281" s="6">
        <v>5</v>
      </c>
      <c r="DO1281" s="6" t="s">
        <v>429</v>
      </c>
      <c r="DP1281" s="6"/>
      <c r="DQ1281" s="6"/>
    </row>
    <row r="1282" spans="1:121" x14ac:dyDescent="0.2">
      <c r="A1282" s="6" t="s">
        <v>1</v>
      </c>
      <c r="B1282" s="6" t="s">
        <v>1</v>
      </c>
      <c r="C1282" s="6" t="s">
        <v>2</v>
      </c>
      <c r="D1282" s="6" t="s">
        <v>162</v>
      </c>
      <c r="E1282" s="6" t="s">
        <v>301</v>
      </c>
      <c r="F1282" s="11">
        <v>-309</v>
      </c>
      <c r="G1282" s="13">
        <v>-0.31434384537100002</v>
      </c>
      <c r="H1282" s="11">
        <v>-152.79436679200001</v>
      </c>
      <c r="I1282" s="13">
        <v>-0.15538194773151312</v>
      </c>
      <c r="J1282" s="11">
        <v>28.322632137000028</v>
      </c>
      <c r="K1282" s="13">
        <v>3.410094939414382E-2</v>
      </c>
      <c r="L1282" s="11">
        <v>-184.99150299500002</v>
      </c>
      <c r="M1282" s="13">
        <v>-0.21538809870849368</v>
      </c>
      <c r="N1282" s="11">
        <v>-156.66887085799999</v>
      </c>
      <c r="O1282" s="13">
        <v>-0.18863208796850903</v>
      </c>
      <c r="P1282" s="7">
        <v>983.346965479</v>
      </c>
      <c r="Q1282" s="7">
        <v>942.24842948399998</v>
      </c>
      <c r="R1282" s="7">
        <v>786.86019653599999</v>
      </c>
      <c r="S1282" s="7">
        <v>809.27808889799996</v>
      </c>
      <c r="T1282" s="7">
        <v>791.57394544700003</v>
      </c>
      <c r="U1282" s="7">
        <v>768.768390791</v>
      </c>
      <c r="V1282" s="7">
        <v>830.552598687</v>
      </c>
      <c r="W1282" s="7">
        <v>839.38726495900005</v>
      </c>
      <c r="X1282" s="7">
        <v>836.52902024399998</v>
      </c>
      <c r="Y1282" s="7">
        <v>858.87523082400003</v>
      </c>
      <c r="Z1282" s="7">
        <v>800.49042155899997</v>
      </c>
      <c r="AA1282" s="7">
        <v>756.47327457300003</v>
      </c>
      <c r="AB1282" s="7">
        <v>716.04490674600004</v>
      </c>
      <c r="AC1282" s="7">
        <v>740.71514614499995</v>
      </c>
      <c r="AD1282" s="7">
        <v>721.67625840200003</v>
      </c>
      <c r="AE1282" s="7">
        <v>692.49486772600005</v>
      </c>
      <c r="AF1282" s="7">
        <v>673.88372782900001</v>
      </c>
      <c r="AG1282" s="9">
        <v>8880.1513525000009</v>
      </c>
      <c r="AH1282" s="13">
        <v>0.4258108768941109</v>
      </c>
      <c r="AI1282" s="9">
        <v>1374.0120983000015</v>
      </c>
      <c r="AJ1282" s="13">
        <v>6.5885059073405125E-2</v>
      </c>
      <c r="AK1282" s="9">
        <v>2454.0894661999992</v>
      </c>
      <c r="AL1282" s="13">
        <v>0.11040186239041574</v>
      </c>
      <c r="AM1282" s="9">
        <v>5052.0497880000003</v>
      </c>
      <c r="AN1282" s="13">
        <v>0.20467907646066907</v>
      </c>
      <c r="AO1282" s="9">
        <v>7506.1392541999994</v>
      </c>
      <c r="AP1282" s="13">
        <v>0.33767789008469301</v>
      </c>
      <c r="AQ1282" s="9">
        <v>20854.684166999999</v>
      </c>
      <c r="AR1282" s="9">
        <v>21647.6410574</v>
      </c>
      <c r="AS1282" s="9">
        <v>22237.3009212</v>
      </c>
      <c r="AT1282" s="9">
        <v>22379.090651800001</v>
      </c>
      <c r="AU1282" s="9">
        <v>22818.244295100001</v>
      </c>
      <c r="AV1282" s="9">
        <v>22900.3341028</v>
      </c>
      <c r="AW1282" s="9">
        <v>22228.696265300001</v>
      </c>
      <c r="AX1282" s="9">
        <v>23488.7158495</v>
      </c>
      <c r="AY1282" s="9">
        <v>23965.100205300001</v>
      </c>
      <c r="AZ1282" s="9">
        <v>24682.7857315</v>
      </c>
      <c r="BA1282" s="9">
        <v>25724.1838398</v>
      </c>
      <c r="BB1282" s="9">
        <v>26573.170783500002</v>
      </c>
      <c r="BC1282" s="9">
        <v>27466.0412722</v>
      </c>
      <c r="BD1282" s="9">
        <v>28184.879906300001</v>
      </c>
      <c r="BE1282" s="9">
        <v>28831.088757699999</v>
      </c>
      <c r="BF1282" s="9">
        <v>29734.8355195</v>
      </c>
      <c r="BG1282" s="11">
        <v>1.25</v>
      </c>
      <c r="BH1282" s="13">
        <v>0.1388888888888889</v>
      </c>
      <c r="BI1282" s="6">
        <v>2</v>
      </c>
      <c r="BJ1282" s="13">
        <v>0.22222222222222221</v>
      </c>
      <c r="BK1282" s="6">
        <v>-2</v>
      </c>
      <c r="BL1282" s="13">
        <v>-0.18181818181818182</v>
      </c>
      <c r="BM1282" s="11">
        <v>1.25</v>
      </c>
      <c r="BN1282" s="13">
        <v>0.1388888888888889</v>
      </c>
      <c r="BO1282" s="11">
        <v>-0.75</v>
      </c>
      <c r="BP1282" s="13">
        <v>-6.8181818181818177E-2</v>
      </c>
      <c r="BQ1282" s="6">
        <v>9</v>
      </c>
      <c r="BR1282" s="6">
        <v>9</v>
      </c>
      <c r="BS1282" s="6">
        <v>9</v>
      </c>
      <c r="BT1282" s="6">
        <v>11</v>
      </c>
      <c r="BU1282" s="6">
        <v>12</v>
      </c>
      <c r="BV1282" s="6">
        <v>11</v>
      </c>
      <c r="BW1282" s="6">
        <v>9</v>
      </c>
      <c r="BX1282" s="6">
        <v>11</v>
      </c>
      <c r="BY1282" s="6">
        <v>10</v>
      </c>
      <c r="BZ1282" s="6">
        <v>9</v>
      </c>
      <c r="CA1282" s="6">
        <v>9</v>
      </c>
      <c r="CB1282" s="6">
        <v>9</v>
      </c>
      <c r="CC1282" s="11">
        <v>10.25</v>
      </c>
      <c r="CD1282" s="11">
        <v>-327.3</v>
      </c>
      <c r="CE1282" s="11">
        <v>-89.6554</v>
      </c>
      <c r="CF1282" s="11">
        <v>107.492</v>
      </c>
      <c r="CG1282" s="11">
        <v>17</v>
      </c>
      <c r="CH1282" s="20">
        <v>9.8914799999999996</v>
      </c>
      <c r="CI1282" s="20">
        <v>9.34009</v>
      </c>
      <c r="CJ1282" s="20">
        <v>7.7805299999999997</v>
      </c>
      <c r="CK1282" s="20">
        <v>7.93126</v>
      </c>
      <c r="CL1282" s="20">
        <v>7.5706699999999998</v>
      </c>
      <c r="CM1282" s="20">
        <v>7.3020699999999996</v>
      </c>
      <c r="CN1282" s="20">
        <v>7.8126899999999999</v>
      </c>
      <c r="CO1282" s="20">
        <v>8.1688100000000006</v>
      </c>
      <c r="CP1282" s="20">
        <v>8.1675699999999996</v>
      </c>
      <c r="CQ1282" s="20">
        <v>8.3062799999999992</v>
      </c>
      <c r="CR1282" s="20">
        <v>7.76058</v>
      </c>
      <c r="CS1282" s="20">
        <v>7.3967700000000001</v>
      </c>
      <c r="CT1282" s="20">
        <v>7.0867899999999997</v>
      </c>
      <c r="CU1282" s="20">
        <v>7.1842600000000001</v>
      </c>
      <c r="CV1282" s="20">
        <v>7.1009099999999998</v>
      </c>
      <c r="CW1282" s="20">
        <v>6.9760400000000002</v>
      </c>
      <c r="CX1282" s="20">
        <v>6.77278</v>
      </c>
      <c r="CY1282" s="6" t="s">
        <v>584</v>
      </c>
      <c r="CZ1282" s="6" t="s">
        <v>585</v>
      </c>
      <c r="DA1282" s="6" t="s">
        <v>162</v>
      </c>
      <c r="DB1282" s="6" t="s">
        <v>345</v>
      </c>
      <c r="DC1282" s="6">
        <v>22220</v>
      </c>
      <c r="DD1282" s="6"/>
      <c r="DE1282" s="6" t="s">
        <v>587</v>
      </c>
      <c r="DF1282" s="6" t="s">
        <v>375</v>
      </c>
      <c r="DG1282" s="6" t="s">
        <v>376</v>
      </c>
      <c r="DH1282" s="6" t="s">
        <v>328</v>
      </c>
      <c r="DI1282" s="6"/>
      <c r="DJ1282" s="6">
        <v>29</v>
      </c>
      <c r="DK1282" s="6">
        <v>119</v>
      </c>
      <c r="DL1282" s="6">
        <v>2</v>
      </c>
      <c r="DM1282" s="6" t="s">
        <v>379</v>
      </c>
      <c r="DN1282" s="6">
        <v>2</v>
      </c>
      <c r="DO1282" s="6" t="s">
        <v>463</v>
      </c>
      <c r="DP1282" s="6"/>
      <c r="DQ1282" s="6"/>
    </row>
    <row r="1283" spans="1:121" x14ac:dyDescent="0.2">
      <c r="A1283" s="6" t="s">
        <v>310</v>
      </c>
      <c r="B1283" s="6" t="s">
        <v>310</v>
      </c>
      <c r="C1283" s="6" t="s">
        <v>173</v>
      </c>
      <c r="D1283" s="6" t="s">
        <v>162</v>
      </c>
      <c r="E1283" s="6" t="s">
        <v>301</v>
      </c>
      <c r="F1283" s="11">
        <v>1</v>
      </c>
      <c r="G1283" s="13">
        <v>1</v>
      </c>
      <c r="H1283" s="11">
        <v>0.43006899999999959</v>
      </c>
      <c r="I1283" s="13">
        <v>2.4585007346593704E-2</v>
      </c>
      <c r="J1283" s="11">
        <v>-3.3242220000000007</v>
      </c>
      <c r="K1283" s="13">
        <v>-0.18547023663729881</v>
      </c>
      <c r="L1283" s="11">
        <v>-9.5989880000000003</v>
      </c>
      <c r="M1283" s="13">
        <v>-0.65751050689266954</v>
      </c>
      <c r="N1283" s="11">
        <v>-12.923210000000001</v>
      </c>
      <c r="O1283" s="13">
        <v>-0.72103211422507452</v>
      </c>
      <c r="P1283" s="7">
        <v>17.493141000000001</v>
      </c>
      <c r="Q1283" s="7">
        <v>23.692965701199999</v>
      </c>
      <c r="R1283" s="7">
        <v>24.233736</v>
      </c>
      <c r="S1283" s="7">
        <v>20.978020000000001</v>
      </c>
      <c r="T1283" s="7">
        <v>16.189734999999999</v>
      </c>
      <c r="U1283" s="7">
        <v>12.117276</v>
      </c>
      <c r="V1283" s="7">
        <v>17.923210000000001</v>
      </c>
      <c r="W1283" s="7">
        <v>5</v>
      </c>
      <c r="X1283" s="7">
        <v>11.665896</v>
      </c>
      <c r="Y1283" s="7">
        <v>14.598988</v>
      </c>
      <c r="Z1283" s="7">
        <v>12.262017</v>
      </c>
      <c r="AA1283" s="7">
        <v>5</v>
      </c>
      <c r="AB1283" s="7">
        <v>5</v>
      </c>
      <c r="AC1283" s="7">
        <v>5</v>
      </c>
      <c r="AD1283" s="7">
        <v>5</v>
      </c>
      <c r="AE1283" s="7">
        <v>5</v>
      </c>
      <c r="AF1283" s="7">
        <v>5</v>
      </c>
      <c r="AG1283" s="9">
        <v>-22595.8416793</v>
      </c>
      <c r="AH1283" s="13">
        <v>-0.99995574602795412</v>
      </c>
      <c r="AI1283" s="9">
        <v>29962.332917699998</v>
      </c>
      <c r="AJ1283" s="13">
        <v>1.3259522433680282</v>
      </c>
      <c r="AK1283" s="9">
        <v>-18952.079664500001</v>
      </c>
      <c r="AL1283" s="13">
        <v>-0.36058556493354366</v>
      </c>
      <c r="AM1283" s="9">
        <v>-33606.094932499997</v>
      </c>
      <c r="AN1283" s="13">
        <v>-0.99997024437839666</v>
      </c>
      <c r="AO1283" s="9">
        <v>-52558.174596999997</v>
      </c>
      <c r="AP1283" s="13">
        <v>-0.99998097382602236</v>
      </c>
      <c r="AQ1283" s="9">
        <v>22596.8416793</v>
      </c>
      <c r="AR1283" s="9">
        <v>27750.5452387</v>
      </c>
      <c r="AS1283" s="9">
        <v>25641.016231900001</v>
      </c>
      <c r="AT1283" s="9">
        <v>23329.446773</v>
      </c>
      <c r="AU1283" s="9">
        <v>26843.5057935</v>
      </c>
      <c r="AV1283" s="9">
        <v>28363.706759199998</v>
      </c>
      <c r="AW1283" s="9">
        <v>52559.174596999997</v>
      </c>
      <c r="AX1283" s="9">
        <v>1</v>
      </c>
      <c r="AY1283" s="9">
        <v>47929.175159999999</v>
      </c>
      <c r="AZ1283" s="9">
        <v>33607.094932499997</v>
      </c>
      <c r="BA1283" s="9">
        <v>33736.366026099997</v>
      </c>
      <c r="BB1283" s="9">
        <v>1</v>
      </c>
      <c r="BC1283" s="9">
        <v>1</v>
      </c>
      <c r="BD1283" s="9">
        <v>1</v>
      </c>
      <c r="BE1283" s="9">
        <v>1</v>
      </c>
      <c r="BF1283" s="9">
        <v>1</v>
      </c>
      <c r="BG1283" s="11">
        <v>-2</v>
      </c>
      <c r="BH1283" s="13">
        <v>-0.66666666666666663</v>
      </c>
      <c r="BI1283" s="6">
        <v>-1</v>
      </c>
      <c r="BJ1283" s="13">
        <v>-0.33333333333333331</v>
      </c>
      <c r="BK1283" s="6">
        <v>-1</v>
      </c>
      <c r="BL1283" s="13">
        <v>-0.5</v>
      </c>
      <c r="BM1283" s="11">
        <v>0</v>
      </c>
      <c r="BN1283" s="13">
        <v>0</v>
      </c>
      <c r="BO1283" s="11">
        <v>-1</v>
      </c>
      <c r="BP1283" s="13">
        <v>-0.5</v>
      </c>
      <c r="BQ1283" s="6">
        <v>3</v>
      </c>
      <c r="BR1283" s="6">
        <v>3</v>
      </c>
      <c r="BS1283" s="6">
        <v>3</v>
      </c>
      <c r="BT1283" s="6">
        <v>2</v>
      </c>
      <c r="BU1283" s="6">
        <v>2</v>
      </c>
      <c r="BV1283" s="6">
        <v>2</v>
      </c>
      <c r="BW1283" s="6">
        <v>1</v>
      </c>
      <c r="BX1283" s="6">
        <v>1</v>
      </c>
      <c r="BY1283" s="6">
        <v>1</v>
      </c>
      <c r="BZ1283" s="6">
        <v>1</v>
      </c>
      <c r="CA1283" s="6">
        <v>1</v>
      </c>
      <c r="CB1283" s="6">
        <v>1</v>
      </c>
      <c r="CC1283" s="11">
        <v>1</v>
      </c>
      <c r="CD1283" s="11">
        <v>-18.537700000000001</v>
      </c>
      <c r="CE1283" s="11">
        <v>1.81488</v>
      </c>
      <c r="CF1283" s="11">
        <v>1.91221</v>
      </c>
      <c r="CG1283" s="11">
        <v>4</v>
      </c>
      <c r="CH1283" s="20">
        <v>0.620197</v>
      </c>
      <c r="CI1283" s="20">
        <v>0.86467799999999995</v>
      </c>
      <c r="CJ1283" s="20">
        <v>0.89472799999999997</v>
      </c>
      <c r="CK1283" s="20">
        <v>0.74279600000000001</v>
      </c>
      <c r="CL1283" s="20">
        <v>0.52193800000000001</v>
      </c>
      <c r="CM1283" s="20">
        <v>0.35217799999999999</v>
      </c>
      <c r="CN1283" s="20">
        <v>0.47872799999999999</v>
      </c>
      <c r="CO1283" s="20">
        <v>0.20258200000000001</v>
      </c>
      <c r="CP1283" s="20">
        <v>0.32055099999999997</v>
      </c>
      <c r="CQ1283" s="20">
        <v>0.38964599999999999</v>
      </c>
      <c r="CR1283" s="20">
        <v>0.29533599999999999</v>
      </c>
      <c r="CS1283" s="20">
        <v>0.17211199999999999</v>
      </c>
      <c r="CT1283" s="20">
        <v>6.1235699999999997E-2</v>
      </c>
      <c r="CU1283" s="20">
        <v>5.6888000000000001E-2</v>
      </c>
      <c r="CV1283" s="20">
        <v>7.1270299999999995E-2</v>
      </c>
      <c r="CW1283" s="20">
        <v>9.8223299999999999E-2</v>
      </c>
      <c r="CX1283" s="20">
        <v>7.9756499999999994E-2</v>
      </c>
      <c r="CY1283" s="6" t="s">
        <v>584</v>
      </c>
      <c r="CZ1283" s="6" t="s">
        <v>585</v>
      </c>
      <c r="DA1283" s="6" t="s">
        <v>162</v>
      </c>
      <c r="DB1283" s="6" t="s">
        <v>345</v>
      </c>
      <c r="DC1283" s="6">
        <v>22220</v>
      </c>
      <c r="DD1283" s="6"/>
      <c r="DE1283" s="6" t="s">
        <v>587</v>
      </c>
      <c r="DF1283" s="6" t="s">
        <v>375</v>
      </c>
      <c r="DG1283" s="6" t="s">
        <v>376</v>
      </c>
      <c r="DH1283" s="6" t="s">
        <v>328</v>
      </c>
      <c r="DI1283" s="6"/>
      <c r="DJ1283" s="6">
        <v>29</v>
      </c>
      <c r="DK1283" s="6">
        <v>119</v>
      </c>
      <c r="DL1283" s="6">
        <v>2</v>
      </c>
      <c r="DM1283" s="6" t="s">
        <v>379</v>
      </c>
      <c r="DN1283" s="6">
        <v>2</v>
      </c>
      <c r="DO1283" s="6" t="s">
        <v>463</v>
      </c>
      <c r="DP1283" s="6"/>
      <c r="DQ1283" s="6"/>
    </row>
    <row r="1284" spans="1:121" x14ac:dyDescent="0.2">
      <c r="A1284" s="6" t="s">
        <v>311</v>
      </c>
      <c r="B1284" s="6" t="s">
        <v>311</v>
      </c>
      <c r="C1284" s="6" t="s">
        <v>174</v>
      </c>
      <c r="D1284" s="6" t="s">
        <v>162</v>
      </c>
      <c r="E1284" s="6" t="s">
        <v>301</v>
      </c>
      <c r="F1284" s="11">
        <v>9</v>
      </c>
      <c r="G1284" s="13">
        <v>0.81818181818199998</v>
      </c>
      <c r="H1284" s="11">
        <v>14.34553</v>
      </c>
      <c r="I1284" s="13">
        <v>1.3310206254647268</v>
      </c>
      <c r="J1284" s="11">
        <v>-3.4483379999999997</v>
      </c>
      <c r="K1284" s="13">
        <v>-0.13725617723608119</v>
      </c>
      <c r="L1284" s="11">
        <v>-1.8100920295999998</v>
      </c>
      <c r="M1284" s="13">
        <v>-8.3510458604124899E-2</v>
      </c>
      <c r="N1284" s="11">
        <v>-5.2584300295999995</v>
      </c>
      <c r="O1284" s="13">
        <v>-0.20930430953297191</v>
      </c>
      <c r="P1284" s="7">
        <v>10.777842</v>
      </c>
      <c r="Q1284" s="7">
        <v>11.790352</v>
      </c>
      <c r="R1284" s="7">
        <v>12.009708</v>
      </c>
      <c r="S1284" s="7">
        <v>13.126306</v>
      </c>
      <c r="T1284" s="7">
        <v>25.080866</v>
      </c>
      <c r="U1284" s="7">
        <v>25.907591</v>
      </c>
      <c r="V1284" s="7">
        <v>25.123372</v>
      </c>
      <c r="W1284" s="7">
        <v>24.642436</v>
      </c>
      <c r="X1284" s="7">
        <v>22.679122</v>
      </c>
      <c r="Y1284" s="7">
        <v>21.675034</v>
      </c>
      <c r="Z1284" s="7">
        <v>20.165074000000001</v>
      </c>
      <c r="AA1284" s="7">
        <v>17.865112</v>
      </c>
      <c r="AB1284" s="7">
        <v>19.082246999999999</v>
      </c>
      <c r="AC1284" s="7">
        <v>19.192105000000002</v>
      </c>
      <c r="AD1284" s="7">
        <v>19.992687</v>
      </c>
      <c r="AE1284" s="7">
        <v>19.875850750000001</v>
      </c>
      <c r="AF1284" s="7">
        <v>19.8649419704</v>
      </c>
      <c r="AG1284" s="9">
        <v>36269.208993799999</v>
      </c>
      <c r="AH1284" s="13">
        <v>0.7082891489726737</v>
      </c>
      <c r="AI1284" s="9">
        <v>8446.2610996000003</v>
      </c>
      <c r="AJ1284" s="13">
        <v>0.16494418412211134</v>
      </c>
      <c r="AK1284" s="9">
        <v>7832.7545387999999</v>
      </c>
      <c r="AL1284" s="13">
        <v>0.13130519342861555</v>
      </c>
      <c r="AM1284" s="9">
        <v>19990.193355399999</v>
      </c>
      <c r="AN1284" s="13">
        <v>0.2962133316622616</v>
      </c>
      <c r="AO1284" s="9">
        <v>27822.947894199999</v>
      </c>
      <c r="AP1284" s="13">
        <v>0.46641287390092506</v>
      </c>
      <c r="AQ1284" s="9">
        <v>51206.783340399998</v>
      </c>
      <c r="AR1284" s="9">
        <v>47180.613764399997</v>
      </c>
      <c r="AS1284" s="9">
        <v>50731.486864999999</v>
      </c>
      <c r="AT1284" s="9">
        <v>31064.487768899999</v>
      </c>
      <c r="AU1284" s="9">
        <v>54724.604074700001</v>
      </c>
      <c r="AV1284" s="9">
        <v>55579.289986199998</v>
      </c>
      <c r="AW1284" s="9">
        <v>59653.044439999998</v>
      </c>
      <c r="AX1284" s="9">
        <v>57234.156345800002</v>
      </c>
      <c r="AY1284" s="9">
        <v>63381.070415900002</v>
      </c>
      <c r="AZ1284" s="9">
        <v>67485.798978799998</v>
      </c>
      <c r="BA1284" s="9">
        <v>73092.202214999998</v>
      </c>
      <c r="BB1284" s="9">
        <v>73949.194384600007</v>
      </c>
      <c r="BC1284" s="9">
        <v>76973.688117700003</v>
      </c>
      <c r="BD1284" s="9">
        <v>83499.667314100006</v>
      </c>
      <c r="BE1284" s="9">
        <v>86635.176686499995</v>
      </c>
      <c r="BF1284" s="9">
        <v>87475.992334199997</v>
      </c>
      <c r="BG1284" s="11">
        <v>-1</v>
      </c>
      <c r="BH1284" s="13">
        <v>-0.2</v>
      </c>
      <c r="BI1284" s="6">
        <v>1</v>
      </c>
      <c r="BJ1284" s="13">
        <v>0.2</v>
      </c>
      <c r="BK1284" s="6">
        <v>-1</v>
      </c>
      <c r="BL1284" s="13">
        <v>-0.16666666666666666</v>
      </c>
      <c r="BM1284" s="11">
        <v>-1</v>
      </c>
      <c r="BN1284" s="13">
        <v>-0.2</v>
      </c>
      <c r="BO1284" s="11">
        <v>-2</v>
      </c>
      <c r="BP1284" s="13">
        <v>-0.33333333333333331</v>
      </c>
      <c r="BQ1284" s="6">
        <v>5</v>
      </c>
      <c r="BR1284" s="6">
        <v>6</v>
      </c>
      <c r="BS1284" s="6">
        <v>6</v>
      </c>
      <c r="BT1284" s="6">
        <v>6</v>
      </c>
      <c r="BU1284" s="6">
        <v>6</v>
      </c>
      <c r="BV1284" s="6">
        <v>5</v>
      </c>
      <c r="BW1284" s="6">
        <v>5</v>
      </c>
      <c r="BX1284" s="6">
        <v>5</v>
      </c>
      <c r="BY1284" s="6">
        <v>5</v>
      </c>
      <c r="BZ1284" s="6">
        <v>5</v>
      </c>
      <c r="CA1284" s="6">
        <v>4</v>
      </c>
      <c r="CB1284" s="6">
        <v>4</v>
      </c>
      <c r="CC1284" s="11">
        <v>4</v>
      </c>
      <c r="CD1284" s="11">
        <v>9.6640599999999992</v>
      </c>
      <c r="CE1284" s="11">
        <v>-1.7551000000000001</v>
      </c>
      <c r="CF1284" s="11">
        <v>1.17815</v>
      </c>
      <c r="CG1284" s="11">
        <v>-1</v>
      </c>
      <c r="CH1284" s="20">
        <v>0.34875699999999998</v>
      </c>
      <c r="CI1284" s="20">
        <v>0.37722</v>
      </c>
      <c r="CJ1284" s="20">
        <v>0.39578000000000002</v>
      </c>
      <c r="CK1284" s="20">
        <v>0.44040800000000002</v>
      </c>
      <c r="CL1284" s="20">
        <v>0.84639600000000004</v>
      </c>
      <c r="CM1284" s="20">
        <v>0.87284099999999998</v>
      </c>
      <c r="CN1284" s="20">
        <v>0.82694000000000001</v>
      </c>
      <c r="CO1284" s="20">
        <v>0.80364899999999995</v>
      </c>
      <c r="CP1284" s="20">
        <v>0.73184199999999999</v>
      </c>
      <c r="CQ1284" s="20">
        <v>0.70008599999999999</v>
      </c>
      <c r="CR1284" s="20">
        <v>0.65851199999999999</v>
      </c>
      <c r="CS1284" s="20">
        <v>0.59614299999999998</v>
      </c>
      <c r="CT1284" s="20">
        <v>0.65249999999999997</v>
      </c>
      <c r="CU1284" s="20">
        <v>0.64793699999999999</v>
      </c>
      <c r="CV1284" s="20">
        <v>0.68574299999999999</v>
      </c>
      <c r="CW1284" s="20">
        <v>0.69708099999999995</v>
      </c>
      <c r="CX1284" s="20">
        <v>0.69088700000000003</v>
      </c>
      <c r="CY1284" s="6" t="s">
        <v>584</v>
      </c>
      <c r="CZ1284" s="6" t="s">
        <v>585</v>
      </c>
      <c r="DA1284" s="6" t="s">
        <v>162</v>
      </c>
      <c r="DB1284" s="6" t="s">
        <v>345</v>
      </c>
      <c r="DC1284" s="6">
        <v>22220</v>
      </c>
      <c r="DD1284" s="6"/>
      <c r="DE1284" s="6" t="s">
        <v>587</v>
      </c>
      <c r="DF1284" s="6" t="s">
        <v>375</v>
      </c>
      <c r="DG1284" s="6" t="s">
        <v>376</v>
      </c>
      <c r="DH1284" s="6" t="s">
        <v>328</v>
      </c>
      <c r="DI1284" s="6"/>
      <c r="DJ1284" s="6">
        <v>29</v>
      </c>
      <c r="DK1284" s="6">
        <v>119</v>
      </c>
      <c r="DL1284" s="6">
        <v>2</v>
      </c>
      <c r="DM1284" s="6" t="s">
        <v>379</v>
      </c>
      <c r="DN1284" s="6">
        <v>2</v>
      </c>
      <c r="DO1284" s="6" t="s">
        <v>463</v>
      </c>
      <c r="DP1284" s="6"/>
      <c r="DQ1284" s="6"/>
    </row>
    <row r="1285" spans="1:121" x14ac:dyDescent="0.2">
      <c r="A1285" s="6" t="s">
        <v>312</v>
      </c>
      <c r="B1285" s="6" t="s">
        <v>312</v>
      </c>
      <c r="C1285" s="6" t="s">
        <v>175</v>
      </c>
      <c r="D1285" s="6" t="s">
        <v>162</v>
      </c>
      <c r="E1285" s="6" t="s">
        <v>301</v>
      </c>
      <c r="F1285" s="11">
        <v>69</v>
      </c>
      <c r="G1285" s="13">
        <v>0.131428571429</v>
      </c>
      <c r="H1285" s="11">
        <v>61.009689094000009</v>
      </c>
      <c r="I1285" s="13">
        <v>0.11619145322586701</v>
      </c>
      <c r="J1285" s="11">
        <v>-175.50533415500001</v>
      </c>
      <c r="K1285" s="13">
        <v>-0.29945184933012658</v>
      </c>
      <c r="L1285" s="11">
        <v>182.945410154</v>
      </c>
      <c r="M1285" s="13">
        <v>0.44557437450779874</v>
      </c>
      <c r="N1285" s="11">
        <v>7.440075998999987</v>
      </c>
      <c r="O1285" s="13">
        <v>1.2694454717197341E-2</v>
      </c>
      <c r="P1285" s="7">
        <v>525.07897440099998</v>
      </c>
      <c r="Q1285" s="7">
        <v>508.19487760499999</v>
      </c>
      <c r="R1285" s="7">
        <v>579.71916567799997</v>
      </c>
      <c r="S1285" s="7">
        <v>640.52701942299996</v>
      </c>
      <c r="T1285" s="7">
        <v>626.26502575799998</v>
      </c>
      <c r="U1285" s="7">
        <v>634.26231791600003</v>
      </c>
      <c r="V1285" s="7">
        <v>586.08866349499999</v>
      </c>
      <c r="W1285" s="7">
        <v>549.39792322699998</v>
      </c>
      <c r="X1285" s="7">
        <v>476.75613243499998</v>
      </c>
      <c r="Y1285" s="7">
        <v>410.58332933999998</v>
      </c>
      <c r="Z1285" s="7">
        <v>449.36372010500003</v>
      </c>
      <c r="AA1285" s="7">
        <v>419.97362973700001</v>
      </c>
      <c r="AB1285" s="7">
        <v>441.03278234499999</v>
      </c>
      <c r="AC1285" s="7">
        <v>481.807268545</v>
      </c>
      <c r="AD1285" s="7">
        <v>502.82305489399999</v>
      </c>
      <c r="AE1285" s="7">
        <v>568.65718529799994</v>
      </c>
      <c r="AF1285" s="7">
        <v>593.52873949399998</v>
      </c>
      <c r="AG1285" s="9">
        <v>12732.060811800002</v>
      </c>
      <c r="AH1285" s="13">
        <v>0.46973462165726981</v>
      </c>
      <c r="AI1285" s="9">
        <v>524.3433100000002</v>
      </c>
      <c r="AJ1285" s="13">
        <v>1.9345038480581177E-2</v>
      </c>
      <c r="AK1285" s="9">
        <v>3152.1570095999996</v>
      </c>
      <c r="AL1285" s="13">
        <v>0.11408813871511005</v>
      </c>
      <c r="AM1285" s="9">
        <v>9055.560492200002</v>
      </c>
      <c r="AN1285" s="13">
        <v>0.29419036076371147</v>
      </c>
      <c r="AO1285" s="9">
        <v>12207.717501800002</v>
      </c>
      <c r="AP1285" s="13">
        <v>0.44184213016627999</v>
      </c>
      <c r="AQ1285" s="9">
        <v>27104.795398900002</v>
      </c>
      <c r="AR1285" s="9">
        <v>28305.118822500001</v>
      </c>
      <c r="AS1285" s="9">
        <v>28598.366954699999</v>
      </c>
      <c r="AT1285" s="9">
        <v>29164.742756899999</v>
      </c>
      <c r="AU1285" s="9">
        <v>28867.389403100002</v>
      </c>
      <c r="AV1285" s="9">
        <v>27219.974932699999</v>
      </c>
      <c r="AW1285" s="9">
        <v>27629.138708900002</v>
      </c>
      <c r="AX1285" s="9">
        <v>28166.0547993</v>
      </c>
      <c r="AY1285" s="9">
        <v>29220.028434299998</v>
      </c>
      <c r="AZ1285" s="9">
        <v>30781.295718500001</v>
      </c>
      <c r="BA1285" s="9">
        <v>30975.547262799999</v>
      </c>
      <c r="BB1285" s="9">
        <v>32513.524562800001</v>
      </c>
      <c r="BC1285" s="9">
        <v>31888.485064799999</v>
      </c>
      <c r="BD1285" s="9">
        <v>33750.0801403</v>
      </c>
      <c r="BE1285" s="9">
        <v>34249.203235300003</v>
      </c>
      <c r="BF1285" s="9">
        <v>39836.856210700003</v>
      </c>
      <c r="BG1285" s="11">
        <v>-16.75</v>
      </c>
      <c r="BH1285" s="13">
        <v>-0.37222222222222223</v>
      </c>
      <c r="BI1285" s="6">
        <v>3</v>
      </c>
      <c r="BJ1285" s="13">
        <v>6.6666666666666666E-2</v>
      </c>
      <c r="BK1285" s="6">
        <v>-11</v>
      </c>
      <c r="BL1285" s="13">
        <v>-0.22916666666666666</v>
      </c>
      <c r="BM1285" s="11">
        <v>-8.75</v>
      </c>
      <c r="BN1285" s="13">
        <v>-0.23648648648648649</v>
      </c>
      <c r="BO1285" s="11">
        <v>-19.75</v>
      </c>
      <c r="BP1285" s="13">
        <v>-0.41145833333333331</v>
      </c>
      <c r="BQ1285" s="6">
        <v>45</v>
      </c>
      <c r="BR1285" s="6">
        <v>49</v>
      </c>
      <c r="BS1285" s="6">
        <v>45</v>
      </c>
      <c r="BT1285" s="6">
        <v>48</v>
      </c>
      <c r="BU1285" s="6">
        <v>44</v>
      </c>
      <c r="BV1285" s="6">
        <v>44</v>
      </c>
      <c r="BW1285" s="6">
        <v>37</v>
      </c>
      <c r="BX1285" s="6">
        <v>37</v>
      </c>
      <c r="BY1285" s="6">
        <v>35</v>
      </c>
      <c r="BZ1285" s="6">
        <v>36</v>
      </c>
      <c r="CA1285" s="6">
        <v>27</v>
      </c>
      <c r="CB1285" s="6">
        <v>27</v>
      </c>
      <c r="CC1285" s="11">
        <v>28.25</v>
      </c>
      <c r="CD1285" s="11">
        <v>74.652699999999996</v>
      </c>
      <c r="CE1285" s="11">
        <v>-63.6004</v>
      </c>
      <c r="CF1285" s="11">
        <v>57.397500000000001</v>
      </c>
      <c r="CG1285" s="11">
        <v>-7</v>
      </c>
      <c r="CH1285" s="20">
        <v>1.17143</v>
      </c>
      <c r="CI1285" s="20">
        <v>1.11324</v>
      </c>
      <c r="CJ1285" s="20">
        <v>1.2500100000000001</v>
      </c>
      <c r="CK1285" s="20">
        <v>1.31839</v>
      </c>
      <c r="CL1285" s="20">
        <v>1.2087600000000001</v>
      </c>
      <c r="CM1285" s="20">
        <v>1.16395</v>
      </c>
      <c r="CN1285" s="20">
        <v>1.06494</v>
      </c>
      <c r="CO1285" s="20">
        <v>1.06151</v>
      </c>
      <c r="CP1285" s="20">
        <v>1.0513600000000001</v>
      </c>
      <c r="CQ1285" s="20">
        <v>0.96957099999999996</v>
      </c>
      <c r="CR1285" s="20">
        <v>1.08416</v>
      </c>
      <c r="CS1285" s="20">
        <v>1.02563</v>
      </c>
      <c r="CT1285" s="20">
        <v>1.0769599999999999</v>
      </c>
      <c r="CU1285" s="20">
        <v>1.12636</v>
      </c>
      <c r="CV1285" s="20">
        <v>1.1611899999999999</v>
      </c>
      <c r="CW1285" s="20">
        <v>1.31508</v>
      </c>
      <c r="CX1285" s="20">
        <v>1.36311</v>
      </c>
      <c r="CY1285" s="6" t="s">
        <v>584</v>
      </c>
      <c r="CZ1285" s="6" t="s">
        <v>585</v>
      </c>
      <c r="DA1285" s="6" t="s">
        <v>162</v>
      </c>
      <c r="DB1285" s="6" t="s">
        <v>345</v>
      </c>
      <c r="DC1285" s="6">
        <v>22220</v>
      </c>
      <c r="DD1285" s="6"/>
      <c r="DE1285" s="6" t="s">
        <v>587</v>
      </c>
      <c r="DF1285" s="6" t="s">
        <v>375</v>
      </c>
      <c r="DG1285" s="6" t="s">
        <v>376</v>
      </c>
      <c r="DH1285" s="6" t="s">
        <v>328</v>
      </c>
      <c r="DI1285" s="6"/>
      <c r="DJ1285" s="6">
        <v>29</v>
      </c>
      <c r="DK1285" s="6">
        <v>119</v>
      </c>
      <c r="DL1285" s="6">
        <v>2</v>
      </c>
      <c r="DM1285" s="6" t="s">
        <v>379</v>
      </c>
      <c r="DN1285" s="6">
        <v>2</v>
      </c>
      <c r="DO1285" s="6" t="s">
        <v>463</v>
      </c>
      <c r="DP1285" s="6"/>
      <c r="DQ1285" s="6"/>
    </row>
    <row r="1286" spans="1:121" x14ac:dyDescent="0.2">
      <c r="A1286" s="6" t="s">
        <v>792</v>
      </c>
      <c r="B1286" s="6" t="s">
        <v>176</v>
      </c>
      <c r="C1286" s="6" t="s">
        <v>177</v>
      </c>
      <c r="D1286" s="6" t="s">
        <v>162</v>
      </c>
      <c r="E1286" s="6" t="s">
        <v>301</v>
      </c>
      <c r="F1286" s="11">
        <v>205</v>
      </c>
      <c r="G1286" s="13">
        <v>7.7592732778200002E-2</v>
      </c>
      <c r="H1286" s="11">
        <v>4.9388343499999792</v>
      </c>
      <c r="I1286" s="13">
        <v>1.8690476432154479E-3</v>
      </c>
      <c r="J1286" s="11">
        <v>91.100559940000039</v>
      </c>
      <c r="K1286" s="13">
        <v>3.4411689756257351E-2</v>
      </c>
      <c r="L1286" s="11">
        <v>108.03480270999989</v>
      </c>
      <c r="M1286" s="13">
        <v>3.9450745623630643E-2</v>
      </c>
      <c r="N1286" s="11">
        <v>199.13536264999993</v>
      </c>
      <c r="O1286" s="13">
        <v>7.5220002198941385E-2</v>
      </c>
      <c r="P1286" s="7">
        <v>2642.4336308000002</v>
      </c>
      <c r="Q1286" s="7">
        <v>2911.7433245500001</v>
      </c>
      <c r="R1286" s="7">
        <v>2965.0740344300002</v>
      </c>
      <c r="S1286" s="7">
        <v>2816.1811731900002</v>
      </c>
      <c r="T1286" s="7">
        <v>2557.8291650599999</v>
      </c>
      <c r="U1286" s="7">
        <v>2543.07339099</v>
      </c>
      <c r="V1286" s="7">
        <v>2647.3724651500002</v>
      </c>
      <c r="W1286" s="7">
        <v>2731.1881226300002</v>
      </c>
      <c r="X1286" s="7">
        <v>2648.9509271900001</v>
      </c>
      <c r="Y1286" s="7">
        <v>2738.4730250900002</v>
      </c>
      <c r="Z1286" s="7">
        <v>2832.5636792400001</v>
      </c>
      <c r="AA1286" s="7">
        <v>2916.3223948499999</v>
      </c>
      <c r="AB1286" s="7">
        <v>2875.2950931099999</v>
      </c>
      <c r="AC1286" s="7">
        <v>3002.5064857900002</v>
      </c>
      <c r="AD1286" s="7">
        <v>2927.5832938200001</v>
      </c>
      <c r="AE1286" s="7">
        <v>2829.8439552599998</v>
      </c>
      <c r="AF1286" s="7">
        <v>2846.5078278000001</v>
      </c>
      <c r="AG1286" s="9">
        <v>18793.291234200002</v>
      </c>
      <c r="AH1286" s="13">
        <v>0.71029314435986157</v>
      </c>
      <c r="AI1286" s="9">
        <v>6943.0235318000014</v>
      </c>
      <c r="AJ1286" s="13">
        <v>0.262411833792702</v>
      </c>
      <c r="AK1286" s="9">
        <v>2959.3151618999982</v>
      </c>
      <c r="AL1286" s="13">
        <v>8.8598208696466257E-2</v>
      </c>
      <c r="AM1286" s="9">
        <v>8890.9525405000022</v>
      </c>
      <c r="AN1286" s="13">
        <v>0.24452000653418893</v>
      </c>
      <c r="AO1286" s="9">
        <v>11850.2677024</v>
      </c>
      <c r="AP1286" s="13">
        <v>0.35478224980003259</v>
      </c>
      <c r="AQ1286" s="9">
        <v>26458.500104399998</v>
      </c>
      <c r="AR1286" s="9">
        <v>26955.342620899999</v>
      </c>
      <c r="AS1286" s="9">
        <v>28340.1520308</v>
      </c>
      <c r="AT1286" s="9">
        <v>28984.0429143</v>
      </c>
      <c r="AU1286" s="9">
        <v>31034.803064700001</v>
      </c>
      <c r="AV1286" s="9">
        <v>31491.2140664</v>
      </c>
      <c r="AW1286" s="9">
        <v>33401.5236362</v>
      </c>
      <c r="AX1286" s="9">
        <v>33374.342306600003</v>
      </c>
      <c r="AY1286" s="9">
        <v>33054.832852599997</v>
      </c>
      <c r="AZ1286" s="9">
        <v>36360.838798099998</v>
      </c>
      <c r="BA1286" s="9">
        <v>34427.951398700003</v>
      </c>
      <c r="BB1286" s="9">
        <v>35593.432843000002</v>
      </c>
      <c r="BC1286" s="9">
        <v>36548.089286399998</v>
      </c>
      <c r="BD1286" s="9">
        <v>41145.343190200001</v>
      </c>
      <c r="BE1286" s="9">
        <v>41585.117643899997</v>
      </c>
      <c r="BF1286" s="9">
        <v>45251.7913386</v>
      </c>
      <c r="BG1286" s="11">
        <v>-6.25</v>
      </c>
      <c r="BH1286" s="13">
        <v>-0.20161290322580644</v>
      </c>
      <c r="BI1286" s="6">
        <v>0</v>
      </c>
      <c r="BJ1286" s="13">
        <v>0</v>
      </c>
      <c r="BK1286" s="6">
        <v>1</v>
      </c>
      <c r="BL1286" s="13">
        <v>3.2258064516129031E-2</v>
      </c>
      <c r="BM1286" s="11">
        <v>-7.25</v>
      </c>
      <c r="BN1286" s="13">
        <v>-0.2265625</v>
      </c>
      <c r="BO1286" s="11">
        <v>-6.25</v>
      </c>
      <c r="BP1286" s="13">
        <v>-0.20161290322580644</v>
      </c>
      <c r="BQ1286" s="6">
        <v>31</v>
      </c>
      <c r="BR1286" s="6">
        <v>31</v>
      </c>
      <c r="BS1286" s="6">
        <v>28</v>
      </c>
      <c r="BT1286" s="6">
        <v>31</v>
      </c>
      <c r="BU1286" s="6">
        <v>32</v>
      </c>
      <c r="BV1286" s="6">
        <v>28</v>
      </c>
      <c r="BW1286" s="6">
        <v>32</v>
      </c>
      <c r="BX1286" s="6">
        <v>30</v>
      </c>
      <c r="BY1286" s="6">
        <v>28</v>
      </c>
      <c r="BZ1286" s="6">
        <v>27</v>
      </c>
      <c r="CA1286" s="6">
        <v>27</v>
      </c>
      <c r="CB1286" s="6">
        <v>27</v>
      </c>
      <c r="CC1286" s="11">
        <v>24.75</v>
      </c>
      <c r="CD1286" s="11">
        <v>847.94500000000005</v>
      </c>
      <c r="CE1286" s="11">
        <v>-932.72</v>
      </c>
      <c r="CF1286" s="11">
        <v>288.85000000000002</v>
      </c>
      <c r="CG1286" s="11">
        <v>-644</v>
      </c>
      <c r="CH1286" s="20">
        <v>3.0792999999999999</v>
      </c>
      <c r="CI1286" s="20">
        <v>3.5604</v>
      </c>
      <c r="CJ1286" s="20">
        <v>3.81488</v>
      </c>
      <c r="CK1286" s="20">
        <v>3.66337</v>
      </c>
      <c r="CL1286" s="20">
        <v>3.28552</v>
      </c>
      <c r="CM1286" s="20">
        <v>3.2553800000000002</v>
      </c>
      <c r="CN1286" s="20">
        <v>3.3971300000000002</v>
      </c>
      <c r="CO1286" s="20">
        <v>3.64615</v>
      </c>
      <c r="CP1286" s="20">
        <v>3.9766699999999999</v>
      </c>
      <c r="CQ1286" s="20">
        <v>4.1645399999999997</v>
      </c>
      <c r="CR1286" s="20">
        <v>4.2699800000000003</v>
      </c>
      <c r="CS1286" s="20">
        <v>4.4180000000000001</v>
      </c>
      <c r="CT1286" s="20">
        <v>4.4240500000000003</v>
      </c>
      <c r="CU1286" s="20">
        <v>4.53118</v>
      </c>
      <c r="CV1286" s="20">
        <v>4.4866200000000003</v>
      </c>
      <c r="CW1286" s="20">
        <v>4.4377199999999997</v>
      </c>
      <c r="CX1286" s="20">
        <v>4.4615</v>
      </c>
      <c r="CY1286" s="6" t="s">
        <v>584</v>
      </c>
      <c r="CZ1286" s="6" t="s">
        <v>585</v>
      </c>
      <c r="DA1286" s="6" t="s">
        <v>162</v>
      </c>
      <c r="DB1286" s="6" t="s">
        <v>345</v>
      </c>
      <c r="DC1286" s="6">
        <v>22220</v>
      </c>
      <c r="DD1286" s="6"/>
      <c r="DE1286" s="6" t="s">
        <v>587</v>
      </c>
      <c r="DF1286" s="6" t="s">
        <v>375</v>
      </c>
      <c r="DG1286" s="6" t="s">
        <v>376</v>
      </c>
      <c r="DH1286" s="6" t="s">
        <v>328</v>
      </c>
      <c r="DI1286" s="6"/>
      <c r="DJ1286" s="6">
        <v>29</v>
      </c>
      <c r="DK1286" s="6">
        <v>119</v>
      </c>
      <c r="DL1286" s="6">
        <v>2</v>
      </c>
      <c r="DM1286" s="6" t="s">
        <v>379</v>
      </c>
      <c r="DN1286" s="6">
        <v>2</v>
      </c>
      <c r="DO1286" s="6" t="s">
        <v>463</v>
      </c>
      <c r="DP1286" s="6"/>
      <c r="DQ1286" s="6"/>
    </row>
    <row r="1287" spans="1:121" x14ac:dyDescent="0.2">
      <c r="A1287" s="6" t="s">
        <v>313</v>
      </c>
      <c r="B1287" s="6" t="s">
        <v>313</v>
      </c>
      <c r="C1287" s="6" t="s">
        <v>178</v>
      </c>
      <c r="D1287" s="6" t="s">
        <v>162</v>
      </c>
      <c r="E1287" s="6" t="s">
        <v>301</v>
      </c>
      <c r="F1287" s="11">
        <v>63</v>
      </c>
      <c r="G1287" s="13">
        <v>0.53846153846199996</v>
      </c>
      <c r="H1287" s="11">
        <v>79.049559254000016</v>
      </c>
      <c r="I1287" s="13">
        <v>0.67794241734205896</v>
      </c>
      <c r="J1287" s="11">
        <v>-44.482511705000007</v>
      </c>
      <c r="K1287" s="13">
        <v>-0.22735557266853995</v>
      </c>
      <c r="L1287" s="11">
        <v>28.631903862000001</v>
      </c>
      <c r="M1287" s="13">
        <v>0.18940299947108391</v>
      </c>
      <c r="N1287" s="11">
        <v>-15.850607843000006</v>
      </c>
      <c r="O1287" s="13">
        <v>-8.1014400607343509E-2</v>
      </c>
      <c r="P1287" s="7">
        <v>116.602173329</v>
      </c>
      <c r="Q1287" s="7">
        <v>106.38744865699999</v>
      </c>
      <c r="R1287" s="7">
        <v>112.873442995</v>
      </c>
      <c r="S1287" s="7">
        <v>151.26717329600001</v>
      </c>
      <c r="T1287" s="7">
        <v>243.619294825</v>
      </c>
      <c r="U1287" s="7">
        <v>178.59078153600001</v>
      </c>
      <c r="V1287" s="7">
        <v>195.65173258300001</v>
      </c>
      <c r="W1287" s="7">
        <v>125.630728959</v>
      </c>
      <c r="X1287" s="7">
        <v>106.540698746</v>
      </c>
      <c r="Y1287" s="7">
        <v>151.169220878</v>
      </c>
      <c r="Z1287" s="7">
        <v>150.696758114</v>
      </c>
      <c r="AA1287" s="7">
        <v>254.74048668699999</v>
      </c>
      <c r="AB1287" s="7">
        <v>262.39612311899998</v>
      </c>
      <c r="AC1287" s="7">
        <v>247.26122614100001</v>
      </c>
      <c r="AD1287" s="7">
        <v>265.51889212100002</v>
      </c>
      <c r="AE1287" s="7">
        <v>170.955863042</v>
      </c>
      <c r="AF1287" s="7">
        <v>179.80112474000001</v>
      </c>
      <c r="AG1287" s="9">
        <v>13683.302517199998</v>
      </c>
      <c r="AH1287" s="13">
        <v>0.54542962966466313</v>
      </c>
      <c r="AI1287" s="9">
        <v>6307.9339024000001</v>
      </c>
      <c r="AJ1287" s="13">
        <v>0.25144032648627274</v>
      </c>
      <c r="AK1287" s="9">
        <v>2081.9736320000011</v>
      </c>
      <c r="AL1287" s="13">
        <v>6.6315168476533598E-2</v>
      </c>
      <c r="AM1287" s="9">
        <v>5293.3949827999968</v>
      </c>
      <c r="AN1287" s="13">
        <v>0.15811984016085467</v>
      </c>
      <c r="AO1287" s="9">
        <v>7375.3686147999979</v>
      </c>
      <c r="AP1287" s="13">
        <v>0.23492075247713792</v>
      </c>
      <c r="AQ1287" s="9">
        <v>25087.2005718</v>
      </c>
      <c r="AR1287" s="9">
        <v>23226.4044636</v>
      </c>
      <c r="AS1287" s="9">
        <v>23621.017682099999</v>
      </c>
      <c r="AT1287" s="9">
        <v>24541.3498306</v>
      </c>
      <c r="AU1287" s="9">
        <v>25934.3806181</v>
      </c>
      <c r="AV1287" s="9">
        <v>32114.967200899999</v>
      </c>
      <c r="AW1287" s="9">
        <v>31395.1344742</v>
      </c>
      <c r="AX1287" s="9">
        <v>67195.492316699994</v>
      </c>
      <c r="AY1287" s="9">
        <v>37228.343009299999</v>
      </c>
      <c r="AZ1287" s="9">
        <v>33477.108106200001</v>
      </c>
      <c r="BA1287" s="9">
        <v>36000.216499000002</v>
      </c>
      <c r="BB1287" s="9">
        <v>35209.333283100001</v>
      </c>
      <c r="BC1287" s="9">
        <v>36557.216320899999</v>
      </c>
      <c r="BD1287" s="9">
        <v>36321.295381800002</v>
      </c>
      <c r="BE1287" s="9">
        <v>36414.921530200001</v>
      </c>
      <c r="BF1287" s="9">
        <v>38770.503088999998</v>
      </c>
      <c r="BG1287" s="11">
        <v>-1.75</v>
      </c>
      <c r="BH1287" s="13">
        <v>-0.10294117647058823</v>
      </c>
      <c r="BI1287" s="6">
        <v>-2</v>
      </c>
      <c r="BJ1287" s="13">
        <v>-0.11764705882352941</v>
      </c>
      <c r="BK1287" s="6">
        <v>2</v>
      </c>
      <c r="BL1287" s="13">
        <v>0.13333333333333333</v>
      </c>
      <c r="BM1287" s="11">
        <v>-1.75</v>
      </c>
      <c r="BN1287" s="13">
        <v>-0.10294117647058823</v>
      </c>
      <c r="BO1287" s="11">
        <v>0.25</v>
      </c>
      <c r="BP1287" s="13">
        <v>1.6666666666666666E-2</v>
      </c>
      <c r="BQ1287" s="6">
        <v>17</v>
      </c>
      <c r="BR1287" s="6">
        <v>18</v>
      </c>
      <c r="BS1287" s="6">
        <v>16</v>
      </c>
      <c r="BT1287" s="6">
        <v>15</v>
      </c>
      <c r="BU1287" s="6">
        <v>13</v>
      </c>
      <c r="BV1287" s="6">
        <v>14</v>
      </c>
      <c r="BW1287" s="6">
        <v>17</v>
      </c>
      <c r="BX1287" s="6">
        <v>15</v>
      </c>
      <c r="BY1287" s="6">
        <v>13</v>
      </c>
      <c r="BZ1287" s="6">
        <v>15</v>
      </c>
      <c r="CA1287" s="6">
        <v>17</v>
      </c>
      <c r="CB1287" s="6">
        <v>16</v>
      </c>
      <c r="CC1287" s="11">
        <v>15.25</v>
      </c>
      <c r="CD1287" s="11">
        <v>59.987200000000001</v>
      </c>
      <c r="CE1287" s="11">
        <v>-9.5342699999999994</v>
      </c>
      <c r="CF1287" s="11">
        <v>12.746</v>
      </c>
      <c r="CG1287" s="11">
        <v>3</v>
      </c>
      <c r="CH1287" s="20">
        <v>0.38159999999999999</v>
      </c>
      <c r="CI1287" s="20">
        <v>0.34697800000000001</v>
      </c>
      <c r="CJ1287" s="20">
        <v>0.37027300000000002</v>
      </c>
      <c r="CK1287" s="20">
        <v>0.48983300000000002</v>
      </c>
      <c r="CL1287" s="20">
        <v>0.76050700000000004</v>
      </c>
      <c r="CM1287" s="20">
        <v>0.54057699999999997</v>
      </c>
      <c r="CN1287" s="20">
        <v>0.57264099999999996</v>
      </c>
      <c r="CO1287" s="20">
        <v>0.37274299999999999</v>
      </c>
      <c r="CP1287" s="20">
        <v>0.33601199999999998</v>
      </c>
      <c r="CQ1287" s="20">
        <v>0.47815400000000002</v>
      </c>
      <c r="CR1287" s="20">
        <v>0.47456799999999999</v>
      </c>
      <c r="CS1287" s="20">
        <v>0.80524499999999999</v>
      </c>
      <c r="CT1287" s="20">
        <v>0.83765299999999998</v>
      </c>
      <c r="CU1287" s="20">
        <v>0.775169</v>
      </c>
      <c r="CV1287" s="20">
        <v>0.84586499999999998</v>
      </c>
      <c r="CW1287" s="20">
        <v>0.55872299999999997</v>
      </c>
      <c r="CX1287" s="20">
        <v>0.58254300000000003</v>
      </c>
      <c r="CY1287" s="6" t="s">
        <v>584</v>
      </c>
      <c r="CZ1287" s="6" t="s">
        <v>585</v>
      </c>
      <c r="DA1287" s="6" t="s">
        <v>162</v>
      </c>
      <c r="DB1287" s="6" t="s">
        <v>345</v>
      </c>
      <c r="DC1287" s="6">
        <v>22220</v>
      </c>
      <c r="DD1287" s="6"/>
      <c r="DE1287" s="6" t="s">
        <v>587</v>
      </c>
      <c r="DF1287" s="6" t="s">
        <v>375</v>
      </c>
      <c r="DG1287" s="6" t="s">
        <v>376</v>
      </c>
      <c r="DH1287" s="6" t="s">
        <v>328</v>
      </c>
      <c r="DI1287" s="6"/>
      <c r="DJ1287" s="6">
        <v>29</v>
      </c>
      <c r="DK1287" s="6">
        <v>119</v>
      </c>
      <c r="DL1287" s="6">
        <v>2</v>
      </c>
      <c r="DM1287" s="6" t="s">
        <v>379</v>
      </c>
      <c r="DN1287" s="6">
        <v>2</v>
      </c>
      <c r="DO1287" s="6" t="s">
        <v>463</v>
      </c>
      <c r="DP1287" s="6"/>
      <c r="DQ1287" s="6"/>
    </row>
    <row r="1288" spans="1:121" x14ac:dyDescent="0.2">
      <c r="A1288" s="6" t="s">
        <v>793</v>
      </c>
      <c r="B1288" s="6" t="s">
        <v>179</v>
      </c>
      <c r="C1288" s="6" t="s">
        <v>180</v>
      </c>
      <c r="D1288" s="6" t="s">
        <v>162</v>
      </c>
      <c r="E1288" s="6" t="s">
        <v>301</v>
      </c>
      <c r="F1288" s="11">
        <v>405</v>
      </c>
      <c r="G1288" s="13">
        <v>0.63</v>
      </c>
      <c r="H1288" s="11">
        <v>799</v>
      </c>
      <c r="I1288" s="13">
        <v>1.2387596899224806</v>
      </c>
      <c r="J1288" s="11">
        <v>-255</v>
      </c>
      <c r="K1288" s="13">
        <v>-0.17659279778393353</v>
      </c>
      <c r="L1288" s="11">
        <v>-139</v>
      </c>
      <c r="M1288" s="13">
        <v>-0.11690496215306979</v>
      </c>
      <c r="N1288" s="11">
        <v>-394</v>
      </c>
      <c r="O1288" s="13">
        <v>-0.27285318559556787</v>
      </c>
      <c r="P1288" s="7">
        <v>645</v>
      </c>
      <c r="Q1288" s="7">
        <v>681</v>
      </c>
      <c r="R1288" s="7">
        <v>704</v>
      </c>
      <c r="S1288" s="7">
        <v>721</v>
      </c>
      <c r="T1288" s="7">
        <v>1294</v>
      </c>
      <c r="U1288" s="7">
        <v>1444</v>
      </c>
      <c r="V1288" s="7">
        <v>1444</v>
      </c>
      <c r="W1288" s="7">
        <v>1319</v>
      </c>
      <c r="X1288" s="7">
        <v>1221</v>
      </c>
      <c r="Y1288" s="7">
        <v>1189</v>
      </c>
      <c r="Z1288" s="7">
        <v>1188</v>
      </c>
      <c r="AA1288" s="7">
        <v>1054</v>
      </c>
      <c r="AB1288" s="7">
        <v>976</v>
      </c>
      <c r="AC1288" s="7">
        <v>961</v>
      </c>
      <c r="AD1288" s="7">
        <v>1007</v>
      </c>
      <c r="AE1288" s="7">
        <v>1039</v>
      </c>
      <c r="AF1288" s="7">
        <v>1050</v>
      </c>
      <c r="AG1288" s="9">
        <v>5790</v>
      </c>
      <c r="AH1288" s="13">
        <v>0.28256307647259771</v>
      </c>
      <c r="AI1288" s="9">
        <v>4563</v>
      </c>
      <c r="AJ1288" s="13">
        <v>0.22268312917866381</v>
      </c>
      <c r="AK1288" s="9">
        <v>351</v>
      </c>
      <c r="AL1288" s="13">
        <v>1.4009738963838107E-2</v>
      </c>
      <c r="AM1288" s="9">
        <v>876</v>
      </c>
      <c r="AN1288" s="13">
        <v>3.4481401298956896E-2</v>
      </c>
      <c r="AO1288" s="9">
        <v>1227</v>
      </c>
      <c r="AP1288" s="13">
        <v>4.8974215694100744E-2</v>
      </c>
      <c r="AQ1288" s="9">
        <v>20491</v>
      </c>
      <c r="AR1288" s="9">
        <v>20392</v>
      </c>
      <c r="AS1288" s="9">
        <v>21432</v>
      </c>
      <c r="AT1288" s="9">
        <v>22708</v>
      </c>
      <c r="AU1288" s="9">
        <v>23032</v>
      </c>
      <c r="AV1288" s="9">
        <v>23234</v>
      </c>
      <c r="AW1288" s="9">
        <v>25054</v>
      </c>
      <c r="AX1288" s="9">
        <v>25937</v>
      </c>
      <c r="AY1288" s="9">
        <v>26941</v>
      </c>
      <c r="AZ1288" s="9">
        <v>25405</v>
      </c>
      <c r="BA1288" s="9">
        <v>25136</v>
      </c>
      <c r="BB1288" s="9">
        <v>24524</v>
      </c>
      <c r="BC1288" s="9">
        <v>24209</v>
      </c>
      <c r="BD1288" s="9">
        <v>24865</v>
      </c>
      <c r="BE1288" s="9">
        <v>25052</v>
      </c>
      <c r="BF1288" s="9">
        <v>26281</v>
      </c>
      <c r="BG1288" s="11">
        <v>-9</v>
      </c>
      <c r="BH1288" s="13">
        <v>-0.12328767123287671</v>
      </c>
      <c r="BI1288" s="6">
        <v>5</v>
      </c>
      <c r="BJ1288" s="13">
        <v>6.8493150684931503E-2</v>
      </c>
      <c r="BK1288" s="6">
        <v>-12</v>
      </c>
      <c r="BL1288" s="13">
        <v>-0.15384615384615385</v>
      </c>
      <c r="BM1288" s="11">
        <v>-2</v>
      </c>
      <c r="BN1288" s="13">
        <v>-3.0303030303030304E-2</v>
      </c>
      <c r="BO1288" s="11">
        <v>-14</v>
      </c>
      <c r="BP1288" s="13">
        <v>-0.17948717948717949</v>
      </c>
      <c r="BQ1288" s="6">
        <v>73</v>
      </c>
      <c r="BR1288" s="6">
        <v>82</v>
      </c>
      <c r="BS1288" s="6">
        <v>78</v>
      </c>
      <c r="BT1288" s="6">
        <v>78</v>
      </c>
      <c r="BU1288" s="6">
        <v>75</v>
      </c>
      <c r="BV1288" s="6">
        <v>69</v>
      </c>
      <c r="BW1288" s="6">
        <v>66</v>
      </c>
      <c r="BX1288" s="6">
        <v>65</v>
      </c>
      <c r="BY1288" s="6">
        <v>67</v>
      </c>
      <c r="BZ1288" s="6">
        <v>68</v>
      </c>
      <c r="CA1288" s="6">
        <v>61</v>
      </c>
      <c r="CB1288" s="6">
        <v>64</v>
      </c>
      <c r="CC1288" s="11">
        <v>64</v>
      </c>
      <c r="CD1288" s="11">
        <v>376</v>
      </c>
      <c r="CE1288" s="11">
        <v>-41</v>
      </c>
      <c r="CF1288" s="11">
        <v>71</v>
      </c>
      <c r="CG1288" s="11">
        <v>30</v>
      </c>
      <c r="CH1288" s="20">
        <v>0.79</v>
      </c>
      <c r="CI1288" s="20">
        <v>0.81</v>
      </c>
      <c r="CJ1288" s="20">
        <v>0.85</v>
      </c>
      <c r="CK1288" s="20">
        <v>0.86</v>
      </c>
      <c r="CL1288" s="20">
        <v>1.5</v>
      </c>
      <c r="CM1288" s="20">
        <v>1.65</v>
      </c>
      <c r="CN1288" s="20">
        <v>1.6</v>
      </c>
      <c r="CO1288" s="20">
        <v>1.5</v>
      </c>
      <c r="CP1288" s="20">
        <v>1.45</v>
      </c>
      <c r="CQ1288" s="20">
        <v>1.4</v>
      </c>
      <c r="CR1288" s="20">
        <v>1.39</v>
      </c>
      <c r="CS1288" s="20">
        <v>1.25</v>
      </c>
      <c r="CT1288" s="20">
        <v>1.17</v>
      </c>
      <c r="CU1288" s="20">
        <v>1.1200000000000001</v>
      </c>
      <c r="CV1288" s="20">
        <v>1.19</v>
      </c>
      <c r="CW1288" s="20">
        <v>1.24</v>
      </c>
      <c r="CX1288" s="20">
        <v>1.25</v>
      </c>
      <c r="CY1288" s="6" t="s">
        <v>584</v>
      </c>
      <c r="CZ1288" s="6" t="s">
        <v>585</v>
      </c>
      <c r="DA1288" s="6" t="s">
        <v>162</v>
      </c>
      <c r="DB1288" s="6" t="s">
        <v>345</v>
      </c>
      <c r="DC1288" s="6">
        <v>22220</v>
      </c>
      <c r="DD1288" s="6"/>
      <c r="DE1288" s="6" t="s">
        <v>587</v>
      </c>
      <c r="DF1288" s="6" t="s">
        <v>375</v>
      </c>
      <c r="DG1288" s="6" t="s">
        <v>376</v>
      </c>
      <c r="DH1288" s="6" t="s">
        <v>328</v>
      </c>
      <c r="DI1288" s="6"/>
      <c r="DJ1288" s="6">
        <v>29</v>
      </c>
      <c r="DK1288" s="6">
        <v>119</v>
      </c>
      <c r="DL1288" s="6">
        <v>2</v>
      </c>
      <c r="DM1288" s="6" t="s">
        <v>379</v>
      </c>
      <c r="DN1288" s="6">
        <v>2</v>
      </c>
      <c r="DO1288" s="6" t="s">
        <v>463</v>
      </c>
      <c r="DP1288" s="6"/>
      <c r="DQ1288" s="6"/>
    </row>
    <row r="1289" spans="1:121" x14ac:dyDescent="0.2">
      <c r="A1289" s="6" t="s">
        <v>794</v>
      </c>
      <c r="B1289" s="6" t="s">
        <v>181</v>
      </c>
      <c r="C1289" s="6" t="s">
        <v>182</v>
      </c>
      <c r="D1289" s="6" t="s">
        <v>162</v>
      </c>
      <c r="E1289" s="6" t="s">
        <v>301</v>
      </c>
      <c r="F1289" s="11">
        <v>-170</v>
      </c>
      <c r="G1289" s="13">
        <v>-0.48571428571399999</v>
      </c>
      <c r="H1289" s="11">
        <v>-192.55334040000002</v>
      </c>
      <c r="I1289" s="13">
        <v>-0.55038086098628802</v>
      </c>
      <c r="J1289" s="11">
        <v>-17.330889486999979</v>
      </c>
      <c r="K1289" s="13">
        <v>-0.11017633700421152</v>
      </c>
      <c r="L1289" s="11">
        <v>40.237275877999991</v>
      </c>
      <c r="M1289" s="13">
        <v>0.28746971371163388</v>
      </c>
      <c r="N1289" s="11">
        <v>22.906386391000012</v>
      </c>
      <c r="O1289" s="13">
        <v>0.1456210166510252</v>
      </c>
      <c r="P1289" s="7">
        <v>349.85471706800001</v>
      </c>
      <c r="Q1289" s="7">
        <v>267.91440318399998</v>
      </c>
      <c r="R1289" s="7">
        <v>280.05101652500002</v>
      </c>
      <c r="S1289" s="7">
        <v>285.70306049499999</v>
      </c>
      <c r="T1289" s="7">
        <v>193.40962550699999</v>
      </c>
      <c r="U1289" s="7">
        <v>178.73215032900001</v>
      </c>
      <c r="V1289" s="7">
        <v>157.30137666799999</v>
      </c>
      <c r="W1289" s="7">
        <v>136.30063920000001</v>
      </c>
      <c r="X1289" s="7">
        <v>153.08590673500001</v>
      </c>
      <c r="Y1289" s="7">
        <v>139.97048718100001</v>
      </c>
      <c r="Z1289" s="7">
        <v>145.999540319</v>
      </c>
      <c r="AA1289" s="7">
        <v>145.98750851200001</v>
      </c>
      <c r="AB1289" s="7">
        <v>186.99535442000001</v>
      </c>
      <c r="AC1289" s="7">
        <v>185.47722898500001</v>
      </c>
      <c r="AD1289" s="7">
        <v>178.74092593699999</v>
      </c>
      <c r="AE1289" s="7">
        <v>177.23699388099999</v>
      </c>
      <c r="AF1289" s="7">
        <v>180.207763059</v>
      </c>
      <c r="AG1289" s="9">
        <v>10940.522066199999</v>
      </c>
      <c r="AH1289" s="13">
        <v>0.25905390440136633</v>
      </c>
      <c r="AI1289" s="9">
        <v>498.9668668000013</v>
      </c>
      <c r="AJ1289" s="13">
        <v>1.1814730067662376E-2</v>
      </c>
      <c r="AK1289" s="9">
        <v>3274.1347308999975</v>
      </c>
      <c r="AL1289" s="13">
        <v>7.6620969860828295E-2</v>
      </c>
      <c r="AM1289" s="9">
        <v>7167.4204685000004</v>
      </c>
      <c r="AN1289" s="13">
        <v>0.15579415008764358</v>
      </c>
      <c r="AO1289" s="9">
        <v>10441.555199399998</v>
      </c>
      <c r="AP1289" s="13">
        <v>0.24435221882683056</v>
      </c>
      <c r="AQ1289" s="9">
        <v>42232.608273099999</v>
      </c>
      <c r="AR1289" s="9">
        <v>34477.362866099997</v>
      </c>
      <c r="AS1289" s="9">
        <v>40365.6835182</v>
      </c>
      <c r="AT1289" s="9">
        <v>39892.589671399997</v>
      </c>
      <c r="AU1289" s="9">
        <v>37054.965839299999</v>
      </c>
      <c r="AV1289" s="9">
        <v>38419.383069900003</v>
      </c>
      <c r="AW1289" s="9">
        <v>42731.5751399</v>
      </c>
      <c r="AX1289" s="9">
        <v>45201.734160200001</v>
      </c>
      <c r="AY1289" s="9">
        <v>42379.3145554</v>
      </c>
      <c r="AZ1289" s="9">
        <v>46005.709870799998</v>
      </c>
      <c r="BA1289" s="9">
        <v>42928.820705700004</v>
      </c>
      <c r="BB1289" s="9">
        <v>45549.510523199999</v>
      </c>
      <c r="BC1289" s="9">
        <v>51966.8645244</v>
      </c>
      <c r="BD1289" s="9">
        <v>50526.271778900002</v>
      </c>
      <c r="BE1289" s="9">
        <v>52588.277021900001</v>
      </c>
      <c r="BF1289" s="9">
        <v>53173.130339299998</v>
      </c>
      <c r="BG1289" s="11">
        <v>7.25</v>
      </c>
      <c r="BH1289" s="13">
        <v>0.65909090909090906</v>
      </c>
      <c r="BI1289" s="6">
        <v>-1</v>
      </c>
      <c r="BJ1289" s="13">
        <v>-9.0909090909090912E-2</v>
      </c>
      <c r="BK1289" s="6">
        <v>2</v>
      </c>
      <c r="BL1289" s="13">
        <v>0.2</v>
      </c>
      <c r="BM1289" s="11">
        <v>6.25</v>
      </c>
      <c r="BN1289" s="13">
        <v>0.52083333333333337</v>
      </c>
      <c r="BO1289" s="11">
        <v>8.25</v>
      </c>
      <c r="BP1289" s="13">
        <v>0.82499999999999996</v>
      </c>
      <c r="BQ1289" s="6">
        <v>11</v>
      </c>
      <c r="BR1289" s="6">
        <v>12</v>
      </c>
      <c r="BS1289" s="6">
        <v>12</v>
      </c>
      <c r="BT1289" s="6">
        <v>10</v>
      </c>
      <c r="BU1289" s="6">
        <v>12</v>
      </c>
      <c r="BV1289" s="6">
        <v>11</v>
      </c>
      <c r="BW1289" s="6">
        <v>12</v>
      </c>
      <c r="BX1289" s="6">
        <v>17</v>
      </c>
      <c r="BY1289" s="6">
        <v>17</v>
      </c>
      <c r="BZ1289" s="6">
        <v>14</v>
      </c>
      <c r="CA1289" s="6">
        <v>13</v>
      </c>
      <c r="CB1289" s="6">
        <v>18</v>
      </c>
      <c r="CC1289" s="11">
        <v>18.25</v>
      </c>
      <c r="CD1289" s="11">
        <v>-229.94200000000001</v>
      </c>
      <c r="CE1289" s="11">
        <v>22.051500000000001</v>
      </c>
      <c r="CF1289" s="11">
        <v>38.243299999999998</v>
      </c>
      <c r="CG1289" s="11">
        <v>60</v>
      </c>
      <c r="CH1289" s="20">
        <v>1.4463699999999999</v>
      </c>
      <c r="CI1289" s="20">
        <v>1.1131899999999999</v>
      </c>
      <c r="CJ1289" s="20">
        <v>1.1728499999999999</v>
      </c>
      <c r="CK1289" s="20">
        <v>1.16974</v>
      </c>
      <c r="CL1289" s="20">
        <v>0.75880700000000001</v>
      </c>
      <c r="CM1289" s="20">
        <v>0.67797200000000002</v>
      </c>
      <c r="CN1289" s="20">
        <v>0.57571399999999995</v>
      </c>
      <c r="CO1289" s="20">
        <v>0.50574699999999995</v>
      </c>
      <c r="CP1289" s="20">
        <v>0.60204500000000005</v>
      </c>
      <c r="CQ1289" s="20">
        <v>0.54874000000000001</v>
      </c>
      <c r="CR1289" s="20">
        <v>0.56247800000000003</v>
      </c>
      <c r="CS1289" s="20">
        <v>0.56235100000000005</v>
      </c>
      <c r="CT1289" s="20">
        <v>0.72307999999999995</v>
      </c>
      <c r="CU1289" s="20">
        <v>0.688639</v>
      </c>
      <c r="CV1289" s="20">
        <v>0.65126899999999999</v>
      </c>
      <c r="CW1289" s="20">
        <v>0.64558099999999996</v>
      </c>
      <c r="CX1289" s="20">
        <v>0.64646700000000001</v>
      </c>
      <c r="CY1289" s="6" t="s">
        <v>584</v>
      </c>
      <c r="CZ1289" s="6" t="s">
        <v>585</v>
      </c>
      <c r="DA1289" s="6" t="s">
        <v>162</v>
      </c>
      <c r="DB1289" s="6" t="s">
        <v>345</v>
      </c>
      <c r="DC1289" s="6">
        <v>22220</v>
      </c>
      <c r="DD1289" s="6"/>
      <c r="DE1289" s="6" t="s">
        <v>587</v>
      </c>
      <c r="DF1289" s="6" t="s">
        <v>375</v>
      </c>
      <c r="DG1289" s="6" t="s">
        <v>376</v>
      </c>
      <c r="DH1289" s="6" t="s">
        <v>328</v>
      </c>
      <c r="DI1289" s="6"/>
      <c r="DJ1289" s="6">
        <v>29</v>
      </c>
      <c r="DK1289" s="6">
        <v>119</v>
      </c>
      <c r="DL1289" s="6">
        <v>2</v>
      </c>
      <c r="DM1289" s="6" t="s">
        <v>379</v>
      </c>
      <c r="DN1289" s="6">
        <v>2</v>
      </c>
      <c r="DO1289" s="6" t="s">
        <v>463</v>
      </c>
      <c r="DP1289" s="6"/>
      <c r="DQ1289" s="6"/>
    </row>
    <row r="1290" spans="1:121" x14ac:dyDescent="0.2">
      <c r="A1290" s="6" t="s">
        <v>314</v>
      </c>
      <c r="B1290" s="6" t="s">
        <v>314</v>
      </c>
      <c r="C1290" s="6" t="s">
        <v>183</v>
      </c>
      <c r="D1290" s="6" t="s">
        <v>162</v>
      </c>
      <c r="E1290" s="6" t="s">
        <v>301</v>
      </c>
      <c r="F1290" s="11">
        <v>-16</v>
      </c>
      <c r="G1290" s="13">
        <v>-0.38095238095200001</v>
      </c>
      <c r="H1290" s="11">
        <v>-3.7039159821999945</v>
      </c>
      <c r="I1290" s="13">
        <v>-8.9208348458536715E-2</v>
      </c>
      <c r="J1290" s="11">
        <v>-8.8650552025000025</v>
      </c>
      <c r="K1290" s="13">
        <v>-0.23442653885979076</v>
      </c>
      <c r="L1290" s="11">
        <v>-2.6890922305000018</v>
      </c>
      <c r="M1290" s="13">
        <v>-9.2884694945356672E-2</v>
      </c>
      <c r="N1290" s="11">
        <v>-11.554147433000004</v>
      </c>
      <c r="O1290" s="13">
        <v>-0.30553659625606</v>
      </c>
      <c r="P1290" s="7">
        <v>41.519835824799998</v>
      </c>
      <c r="Q1290" s="7">
        <v>45.257007770199998</v>
      </c>
      <c r="R1290" s="7">
        <v>38.441535257200002</v>
      </c>
      <c r="S1290" s="7">
        <v>37.0418864082</v>
      </c>
      <c r="T1290" s="7">
        <v>37.637787726500001</v>
      </c>
      <c r="U1290" s="7">
        <v>35.153787000000001</v>
      </c>
      <c r="V1290" s="7">
        <v>37.815919842600003</v>
      </c>
      <c r="W1290" s="7">
        <v>36.776541999999999</v>
      </c>
      <c r="X1290" s="7">
        <v>38.218948415500002</v>
      </c>
      <c r="Y1290" s="7">
        <v>28.950864640100001</v>
      </c>
      <c r="Z1290" s="7">
        <v>31.508327209699999</v>
      </c>
      <c r="AA1290" s="7">
        <v>31.2386644499</v>
      </c>
      <c r="AB1290" s="7">
        <v>33.072389791600003</v>
      </c>
      <c r="AC1290" s="7">
        <v>29.671857859799999</v>
      </c>
      <c r="AD1290" s="7">
        <v>26.104904589899999</v>
      </c>
      <c r="AE1290" s="7">
        <v>26.305698960699999</v>
      </c>
      <c r="AF1290" s="7">
        <v>26.261772409599999</v>
      </c>
      <c r="AG1290" s="9">
        <v>114859.91641199999</v>
      </c>
      <c r="AH1290" s="13">
        <v>1.6944269650810382</v>
      </c>
      <c r="AI1290" s="9">
        <v>44926.264381000001</v>
      </c>
      <c r="AJ1290" s="13">
        <v>0.66275752399531684</v>
      </c>
      <c r="AK1290" s="9">
        <v>41359.242757999993</v>
      </c>
      <c r="AL1290" s="13">
        <v>0.3669424998160023</v>
      </c>
      <c r="AM1290" s="9">
        <v>28574.409272999997</v>
      </c>
      <c r="AN1290" s="13">
        <v>0.18546093759140816</v>
      </c>
      <c r="AO1290" s="9">
        <v>69933.652030999991</v>
      </c>
      <c r="AP1290" s="13">
        <v>0.62045693746542141</v>
      </c>
      <c r="AQ1290" s="9">
        <v>67786.879446000006</v>
      </c>
      <c r="AR1290" s="9">
        <v>66992.3586354</v>
      </c>
      <c r="AS1290" s="9">
        <v>83820.148016499996</v>
      </c>
      <c r="AT1290" s="9">
        <v>100230.39722899999</v>
      </c>
      <c r="AU1290" s="9">
        <v>107235.934844</v>
      </c>
      <c r="AV1290" s="9">
        <v>118796.811541</v>
      </c>
      <c r="AW1290" s="9">
        <v>112713.14382700001</v>
      </c>
      <c r="AX1290" s="9">
        <v>150858.01954099999</v>
      </c>
      <c r="AY1290" s="9">
        <v>128260.236196</v>
      </c>
      <c r="AZ1290" s="9">
        <v>154072.386585</v>
      </c>
      <c r="BA1290" s="9">
        <v>146748.72282299999</v>
      </c>
      <c r="BB1290" s="9">
        <v>150560.51896399999</v>
      </c>
      <c r="BC1290" s="9">
        <v>228626.22933100001</v>
      </c>
      <c r="BD1290" s="9">
        <v>173281.94800900001</v>
      </c>
      <c r="BE1290" s="9">
        <v>169094.40144799999</v>
      </c>
      <c r="BF1290" s="9">
        <v>182646.795858</v>
      </c>
      <c r="BG1290" s="11">
        <v>-2</v>
      </c>
      <c r="BH1290" s="13">
        <v>-0.5</v>
      </c>
      <c r="BI1290" s="6">
        <v>0</v>
      </c>
      <c r="BJ1290" s="13">
        <v>0</v>
      </c>
      <c r="BK1290" s="6">
        <v>-1</v>
      </c>
      <c r="BL1290" s="13">
        <v>-0.25</v>
      </c>
      <c r="BM1290" s="11">
        <v>-1</v>
      </c>
      <c r="BN1290" s="13">
        <v>-0.33333333333333331</v>
      </c>
      <c r="BO1290" s="11">
        <v>-2</v>
      </c>
      <c r="BP1290" s="13">
        <v>-0.5</v>
      </c>
      <c r="BQ1290" s="6">
        <v>4</v>
      </c>
      <c r="BR1290" s="6">
        <v>4</v>
      </c>
      <c r="BS1290" s="6">
        <v>4</v>
      </c>
      <c r="BT1290" s="6">
        <v>4</v>
      </c>
      <c r="BU1290" s="6">
        <v>5</v>
      </c>
      <c r="BV1290" s="6">
        <v>5</v>
      </c>
      <c r="BW1290" s="6">
        <v>3</v>
      </c>
      <c r="BX1290" s="6">
        <v>4</v>
      </c>
      <c r="BY1290" s="6">
        <v>4</v>
      </c>
      <c r="BZ1290" s="6">
        <v>4</v>
      </c>
      <c r="CA1290" s="6">
        <v>4</v>
      </c>
      <c r="CB1290" s="6">
        <v>3</v>
      </c>
      <c r="CC1290" s="11">
        <v>2</v>
      </c>
      <c r="CD1290" s="11">
        <v>-7.0795500000000002</v>
      </c>
      <c r="CE1290" s="11">
        <v>-12.7171</v>
      </c>
      <c r="CF1290" s="11">
        <v>4.5386199999999999</v>
      </c>
      <c r="CG1290" s="11">
        <v>-8</v>
      </c>
      <c r="CH1290" s="20">
        <v>0.217976</v>
      </c>
      <c r="CI1290" s="20">
        <v>0.245528</v>
      </c>
      <c r="CJ1290" s="20">
        <v>0.21949099999999999</v>
      </c>
      <c r="CK1290" s="20">
        <v>0.21551200000000001</v>
      </c>
      <c r="CL1290" s="20">
        <v>0.21779299999999999</v>
      </c>
      <c r="CM1290" s="20">
        <v>0.20253499999999999</v>
      </c>
      <c r="CN1290" s="20">
        <v>0.215031</v>
      </c>
      <c r="CO1290" s="20">
        <v>0.21385499999999999</v>
      </c>
      <c r="CP1290" s="20">
        <v>0.234435</v>
      </c>
      <c r="CQ1290" s="20">
        <v>0.18158299999999999</v>
      </c>
      <c r="CR1290" s="20">
        <v>0.201435</v>
      </c>
      <c r="CS1290" s="20">
        <v>0.20371500000000001</v>
      </c>
      <c r="CT1290" s="20">
        <v>0.218748</v>
      </c>
      <c r="CU1290" s="20">
        <v>0.19248299999999999</v>
      </c>
      <c r="CV1290" s="20">
        <v>0.17226</v>
      </c>
      <c r="CW1290" s="20">
        <v>0.17541999999999999</v>
      </c>
      <c r="CX1290" s="20">
        <v>0.17465600000000001</v>
      </c>
      <c r="CY1290" s="6" t="s">
        <v>584</v>
      </c>
      <c r="CZ1290" s="6" t="s">
        <v>585</v>
      </c>
      <c r="DA1290" s="6" t="s">
        <v>162</v>
      </c>
      <c r="DB1290" s="6" t="s">
        <v>345</v>
      </c>
      <c r="DC1290" s="6">
        <v>22220</v>
      </c>
      <c r="DD1290" s="6"/>
      <c r="DE1290" s="6" t="s">
        <v>587</v>
      </c>
      <c r="DF1290" s="6" t="s">
        <v>375</v>
      </c>
      <c r="DG1290" s="6" t="s">
        <v>376</v>
      </c>
      <c r="DH1290" s="6" t="s">
        <v>328</v>
      </c>
      <c r="DI1290" s="6"/>
      <c r="DJ1290" s="6">
        <v>29</v>
      </c>
      <c r="DK1290" s="6">
        <v>119</v>
      </c>
      <c r="DL1290" s="6">
        <v>2</v>
      </c>
      <c r="DM1290" s="6" t="s">
        <v>379</v>
      </c>
      <c r="DN1290" s="6">
        <v>2</v>
      </c>
      <c r="DO1290" s="6" t="s">
        <v>463</v>
      </c>
      <c r="DP1290" s="6"/>
      <c r="DQ1290" s="6"/>
    </row>
    <row r="1291" spans="1:121" x14ac:dyDescent="0.2">
      <c r="A1291" s="6" t="s">
        <v>315</v>
      </c>
      <c r="B1291" s="6" t="s">
        <v>315</v>
      </c>
      <c r="C1291" s="6" t="s">
        <v>184</v>
      </c>
      <c r="D1291" s="6" t="s">
        <v>162</v>
      </c>
      <c r="E1291" s="6" t="s">
        <v>301</v>
      </c>
      <c r="F1291" s="11">
        <v>19</v>
      </c>
      <c r="G1291" s="13">
        <v>0.19</v>
      </c>
      <c r="H1291" s="11">
        <v>26</v>
      </c>
      <c r="I1291" s="13">
        <v>0.26262626262626265</v>
      </c>
      <c r="J1291" s="11">
        <v>19</v>
      </c>
      <c r="K1291" s="13">
        <v>0.152</v>
      </c>
      <c r="L1291" s="11">
        <v>-26</v>
      </c>
      <c r="M1291" s="13">
        <v>-0.18055555555555555</v>
      </c>
      <c r="N1291" s="11">
        <v>-7</v>
      </c>
      <c r="O1291" s="13">
        <v>-5.6000000000000001E-2</v>
      </c>
      <c r="P1291" s="7">
        <v>99</v>
      </c>
      <c r="Q1291" s="7">
        <v>100</v>
      </c>
      <c r="R1291" s="7">
        <v>96</v>
      </c>
      <c r="S1291" s="7">
        <v>101</v>
      </c>
      <c r="T1291" s="7">
        <v>110</v>
      </c>
      <c r="U1291" s="7">
        <v>120</v>
      </c>
      <c r="V1291" s="7">
        <v>125</v>
      </c>
      <c r="W1291" s="7">
        <v>128</v>
      </c>
      <c r="X1291" s="7">
        <v>132</v>
      </c>
      <c r="Y1291" s="7">
        <v>144</v>
      </c>
      <c r="Z1291" s="7">
        <v>139</v>
      </c>
      <c r="AA1291" s="7">
        <v>140</v>
      </c>
      <c r="AB1291" s="7">
        <v>142</v>
      </c>
      <c r="AC1291" s="7">
        <v>123</v>
      </c>
      <c r="AD1291" s="7">
        <v>124</v>
      </c>
      <c r="AE1291" s="7">
        <v>119</v>
      </c>
      <c r="AF1291" s="7">
        <v>118</v>
      </c>
      <c r="AG1291" s="9">
        <v>10808</v>
      </c>
      <c r="AH1291" s="13">
        <v>0.31060148863407766</v>
      </c>
      <c r="AI1291" s="9">
        <v>4764</v>
      </c>
      <c r="AJ1291" s="13">
        <v>0.13690835416846281</v>
      </c>
      <c r="AK1291" s="9">
        <v>-3448</v>
      </c>
      <c r="AL1291" s="13">
        <v>-8.7156543060084427E-2</v>
      </c>
      <c r="AM1291" s="9">
        <v>9492</v>
      </c>
      <c r="AN1291" s="13">
        <v>0.26284163597596433</v>
      </c>
      <c r="AO1291" s="9">
        <v>6044</v>
      </c>
      <c r="AP1291" s="13">
        <v>0.15277672455195773</v>
      </c>
      <c r="AQ1291" s="9">
        <v>34797</v>
      </c>
      <c r="AR1291" s="9">
        <v>36664</v>
      </c>
      <c r="AS1291" s="9">
        <v>37419</v>
      </c>
      <c r="AT1291" s="9">
        <v>33393</v>
      </c>
      <c r="AU1291" s="9">
        <v>40545</v>
      </c>
      <c r="AV1291" s="9">
        <v>38350</v>
      </c>
      <c r="AW1291" s="9">
        <v>39561</v>
      </c>
      <c r="AX1291" s="9">
        <v>42132</v>
      </c>
      <c r="AY1291" s="9">
        <v>37601</v>
      </c>
      <c r="AZ1291" s="9">
        <v>36113</v>
      </c>
      <c r="BA1291" s="9">
        <v>38569</v>
      </c>
      <c r="BB1291" s="9">
        <v>40114</v>
      </c>
      <c r="BC1291" s="9">
        <v>40689</v>
      </c>
      <c r="BD1291" s="9">
        <v>41475</v>
      </c>
      <c r="BE1291" s="9">
        <v>43281</v>
      </c>
      <c r="BF1291" s="9">
        <v>45605</v>
      </c>
      <c r="BG1291" s="11">
        <v>2</v>
      </c>
      <c r="BH1291" s="13">
        <v>0.11764705882352941</v>
      </c>
      <c r="BI1291" s="6">
        <v>3</v>
      </c>
      <c r="BJ1291" s="13">
        <v>0.17647058823529413</v>
      </c>
      <c r="BK1291" s="6">
        <v>1</v>
      </c>
      <c r="BL1291" s="13">
        <v>0.05</v>
      </c>
      <c r="BM1291" s="11">
        <v>-2</v>
      </c>
      <c r="BN1291" s="13">
        <v>-9.5238095238095233E-2</v>
      </c>
      <c r="BO1291" s="11">
        <v>-1</v>
      </c>
      <c r="BP1291" s="13">
        <v>-0.05</v>
      </c>
      <c r="BQ1291" s="6">
        <v>17</v>
      </c>
      <c r="BR1291" s="6">
        <v>18</v>
      </c>
      <c r="BS1291" s="6">
        <v>20</v>
      </c>
      <c r="BT1291" s="6">
        <v>20</v>
      </c>
      <c r="BU1291" s="6">
        <v>21</v>
      </c>
      <c r="BV1291" s="6">
        <v>21</v>
      </c>
      <c r="BW1291" s="6">
        <v>21</v>
      </c>
      <c r="BX1291" s="6">
        <v>20</v>
      </c>
      <c r="BY1291" s="6">
        <v>20</v>
      </c>
      <c r="BZ1291" s="6">
        <v>21</v>
      </c>
      <c r="CA1291" s="6">
        <v>26</v>
      </c>
      <c r="CB1291" s="6">
        <v>23</v>
      </c>
      <c r="CC1291" s="11">
        <v>19</v>
      </c>
      <c r="CD1291" s="11">
        <v>16</v>
      </c>
      <c r="CE1291" s="11">
        <v>-8</v>
      </c>
      <c r="CF1291" s="11">
        <v>11</v>
      </c>
      <c r="CG1291" s="11">
        <v>3</v>
      </c>
      <c r="CH1291" s="20">
        <v>0.32</v>
      </c>
      <c r="CI1291" s="20">
        <v>0.32</v>
      </c>
      <c r="CJ1291" s="20">
        <v>0.3</v>
      </c>
      <c r="CK1291" s="20">
        <v>0.31</v>
      </c>
      <c r="CL1291" s="20">
        <v>0.33</v>
      </c>
      <c r="CM1291" s="20">
        <v>0.35</v>
      </c>
      <c r="CN1291" s="20">
        <v>0.36</v>
      </c>
      <c r="CO1291" s="20">
        <v>0.38</v>
      </c>
      <c r="CP1291" s="20">
        <v>0.4</v>
      </c>
      <c r="CQ1291" s="20">
        <v>0.44</v>
      </c>
      <c r="CR1291" s="20">
        <v>0.43</v>
      </c>
      <c r="CS1291" s="20">
        <v>0.44</v>
      </c>
      <c r="CT1291" s="20">
        <v>0.45</v>
      </c>
      <c r="CU1291" s="20">
        <v>0.38</v>
      </c>
      <c r="CV1291" s="20">
        <v>0.39</v>
      </c>
      <c r="CW1291" s="20">
        <v>0.38</v>
      </c>
      <c r="CX1291" s="20">
        <v>0.38</v>
      </c>
      <c r="CY1291" s="6" t="s">
        <v>584</v>
      </c>
      <c r="CZ1291" s="6" t="s">
        <v>585</v>
      </c>
      <c r="DA1291" s="6" t="s">
        <v>162</v>
      </c>
      <c r="DB1291" s="6" t="s">
        <v>345</v>
      </c>
      <c r="DC1291" s="6">
        <v>22220</v>
      </c>
      <c r="DD1291" s="6"/>
      <c r="DE1291" s="6" t="s">
        <v>587</v>
      </c>
      <c r="DF1291" s="6" t="s">
        <v>375</v>
      </c>
      <c r="DG1291" s="6" t="s">
        <v>376</v>
      </c>
      <c r="DH1291" s="6" t="s">
        <v>328</v>
      </c>
      <c r="DI1291" s="6"/>
      <c r="DJ1291" s="6">
        <v>29</v>
      </c>
      <c r="DK1291" s="6">
        <v>119</v>
      </c>
      <c r="DL1291" s="6">
        <v>2</v>
      </c>
      <c r="DM1291" s="6" t="s">
        <v>379</v>
      </c>
      <c r="DN1291" s="6">
        <v>2</v>
      </c>
      <c r="DO1291" s="6" t="s">
        <v>463</v>
      </c>
      <c r="DP1291" s="6"/>
      <c r="DQ1291" s="6"/>
    </row>
    <row r="1292" spans="1:121" x14ac:dyDescent="0.2">
      <c r="A1292" s="6" t="s">
        <v>316</v>
      </c>
      <c r="B1292" s="6" t="s">
        <v>316</v>
      </c>
      <c r="C1292" s="6" t="s">
        <v>185</v>
      </c>
      <c r="D1292" s="6" t="s">
        <v>162</v>
      </c>
      <c r="E1292" s="6" t="s">
        <v>301</v>
      </c>
      <c r="F1292" s="11">
        <v>-10</v>
      </c>
      <c r="G1292" s="13">
        <v>-0.28999999999999998</v>
      </c>
      <c r="H1292" s="11">
        <v>12</v>
      </c>
      <c r="I1292" s="13">
        <v>0.35294117647058826</v>
      </c>
      <c r="J1292" s="11">
        <v>-18</v>
      </c>
      <c r="K1292" s="13">
        <v>-0.39130434782608697</v>
      </c>
      <c r="L1292" s="11">
        <v>-4</v>
      </c>
      <c r="M1292" s="13">
        <v>-0.14285714285714285</v>
      </c>
      <c r="N1292" s="11">
        <v>-22</v>
      </c>
      <c r="O1292" s="13">
        <v>-0.47826086956521746</v>
      </c>
      <c r="P1292" s="7">
        <v>34</v>
      </c>
      <c r="Q1292" s="7">
        <v>39</v>
      </c>
      <c r="R1292" s="7">
        <v>35</v>
      </c>
      <c r="S1292" s="7">
        <v>41</v>
      </c>
      <c r="T1292" s="7">
        <v>45</v>
      </c>
      <c r="U1292" s="7">
        <v>42</v>
      </c>
      <c r="V1292" s="7">
        <v>46</v>
      </c>
      <c r="W1292" s="7">
        <v>43</v>
      </c>
      <c r="X1292" s="7">
        <v>38</v>
      </c>
      <c r="Y1292" s="7">
        <v>28</v>
      </c>
      <c r="Z1292" s="7">
        <v>23</v>
      </c>
      <c r="AA1292" s="7">
        <v>18</v>
      </c>
      <c r="AB1292" s="7">
        <v>20</v>
      </c>
      <c r="AC1292" s="7">
        <v>22</v>
      </c>
      <c r="AD1292" s="7">
        <v>24</v>
      </c>
      <c r="AE1292" s="7">
        <v>23</v>
      </c>
      <c r="AF1292" s="7">
        <v>24</v>
      </c>
      <c r="AG1292" s="9">
        <v>-573</v>
      </c>
      <c r="AH1292" s="13">
        <v>-2.492171189979123E-2</v>
      </c>
      <c r="AI1292" s="9">
        <v>1527</v>
      </c>
      <c r="AJ1292" s="13">
        <v>6.641440501043841E-2</v>
      </c>
      <c r="AK1292" s="9">
        <v>2322</v>
      </c>
      <c r="AL1292" s="13">
        <v>9.4702067784167399E-2</v>
      </c>
      <c r="AM1292" s="9">
        <v>-4422</v>
      </c>
      <c r="AN1292" s="13">
        <v>-0.1647479602101263</v>
      </c>
      <c r="AO1292" s="9">
        <v>-2100</v>
      </c>
      <c r="AP1292" s="13">
        <v>-8.5647864921081604E-2</v>
      </c>
      <c r="AQ1292" s="9">
        <v>22992</v>
      </c>
      <c r="AR1292" s="9">
        <v>18953</v>
      </c>
      <c r="AS1292" s="9">
        <v>20573</v>
      </c>
      <c r="AT1292" s="9">
        <v>26654</v>
      </c>
      <c r="AU1292" s="9">
        <v>22007</v>
      </c>
      <c r="AV1292" s="9">
        <v>36724</v>
      </c>
      <c r="AW1292" s="9">
        <v>24519</v>
      </c>
      <c r="AX1292" s="9">
        <v>23491</v>
      </c>
      <c r="AY1292" s="9">
        <v>24990</v>
      </c>
      <c r="AZ1292" s="9">
        <v>26841</v>
      </c>
      <c r="BA1292" s="9">
        <v>21239</v>
      </c>
      <c r="BB1292" s="9">
        <v>23304</v>
      </c>
      <c r="BC1292" s="9">
        <v>21429</v>
      </c>
      <c r="BD1292" s="9">
        <v>21617</v>
      </c>
      <c r="BE1292" s="9">
        <v>21020</v>
      </c>
      <c r="BF1292" s="9">
        <v>22419</v>
      </c>
      <c r="BG1292" s="11">
        <v>-4</v>
      </c>
      <c r="BH1292" s="13">
        <v>-0.36363636363636365</v>
      </c>
      <c r="BI1292" s="6">
        <v>1</v>
      </c>
      <c r="BJ1292" s="13">
        <v>9.0909090909090912E-2</v>
      </c>
      <c r="BK1292" s="6">
        <v>-2</v>
      </c>
      <c r="BL1292" s="13">
        <v>-0.16666666666666666</v>
      </c>
      <c r="BM1292" s="11">
        <v>-3</v>
      </c>
      <c r="BN1292" s="13">
        <v>-0.3</v>
      </c>
      <c r="BO1292" s="11">
        <v>-5</v>
      </c>
      <c r="BP1292" s="13">
        <v>-0.41666666666666669</v>
      </c>
      <c r="BQ1292" s="6">
        <v>11</v>
      </c>
      <c r="BR1292" s="6">
        <v>11</v>
      </c>
      <c r="BS1292" s="6">
        <v>11</v>
      </c>
      <c r="BT1292" s="6">
        <v>12</v>
      </c>
      <c r="BU1292" s="6">
        <v>10</v>
      </c>
      <c r="BV1292" s="6">
        <v>10</v>
      </c>
      <c r="BW1292" s="6">
        <v>10</v>
      </c>
      <c r="BX1292" s="6">
        <v>8</v>
      </c>
      <c r="BY1292" s="6">
        <v>6</v>
      </c>
      <c r="BZ1292" s="6">
        <v>7</v>
      </c>
      <c r="CA1292" s="6">
        <v>8</v>
      </c>
      <c r="CB1292" s="6">
        <v>8</v>
      </c>
      <c r="CC1292" s="11">
        <v>7</v>
      </c>
      <c r="CD1292" s="11">
        <v>-12</v>
      </c>
      <c r="CE1292" s="11">
        <v>-2</v>
      </c>
      <c r="CF1292" s="11">
        <v>4</v>
      </c>
      <c r="CG1292" s="11">
        <v>2</v>
      </c>
      <c r="CH1292" s="20">
        <v>0.26</v>
      </c>
      <c r="CI1292" s="20">
        <v>0.3</v>
      </c>
      <c r="CJ1292" s="20">
        <v>0.26</v>
      </c>
      <c r="CK1292" s="20">
        <v>0.28999999999999998</v>
      </c>
      <c r="CL1292" s="20">
        <v>0.31</v>
      </c>
      <c r="CM1292" s="20">
        <v>0.28000000000000003</v>
      </c>
      <c r="CN1292" s="20">
        <v>0.3</v>
      </c>
      <c r="CO1292" s="20">
        <v>0.28999999999999998</v>
      </c>
      <c r="CP1292" s="20">
        <v>0.27</v>
      </c>
      <c r="CQ1292" s="20">
        <v>0.21</v>
      </c>
      <c r="CR1292" s="20">
        <v>0.17</v>
      </c>
      <c r="CS1292" s="20">
        <v>0.14000000000000001</v>
      </c>
      <c r="CT1292" s="20">
        <v>0.15</v>
      </c>
      <c r="CU1292" s="20">
        <v>0.16</v>
      </c>
      <c r="CV1292" s="20">
        <v>0.18</v>
      </c>
      <c r="CW1292" s="20">
        <v>0.18</v>
      </c>
      <c r="CX1292" s="20">
        <v>0.18</v>
      </c>
      <c r="CY1292" s="6" t="s">
        <v>584</v>
      </c>
      <c r="CZ1292" s="6" t="s">
        <v>585</v>
      </c>
      <c r="DA1292" s="6" t="s">
        <v>162</v>
      </c>
      <c r="DB1292" s="6" t="s">
        <v>345</v>
      </c>
      <c r="DC1292" s="6">
        <v>22220</v>
      </c>
      <c r="DD1292" s="6"/>
      <c r="DE1292" s="6" t="s">
        <v>587</v>
      </c>
      <c r="DF1292" s="6" t="s">
        <v>375</v>
      </c>
      <c r="DG1292" s="6" t="s">
        <v>376</v>
      </c>
      <c r="DH1292" s="6" t="s">
        <v>328</v>
      </c>
      <c r="DI1292" s="6"/>
      <c r="DJ1292" s="6">
        <v>29</v>
      </c>
      <c r="DK1292" s="6">
        <v>119</v>
      </c>
      <c r="DL1292" s="6">
        <v>2</v>
      </c>
      <c r="DM1292" s="6" t="s">
        <v>379</v>
      </c>
      <c r="DN1292" s="6">
        <v>2</v>
      </c>
      <c r="DO1292" s="6" t="s">
        <v>463</v>
      </c>
      <c r="DP1292" s="6"/>
      <c r="DQ1292" s="6"/>
    </row>
    <row r="1293" spans="1:121" x14ac:dyDescent="0.2">
      <c r="A1293" s="6" t="s">
        <v>317</v>
      </c>
      <c r="B1293" s="6" t="s">
        <v>317</v>
      </c>
      <c r="C1293" s="6" t="s">
        <v>186</v>
      </c>
      <c r="D1293" s="6" t="s">
        <v>162</v>
      </c>
      <c r="E1293" s="6" t="s">
        <v>301</v>
      </c>
      <c r="F1293" s="11">
        <v>48</v>
      </c>
      <c r="G1293" s="13">
        <v>0.63</v>
      </c>
      <c r="H1293" s="11">
        <v>-13</v>
      </c>
      <c r="I1293" s="13">
        <v>-0.17105263157894737</v>
      </c>
      <c r="J1293" s="11">
        <v>-3</v>
      </c>
      <c r="K1293" s="13">
        <v>-4.7619047619047616E-2</v>
      </c>
      <c r="L1293" s="11">
        <v>64</v>
      </c>
      <c r="M1293" s="13">
        <v>1.0666666666666669</v>
      </c>
      <c r="N1293" s="11">
        <v>61</v>
      </c>
      <c r="O1293" s="13">
        <v>0.96825396825396837</v>
      </c>
      <c r="P1293" s="7">
        <v>76</v>
      </c>
      <c r="Q1293" s="7">
        <v>55</v>
      </c>
      <c r="R1293" s="7">
        <v>39</v>
      </c>
      <c r="S1293" s="7">
        <v>62</v>
      </c>
      <c r="T1293" s="7">
        <v>89</v>
      </c>
      <c r="U1293" s="7">
        <v>66</v>
      </c>
      <c r="V1293" s="7">
        <v>63</v>
      </c>
      <c r="W1293" s="7">
        <v>59</v>
      </c>
      <c r="X1293" s="7">
        <v>64</v>
      </c>
      <c r="Y1293" s="7">
        <v>60</v>
      </c>
      <c r="Z1293" s="7">
        <v>56</v>
      </c>
      <c r="AA1293" s="7">
        <v>57</v>
      </c>
      <c r="AB1293" s="7">
        <v>59</v>
      </c>
      <c r="AC1293" s="7">
        <v>62</v>
      </c>
      <c r="AD1293" s="7">
        <v>65</v>
      </c>
      <c r="AE1293" s="7">
        <v>117</v>
      </c>
      <c r="AF1293" s="7">
        <v>124</v>
      </c>
      <c r="AG1293" s="9">
        <v>9684</v>
      </c>
      <c r="AH1293" s="13">
        <v>0.43708250586748509</v>
      </c>
      <c r="AI1293" s="9">
        <v>11003</v>
      </c>
      <c r="AJ1293" s="13">
        <v>0.49661491243906841</v>
      </c>
      <c r="AK1293" s="9">
        <v>-1868</v>
      </c>
      <c r="AL1293" s="13">
        <v>-5.6334630115504089E-2</v>
      </c>
      <c r="AM1293" s="9">
        <v>549</v>
      </c>
      <c r="AN1293" s="13">
        <v>1.754498098494775E-2</v>
      </c>
      <c r="AO1293" s="9">
        <v>-1319</v>
      </c>
      <c r="AP1293" s="13">
        <v>-3.9778039144726919E-2</v>
      </c>
      <c r="AQ1293" s="9">
        <v>22156</v>
      </c>
      <c r="AR1293" s="9">
        <v>31865</v>
      </c>
      <c r="AS1293" s="9">
        <v>38894</v>
      </c>
      <c r="AT1293" s="9">
        <v>27541</v>
      </c>
      <c r="AU1293" s="9">
        <v>31487</v>
      </c>
      <c r="AV1293" s="9">
        <v>32875</v>
      </c>
      <c r="AW1293" s="9">
        <v>33159</v>
      </c>
      <c r="AX1293" s="9">
        <v>29757</v>
      </c>
      <c r="AY1293" s="9">
        <v>31168</v>
      </c>
      <c r="AZ1293" s="9">
        <v>31291</v>
      </c>
      <c r="BA1293" s="9">
        <v>28453</v>
      </c>
      <c r="BB1293" s="9">
        <v>30470</v>
      </c>
      <c r="BC1293" s="9">
        <v>30328</v>
      </c>
      <c r="BD1293" s="9">
        <v>35180</v>
      </c>
      <c r="BE1293" s="9">
        <v>33732</v>
      </c>
      <c r="BF1293" s="9">
        <v>31840</v>
      </c>
      <c r="BG1293" s="11">
        <v>3</v>
      </c>
      <c r="BH1293" s="13">
        <v>0.27272727272727271</v>
      </c>
      <c r="BI1293" s="6">
        <v>5</v>
      </c>
      <c r="BJ1293" s="13">
        <v>0.45454545454545453</v>
      </c>
      <c r="BK1293" s="6">
        <v>2</v>
      </c>
      <c r="BL1293" s="13">
        <v>0.125</v>
      </c>
      <c r="BM1293" s="11">
        <v>-4</v>
      </c>
      <c r="BN1293" s="13">
        <v>-0.22222222222222221</v>
      </c>
      <c r="BO1293" s="11">
        <v>-2</v>
      </c>
      <c r="BP1293" s="13">
        <v>-0.125</v>
      </c>
      <c r="BQ1293" s="6">
        <v>11</v>
      </c>
      <c r="BR1293" s="6">
        <v>15</v>
      </c>
      <c r="BS1293" s="6">
        <v>16</v>
      </c>
      <c r="BT1293" s="6">
        <v>16</v>
      </c>
      <c r="BU1293" s="6">
        <v>17</v>
      </c>
      <c r="BV1293" s="6">
        <v>18</v>
      </c>
      <c r="BW1293" s="6">
        <v>18</v>
      </c>
      <c r="BX1293" s="6">
        <v>16</v>
      </c>
      <c r="BY1293" s="6">
        <v>14</v>
      </c>
      <c r="BZ1293" s="6">
        <v>16</v>
      </c>
      <c r="CA1293" s="6">
        <v>14</v>
      </c>
      <c r="CB1293" s="6">
        <v>13</v>
      </c>
      <c r="CC1293" s="11">
        <v>14</v>
      </c>
      <c r="CD1293" s="11">
        <v>24</v>
      </c>
      <c r="CE1293" s="11">
        <v>15</v>
      </c>
      <c r="CF1293" s="11">
        <v>8</v>
      </c>
      <c r="CG1293" s="11">
        <v>23</v>
      </c>
      <c r="CH1293" s="20">
        <v>0.19</v>
      </c>
      <c r="CI1293" s="20">
        <v>0.13</v>
      </c>
      <c r="CJ1293" s="20">
        <v>0.1</v>
      </c>
      <c r="CK1293" s="20">
        <v>0.15</v>
      </c>
      <c r="CL1293" s="20">
        <v>0.2</v>
      </c>
      <c r="CM1293" s="20">
        <v>0.14000000000000001</v>
      </c>
      <c r="CN1293" s="20">
        <v>0.13</v>
      </c>
      <c r="CO1293" s="20">
        <v>0.12</v>
      </c>
      <c r="CP1293" s="20">
        <v>0.13</v>
      </c>
      <c r="CQ1293" s="20">
        <v>0.12</v>
      </c>
      <c r="CR1293" s="20">
        <v>0.11</v>
      </c>
      <c r="CS1293" s="20">
        <v>0.11</v>
      </c>
      <c r="CT1293" s="20">
        <v>0.12</v>
      </c>
      <c r="CU1293" s="20">
        <v>0.12</v>
      </c>
      <c r="CV1293" s="20">
        <v>0.13</v>
      </c>
      <c r="CW1293" s="20">
        <v>0.23</v>
      </c>
      <c r="CX1293" s="20">
        <v>0.24</v>
      </c>
      <c r="CY1293" s="6" t="s">
        <v>584</v>
      </c>
      <c r="CZ1293" s="6" t="s">
        <v>585</v>
      </c>
      <c r="DA1293" s="6" t="s">
        <v>162</v>
      </c>
      <c r="DB1293" s="6" t="s">
        <v>345</v>
      </c>
      <c r="DC1293" s="6">
        <v>22220</v>
      </c>
      <c r="DD1293" s="6"/>
      <c r="DE1293" s="6" t="s">
        <v>587</v>
      </c>
      <c r="DF1293" s="6" t="s">
        <v>375</v>
      </c>
      <c r="DG1293" s="6" t="s">
        <v>376</v>
      </c>
      <c r="DH1293" s="6" t="s">
        <v>328</v>
      </c>
      <c r="DI1293" s="6"/>
      <c r="DJ1293" s="6">
        <v>29</v>
      </c>
      <c r="DK1293" s="6">
        <v>119</v>
      </c>
      <c r="DL1293" s="6">
        <v>2</v>
      </c>
      <c r="DM1293" s="6" t="s">
        <v>379</v>
      </c>
      <c r="DN1293" s="6">
        <v>2</v>
      </c>
      <c r="DO1293" s="6" t="s">
        <v>463</v>
      </c>
      <c r="DP1293" s="6"/>
      <c r="DQ1293" s="6"/>
    </row>
    <row r="1294" spans="1:121" x14ac:dyDescent="0.2">
      <c r="A1294" s="6" t="s">
        <v>318</v>
      </c>
      <c r="B1294" s="6" t="s">
        <v>318</v>
      </c>
      <c r="C1294" s="6" t="s">
        <v>187</v>
      </c>
      <c r="D1294" s="6" t="s">
        <v>162</v>
      </c>
      <c r="E1294" s="6" t="s">
        <v>301</v>
      </c>
      <c r="F1294" s="11">
        <v>-165</v>
      </c>
      <c r="G1294" s="13">
        <v>-1</v>
      </c>
      <c r="H1294" s="11">
        <v>-136.500619</v>
      </c>
      <c r="I1294" s="13">
        <v>-0.82736922938567237</v>
      </c>
      <c r="J1294" s="11">
        <v>-23.480884</v>
      </c>
      <c r="K1294" s="13">
        <v>-0.82444365139789899</v>
      </c>
      <c r="L1294" s="11">
        <v>-5</v>
      </c>
      <c r="M1294" s="13">
        <v>-1</v>
      </c>
      <c r="N1294" s="11">
        <v>-28.480884</v>
      </c>
      <c r="O1294" s="13">
        <v>-1</v>
      </c>
      <c r="P1294" s="7">
        <v>164.981503</v>
      </c>
      <c r="Q1294" s="7">
        <v>136.046043</v>
      </c>
      <c r="R1294" s="7">
        <v>99.138076999999996</v>
      </c>
      <c r="S1294" s="7">
        <v>73.106628000000001</v>
      </c>
      <c r="T1294" s="7">
        <v>61.626004999999999</v>
      </c>
      <c r="U1294" s="7">
        <v>72.812281999999996</v>
      </c>
      <c r="V1294" s="7">
        <v>28.480884</v>
      </c>
      <c r="W1294" s="7">
        <v>16.293756999999999</v>
      </c>
      <c r="X1294" s="7">
        <v>11.040623999999999</v>
      </c>
      <c r="Y1294" s="7">
        <v>5</v>
      </c>
      <c r="Z1294" s="7">
        <v>5</v>
      </c>
      <c r="AA1294" s="7">
        <v>5</v>
      </c>
      <c r="AB1294" s="7">
        <v>0</v>
      </c>
      <c r="AC1294" s="7">
        <v>0</v>
      </c>
      <c r="AD1294" s="7">
        <v>0</v>
      </c>
      <c r="AE1294" s="7">
        <v>0</v>
      </c>
      <c r="AF1294" s="7">
        <v>0</v>
      </c>
      <c r="AG1294" s="9">
        <v>-21451.321567700001</v>
      </c>
      <c r="AH1294" s="13">
        <v>-1</v>
      </c>
      <c r="AI1294" s="9">
        <v>9278.8388999999988</v>
      </c>
      <c r="AJ1294" s="13">
        <v>0.43255325182255749</v>
      </c>
      <c r="AK1294" s="9">
        <v>-30729.1604677</v>
      </c>
      <c r="AL1294" s="13">
        <v>-0.99996745867952597</v>
      </c>
      <c r="AM1294" s="9">
        <v>-1</v>
      </c>
      <c r="AN1294" s="13">
        <v>-1</v>
      </c>
      <c r="AO1294" s="9">
        <v>-30730.1604677</v>
      </c>
      <c r="AP1294" s="13">
        <v>-1</v>
      </c>
      <c r="AQ1294" s="9">
        <v>21451.321567700001</v>
      </c>
      <c r="AR1294" s="9">
        <v>23527.2885241</v>
      </c>
      <c r="AS1294" s="9">
        <v>32658.353456600002</v>
      </c>
      <c r="AT1294" s="9">
        <v>32848.127342300002</v>
      </c>
      <c r="AU1294" s="9">
        <v>34999.0438689</v>
      </c>
      <c r="AV1294" s="9">
        <v>32294.6699912</v>
      </c>
      <c r="AW1294" s="9">
        <v>30730.1604677</v>
      </c>
      <c r="AX1294" s="9">
        <v>32421.007456300002</v>
      </c>
      <c r="AY1294" s="9">
        <v>31881.931760799998</v>
      </c>
      <c r="AZ1294" s="9">
        <v>1</v>
      </c>
      <c r="BA1294" s="9">
        <v>1</v>
      </c>
      <c r="BB1294" s="9">
        <v>1</v>
      </c>
      <c r="BC1294" s="9">
        <v>0</v>
      </c>
      <c r="BD1294" s="9">
        <v>0</v>
      </c>
      <c r="BE1294" s="9">
        <v>0</v>
      </c>
      <c r="BF1294" s="9">
        <v>0</v>
      </c>
      <c r="BG1294" s="11">
        <v>-3</v>
      </c>
      <c r="BH1294" s="13">
        <v>-1</v>
      </c>
      <c r="BI1294" s="6">
        <v>0</v>
      </c>
      <c r="BJ1294" s="13">
        <v>0</v>
      </c>
      <c r="BK1294" s="6">
        <v>-2</v>
      </c>
      <c r="BL1294" s="13">
        <v>-0.66666666666666663</v>
      </c>
      <c r="BM1294" s="11">
        <v>-1</v>
      </c>
      <c r="BN1294" s="13">
        <v>-1</v>
      </c>
      <c r="BO1294" s="11">
        <v>-3</v>
      </c>
      <c r="BP1294" s="13">
        <v>-1</v>
      </c>
      <c r="BQ1294" s="6">
        <v>3</v>
      </c>
      <c r="BR1294" s="6">
        <v>3</v>
      </c>
      <c r="BS1294" s="6">
        <v>4</v>
      </c>
      <c r="BT1294" s="6">
        <v>3</v>
      </c>
      <c r="BU1294" s="6">
        <v>2</v>
      </c>
      <c r="BV1294" s="6">
        <v>1</v>
      </c>
      <c r="BW1294" s="6">
        <v>1</v>
      </c>
      <c r="BX1294" s="6">
        <v>1</v>
      </c>
      <c r="BY1294" s="6">
        <v>1</v>
      </c>
      <c r="BZ1294" s="6">
        <v>0</v>
      </c>
      <c r="CA1294" s="6">
        <v>0</v>
      </c>
      <c r="CB1294" s="6">
        <v>0</v>
      </c>
      <c r="CC1294" s="11">
        <v>0</v>
      </c>
      <c r="CD1294" s="11">
        <v>-218.34</v>
      </c>
      <c r="CE1294" s="11">
        <v>35.323900000000002</v>
      </c>
      <c r="CF1294" s="11">
        <v>18.034500000000001</v>
      </c>
      <c r="CG1294" s="11">
        <v>53</v>
      </c>
      <c r="CH1294" s="20">
        <v>1.86619</v>
      </c>
      <c r="CI1294" s="20">
        <v>1.5201100000000001</v>
      </c>
      <c r="CJ1294" s="20">
        <v>1.13331</v>
      </c>
      <c r="CK1294" s="20">
        <v>0.815326</v>
      </c>
      <c r="CL1294" s="20">
        <v>0.65686299999999997</v>
      </c>
      <c r="CM1294" s="20">
        <v>0.75096499999999999</v>
      </c>
      <c r="CN1294" s="20">
        <v>0.28004099999999998</v>
      </c>
      <c r="CO1294" s="20">
        <v>0.15643000000000001</v>
      </c>
      <c r="CP1294" s="20">
        <v>0.107683</v>
      </c>
      <c r="CQ1294" s="20">
        <v>6.9546700000000003E-2</v>
      </c>
      <c r="CR1294" s="20">
        <v>5.2030699999999999E-2</v>
      </c>
      <c r="CS1294" s="20">
        <v>2.6380799999999999E-2</v>
      </c>
      <c r="CT1294" s="20">
        <v>0</v>
      </c>
      <c r="CU1294" s="20">
        <v>0</v>
      </c>
      <c r="CV1294" s="20">
        <v>0</v>
      </c>
      <c r="CW1294" s="20">
        <v>0</v>
      </c>
      <c r="CX1294" s="20">
        <v>0</v>
      </c>
      <c r="CY1294" s="6" t="s">
        <v>584</v>
      </c>
      <c r="CZ1294" s="6" t="s">
        <v>585</v>
      </c>
      <c r="DA1294" s="6" t="s">
        <v>162</v>
      </c>
      <c r="DB1294" s="6" t="s">
        <v>345</v>
      </c>
      <c r="DC1294" s="6">
        <v>22220</v>
      </c>
      <c r="DD1294" s="6"/>
      <c r="DE1294" s="6" t="s">
        <v>587</v>
      </c>
      <c r="DF1294" s="6" t="s">
        <v>375</v>
      </c>
      <c r="DG1294" s="6" t="s">
        <v>376</v>
      </c>
      <c r="DH1294" s="6" t="s">
        <v>328</v>
      </c>
      <c r="DI1294" s="6"/>
      <c r="DJ1294" s="6">
        <v>29</v>
      </c>
      <c r="DK1294" s="6">
        <v>119</v>
      </c>
      <c r="DL1294" s="6">
        <v>2</v>
      </c>
      <c r="DM1294" s="6" t="s">
        <v>379</v>
      </c>
      <c r="DN1294" s="6">
        <v>2</v>
      </c>
      <c r="DO1294" s="6" t="s">
        <v>463</v>
      </c>
      <c r="DP1294" s="6"/>
      <c r="DQ1294" s="6"/>
    </row>
    <row r="1295" spans="1:121" x14ac:dyDescent="0.2">
      <c r="A1295" s="6" t="s">
        <v>319</v>
      </c>
      <c r="B1295" s="6" t="s">
        <v>319</v>
      </c>
      <c r="C1295" s="6" t="s">
        <v>188</v>
      </c>
      <c r="D1295" s="6" t="s">
        <v>162</v>
      </c>
      <c r="E1295" s="6" t="s">
        <v>301</v>
      </c>
      <c r="F1295" s="11">
        <v>347</v>
      </c>
      <c r="G1295" s="13">
        <v>4.8873239436600002</v>
      </c>
      <c r="H1295" s="11">
        <v>246.17455975409996</v>
      </c>
      <c r="I1295" s="13">
        <v>3.4447793457209497</v>
      </c>
      <c r="J1295" s="11">
        <v>37.490739035000047</v>
      </c>
      <c r="K1295" s="13">
        <v>0.11802989864340072</v>
      </c>
      <c r="L1295" s="11">
        <v>63.006243542999982</v>
      </c>
      <c r="M1295" s="13">
        <v>0.17741821377853773</v>
      </c>
      <c r="N1295" s="11">
        <v>100.49698257800003</v>
      </c>
      <c r="O1295" s="13">
        <v>0.31638876621171247</v>
      </c>
      <c r="P1295" s="7">
        <v>71.463085163900004</v>
      </c>
      <c r="Q1295" s="7">
        <v>78.424381582500004</v>
      </c>
      <c r="R1295" s="7">
        <v>93.8301789641</v>
      </c>
      <c r="S1295" s="7">
        <v>185.80868497099999</v>
      </c>
      <c r="T1295" s="7">
        <v>161.79229812400001</v>
      </c>
      <c r="U1295" s="7">
        <v>291.91883455800001</v>
      </c>
      <c r="V1295" s="7">
        <v>317.63764491799998</v>
      </c>
      <c r="W1295" s="7">
        <v>351.69662365599999</v>
      </c>
      <c r="X1295" s="7">
        <v>311.600069351</v>
      </c>
      <c r="Y1295" s="7">
        <v>355.12838395300003</v>
      </c>
      <c r="Z1295" s="7">
        <v>412.51927374399997</v>
      </c>
      <c r="AA1295" s="7">
        <v>446.21879575100002</v>
      </c>
      <c r="AB1295" s="7">
        <v>384.245184306</v>
      </c>
      <c r="AC1295" s="7">
        <v>440.71142321500002</v>
      </c>
      <c r="AD1295" s="7">
        <v>401.42930162300001</v>
      </c>
      <c r="AE1295" s="7">
        <v>399.95344408800003</v>
      </c>
      <c r="AF1295" s="7">
        <v>418.13462749600001</v>
      </c>
      <c r="AG1295" s="9">
        <v>16865.251918599999</v>
      </c>
      <c r="AH1295" s="13">
        <v>1.232422174854126</v>
      </c>
      <c r="AI1295" s="9">
        <v>8031.9284346999993</v>
      </c>
      <c r="AJ1295" s="13">
        <v>0.58693026096151979</v>
      </c>
      <c r="AK1295" s="9">
        <v>1889.2727725000004</v>
      </c>
      <c r="AL1295" s="13">
        <v>8.6996843462930115E-2</v>
      </c>
      <c r="AM1295" s="9">
        <v>6944.0507113999993</v>
      </c>
      <c r="AN1295" s="13">
        <v>0.29416664703225953</v>
      </c>
      <c r="AO1295" s="9">
        <v>8833.3234838999997</v>
      </c>
      <c r="AP1295" s="13">
        <v>0.40675506023907015</v>
      </c>
      <c r="AQ1295" s="9">
        <v>13684.6384808</v>
      </c>
      <c r="AR1295" s="9">
        <v>14230.607357999999</v>
      </c>
      <c r="AS1295" s="9">
        <v>15931.1054</v>
      </c>
      <c r="AT1295" s="9">
        <v>18427.678378500001</v>
      </c>
      <c r="AU1295" s="9">
        <v>17921.013324299998</v>
      </c>
      <c r="AV1295" s="9">
        <v>18631.233938500001</v>
      </c>
      <c r="AW1295" s="9">
        <v>21716.5669155</v>
      </c>
      <c r="AX1295" s="9">
        <v>20519.2976179</v>
      </c>
      <c r="AY1295" s="9">
        <v>22943.2803083</v>
      </c>
      <c r="AZ1295" s="9">
        <v>23605.839688</v>
      </c>
      <c r="BA1295" s="9">
        <v>22319.959733899999</v>
      </c>
      <c r="BB1295" s="9">
        <v>23540.043327899999</v>
      </c>
      <c r="BC1295" s="9">
        <v>27920.7602315</v>
      </c>
      <c r="BD1295" s="9">
        <v>29634.548538700001</v>
      </c>
      <c r="BE1295" s="9">
        <v>29239.867217399998</v>
      </c>
      <c r="BF1295" s="9">
        <v>30549.890399399999</v>
      </c>
      <c r="BG1295" s="11">
        <v>1.25</v>
      </c>
      <c r="BH1295" s="13">
        <v>0.10416666666666667</v>
      </c>
      <c r="BI1295" s="6">
        <v>3</v>
      </c>
      <c r="BJ1295" s="13">
        <v>0.25</v>
      </c>
      <c r="BK1295" s="6">
        <v>-1</v>
      </c>
      <c r="BL1295" s="13">
        <v>-6.6666666666666666E-2</v>
      </c>
      <c r="BM1295" s="11">
        <v>-0.75</v>
      </c>
      <c r="BN1295" s="13">
        <v>-5.3571428571428568E-2</v>
      </c>
      <c r="BO1295" s="11">
        <v>-1.75</v>
      </c>
      <c r="BP1295" s="13">
        <v>-0.11666666666666667</v>
      </c>
      <c r="BQ1295" s="6">
        <v>12</v>
      </c>
      <c r="BR1295" s="6">
        <v>12</v>
      </c>
      <c r="BS1295" s="6">
        <v>14</v>
      </c>
      <c r="BT1295" s="6">
        <v>15</v>
      </c>
      <c r="BU1295" s="6">
        <v>16</v>
      </c>
      <c r="BV1295" s="6">
        <v>16</v>
      </c>
      <c r="BW1295" s="6">
        <v>14</v>
      </c>
      <c r="BX1295" s="6">
        <v>13</v>
      </c>
      <c r="BY1295" s="6">
        <v>14</v>
      </c>
      <c r="BZ1295" s="6">
        <v>15</v>
      </c>
      <c r="CA1295" s="6">
        <v>14</v>
      </c>
      <c r="CB1295" s="6">
        <v>13</v>
      </c>
      <c r="CC1295" s="11">
        <v>13.25</v>
      </c>
      <c r="CD1295" s="11">
        <v>332.43</v>
      </c>
      <c r="CE1295" s="11">
        <v>6.4297199999999997</v>
      </c>
      <c r="CF1295" s="11">
        <v>7.8117799999999997</v>
      </c>
      <c r="CG1295" s="11">
        <v>14</v>
      </c>
      <c r="CH1295" s="20">
        <v>0.164794</v>
      </c>
      <c r="CI1295" s="20">
        <v>0.176898</v>
      </c>
      <c r="CJ1295" s="20">
        <v>0.21268999999999999</v>
      </c>
      <c r="CK1295" s="20">
        <v>0.40609800000000001</v>
      </c>
      <c r="CL1295" s="20">
        <v>0.33557100000000001</v>
      </c>
      <c r="CM1295" s="20">
        <v>0.58318800000000004</v>
      </c>
      <c r="CN1295" s="20">
        <v>0.61766900000000002</v>
      </c>
      <c r="CO1295" s="20">
        <v>0.71954899999999999</v>
      </c>
      <c r="CP1295" s="20">
        <v>0.69721900000000003</v>
      </c>
      <c r="CQ1295" s="20">
        <v>0.76051400000000002</v>
      </c>
      <c r="CR1295" s="20">
        <v>0.85872899999999996</v>
      </c>
      <c r="CS1295" s="20">
        <v>0.91914899999999999</v>
      </c>
      <c r="CT1295" s="20">
        <v>0.785995</v>
      </c>
      <c r="CU1295" s="20">
        <v>0.86727100000000001</v>
      </c>
      <c r="CV1295" s="20">
        <v>0.79254999999999998</v>
      </c>
      <c r="CW1295" s="20">
        <v>0.79634199999999999</v>
      </c>
      <c r="CX1295" s="20">
        <v>0.81787799999999999</v>
      </c>
      <c r="CY1295" s="6" t="s">
        <v>584</v>
      </c>
      <c r="CZ1295" s="6" t="s">
        <v>585</v>
      </c>
      <c r="DA1295" s="6" t="s">
        <v>162</v>
      </c>
      <c r="DB1295" s="6" t="s">
        <v>345</v>
      </c>
      <c r="DC1295" s="6">
        <v>22220</v>
      </c>
      <c r="DD1295" s="6"/>
      <c r="DE1295" s="6" t="s">
        <v>587</v>
      </c>
      <c r="DF1295" s="6" t="s">
        <v>375</v>
      </c>
      <c r="DG1295" s="6" t="s">
        <v>376</v>
      </c>
      <c r="DH1295" s="6" t="s">
        <v>328</v>
      </c>
      <c r="DI1295" s="6"/>
      <c r="DJ1295" s="6">
        <v>29</v>
      </c>
      <c r="DK1295" s="6">
        <v>119</v>
      </c>
      <c r="DL1295" s="6">
        <v>2</v>
      </c>
      <c r="DM1295" s="6" t="s">
        <v>379</v>
      </c>
      <c r="DN1295" s="6">
        <v>2</v>
      </c>
      <c r="DO1295" s="6" t="s">
        <v>463</v>
      </c>
      <c r="DP1295" s="6"/>
      <c r="DQ1295" s="6"/>
    </row>
    <row r="1296" spans="1:121" x14ac:dyDescent="0.2">
      <c r="A1296" s="6" t="s">
        <v>320</v>
      </c>
      <c r="B1296" s="6" t="s">
        <v>320</v>
      </c>
      <c r="C1296" s="6" t="s">
        <v>189</v>
      </c>
      <c r="D1296" s="6" t="s">
        <v>162</v>
      </c>
      <c r="E1296" s="6" t="s">
        <v>301</v>
      </c>
      <c r="F1296" s="11">
        <v>1</v>
      </c>
      <c r="G1296" s="13">
        <v>1</v>
      </c>
      <c r="H1296" s="11">
        <v>8.834498</v>
      </c>
      <c r="I1296" s="13">
        <v>1.7668995999999999</v>
      </c>
      <c r="J1296" s="11">
        <v>31.795510925600002</v>
      </c>
      <c r="K1296" s="13">
        <v>2.298277170996736</v>
      </c>
      <c r="L1296" s="11">
        <v>-31.648304756900004</v>
      </c>
      <c r="M1296" s="13">
        <v>-0.69358532908688997</v>
      </c>
      <c r="N1296" s="11">
        <v>0.14720616870000036</v>
      </c>
      <c r="O1296" s="13">
        <v>1.0640513931188566E-2</v>
      </c>
      <c r="P1296" s="7">
        <v>5</v>
      </c>
      <c r="Q1296" s="7">
        <v>5</v>
      </c>
      <c r="R1296" s="7">
        <v>5</v>
      </c>
      <c r="S1296" s="7">
        <v>5</v>
      </c>
      <c r="T1296" s="7">
        <v>14.4739818834</v>
      </c>
      <c r="U1296" s="7">
        <v>16.0690919804</v>
      </c>
      <c r="V1296" s="7">
        <v>13.834498</v>
      </c>
      <c r="W1296" s="7">
        <v>54.723692</v>
      </c>
      <c r="X1296" s="7">
        <v>47.156342000000002</v>
      </c>
      <c r="Y1296" s="7">
        <v>45.630008925600002</v>
      </c>
      <c r="Z1296" s="7">
        <v>65.207088061999997</v>
      </c>
      <c r="AA1296" s="7">
        <v>18.042342836900001</v>
      </c>
      <c r="AB1296" s="7">
        <v>5</v>
      </c>
      <c r="AC1296" s="7">
        <v>14.260357189300001</v>
      </c>
      <c r="AD1296" s="7">
        <v>13.931578055599999</v>
      </c>
      <c r="AE1296" s="7">
        <v>13.8741297759</v>
      </c>
      <c r="AF1296" s="7">
        <v>13.9817041687</v>
      </c>
      <c r="AG1296" s="9">
        <v>20547.989038700001</v>
      </c>
      <c r="AH1296" s="13">
        <v>20547.989038700001</v>
      </c>
      <c r="AI1296" s="9">
        <v>28619.343038800002</v>
      </c>
      <c r="AJ1296" s="13">
        <v>28619.343038800002</v>
      </c>
      <c r="AK1296" s="9">
        <v>-11991.514669300002</v>
      </c>
      <c r="AL1296" s="13">
        <v>-0.4189857072308098</v>
      </c>
      <c r="AM1296" s="9">
        <v>3920.1606692000023</v>
      </c>
      <c r="AN1296" s="13">
        <v>0.23574485117605884</v>
      </c>
      <c r="AO1296" s="9">
        <v>-8071.3540001000001</v>
      </c>
      <c r="AP1296" s="13">
        <v>-0.28201457925077394</v>
      </c>
      <c r="AQ1296" s="9">
        <v>1</v>
      </c>
      <c r="AR1296" s="9">
        <v>1</v>
      </c>
      <c r="AS1296" s="9">
        <v>1</v>
      </c>
      <c r="AT1296" s="9">
        <v>1</v>
      </c>
      <c r="AU1296" s="9">
        <v>29179.272881100002</v>
      </c>
      <c r="AV1296" s="9">
        <v>15222.963852700001</v>
      </c>
      <c r="AW1296" s="9">
        <v>28620.343038800002</v>
      </c>
      <c r="AX1296" s="9">
        <v>19289.833052499998</v>
      </c>
      <c r="AY1296" s="9">
        <v>23212.170237400001</v>
      </c>
      <c r="AZ1296" s="9">
        <v>16628.828369499999</v>
      </c>
      <c r="BA1296" s="9">
        <v>23926.828032400001</v>
      </c>
      <c r="BB1296" s="9">
        <v>18001.030629100002</v>
      </c>
      <c r="BC1296" s="9">
        <v>1</v>
      </c>
      <c r="BD1296" s="9">
        <v>20149.824427299998</v>
      </c>
      <c r="BE1296" s="9">
        <v>20563.7151276</v>
      </c>
      <c r="BF1296" s="9">
        <v>20548.989038700001</v>
      </c>
      <c r="BG1296" s="11">
        <v>0</v>
      </c>
      <c r="BH1296" s="13" t="e">
        <v>#DIV/0!</v>
      </c>
      <c r="BI1296" s="6">
        <v>0</v>
      </c>
      <c r="BJ1296" s="13" t="e">
        <v>#DIV/0!</v>
      </c>
      <c r="BK1296" s="6">
        <v>1</v>
      </c>
      <c r="BL1296" s="13" t="e">
        <v>#DIV/0!</v>
      </c>
      <c r="BM1296" s="11">
        <v>-1</v>
      </c>
      <c r="BN1296" s="13">
        <v>-1</v>
      </c>
      <c r="BO1296" s="11">
        <v>0</v>
      </c>
      <c r="BP1296" s="13" t="e">
        <v>#DIV/0!</v>
      </c>
      <c r="BQ1296" s="6">
        <v>0</v>
      </c>
      <c r="BR1296" s="6">
        <v>0</v>
      </c>
      <c r="BS1296" s="6">
        <v>0</v>
      </c>
      <c r="BT1296" s="6">
        <v>0</v>
      </c>
      <c r="BU1296" s="6">
        <v>1</v>
      </c>
      <c r="BV1296" s="6">
        <v>1</v>
      </c>
      <c r="BW1296" s="6">
        <v>1</v>
      </c>
      <c r="BX1296" s="6">
        <v>1</v>
      </c>
      <c r="BY1296" s="6">
        <v>0</v>
      </c>
      <c r="BZ1296" s="6">
        <v>0</v>
      </c>
      <c r="CA1296" s="6">
        <v>0</v>
      </c>
      <c r="CB1296" s="6">
        <v>0</v>
      </c>
      <c r="CC1296" s="11">
        <v>0</v>
      </c>
      <c r="CD1296" s="11">
        <v>12.1013</v>
      </c>
      <c r="CE1296" s="11">
        <v>0.46274799999999999</v>
      </c>
      <c r="CF1296" s="11">
        <v>0.13969400000000001</v>
      </c>
      <c r="CG1296" s="11">
        <v>0</v>
      </c>
      <c r="CH1296" s="20">
        <v>8.8329900000000006E-3</v>
      </c>
      <c r="CI1296" s="20">
        <v>1.9879500000000001E-2</v>
      </c>
      <c r="CJ1296" s="20">
        <v>2.3147299999999999E-2</v>
      </c>
      <c r="CK1296" s="20">
        <v>2.1011499999999999E-2</v>
      </c>
      <c r="CL1296" s="20">
        <v>8.5050200000000006E-2</v>
      </c>
      <c r="CM1296" s="20">
        <v>9.1395199999999996E-2</v>
      </c>
      <c r="CN1296" s="20">
        <v>7.5395199999999996E-2</v>
      </c>
      <c r="CO1296" s="20">
        <v>0.291634</v>
      </c>
      <c r="CP1296" s="20">
        <v>0.24331900000000001</v>
      </c>
      <c r="CQ1296" s="20">
        <v>0.22702900000000001</v>
      </c>
      <c r="CR1296" s="20">
        <v>0.31767600000000001</v>
      </c>
      <c r="CS1296" s="20">
        <v>8.7817099999999995E-2</v>
      </c>
      <c r="CT1296" s="20">
        <v>3.7397699999999999E-2</v>
      </c>
      <c r="CU1296" s="20">
        <v>6.79815E-2</v>
      </c>
      <c r="CV1296" s="20">
        <v>6.7351499999999995E-2</v>
      </c>
      <c r="CW1296" s="20">
        <v>6.77315E-2</v>
      </c>
      <c r="CX1296" s="20">
        <v>6.6812200000000002E-2</v>
      </c>
      <c r="CY1296" s="6" t="s">
        <v>584</v>
      </c>
      <c r="CZ1296" s="6" t="s">
        <v>585</v>
      </c>
      <c r="DA1296" s="6" t="s">
        <v>162</v>
      </c>
      <c r="DB1296" s="6" t="s">
        <v>345</v>
      </c>
      <c r="DC1296" s="6">
        <v>22220</v>
      </c>
      <c r="DD1296" s="6"/>
      <c r="DE1296" s="6" t="s">
        <v>587</v>
      </c>
      <c r="DF1296" s="6" t="s">
        <v>375</v>
      </c>
      <c r="DG1296" s="6" t="s">
        <v>376</v>
      </c>
      <c r="DH1296" s="6" t="s">
        <v>328</v>
      </c>
      <c r="DI1296" s="6"/>
      <c r="DJ1296" s="6">
        <v>29</v>
      </c>
      <c r="DK1296" s="6">
        <v>119</v>
      </c>
      <c r="DL1296" s="6">
        <v>2</v>
      </c>
      <c r="DM1296" s="6" t="s">
        <v>379</v>
      </c>
      <c r="DN1296" s="6">
        <v>2</v>
      </c>
      <c r="DO1296" s="6" t="s">
        <v>463</v>
      </c>
      <c r="DP1296" s="6"/>
      <c r="DQ1296" s="6"/>
    </row>
    <row r="1297" spans="1:121" x14ac:dyDescent="0.2">
      <c r="A1297" s="6" t="s">
        <v>321</v>
      </c>
      <c r="B1297" s="6" t="s">
        <v>321</v>
      </c>
      <c r="C1297" s="6" t="s">
        <v>190</v>
      </c>
      <c r="D1297" s="6" t="s">
        <v>162</v>
      </c>
      <c r="E1297" s="6" t="s">
        <v>301</v>
      </c>
      <c r="F1297" s="11">
        <v>68</v>
      </c>
      <c r="G1297" s="13">
        <v>0.238596491228</v>
      </c>
      <c r="H1297" s="11">
        <v>-33.103045371000007</v>
      </c>
      <c r="I1297" s="13">
        <v>-0.11631493136091749</v>
      </c>
      <c r="J1297" s="11">
        <v>-4.0440718320000144</v>
      </c>
      <c r="K1297" s="13">
        <v>-1.6080104382642652E-2</v>
      </c>
      <c r="L1297" s="11">
        <v>105.17214587499998</v>
      </c>
      <c r="M1297" s="13">
        <v>0.42502159351576818</v>
      </c>
      <c r="N1297" s="11">
        <v>101.12807404299997</v>
      </c>
      <c r="O1297" s="13">
        <v>0.40210709754451479</v>
      </c>
      <c r="P1297" s="7">
        <v>284.59841727700001</v>
      </c>
      <c r="Q1297" s="7">
        <v>273.85973359799999</v>
      </c>
      <c r="R1297" s="7">
        <v>272.82502679700002</v>
      </c>
      <c r="S1297" s="7">
        <v>269.69065704000002</v>
      </c>
      <c r="T1297" s="7">
        <v>255.11302227799999</v>
      </c>
      <c r="U1297" s="7">
        <v>253.59326229499999</v>
      </c>
      <c r="V1297" s="7">
        <v>251.495371906</v>
      </c>
      <c r="W1297" s="7">
        <v>221.00702203200001</v>
      </c>
      <c r="X1297" s="7">
        <v>244.80102544900001</v>
      </c>
      <c r="Y1297" s="7">
        <v>247.45130007399999</v>
      </c>
      <c r="Z1297" s="7">
        <v>226.75393148200001</v>
      </c>
      <c r="AA1297" s="7">
        <v>285.21480672799999</v>
      </c>
      <c r="AB1297" s="7">
        <v>328.110780605</v>
      </c>
      <c r="AC1297" s="7">
        <v>331.70840121800001</v>
      </c>
      <c r="AD1297" s="7">
        <v>332.62828068099998</v>
      </c>
      <c r="AE1297" s="7">
        <v>338.43854137900001</v>
      </c>
      <c r="AF1297" s="7">
        <v>352.62344594899997</v>
      </c>
      <c r="AG1297" s="9">
        <v>9353.0952466000017</v>
      </c>
      <c r="AH1297" s="13">
        <v>0.42259093742135079</v>
      </c>
      <c r="AI1297" s="9">
        <v>6345.6617317000018</v>
      </c>
      <c r="AJ1297" s="13">
        <v>0.28670927313957451</v>
      </c>
      <c r="AK1297" s="9">
        <v>4334.5393972999991</v>
      </c>
      <c r="AL1297" s="13">
        <v>0.15220444859673379</v>
      </c>
      <c r="AM1297" s="9">
        <v>-1327.1058823999992</v>
      </c>
      <c r="AN1297" s="13">
        <v>-4.0444588204801152E-2</v>
      </c>
      <c r="AO1297" s="9">
        <v>3007.4335148999999</v>
      </c>
      <c r="AP1297" s="13">
        <v>0.10560401414549891</v>
      </c>
      <c r="AQ1297" s="9">
        <v>22132.739768799998</v>
      </c>
      <c r="AR1297" s="9">
        <v>23799.912819100002</v>
      </c>
      <c r="AS1297" s="9">
        <v>25873.055519199999</v>
      </c>
      <c r="AT1297" s="9">
        <v>25081.846056599999</v>
      </c>
      <c r="AU1297" s="9">
        <v>28076.316961799999</v>
      </c>
      <c r="AV1297" s="9">
        <v>28424.011172999999</v>
      </c>
      <c r="AW1297" s="9">
        <v>28478.4015005</v>
      </c>
      <c r="AX1297" s="9">
        <v>31326.005640200001</v>
      </c>
      <c r="AY1297" s="9">
        <v>32354.146725499999</v>
      </c>
      <c r="AZ1297" s="9">
        <v>32812.940897799999</v>
      </c>
      <c r="BA1297" s="9">
        <v>34726.8899437</v>
      </c>
      <c r="BB1297" s="9">
        <v>32637.276676699999</v>
      </c>
      <c r="BC1297" s="9">
        <v>30888.926651999998</v>
      </c>
      <c r="BD1297" s="9">
        <v>29368.705814100002</v>
      </c>
      <c r="BE1297" s="9">
        <v>29706.5456897</v>
      </c>
      <c r="BF1297" s="9">
        <v>31485.8350154</v>
      </c>
      <c r="BG1297" s="11">
        <v>53</v>
      </c>
      <c r="BH1297" s="13">
        <v>2.4090909090909092</v>
      </c>
      <c r="BI1297" s="6">
        <v>-5</v>
      </c>
      <c r="BJ1297" s="13">
        <v>-0.22727272727272727</v>
      </c>
      <c r="BK1297" s="6">
        <v>1</v>
      </c>
      <c r="BL1297" s="13">
        <v>5.8823529411764705E-2</v>
      </c>
      <c r="BM1297" s="11">
        <v>57</v>
      </c>
      <c r="BN1297" s="13">
        <v>3.1666666666666665</v>
      </c>
      <c r="BO1297" s="11">
        <v>58</v>
      </c>
      <c r="BP1297" s="13">
        <v>3.4117647058823528</v>
      </c>
      <c r="BQ1297" s="6">
        <v>22</v>
      </c>
      <c r="BR1297" s="6">
        <v>20</v>
      </c>
      <c r="BS1297" s="6">
        <v>19</v>
      </c>
      <c r="BT1297" s="6">
        <v>17</v>
      </c>
      <c r="BU1297" s="6">
        <v>17</v>
      </c>
      <c r="BV1297" s="6">
        <v>19</v>
      </c>
      <c r="BW1297" s="6">
        <v>18</v>
      </c>
      <c r="BX1297" s="6">
        <v>20</v>
      </c>
      <c r="BY1297" s="6">
        <v>20</v>
      </c>
      <c r="BZ1297" s="6">
        <v>66</v>
      </c>
      <c r="CA1297" s="6">
        <v>71</v>
      </c>
      <c r="CB1297" s="6">
        <v>75</v>
      </c>
      <c r="CC1297" s="11">
        <v>75</v>
      </c>
      <c r="CD1297" s="11">
        <v>-66.726200000000006</v>
      </c>
      <c r="CE1297" s="11">
        <v>103.64100000000001</v>
      </c>
      <c r="CF1297" s="11">
        <v>31.11</v>
      </c>
      <c r="CG1297" s="11">
        <v>135</v>
      </c>
      <c r="CH1297" s="20">
        <v>0.39830500000000002</v>
      </c>
      <c r="CI1297" s="20">
        <v>0.36087399999999997</v>
      </c>
      <c r="CJ1297" s="20">
        <v>0.350244</v>
      </c>
      <c r="CK1297" s="20">
        <v>0.33794600000000002</v>
      </c>
      <c r="CL1297" s="20">
        <v>0.306809</v>
      </c>
      <c r="CM1297" s="20">
        <v>0.29426600000000003</v>
      </c>
      <c r="CN1297" s="20">
        <v>0.27901100000000001</v>
      </c>
      <c r="CO1297" s="20">
        <v>0.240568</v>
      </c>
      <c r="CP1297" s="20">
        <v>0.25998199999999999</v>
      </c>
      <c r="CQ1297" s="20">
        <v>0.25499899999999998</v>
      </c>
      <c r="CR1297" s="20">
        <v>0.23288700000000001</v>
      </c>
      <c r="CS1297" s="20">
        <v>0.28783900000000001</v>
      </c>
      <c r="CT1297" s="20">
        <v>0.33137299999999997</v>
      </c>
      <c r="CU1297" s="20">
        <v>0.326818</v>
      </c>
      <c r="CV1297" s="20">
        <v>0.32903700000000002</v>
      </c>
      <c r="CW1297" s="20">
        <v>0.336034</v>
      </c>
      <c r="CX1297" s="20">
        <v>0.34071000000000001</v>
      </c>
      <c r="CY1297" s="6" t="s">
        <v>584</v>
      </c>
      <c r="CZ1297" s="6" t="s">
        <v>585</v>
      </c>
      <c r="DA1297" s="6" t="s">
        <v>162</v>
      </c>
      <c r="DB1297" s="6" t="s">
        <v>345</v>
      </c>
      <c r="DC1297" s="6">
        <v>22220</v>
      </c>
      <c r="DD1297" s="6"/>
      <c r="DE1297" s="6" t="s">
        <v>587</v>
      </c>
      <c r="DF1297" s="6" t="s">
        <v>375</v>
      </c>
      <c r="DG1297" s="6" t="s">
        <v>376</v>
      </c>
      <c r="DH1297" s="6" t="s">
        <v>328</v>
      </c>
      <c r="DI1297" s="6"/>
      <c r="DJ1297" s="6">
        <v>29</v>
      </c>
      <c r="DK1297" s="6">
        <v>119</v>
      </c>
      <c r="DL1297" s="6">
        <v>2</v>
      </c>
      <c r="DM1297" s="6" t="s">
        <v>379</v>
      </c>
      <c r="DN1297" s="6">
        <v>2</v>
      </c>
      <c r="DO1297" s="6" t="s">
        <v>463</v>
      </c>
      <c r="DP1297" s="6"/>
      <c r="DQ1297" s="6"/>
    </row>
    <row r="1298" spans="1:121" x14ac:dyDescent="0.2">
      <c r="A1298" s="6" t="s">
        <v>322</v>
      </c>
      <c r="B1298" s="6" t="s">
        <v>322</v>
      </c>
      <c r="C1298" s="6" t="s">
        <v>191</v>
      </c>
      <c r="D1298" s="6" t="s">
        <v>162</v>
      </c>
      <c r="E1298" s="6" t="s">
        <v>301</v>
      </c>
      <c r="F1298" s="11">
        <v>12</v>
      </c>
      <c r="G1298" s="13">
        <v>0.71</v>
      </c>
      <c r="H1298" s="11">
        <v>4</v>
      </c>
      <c r="I1298" s="13">
        <v>0.23529411764705879</v>
      </c>
      <c r="J1298" s="11">
        <v>3</v>
      </c>
      <c r="K1298" s="13">
        <v>0.14285714285714285</v>
      </c>
      <c r="L1298" s="11">
        <v>5</v>
      </c>
      <c r="M1298" s="13">
        <v>0.20833333333333337</v>
      </c>
      <c r="N1298" s="11">
        <v>8</v>
      </c>
      <c r="O1298" s="13">
        <v>0.38095238095238099</v>
      </c>
      <c r="P1298" s="7">
        <v>17</v>
      </c>
      <c r="Q1298" s="7">
        <v>12</v>
      </c>
      <c r="R1298" s="7">
        <v>12</v>
      </c>
      <c r="S1298" s="7">
        <v>15</v>
      </c>
      <c r="T1298" s="7">
        <v>15</v>
      </c>
      <c r="U1298" s="7">
        <v>24</v>
      </c>
      <c r="V1298" s="7">
        <v>21</v>
      </c>
      <c r="W1298" s="7">
        <v>24</v>
      </c>
      <c r="X1298" s="7">
        <v>26</v>
      </c>
      <c r="Y1298" s="7">
        <v>24</v>
      </c>
      <c r="Z1298" s="7">
        <v>20</v>
      </c>
      <c r="AA1298" s="7">
        <v>17</v>
      </c>
      <c r="AB1298" s="7">
        <v>16</v>
      </c>
      <c r="AC1298" s="7">
        <v>27</v>
      </c>
      <c r="AD1298" s="7">
        <v>27</v>
      </c>
      <c r="AE1298" s="7">
        <v>27</v>
      </c>
      <c r="AF1298" s="7">
        <v>29</v>
      </c>
      <c r="AG1298" s="9">
        <v>-1252</v>
      </c>
      <c r="AH1298" s="13">
        <v>-9.2747610934143271E-2</v>
      </c>
      <c r="AI1298" s="9">
        <v>3061</v>
      </c>
      <c r="AJ1298" s="13">
        <v>0.22675753759537745</v>
      </c>
      <c r="AK1298" s="9">
        <v>-1157</v>
      </c>
      <c r="AL1298" s="13">
        <v>-6.9867149758454108E-2</v>
      </c>
      <c r="AM1298" s="9">
        <v>-3156</v>
      </c>
      <c r="AN1298" s="13">
        <v>-0.20489515029539701</v>
      </c>
      <c r="AO1298" s="9">
        <v>-4313</v>
      </c>
      <c r="AP1298" s="13">
        <v>-0.26044685990338162</v>
      </c>
      <c r="AQ1298" s="9">
        <v>13499</v>
      </c>
      <c r="AR1298" s="9">
        <v>17539</v>
      </c>
      <c r="AS1298" s="9">
        <v>15474</v>
      </c>
      <c r="AT1298" s="9">
        <v>13788</v>
      </c>
      <c r="AU1298" s="9">
        <v>14492</v>
      </c>
      <c r="AV1298" s="9">
        <v>13889</v>
      </c>
      <c r="AW1298" s="9">
        <v>16560</v>
      </c>
      <c r="AX1298" s="9">
        <v>15790</v>
      </c>
      <c r="AY1298" s="9">
        <v>16026</v>
      </c>
      <c r="AZ1298" s="9">
        <v>15403</v>
      </c>
      <c r="BA1298" s="9">
        <v>15863</v>
      </c>
      <c r="BB1298" s="9">
        <v>16447</v>
      </c>
      <c r="BC1298" s="9">
        <v>18434</v>
      </c>
      <c r="BD1298" s="9">
        <v>12974</v>
      </c>
      <c r="BE1298" s="9">
        <v>13256</v>
      </c>
      <c r="BF1298" s="9">
        <v>12247</v>
      </c>
      <c r="BG1298" s="11">
        <v>2</v>
      </c>
      <c r="BH1298" s="13">
        <v>0.5</v>
      </c>
      <c r="BI1298" s="6">
        <v>1</v>
      </c>
      <c r="BJ1298" s="13">
        <v>0.25</v>
      </c>
      <c r="BK1298" s="6">
        <v>-1</v>
      </c>
      <c r="BL1298" s="13">
        <v>-0.2</v>
      </c>
      <c r="BM1298" s="11">
        <v>2</v>
      </c>
      <c r="BN1298" s="13">
        <v>0.5</v>
      </c>
      <c r="BO1298" s="11">
        <v>1</v>
      </c>
      <c r="BP1298" s="13">
        <v>0.2</v>
      </c>
      <c r="BQ1298" s="6">
        <v>4</v>
      </c>
      <c r="BR1298" s="6">
        <v>5</v>
      </c>
      <c r="BS1298" s="6">
        <v>5</v>
      </c>
      <c r="BT1298" s="6">
        <v>5</v>
      </c>
      <c r="BU1298" s="6">
        <v>4</v>
      </c>
      <c r="BV1298" s="6">
        <v>4</v>
      </c>
      <c r="BW1298" s="6">
        <v>4</v>
      </c>
      <c r="BX1298" s="6">
        <v>4</v>
      </c>
      <c r="BY1298" s="6">
        <v>5</v>
      </c>
      <c r="BZ1298" s="6">
        <v>4</v>
      </c>
      <c r="CA1298" s="6">
        <v>7</v>
      </c>
      <c r="CB1298" s="6">
        <v>6</v>
      </c>
      <c r="CC1298" s="11">
        <v>6</v>
      </c>
      <c r="CD1298" s="11">
        <v>7</v>
      </c>
      <c r="CE1298" s="11">
        <v>3</v>
      </c>
      <c r="CF1298" s="11">
        <v>2</v>
      </c>
      <c r="CG1298" s="11">
        <v>5</v>
      </c>
      <c r="CH1298" s="20">
        <v>0.16</v>
      </c>
      <c r="CI1298" s="20">
        <v>0.11</v>
      </c>
      <c r="CJ1298" s="20">
        <v>0.11</v>
      </c>
      <c r="CK1298" s="20">
        <v>0.13</v>
      </c>
      <c r="CL1298" s="20">
        <v>0.12</v>
      </c>
      <c r="CM1298" s="20">
        <v>0.19</v>
      </c>
      <c r="CN1298" s="20">
        <v>0.16</v>
      </c>
      <c r="CO1298" s="20">
        <v>0.18</v>
      </c>
      <c r="CP1298" s="20">
        <v>0.2</v>
      </c>
      <c r="CQ1298" s="20">
        <v>0.19</v>
      </c>
      <c r="CR1298" s="20">
        <v>0.15</v>
      </c>
      <c r="CS1298" s="20">
        <v>0.13</v>
      </c>
      <c r="CT1298" s="20">
        <v>0.13</v>
      </c>
      <c r="CU1298" s="20">
        <v>0.2</v>
      </c>
      <c r="CV1298" s="20">
        <v>0.2</v>
      </c>
      <c r="CW1298" s="20">
        <v>0.2</v>
      </c>
      <c r="CX1298" s="20">
        <v>0.21</v>
      </c>
      <c r="CY1298" s="6" t="s">
        <v>584</v>
      </c>
      <c r="CZ1298" s="6" t="s">
        <v>585</v>
      </c>
      <c r="DA1298" s="6" t="s">
        <v>162</v>
      </c>
      <c r="DB1298" s="6" t="s">
        <v>345</v>
      </c>
      <c r="DC1298" s="6">
        <v>22220</v>
      </c>
      <c r="DD1298" s="6"/>
      <c r="DE1298" s="6" t="s">
        <v>587</v>
      </c>
      <c r="DF1298" s="6" t="s">
        <v>375</v>
      </c>
      <c r="DG1298" s="6" t="s">
        <v>376</v>
      </c>
      <c r="DH1298" s="6" t="s">
        <v>328</v>
      </c>
      <c r="DI1298" s="6"/>
      <c r="DJ1298" s="6">
        <v>29</v>
      </c>
      <c r="DK1298" s="6">
        <v>119</v>
      </c>
      <c r="DL1298" s="6">
        <v>2</v>
      </c>
      <c r="DM1298" s="6" t="s">
        <v>379</v>
      </c>
      <c r="DN1298" s="6">
        <v>2</v>
      </c>
      <c r="DO1298" s="6" t="s">
        <v>463</v>
      </c>
      <c r="DP1298" s="6"/>
      <c r="DQ1298" s="6"/>
    </row>
    <row r="1299" spans="1:121" x14ac:dyDescent="0.2">
      <c r="A1299" s="6" t="s">
        <v>323</v>
      </c>
      <c r="B1299" s="6" t="s">
        <v>323</v>
      </c>
      <c r="C1299" s="6" t="s">
        <v>192</v>
      </c>
      <c r="D1299" s="6" t="s">
        <v>162</v>
      </c>
      <c r="E1299" s="6" t="s">
        <v>301</v>
      </c>
      <c r="F1299" s="11">
        <v>-3</v>
      </c>
      <c r="G1299" s="13">
        <v>-1.0676156583600001E-2</v>
      </c>
      <c r="H1299" s="11">
        <v>5.6079457480000201</v>
      </c>
      <c r="I1299" s="13">
        <v>1.9928051956265857E-2</v>
      </c>
      <c r="J1299" s="11">
        <v>7.4204863360000104</v>
      </c>
      <c r="K1299" s="13">
        <v>2.585376972207656E-2</v>
      </c>
      <c r="L1299" s="11">
        <v>-16.669230268000035</v>
      </c>
      <c r="M1299" s="13">
        <v>-5.6613707114351521E-2</v>
      </c>
      <c r="N1299" s="11">
        <v>-9.2487439320000249</v>
      </c>
      <c r="O1299" s="13">
        <v>-3.2223615139122495E-2</v>
      </c>
      <c r="P1299" s="7">
        <v>281.40963102199999</v>
      </c>
      <c r="Q1299" s="7">
        <v>290.08447648700002</v>
      </c>
      <c r="R1299" s="7">
        <v>281.23121262699999</v>
      </c>
      <c r="S1299" s="7">
        <v>284.166684234</v>
      </c>
      <c r="T1299" s="7">
        <v>268.79864826199997</v>
      </c>
      <c r="U1299" s="7">
        <v>255.69348275999999</v>
      </c>
      <c r="V1299" s="7">
        <v>287.01757677000001</v>
      </c>
      <c r="W1299" s="7">
        <v>314.99492594399999</v>
      </c>
      <c r="X1299" s="7">
        <v>307.82037088099997</v>
      </c>
      <c r="Y1299" s="7">
        <v>294.43806310600002</v>
      </c>
      <c r="Z1299" s="7">
        <v>240.48752679</v>
      </c>
      <c r="AA1299" s="7">
        <v>228.856539559</v>
      </c>
      <c r="AB1299" s="7">
        <v>341.52602934999999</v>
      </c>
      <c r="AC1299" s="7">
        <v>309.53914305500001</v>
      </c>
      <c r="AD1299" s="7">
        <v>286.89552438800001</v>
      </c>
      <c r="AE1299" s="7">
        <v>273.13185279200002</v>
      </c>
      <c r="AF1299" s="7">
        <v>277.76883283799998</v>
      </c>
      <c r="AG1299" s="9">
        <v>5681.7166933999997</v>
      </c>
      <c r="AH1299" s="13">
        <v>0.60813695727667527</v>
      </c>
      <c r="AI1299" s="9">
        <v>2552.4822951999995</v>
      </c>
      <c r="AJ1299" s="13">
        <v>0.27320243163631303</v>
      </c>
      <c r="AK1299" s="9">
        <v>1214.1042142000006</v>
      </c>
      <c r="AL1299" s="13">
        <v>0.10206582005003512</v>
      </c>
      <c r="AM1299" s="9">
        <v>1915.1301839999996</v>
      </c>
      <c r="AN1299" s="13">
        <v>0.14608819752166466</v>
      </c>
      <c r="AO1299" s="9">
        <v>3129.2343982000002</v>
      </c>
      <c r="AP1299" s="13">
        <v>0.26306462925138002</v>
      </c>
      <c r="AQ1299" s="9">
        <v>9342.8242198000007</v>
      </c>
      <c r="AR1299" s="9">
        <v>9263.7055397900003</v>
      </c>
      <c r="AS1299" s="9">
        <v>9143.9234827399996</v>
      </c>
      <c r="AT1299" s="9">
        <v>9950.9772731199992</v>
      </c>
      <c r="AU1299" s="9">
        <v>11016.493400400001</v>
      </c>
      <c r="AV1299" s="9">
        <v>10809.6653374</v>
      </c>
      <c r="AW1299" s="9">
        <v>11895.306515</v>
      </c>
      <c r="AX1299" s="9">
        <v>12359.3898271</v>
      </c>
      <c r="AY1299" s="9">
        <v>12745.133628600001</v>
      </c>
      <c r="AZ1299" s="9">
        <v>13109.410729200001</v>
      </c>
      <c r="BA1299" s="9">
        <v>14376.7688679</v>
      </c>
      <c r="BB1299" s="9">
        <v>15139.707708600001</v>
      </c>
      <c r="BC1299" s="9">
        <v>13005.5044822</v>
      </c>
      <c r="BD1299" s="9">
        <v>13006.7263867</v>
      </c>
      <c r="BE1299" s="9">
        <v>14587.179552699999</v>
      </c>
      <c r="BF1299" s="9">
        <v>15024.5409132</v>
      </c>
      <c r="BG1299" s="11">
        <v>-2.75</v>
      </c>
      <c r="BH1299" s="13">
        <v>-8.3333333333333329E-2</v>
      </c>
      <c r="BI1299" s="6">
        <v>-2</v>
      </c>
      <c r="BJ1299" s="13">
        <v>-6.0606060606060608E-2</v>
      </c>
      <c r="BK1299" s="6">
        <v>-1</v>
      </c>
      <c r="BL1299" s="13">
        <v>-3.2258064516129031E-2</v>
      </c>
      <c r="BM1299" s="11">
        <v>0.25</v>
      </c>
      <c r="BN1299" s="13">
        <v>8.3333333333333332E-3</v>
      </c>
      <c r="BO1299" s="11">
        <v>-0.75</v>
      </c>
      <c r="BP1299" s="13">
        <v>-2.4193548387096774E-2</v>
      </c>
      <c r="BQ1299" s="6">
        <v>33</v>
      </c>
      <c r="BR1299" s="6">
        <v>31</v>
      </c>
      <c r="BS1299" s="6">
        <v>33</v>
      </c>
      <c r="BT1299" s="6">
        <v>31</v>
      </c>
      <c r="BU1299" s="6">
        <v>35</v>
      </c>
      <c r="BV1299" s="6">
        <v>30</v>
      </c>
      <c r="BW1299" s="6">
        <v>30</v>
      </c>
      <c r="BX1299" s="6">
        <v>26</v>
      </c>
      <c r="BY1299" s="6">
        <v>30</v>
      </c>
      <c r="BZ1299" s="6">
        <v>30</v>
      </c>
      <c r="CA1299" s="6">
        <v>33</v>
      </c>
      <c r="CB1299" s="6">
        <v>32</v>
      </c>
      <c r="CC1299" s="11">
        <v>30.25</v>
      </c>
      <c r="CD1299" s="11">
        <v>-98.3964</v>
      </c>
      <c r="CE1299" s="11">
        <v>63.994100000000003</v>
      </c>
      <c r="CF1299" s="11">
        <v>30.761500000000002</v>
      </c>
      <c r="CG1299" s="11">
        <v>95</v>
      </c>
      <c r="CH1299" s="20">
        <v>0.53069699999999997</v>
      </c>
      <c r="CI1299" s="20">
        <v>0.52817999999999998</v>
      </c>
      <c r="CJ1299" s="20">
        <v>0.504969</v>
      </c>
      <c r="CK1299" s="20">
        <v>0.495444</v>
      </c>
      <c r="CL1299" s="20">
        <v>0.44944499999999998</v>
      </c>
      <c r="CM1299" s="20">
        <v>0.41414400000000001</v>
      </c>
      <c r="CN1299" s="20">
        <v>0.44694699999999998</v>
      </c>
      <c r="CO1299" s="20">
        <v>0.49229499999999998</v>
      </c>
      <c r="CP1299" s="20">
        <v>0.49263800000000002</v>
      </c>
      <c r="CQ1299" s="20">
        <v>0.463223</v>
      </c>
      <c r="CR1299" s="20">
        <v>0.37294899999999997</v>
      </c>
      <c r="CS1299" s="20">
        <v>0.350906</v>
      </c>
      <c r="CT1299" s="20">
        <v>0.51845600000000003</v>
      </c>
      <c r="CU1299" s="20">
        <v>0.45358500000000002</v>
      </c>
      <c r="CV1299" s="20">
        <v>0.41804400000000003</v>
      </c>
      <c r="CW1299" s="20">
        <v>0.39853499999999997</v>
      </c>
      <c r="CX1299" s="20">
        <v>0.398644</v>
      </c>
      <c r="CY1299" s="6" t="s">
        <v>584</v>
      </c>
      <c r="CZ1299" s="6" t="s">
        <v>585</v>
      </c>
      <c r="DA1299" s="6" t="s">
        <v>162</v>
      </c>
      <c r="DB1299" s="6" t="s">
        <v>345</v>
      </c>
      <c r="DC1299" s="6">
        <v>22220</v>
      </c>
      <c r="DD1299" s="6"/>
      <c r="DE1299" s="6" t="s">
        <v>587</v>
      </c>
      <c r="DF1299" s="6" t="s">
        <v>375</v>
      </c>
      <c r="DG1299" s="6" t="s">
        <v>376</v>
      </c>
      <c r="DH1299" s="6" t="s">
        <v>328</v>
      </c>
      <c r="DI1299" s="6"/>
      <c r="DJ1299" s="6">
        <v>29</v>
      </c>
      <c r="DK1299" s="6">
        <v>119</v>
      </c>
      <c r="DL1299" s="6">
        <v>2</v>
      </c>
      <c r="DM1299" s="6" t="s">
        <v>379</v>
      </c>
      <c r="DN1299" s="6">
        <v>2</v>
      </c>
      <c r="DO1299" s="6" t="s">
        <v>463</v>
      </c>
      <c r="DP1299" s="6"/>
      <c r="DQ1299" s="6"/>
    </row>
    <row r="1300" spans="1:121" x14ac:dyDescent="0.2">
      <c r="A1300" s="6" t="s">
        <v>325</v>
      </c>
      <c r="B1300" s="6" t="s">
        <v>325</v>
      </c>
      <c r="C1300" s="6" t="s">
        <v>193</v>
      </c>
      <c r="D1300" s="6" t="s">
        <v>162</v>
      </c>
      <c r="E1300" s="6" t="s">
        <v>301</v>
      </c>
      <c r="F1300" s="11">
        <v>-14</v>
      </c>
      <c r="G1300" s="13">
        <v>-8.1871345029200002E-2</v>
      </c>
      <c r="H1300" s="11">
        <v>52.044655847000001</v>
      </c>
      <c r="I1300" s="13">
        <v>0.30492502317743836</v>
      </c>
      <c r="J1300" s="11">
        <v>2.893612988000001</v>
      </c>
      <c r="K1300" s="13">
        <v>1.29918743099067E-2</v>
      </c>
      <c r="L1300" s="11">
        <v>-68.75900968900001</v>
      </c>
      <c r="M1300" s="13">
        <v>-0.30475793109286453</v>
      </c>
      <c r="N1300" s="11">
        <v>-65.865396701000009</v>
      </c>
      <c r="O1300" s="13">
        <v>-0.29572543351866354</v>
      </c>
      <c r="P1300" s="7">
        <v>170.68017345600001</v>
      </c>
      <c r="Q1300" s="7">
        <v>182.35447321800001</v>
      </c>
      <c r="R1300" s="7">
        <v>190.65401730599999</v>
      </c>
      <c r="S1300" s="7">
        <v>198.708019186</v>
      </c>
      <c r="T1300" s="7">
        <v>196.632122947</v>
      </c>
      <c r="U1300" s="7">
        <v>212.598178362</v>
      </c>
      <c r="V1300" s="7">
        <v>222.72482930300001</v>
      </c>
      <c r="W1300" s="7">
        <v>211.86454686600001</v>
      </c>
      <c r="X1300" s="7">
        <v>205.50522401399999</v>
      </c>
      <c r="Y1300" s="7">
        <v>225.61844229100001</v>
      </c>
      <c r="Z1300" s="7">
        <v>225.972399548</v>
      </c>
      <c r="AA1300" s="7">
        <v>221.92544548000001</v>
      </c>
      <c r="AB1300" s="7">
        <v>165.64578477200001</v>
      </c>
      <c r="AC1300" s="7">
        <v>156.41111885199999</v>
      </c>
      <c r="AD1300" s="7">
        <v>158.999610714</v>
      </c>
      <c r="AE1300" s="7">
        <v>155.25199558099999</v>
      </c>
      <c r="AF1300" s="7">
        <v>156.859432602</v>
      </c>
      <c r="AG1300" s="9">
        <v>9952.0342261000005</v>
      </c>
      <c r="AH1300" s="13">
        <v>0.6020454953830211</v>
      </c>
      <c r="AI1300" s="9">
        <v>-1314.6554472999997</v>
      </c>
      <c r="AJ1300" s="13">
        <v>-7.952970940875484E-2</v>
      </c>
      <c r="AK1300" s="9">
        <v>-1651.5232839</v>
      </c>
      <c r="AL1300" s="13">
        <v>-0.10854063940524417</v>
      </c>
      <c r="AM1300" s="9">
        <v>12918.2129573</v>
      </c>
      <c r="AN1300" s="13">
        <v>0.95237626792919183</v>
      </c>
      <c r="AO1300" s="9">
        <v>11266.6896734</v>
      </c>
      <c r="AP1300" s="13">
        <v>0.74046409944853309</v>
      </c>
      <c r="AQ1300" s="9">
        <v>16530.3690542</v>
      </c>
      <c r="AR1300" s="9">
        <v>15204.346160900001</v>
      </c>
      <c r="AS1300" s="9">
        <v>15738.600008400001</v>
      </c>
      <c r="AT1300" s="9">
        <v>14847.5363493</v>
      </c>
      <c r="AU1300" s="9">
        <v>14560.5190504</v>
      </c>
      <c r="AV1300" s="9">
        <v>14851.058140900001</v>
      </c>
      <c r="AW1300" s="9">
        <v>15215.713606900001</v>
      </c>
      <c r="AX1300" s="9">
        <v>15924.107207499999</v>
      </c>
      <c r="AY1300" s="9">
        <v>14194.616921700001</v>
      </c>
      <c r="AZ1300" s="9">
        <v>13564.190323000001</v>
      </c>
      <c r="BA1300" s="9">
        <v>14948.833877999999</v>
      </c>
      <c r="BB1300" s="9">
        <v>15264.6109622</v>
      </c>
      <c r="BC1300" s="9">
        <v>21403.571660900001</v>
      </c>
      <c r="BD1300" s="9">
        <v>24675.896172799999</v>
      </c>
      <c r="BE1300" s="9">
        <v>25126.753144999999</v>
      </c>
      <c r="BF1300" s="9">
        <v>26482.403280300001</v>
      </c>
      <c r="BG1300" s="11">
        <v>-16.5</v>
      </c>
      <c r="BH1300" s="13">
        <v>-0.43421052631578949</v>
      </c>
      <c r="BI1300" s="6">
        <v>7</v>
      </c>
      <c r="BJ1300" s="13">
        <v>0.18421052631578946</v>
      </c>
      <c r="BK1300" s="6">
        <v>22</v>
      </c>
      <c r="BL1300" s="13">
        <v>0.48888888888888887</v>
      </c>
      <c r="BM1300" s="11">
        <v>-45.5</v>
      </c>
      <c r="BN1300" s="13">
        <v>-0.67910447761194026</v>
      </c>
      <c r="BO1300" s="11">
        <v>-23.5</v>
      </c>
      <c r="BP1300" s="13">
        <v>-0.52222222222222225</v>
      </c>
      <c r="BQ1300" s="6">
        <v>38</v>
      </c>
      <c r="BR1300" s="6">
        <v>41</v>
      </c>
      <c r="BS1300" s="6">
        <v>42</v>
      </c>
      <c r="BT1300" s="6">
        <v>45</v>
      </c>
      <c r="BU1300" s="6">
        <v>49</v>
      </c>
      <c r="BV1300" s="6">
        <v>54</v>
      </c>
      <c r="BW1300" s="6">
        <v>67</v>
      </c>
      <c r="BX1300" s="6">
        <v>69</v>
      </c>
      <c r="BY1300" s="6">
        <v>68</v>
      </c>
      <c r="BZ1300" s="6">
        <v>20</v>
      </c>
      <c r="CA1300" s="6">
        <v>22</v>
      </c>
      <c r="CB1300" s="6">
        <v>21</v>
      </c>
      <c r="CC1300" s="11">
        <v>21.5</v>
      </c>
      <c r="CD1300" s="11">
        <v>-30.906300000000002</v>
      </c>
      <c r="CE1300" s="11">
        <v>-1.5718000000000001</v>
      </c>
      <c r="CF1300" s="11">
        <v>18.657399999999999</v>
      </c>
      <c r="CG1300" s="11">
        <v>17</v>
      </c>
      <c r="CH1300" s="20">
        <v>0.47386800000000001</v>
      </c>
      <c r="CI1300" s="20">
        <v>0.48678399999999999</v>
      </c>
      <c r="CJ1300" s="20">
        <v>0.50477300000000003</v>
      </c>
      <c r="CK1300" s="20">
        <v>0.52008900000000002</v>
      </c>
      <c r="CL1300" s="20">
        <v>0.501749</v>
      </c>
      <c r="CM1300" s="20">
        <v>0.53041700000000003</v>
      </c>
      <c r="CN1300" s="20">
        <v>0.53689100000000001</v>
      </c>
      <c r="CO1300" s="20">
        <v>0.512077</v>
      </c>
      <c r="CP1300" s="20">
        <v>0.49827100000000002</v>
      </c>
      <c r="CQ1300" s="20">
        <v>0.54173700000000002</v>
      </c>
      <c r="CR1300" s="20">
        <v>0.542655</v>
      </c>
      <c r="CS1300" s="20">
        <v>0.53099499999999999</v>
      </c>
      <c r="CT1300" s="20">
        <v>0.42804199999999998</v>
      </c>
      <c r="CU1300" s="20">
        <v>0.39429999999999998</v>
      </c>
      <c r="CV1300" s="20">
        <v>0.40646399999999999</v>
      </c>
      <c r="CW1300" s="20">
        <v>0.40165099999999998</v>
      </c>
      <c r="CX1300" s="20">
        <v>0.40270400000000001</v>
      </c>
      <c r="CY1300" s="6" t="s">
        <v>584</v>
      </c>
      <c r="CZ1300" s="6" t="s">
        <v>585</v>
      </c>
      <c r="DA1300" s="6" t="s">
        <v>162</v>
      </c>
      <c r="DB1300" s="6" t="s">
        <v>345</v>
      </c>
      <c r="DC1300" s="6">
        <v>22220</v>
      </c>
      <c r="DD1300" s="6"/>
      <c r="DE1300" s="6" t="s">
        <v>587</v>
      </c>
      <c r="DF1300" s="6" t="s">
        <v>375</v>
      </c>
      <c r="DG1300" s="6" t="s">
        <v>376</v>
      </c>
      <c r="DH1300" s="6" t="s">
        <v>328</v>
      </c>
      <c r="DI1300" s="6"/>
      <c r="DJ1300" s="6">
        <v>29</v>
      </c>
      <c r="DK1300" s="6">
        <v>119</v>
      </c>
      <c r="DL1300" s="6">
        <v>2</v>
      </c>
      <c r="DM1300" s="6" t="s">
        <v>379</v>
      </c>
      <c r="DN1300" s="6">
        <v>2</v>
      </c>
      <c r="DO1300" s="6" t="s">
        <v>463</v>
      </c>
      <c r="DP1300" s="6"/>
      <c r="DQ1300" s="6"/>
    </row>
    <row r="1301" spans="1:121" x14ac:dyDescent="0.2">
      <c r="A1301" s="6" t="s">
        <v>327</v>
      </c>
      <c r="B1301" s="6" t="s">
        <v>327</v>
      </c>
      <c r="C1301" s="6" t="s">
        <v>194</v>
      </c>
      <c r="D1301" s="6" t="s">
        <v>162</v>
      </c>
      <c r="E1301" s="6" t="s">
        <v>301</v>
      </c>
      <c r="F1301" s="11">
        <v>121</v>
      </c>
      <c r="G1301" s="13">
        <v>0.13066954643600001</v>
      </c>
      <c r="H1301" s="11">
        <v>183.85115700000006</v>
      </c>
      <c r="I1301" s="13">
        <v>0.19851725678381599</v>
      </c>
      <c r="J1301" s="11">
        <v>0.82498199999986355</v>
      </c>
      <c r="K1301" s="13">
        <v>7.4324514212066508E-4</v>
      </c>
      <c r="L1301" s="11">
        <v>-64.22630920000006</v>
      </c>
      <c r="M1301" s="13">
        <v>-5.7819975695885581E-2</v>
      </c>
      <c r="N1301" s="11">
        <v>-63.401327200000196</v>
      </c>
      <c r="O1301" s="13">
        <v>-5.711970496981842E-2</v>
      </c>
      <c r="P1301" s="7">
        <v>926.12178900000004</v>
      </c>
      <c r="Q1301" s="7">
        <v>933.34115499999996</v>
      </c>
      <c r="R1301" s="7">
        <v>960.25358200000005</v>
      </c>
      <c r="S1301" s="7">
        <v>982.32948299999998</v>
      </c>
      <c r="T1301" s="7">
        <v>985.19459500000005</v>
      </c>
      <c r="U1301" s="7">
        <v>1025.855264</v>
      </c>
      <c r="V1301" s="7">
        <v>1109.9729460000001</v>
      </c>
      <c r="W1301" s="7">
        <v>1133.237038</v>
      </c>
      <c r="X1301" s="7">
        <v>1133.9364029999999</v>
      </c>
      <c r="Y1301" s="7">
        <v>1110.797928</v>
      </c>
      <c r="Z1301" s="7">
        <v>1061.570025</v>
      </c>
      <c r="AA1301" s="7">
        <v>1040.186931</v>
      </c>
      <c r="AB1301" s="7">
        <v>1015.705439</v>
      </c>
      <c r="AC1301" s="7">
        <v>1036.519947</v>
      </c>
      <c r="AD1301" s="7">
        <v>1047.1329909999999</v>
      </c>
      <c r="AE1301" s="7">
        <v>1045.0917487500001</v>
      </c>
      <c r="AF1301" s="7">
        <v>1046.5716187999999</v>
      </c>
      <c r="AG1301" s="9">
        <v>16385.1319587</v>
      </c>
      <c r="AH1301" s="13">
        <v>0.52351799465040216</v>
      </c>
      <c r="AI1301" s="9">
        <v>11086.137839899999</v>
      </c>
      <c r="AJ1301" s="13">
        <v>0.35421091908147578</v>
      </c>
      <c r="AK1301" s="9">
        <v>2224.3546543999983</v>
      </c>
      <c r="AL1301" s="13">
        <v>5.2480672613902851E-2</v>
      </c>
      <c r="AM1301" s="9">
        <v>3074.6394644000029</v>
      </c>
      <c r="AN1301" s="13">
        <v>6.892478616601358E-2</v>
      </c>
      <c r="AO1301" s="9">
        <v>5298.9941188000012</v>
      </c>
      <c r="AP1301" s="13">
        <v>0.12502267791767824</v>
      </c>
      <c r="AQ1301" s="9">
        <v>31298.1256158</v>
      </c>
      <c r="AR1301" s="9">
        <v>33232.334594400003</v>
      </c>
      <c r="AS1301" s="9">
        <v>34804.703626100003</v>
      </c>
      <c r="AT1301" s="9">
        <v>37103.527789500004</v>
      </c>
      <c r="AU1301" s="9">
        <v>40322.686608999997</v>
      </c>
      <c r="AV1301" s="9">
        <v>42519.630065999998</v>
      </c>
      <c r="AW1301" s="9">
        <v>42384.263455699998</v>
      </c>
      <c r="AX1301" s="9">
        <v>43482.754860599998</v>
      </c>
      <c r="AY1301" s="9">
        <v>43314.601317100001</v>
      </c>
      <c r="AZ1301" s="9">
        <v>44608.618110099997</v>
      </c>
      <c r="BA1301" s="9">
        <v>45257.750039799997</v>
      </c>
      <c r="BB1301" s="9">
        <v>45554.618992299998</v>
      </c>
      <c r="BC1301" s="9">
        <v>46904.711931799997</v>
      </c>
      <c r="BD1301" s="9">
        <v>45840.288893700003</v>
      </c>
      <c r="BE1301" s="9">
        <v>46547.251845999999</v>
      </c>
      <c r="BF1301" s="9">
        <v>47683.257574499999</v>
      </c>
      <c r="BG1301" s="11">
        <v>7</v>
      </c>
      <c r="BH1301" s="13">
        <v>0.15555555555555556</v>
      </c>
      <c r="BI1301" s="6">
        <v>4</v>
      </c>
      <c r="BJ1301" s="13">
        <v>8.8888888888888892E-2</v>
      </c>
      <c r="BK1301" s="6">
        <v>3</v>
      </c>
      <c r="BL1301" s="13">
        <v>6.1224489795918366E-2</v>
      </c>
      <c r="BM1301" s="11">
        <v>0</v>
      </c>
      <c r="BN1301" s="13">
        <v>0</v>
      </c>
      <c r="BO1301" s="11">
        <v>3</v>
      </c>
      <c r="BP1301" s="13">
        <v>6.1224489795918366E-2</v>
      </c>
      <c r="BQ1301" s="6">
        <v>45</v>
      </c>
      <c r="BR1301" s="6">
        <v>46</v>
      </c>
      <c r="BS1301" s="6">
        <v>46</v>
      </c>
      <c r="BT1301" s="6">
        <v>49</v>
      </c>
      <c r="BU1301" s="6">
        <v>50</v>
      </c>
      <c r="BV1301" s="6">
        <v>52</v>
      </c>
      <c r="BW1301" s="6">
        <v>52</v>
      </c>
      <c r="BX1301" s="6">
        <v>51</v>
      </c>
      <c r="BY1301" s="6">
        <v>50</v>
      </c>
      <c r="BZ1301" s="6">
        <v>52</v>
      </c>
      <c r="CA1301" s="6">
        <v>52</v>
      </c>
      <c r="CB1301" s="6">
        <v>52</v>
      </c>
      <c r="CC1301" s="11">
        <v>52</v>
      </c>
      <c r="CD1301" s="11">
        <v>73.507099999999994</v>
      </c>
      <c r="CE1301" s="11">
        <v>-54.293599999999998</v>
      </c>
      <c r="CF1301" s="11">
        <v>101.236</v>
      </c>
      <c r="CG1301" s="11">
        <v>47</v>
      </c>
      <c r="CH1301" s="20">
        <v>0.77405100000000004</v>
      </c>
      <c r="CI1301" s="20">
        <v>0.74856599999999995</v>
      </c>
      <c r="CJ1301" s="20">
        <v>0.76948099999999997</v>
      </c>
      <c r="CK1301" s="20">
        <v>0.78382099999999999</v>
      </c>
      <c r="CL1301" s="20">
        <v>0.76815999999999995</v>
      </c>
      <c r="CM1301" s="20">
        <v>0.78722099999999995</v>
      </c>
      <c r="CN1301" s="20">
        <v>0.82887299999999997</v>
      </c>
      <c r="CO1301" s="20">
        <v>0.84001899999999996</v>
      </c>
      <c r="CP1301" s="20">
        <v>0.833754</v>
      </c>
      <c r="CQ1301" s="20">
        <v>0.80419499999999999</v>
      </c>
      <c r="CR1301" s="20">
        <v>0.78669500000000003</v>
      </c>
      <c r="CS1301" s="20">
        <v>0.79408999999999996</v>
      </c>
      <c r="CT1301" s="20">
        <v>0.79541899999999999</v>
      </c>
      <c r="CU1301" s="20">
        <v>0.80685300000000004</v>
      </c>
      <c r="CV1301" s="20">
        <v>0.83368299999999995</v>
      </c>
      <c r="CW1301" s="20">
        <v>0.84630700000000003</v>
      </c>
      <c r="CX1301" s="20">
        <v>0.84689899999999996</v>
      </c>
      <c r="CY1301" s="6" t="s">
        <v>584</v>
      </c>
      <c r="CZ1301" s="6" t="s">
        <v>585</v>
      </c>
      <c r="DA1301" s="6" t="s">
        <v>162</v>
      </c>
      <c r="DB1301" s="6" t="s">
        <v>345</v>
      </c>
      <c r="DC1301" s="6">
        <v>22220</v>
      </c>
      <c r="DD1301" s="6"/>
      <c r="DE1301" s="6" t="s">
        <v>587</v>
      </c>
      <c r="DF1301" s="6" t="s">
        <v>375</v>
      </c>
      <c r="DG1301" s="6" t="s">
        <v>376</v>
      </c>
      <c r="DH1301" s="6" t="s">
        <v>328</v>
      </c>
      <c r="DI1301" s="6"/>
      <c r="DJ1301" s="6">
        <v>29</v>
      </c>
      <c r="DK1301" s="6">
        <v>119</v>
      </c>
      <c r="DL1301" s="6">
        <v>2</v>
      </c>
      <c r="DM1301" s="6" t="s">
        <v>379</v>
      </c>
      <c r="DN1301" s="6">
        <v>2</v>
      </c>
      <c r="DO1301" s="6" t="s">
        <v>463</v>
      </c>
      <c r="DP1301" s="6"/>
      <c r="DQ1301" s="6"/>
    </row>
    <row r="1302" spans="1:121" x14ac:dyDescent="0.2">
      <c r="A1302" s="6" t="s">
        <v>1</v>
      </c>
      <c r="B1302" s="6" t="s">
        <v>1</v>
      </c>
      <c r="C1302" s="6" t="s">
        <v>2</v>
      </c>
      <c r="D1302" s="6" t="s">
        <v>57</v>
      </c>
      <c r="E1302" s="6" t="s">
        <v>198</v>
      </c>
      <c r="F1302" s="11">
        <v>437</v>
      </c>
      <c r="G1302" s="13">
        <v>0.189177489177</v>
      </c>
      <c r="H1302" s="11">
        <v>171.21610909999981</v>
      </c>
      <c r="I1302" s="13">
        <v>7.4116040786841419E-2</v>
      </c>
      <c r="J1302" s="11">
        <v>181.06941516000006</v>
      </c>
      <c r="K1302" s="13">
        <v>7.2972879650244321E-2</v>
      </c>
      <c r="L1302" s="11">
        <v>84.363613680000071</v>
      </c>
      <c r="M1302" s="13">
        <v>3.1687123404162479E-2</v>
      </c>
      <c r="N1302" s="11">
        <v>265.43302884000013</v>
      </c>
      <c r="O1302" s="13">
        <v>0.10697230369704119</v>
      </c>
      <c r="P1302" s="7">
        <v>2310.10867934</v>
      </c>
      <c r="Q1302" s="7">
        <v>3153.4044730999999</v>
      </c>
      <c r="R1302" s="7">
        <v>3432.9728809100002</v>
      </c>
      <c r="S1302" s="7">
        <v>3932.90336819</v>
      </c>
      <c r="T1302" s="7">
        <v>4071.6670152699999</v>
      </c>
      <c r="U1302" s="7">
        <v>3548.90425843</v>
      </c>
      <c r="V1302" s="7">
        <v>2481.3247884399998</v>
      </c>
      <c r="W1302" s="7">
        <v>51.308141952600003</v>
      </c>
      <c r="X1302" s="7">
        <v>2415.9261611500001</v>
      </c>
      <c r="Y1302" s="7">
        <v>2662.3942035999999</v>
      </c>
      <c r="Z1302" s="7">
        <v>2587.40388433</v>
      </c>
      <c r="AA1302" s="7">
        <v>2772.4009440200002</v>
      </c>
      <c r="AB1302" s="7">
        <v>2777.0481187999999</v>
      </c>
      <c r="AC1302" s="7">
        <v>2725.0246149</v>
      </c>
      <c r="AD1302" s="7">
        <v>2745.0296465299998</v>
      </c>
      <c r="AE1302" s="7">
        <v>2736.7077990100001</v>
      </c>
      <c r="AF1302" s="7">
        <v>2746.7578172799999</v>
      </c>
      <c r="AG1302" s="9">
        <v>8164.9065326000018</v>
      </c>
      <c r="AH1302" s="13">
        <v>0.38129591552690817</v>
      </c>
      <c r="AI1302" s="9">
        <v>2733.4135153000025</v>
      </c>
      <c r="AJ1302" s="13">
        <v>0.1276486637867307</v>
      </c>
      <c r="AK1302" s="9">
        <v>1065.6335618999983</v>
      </c>
      <c r="AL1302" s="13">
        <v>4.413112675585059E-2</v>
      </c>
      <c r="AM1302" s="9">
        <v>4365.859455400001</v>
      </c>
      <c r="AN1302" s="13">
        <v>0.17316169731248135</v>
      </c>
      <c r="AO1302" s="9">
        <v>5431.4930172999993</v>
      </c>
      <c r="AP1302" s="13">
        <v>0.2249346448816873</v>
      </c>
      <c r="AQ1302" s="9">
        <v>21413.569356799999</v>
      </c>
      <c r="AR1302" s="9">
        <v>21151.2233892</v>
      </c>
      <c r="AS1302" s="9">
        <v>20908.674401600001</v>
      </c>
      <c r="AT1302" s="9">
        <v>22203.493409899998</v>
      </c>
      <c r="AU1302" s="9">
        <v>23798.951106299999</v>
      </c>
      <c r="AV1302" s="9">
        <v>23785.1296606</v>
      </c>
      <c r="AW1302" s="9">
        <v>24146.982872100001</v>
      </c>
      <c r="AX1302" s="9">
        <v>45358.153505399998</v>
      </c>
      <c r="AY1302" s="9">
        <v>24147.372858300001</v>
      </c>
      <c r="AZ1302" s="9">
        <v>25212.616434</v>
      </c>
      <c r="BA1302" s="9">
        <v>25441.3446712</v>
      </c>
      <c r="BB1302" s="9">
        <v>26497.7264479</v>
      </c>
      <c r="BC1302" s="9">
        <v>29155.3013097</v>
      </c>
      <c r="BD1302" s="9">
        <v>29475.647743199999</v>
      </c>
      <c r="BE1302" s="9">
        <v>29439.176199400001</v>
      </c>
      <c r="BF1302" s="9">
        <v>29578.475889400001</v>
      </c>
      <c r="BG1302" s="11">
        <v>1</v>
      </c>
      <c r="BH1302" s="13">
        <v>0.5</v>
      </c>
      <c r="BI1302" s="6">
        <v>1</v>
      </c>
      <c r="BJ1302" s="13">
        <v>0.5</v>
      </c>
      <c r="BK1302" s="6">
        <v>1</v>
      </c>
      <c r="BL1302" s="13">
        <v>0.33333333333333331</v>
      </c>
      <c r="BM1302" s="11">
        <v>-1</v>
      </c>
      <c r="BN1302" s="13">
        <v>-0.25</v>
      </c>
      <c r="BO1302" s="11">
        <v>0</v>
      </c>
      <c r="BP1302" s="13">
        <v>0</v>
      </c>
      <c r="BQ1302" s="6">
        <v>2</v>
      </c>
      <c r="BR1302" s="6">
        <v>3</v>
      </c>
      <c r="BS1302" s="6">
        <v>3</v>
      </c>
      <c r="BT1302" s="6">
        <v>3</v>
      </c>
      <c r="BU1302" s="6">
        <v>3</v>
      </c>
      <c r="BV1302" s="6">
        <v>4</v>
      </c>
      <c r="BW1302" s="6">
        <v>4</v>
      </c>
      <c r="BX1302" s="6">
        <v>5</v>
      </c>
      <c r="BY1302" s="6">
        <v>4</v>
      </c>
      <c r="BZ1302" s="6">
        <v>4</v>
      </c>
      <c r="CA1302" s="6">
        <v>4</v>
      </c>
      <c r="CB1302" s="6">
        <v>3</v>
      </c>
      <c r="CC1302" s="11">
        <v>3</v>
      </c>
      <c r="CD1302" s="11">
        <v>394.74799999999999</v>
      </c>
      <c r="CE1302" s="11">
        <v>-210.62100000000001</v>
      </c>
      <c r="CF1302" s="11">
        <v>252.523</v>
      </c>
      <c r="CG1302" s="11">
        <v>42</v>
      </c>
      <c r="CH1302" s="20">
        <v>45.593400000000003</v>
      </c>
      <c r="CI1302" s="20">
        <v>54.027999999999999</v>
      </c>
      <c r="CJ1302" s="20">
        <v>56.637599999999999</v>
      </c>
      <c r="CK1302" s="20">
        <v>60.973199999999999</v>
      </c>
      <c r="CL1302" s="20">
        <v>61.674700000000001</v>
      </c>
      <c r="CM1302" s="20">
        <v>60.513399999999997</v>
      </c>
      <c r="CN1302" s="20">
        <v>56.9801</v>
      </c>
      <c r="CO1302" s="20">
        <v>4.7328999999999999</v>
      </c>
      <c r="CP1302" s="20">
        <v>52.933</v>
      </c>
      <c r="CQ1302" s="20">
        <v>55.384999999999998</v>
      </c>
      <c r="CR1302" s="20">
        <v>55.6526</v>
      </c>
      <c r="CS1302" s="20">
        <v>59.073099999999997</v>
      </c>
      <c r="CT1302" s="20">
        <v>60.488300000000002</v>
      </c>
      <c r="CU1302" s="20">
        <v>60.439300000000003</v>
      </c>
      <c r="CV1302" s="20">
        <v>61.027799999999999</v>
      </c>
      <c r="CW1302" s="20">
        <v>61.533499999999997</v>
      </c>
      <c r="CX1302" s="20">
        <v>62.095500000000001</v>
      </c>
      <c r="CY1302" s="6" t="s">
        <v>600</v>
      </c>
      <c r="CZ1302" s="6" t="s">
        <v>601</v>
      </c>
      <c r="DA1302" s="6" t="s">
        <v>57</v>
      </c>
      <c r="DB1302" s="6"/>
      <c r="DC1302" s="6"/>
      <c r="DD1302" s="6"/>
      <c r="DE1302" s="6"/>
      <c r="DF1302" s="6"/>
      <c r="DG1302" s="6"/>
      <c r="DH1302" s="6" t="s">
        <v>333</v>
      </c>
      <c r="DI1302" s="6"/>
      <c r="DJ1302" s="6"/>
      <c r="DK1302" s="6"/>
      <c r="DL1302" s="6">
        <v>12</v>
      </c>
      <c r="DM1302" s="6" t="s">
        <v>602</v>
      </c>
      <c r="DN1302" s="6">
        <v>9</v>
      </c>
      <c r="DO1302" s="6" t="s">
        <v>384</v>
      </c>
      <c r="DP1302" s="6"/>
      <c r="DQ1302" s="6"/>
    </row>
    <row r="1303" spans="1:121" x14ac:dyDescent="0.2">
      <c r="A1303" s="6" t="s">
        <v>310</v>
      </c>
      <c r="B1303" s="6" t="s">
        <v>310</v>
      </c>
      <c r="C1303" s="6" t="s">
        <v>173</v>
      </c>
      <c r="D1303" s="6" t="s">
        <v>57</v>
      </c>
      <c r="E1303" s="6" t="s">
        <v>198</v>
      </c>
      <c r="F1303" s="11">
        <v>-273</v>
      </c>
      <c r="G1303" s="13">
        <v>-0.72994652406399996</v>
      </c>
      <c r="H1303" s="11">
        <v>-272.174127</v>
      </c>
      <c r="I1303" s="13">
        <v>-0.72827505399046</v>
      </c>
      <c r="J1303" s="11">
        <v>35.184010000000001</v>
      </c>
      <c r="K1303" s="13">
        <v>0.34646902969624954</v>
      </c>
      <c r="L1303" s="11">
        <v>-35.702661269999993</v>
      </c>
      <c r="M1303" s="13">
        <v>-0.26110988007751468</v>
      </c>
      <c r="N1303" s="11">
        <v>-0.51865126999999234</v>
      </c>
      <c r="O1303" s="13">
        <v>-5.107337175825748E-3</v>
      </c>
      <c r="P1303" s="7">
        <v>373.724358</v>
      </c>
      <c r="Q1303" s="7">
        <v>176.87776600000001</v>
      </c>
      <c r="R1303" s="7">
        <v>85.943224000000001</v>
      </c>
      <c r="S1303" s="7">
        <v>53.031095000000001</v>
      </c>
      <c r="T1303" s="7">
        <v>87.841892000000001</v>
      </c>
      <c r="U1303" s="7">
        <v>129.59134299999999</v>
      </c>
      <c r="V1303" s="7">
        <v>101.550231</v>
      </c>
      <c r="W1303" s="7">
        <v>5</v>
      </c>
      <c r="X1303" s="7">
        <v>135.71589700000001</v>
      </c>
      <c r="Y1303" s="7">
        <v>136.734241</v>
      </c>
      <c r="Z1303" s="7">
        <v>104.591993</v>
      </c>
      <c r="AA1303" s="7">
        <v>119.628078</v>
      </c>
      <c r="AB1303" s="7">
        <v>84.641261</v>
      </c>
      <c r="AC1303" s="7">
        <v>81.083042000000006</v>
      </c>
      <c r="AD1303" s="7">
        <v>96.927633999999998</v>
      </c>
      <c r="AE1303" s="7">
        <v>104.7396555</v>
      </c>
      <c r="AF1303" s="7">
        <v>101.03157973</v>
      </c>
      <c r="AG1303" s="9">
        <v>62914.419845800003</v>
      </c>
      <c r="AH1303" s="13">
        <v>1.8377717697056828</v>
      </c>
      <c r="AI1303" s="9">
        <v>8013.7992789999989</v>
      </c>
      <c r="AJ1303" s="13">
        <v>0.23408837145968092</v>
      </c>
      <c r="AK1303" s="9">
        <v>4442.5569791000016</v>
      </c>
      <c r="AL1303" s="13">
        <v>0.10515456384550002</v>
      </c>
      <c r="AM1303" s="9">
        <v>50458.063587700002</v>
      </c>
      <c r="AN1303" s="13">
        <v>1.0806938449191514</v>
      </c>
      <c r="AO1303" s="9">
        <v>54900.620566800004</v>
      </c>
      <c r="AP1303" s="13">
        <v>1.2994882986776413</v>
      </c>
      <c r="AQ1303" s="9">
        <v>34234.076767799997</v>
      </c>
      <c r="AR1303" s="9">
        <v>53141.211841999997</v>
      </c>
      <c r="AS1303" s="9">
        <v>42385.0841888</v>
      </c>
      <c r="AT1303" s="9">
        <v>44041.460509899996</v>
      </c>
      <c r="AU1303" s="9">
        <v>46507.467251399998</v>
      </c>
      <c r="AV1303" s="9">
        <v>50804.967527000001</v>
      </c>
      <c r="AW1303" s="9">
        <v>42247.876046799996</v>
      </c>
      <c r="AX1303" s="9">
        <v>1</v>
      </c>
      <c r="AY1303" s="9">
        <v>32817.539217899997</v>
      </c>
      <c r="AZ1303" s="9">
        <v>46690.433025899998</v>
      </c>
      <c r="BA1303" s="9">
        <v>59147.715846799998</v>
      </c>
      <c r="BB1303" s="9">
        <v>61606.376203799999</v>
      </c>
      <c r="BC1303" s="9">
        <v>57390.3662319</v>
      </c>
      <c r="BD1303" s="9">
        <v>81879.838188900001</v>
      </c>
      <c r="BE1303" s="9">
        <v>81828.101856399997</v>
      </c>
      <c r="BF1303" s="9">
        <v>97148.4966136</v>
      </c>
      <c r="BG1303" s="11">
        <v>-1</v>
      </c>
      <c r="BH1303" s="13">
        <v>-0.33333333333333331</v>
      </c>
      <c r="BI1303" s="6">
        <v>0</v>
      </c>
      <c r="BJ1303" s="13">
        <v>0</v>
      </c>
      <c r="BK1303" s="6">
        <v>-1</v>
      </c>
      <c r="BL1303" s="13">
        <v>-0.33333333333333331</v>
      </c>
      <c r="BM1303" s="11">
        <v>0</v>
      </c>
      <c r="BN1303" s="13">
        <v>0</v>
      </c>
      <c r="BO1303" s="11">
        <v>-1</v>
      </c>
      <c r="BP1303" s="13">
        <v>-0.33333333333333331</v>
      </c>
      <c r="BQ1303" s="6">
        <v>3</v>
      </c>
      <c r="BR1303" s="6">
        <v>3</v>
      </c>
      <c r="BS1303" s="6">
        <v>2</v>
      </c>
      <c r="BT1303" s="6">
        <v>3</v>
      </c>
      <c r="BU1303" s="6">
        <v>3</v>
      </c>
      <c r="BV1303" s="6">
        <v>3</v>
      </c>
      <c r="BW1303" s="6">
        <v>2</v>
      </c>
      <c r="BX1303" s="6">
        <v>3</v>
      </c>
      <c r="BY1303" s="6">
        <v>3</v>
      </c>
      <c r="BZ1303" s="6">
        <v>2</v>
      </c>
      <c r="CA1303" s="6">
        <v>2</v>
      </c>
      <c r="CB1303" s="6">
        <v>2</v>
      </c>
      <c r="CC1303" s="11">
        <v>2</v>
      </c>
      <c r="CD1303" s="11">
        <v>-352.31799999999998</v>
      </c>
      <c r="CE1303" s="11">
        <v>38.773099999999999</v>
      </c>
      <c r="CF1303" s="11">
        <v>40.852600000000002</v>
      </c>
      <c r="CG1303" s="11">
        <v>80</v>
      </c>
      <c r="CH1303" s="20">
        <v>25.997299999999999</v>
      </c>
      <c r="CI1303" s="20">
        <v>11.157400000000001</v>
      </c>
      <c r="CJ1303" s="20">
        <v>5.2942600000000004</v>
      </c>
      <c r="CK1303" s="20">
        <v>2.9704100000000002</v>
      </c>
      <c r="CL1303" s="20">
        <v>4.4851099999999997</v>
      </c>
      <c r="CM1303" s="20">
        <v>6.76145</v>
      </c>
      <c r="CN1303" s="20">
        <v>6.6215700000000002</v>
      </c>
      <c r="CO1303" s="20">
        <v>0.19509299999999999</v>
      </c>
      <c r="CP1303" s="20">
        <v>8.3683800000000002</v>
      </c>
      <c r="CQ1303" s="20">
        <v>7.8499800000000004</v>
      </c>
      <c r="CR1303" s="20">
        <v>5.5890199999999997</v>
      </c>
      <c r="CS1303" s="20">
        <v>5.8766400000000001</v>
      </c>
      <c r="CT1303" s="20">
        <v>4.21828</v>
      </c>
      <c r="CU1303" s="20">
        <v>4.0380599999999998</v>
      </c>
      <c r="CV1303" s="20">
        <v>5.4691599999999996</v>
      </c>
      <c r="CW1303" s="20">
        <v>7.0355100000000004</v>
      </c>
      <c r="CX1303" s="20">
        <v>6.7565999999999997</v>
      </c>
      <c r="CY1303" s="6" t="s">
        <v>600</v>
      </c>
      <c r="CZ1303" s="6" t="s">
        <v>601</v>
      </c>
      <c r="DA1303" s="6" t="s">
        <v>57</v>
      </c>
      <c r="DB1303" s="6"/>
      <c r="DC1303" s="6"/>
      <c r="DD1303" s="6"/>
      <c r="DE1303" s="6"/>
      <c r="DF1303" s="6"/>
      <c r="DG1303" s="6"/>
      <c r="DH1303" s="6" t="s">
        <v>333</v>
      </c>
      <c r="DI1303" s="6"/>
      <c r="DJ1303" s="6"/>
      <c r="DK1303" s="6"/>
      <c r="DL1303" s="6">
        <v>12</v>
      </c>
      <c r="DM1303" s="6" t="s">
        <v>602</v>
      </c>
      <c r="DN1303" s="6">
        <v>9</v>
      </c>
      <c r="DO1303" s="6" t="s">
        <v>384</v>
      </c>
      <c r="DP1303" s="6"/>
      <c r="DQ1303" s="6"/>
    </row>
    <row r="1304" spans="1:121" x14ac:dyDescent="0.2">
      <c r="A1304" s="6" t="s">
        <v>311</v>
      </c>
      <c r="B1304" s="6" t="s">
        <v>311</v>
      </c>
      <c r="C1304" s="6" t="s">
        <v>174</v>
      </c>
      <c r="D1304" s="6" t="s">
        <v>57</v>
      </c>
      <c r="E1304" s="6" t="s">
        <v>198</v>
      </c>
      <c r="F1304" s="11">
        <v>0</v>
      </c>
      <c r="G1304" s="13">
        <v>0</v>
      </c>
      <c r="H1304" s="11">
        <v>0</v>
      </c>
      <c r="I1304" s="13"/>
      <c r="J1304" s="11">
        <v>0</v>
      </c>
      <c r="K1304" s="13"/>
      <c r="L1304" s="11">
        <v>0</v>
      </c>
      <c r="M1304" s="13"/>
      <c r="N1304" s="11">
        <v>0</v>
      </c>
      <c r="O1304" s="13"/>
      <c r="P1304" s="7">
        <v>0</v>
      </c>
      <c r="Q1304" s="7">
        <v>0</v>
      </c>
      <c r="R1304" s="7">
        <v>0</v>
      </c>
      <c r="S1304" s="7">
        <v>0</v>
      </c>
      <c r="T1304" s="7">
        <v>0</v>
      </c>
      <c r="U1304" s="7">
        <v>0</v>
      </c>
      <c r="V1304" s="7">
        <v>0</v>
      </c>
      <c r="W1304" s="7">
        <v>0</v>
      </c>
      <c r="X1304" s="7">
        <v>0</v>
      </c>
      <c r="Y1304" s="7">
        <v>0</v>
      </c>
      <c r="Z1304" s="7">
        <v>0</v>
      </c>
      <c r="AA1304" s="7">
        <v>0</v>
      </c>
      <c r="AB1304" s="7">
        <v>0</v>
      </c>
      <c r="AC1304" s="7">
        <v>0</v>
      </c>
      <c r="AD1304" s="7">
        <v>0</v>
      </c>
      <c r="AE1304" s="7">
        <v>0</v>
      </c>
      <c r="AF1304" s="7">
        <v>0</v>
      </c>
      <c r="AG1304" s="9">
        <v>0</v>
      </c>
      <c r="AH1304" s="13"/>
      <c r="AI1304" s="9">
        <v>0</v>
      </c>
      <c r="AJ1304" s="13"/>
      <c r="AK1304" s="9">
        <v>0</v>
      </c>
      <c r="AL1304" s="13"/>
      <c r="AM1304" s="9">
        <v>0</v>
      </c>
      <c r="AN1304" s="13"/>
      <c r="AO1304" s="9">
        <v>0</v>
      </c>
      <c r="AP1304" s="13"/>
      <c r="AQ1304" s="9">
        <v>0</v>
      </c>
      <c r="AR1304" s="9">
        <v>0</v>
      </c>
      <c r="AS1304" s="9">
        <v>0</v>
      </c>
      <c r="AT1304" s="9">
        <v>0</v>
      </c>
      <c r="AU1304" s="9">
        <v>0</v>
      </c>
      <c r="AV1304" s="9">
        <v>0</v>
      </c>
      <c r="AW1304" s="9">
        <v>0</v>
      </c>
      <c r="AX1304" s="9">
        <v>0</v>
      </c>
      <c r="AY1304" s="9">
        <v>0</v>
      </c>
      <c r="AZ1304" s="9">
        <v>0</v>
      </c>
      <c r="BA1304" s="9">
        <v>0</v>
      </c>
      <c r="BB1304" s="9">
        <v>0</v>
      </c>
      <c r="BC1304" s="9">
        <v>0</v>
      </c>
      <c r="BD1304" s="9">
        <v>0</v>
      </c>
      <c r="BE1304" s="9">
        <v>0</v>
      </c>
      <c r="BF1304" s="9">
        <v>0</v>
      </c>
      <c r="BG1304" s="11">
        <v>0</v>
      </c>
      <c r="BH1304" s="13" t="e">
        <v>#DIV/0!</v>
      </c>
      <c r="BI1304" s="6">
        <v>0</v>
      </c>
      <c r="BJ1304" s="13" t="e">
        <v>#DIV/0!</v>
      </c>
      <c r="BK1304" s="6">
        <v>0</v>
      </c>
      <c r="BL1304" s="13" t="e">
        <v>#DIV/0!</v>
      </c>
      <c r="BM1304" s="11">
        <v>0</v>
      </c>
      <c r="BN1304" s="13" t="e">
        <v>#DIV/0!</v>
      </c>
      <c r="BO1304" s="11">
        <v>0</v>
      </c>
      <c r="BP1304" s="13" t="e">
        <v>#DIV/0!</v>
      </c>
      <c r="BQ1304" s="6">
        <v>0</v>
      </c>
      <c r="BR1304" s="6">
        <v>0</v>
      </c>
      <c r="BS1304" s="6">
        <v>0</v>
      </c>
      <c r="BT1304" s="6">
        <v>0</v>
      </c>
      <c r="BU1304" s="6">
        <v>0</v>
      </c>
      <c r="BV1304" s="6">
        <v>0</v>
      </c>
      <c r="BW1304" s="6">
        <v>0</v>
      </c>
      <c r="BX1304" s="6">
        <v>0</v>
      </c>
      <c r="BY1304" s="6">
        <v>0</v>
      </c>
      <c r="BZ1304" s="6">
        <v>0</v>
      </c>
      <c r="CA1304" s="6">
        <v>0</v>
      </c>
      <c r="CB1304" s="6">
        <v>0</v>
      </c>
      <c r="CC1304" s="11">
        <v>0</v>
      </c>
      <c r="CD1304" s="11">
        <v>0</v>
      </c>
      <c r="CE1304" s="11">
        <v>0</v>
      </c>
      <c r="CF1304" s="11">
        <v>0</v>
      </c>
      <c r="CG1304" s="11">
        <v>0</v>
      </c>
      <c r="CH1304" s="20">
        <v>0</v>
      </c>
      <c r="CI1304" s="20">
        <v>0</v>
      </c>
      <c r="CJ1304" s="20">
        <v>0</v>
      </c>
      <c r="CK1304" s="20">
        <v>0</v>
      </c>
      <c r="CL1304" s="20">
        <v>0</v>
      </c>
      <c r="CM1304" s="20">
        <v>0</v>
      </c>
      <c r="CN1304" s="20">
        <v>0</v>
      </c>
      <c r="CO1304" s="20">
        <v>0</v>
      </c>
      <c r="CP1304" s="20">
        <v>0</v>
      </c>
      <c r="CQ1304" s="20">
        <v>0</v>
      </c>
      <c r="CR1304" s="20">
        <v>0</v>
      </c>
      <c r="CS1304" s="20">
        <v>0</v>
      </c>
      <c r="CT1304" s="20">
        <v>0</v>
      </c>
      <c r="CU1304" s="20">
        <v>0</v>
      </c>
      <c r="CV1304" s="20">
        <v>0</v>
      </c>
      <c r="CW1304" s="20">
        <v>0</v>
      </c>
      <c r="CX1304" s="20">
        <v>0</v>
      </c>
      <c r="CY1304" s="6" t="s">
        <v>600</v>
      </c>
      <c r="CZ1304" s="6" t="s">
        <v>601</v>
      </c>
      <c r="DA1304" s="6" t="s">
        <v>57</v>
      </c>
      <c r="DB1304" s="6"/>
      <c r="DC1304" s="6"/>
      <c r="DD1304" s="6"/>
      <c r="DE1304" s="6"/>
      <c r="DF1304" s="6"/>
      <c r="DG1304" s="6"/>
      <c r="DH1304" s="6" t="s">
        <v>333</v>
      </c>
      <c r="DI1304" s="6"/>
      <c r="DJ1304" s="6"/>
      <c r="DK1304" s="6"/>
      <c r="DL1304" s="6">
        <v>12</v>
      </c>
      <c r="DM1304" s="6" t="s">
        <v>602</v>
      </c>
      <c r="DN1304" s="6">
        <v>9</v>
      </c>
      <c r="DO1304" s="6" t="s">
        <v>384</v>
      </c>
      <c r="DP1304" s="6"/>
      <c r="DQ1304" s="6"/>
    </row>
    <row r="1305" spans="1:121" x14ac:dyDescent="0.2">
      <c r="A1305" s="6" t="s">
        <v>312</v>
      </c>
      <c r="B1305" s="6" t="s">
        <v>312</v>
      </c>
      <c r="C1305" s="6" t="s">
        <v>175</v>
      </c>
      <c r="D1305" s="6" t="s">
        <v>57</v>
      </c>
      <c r="E1305" s="6" t="s">
        <v>198</v>
      </c>
      <c r="F1305" s="11">
        <v>0</v>
      </c>
      <c r="G1305" s="13">
        <v>0</v>
      </c>
      <c r="H1305" s="11">
        <v>24.835380273600002</v>
      </c>
      <c r="I1305" s="13">
        <v>0.42757921597876697</v>
      </c>
      <c r="J1305" s="11">
        <v>-40.713493187400005</v>
      </c>
      <c r="K1305" s="13">
        <v>-0.49100274722350717</v>
      </c>
      <c r="L1305" s="11">
        <v>15.652760615300004</v>
      </c>
      <c r="M1305" s="13">
        <v>0.3708694507101673</v>
      </c>
      <c r="N1305" s="11">
        <v>-25.060732572100001</v>
      </c>
      <c r="O1305" s="13">
        <v>-0.30223121567330513</v>
      </c>
      <c r="P1305" s="7">
        <v>58.083693840800002</v>
      </c>
      <c r="Q1305" s="7">
        <v>61.2968959062</v>
      </c>
      <c r="R1305" s="7">
        <v>47.9161549365</v>
      </c>
      <c r="S1305" s="7">
        <v>48.639714378299999</v>
      </c>
      <c r="T1305" s="7">
        <v>54.0281443091</v>
      </c>
      <c r="U1305" s="7">
        <v>69.017896016600005</v>
      </c>
      <c r="V1305" s="7">
        <v>82.919074114400004</v>
      </c>
      <c r="W1305" s="7">
        <v>80.489725227299999</v>
      </c>
      <c r="X1305" s="7">
        <v>68.103130445399998</v>
      </c>
      <c r="Y1305" s="7">
        <v>42.205580927</v>
      </c>
      <c r="Z1305" s="7">
        <v>51.577490155699998</v>
      </c>
      <c r="AA1305" s="7">
        <v>65.264776142900004</v>
      </c>
      <c r="AB1305" s="7">
        <v>62.961757854799998</v>
      </c>
      <c r="AC1305" s="7">
        <v>59.2135194341</v>
      </c>
      <c r="AD1305" s="7">
        <v>52.743858675699997</v>
      </c>
      <c r="AE1305" s="7">
        <v>56.539437674600002</v>
      </c>
      <c r="AF1305" s="7">
        <v>57.858341542300003</v>
      </c>
      <c r="AG1305" s="9">
        <v>10230.322999800002</v>
      </c>
      <c r="AH1305" s="13">
        <v>0.44660932313990126</v>
      </c>
      <c r="AI1305" s="9">
        <v>151.10037089999969</v>
      </c>
      <c r="AJ1305" s="13">
        <v>6.5963542280293753E-3</v>
      </c>
      <c r="AK1305" s="9">
        <v>2041.5837863000015</v>
      </c>
      <c r="AL1305" s="13">
        <v>8.8542197009290446E-2</v>
      </c>
      <c r="AM1305" s="9">
        <v>8037.6388426000012</v>
      </c>
      <c r="AN1305" s="13">
        <v>0.32023316301665133</v>
      </c>
      <c r="AO1305" s="9">
        <v>10079.222628900003</v>
      </c>
      <c r="AP1305" s="13">
        <v>0.43712950783467031</v>
      </c>
      <c r="AQ1305" s="9">
        <v>22906.648987699999</v>
      </c>
      <c r="AR1305" s="9">
        <v>22379.867561700001</v>
      </c>
      <c r="AS1305" s="9">
        <v>22267.5267585</v>
      </c>
      <c r="AT1305" s="9">
        <v>22957.458328699999</v>
      </c>
      <c r="AU1305" s="9">
        <v>24102.892767500001</v>
      </c>
      <c r="AV1305" s="9">
        <v>25078.5837111</v>
      </c>
      <c r="AW1305" s="9">
        <v>23057.749358599998</v>
      </c>
      <c r="AX1305" s="9">
        <v>21304.227070100002</v>
      </c>
      <c r="AY1305" s="9">
        <v>21092.298052499998</v>
      </c>
      <c r="AZ1305" s="9">
        <v>25099.3331449</v>
      </c>
      <c r="BA1305" s="9">
        <v>29004.249362800001</v>
      </c>
      <c r="BB1305" s="9">
        <v>27439.463001700002</v>
      </c>
      <c r="BC1305" s="9">
        <v>25454.153405199999</v>
      </c>
      <c r="BD1305" s="9">
        <v>25484.404247499999</v>
      </c>
      <c r="BE1305" s="9">
        <v>24097.306237299999</v>
      </c>
      <c r="BF1305" s="9">
        <v>33136.971987500001</v>
      </c>
      <c r="BG1305" s="11">
        <v>-1.5</v>
      </c>
      <c r="BH1305" s="13">
        <v>-0.1875</v>
      </c>
      <c r="BI1305" s="6">
        <v>4</v>
      </c>
      <c r="BJ1305" s="13">
        <v>0.5</v>
      </c>
      <c r="BK1305" s="6">
        <v>-2</v>
      </c>
      <c r="BL1305" s="13">
        <v>-0.16666666666666666</v>
      </c>
      <c r="BM1305" s="11">
        <v>-3.5</v>
      </c>
      <c r="BN1305" s="13">
        <v>-0.35</v>
      </c>
      <c r="BO1305" s="11">
        <v>-5.5</v>
      </c>
      <c r="BP1305" s="13">
        <v>-0.45833333333333331</v>
      </c>
      <c r="BQ1305" s="6">
        <v>8</v>
      </c>
      <c r="BR1305" s="6">
        <v>10</v>
      </c>
      <c r="BS1305" s="6">
        <v>10</v>
      </c>
      <c r="BT1305" s="6">
        <v>12</v>
      </c>
      <c r="BU1305" s="6">
        <v>11</v>
      </c>
      <c r="BV1305" s="6">
        <v>11</v>
      </c>
      <c r="BW1305" s="6">
        <v>10</v>
      </c>
      <c r="BX1305" s="6">
        <v>9</v>
      </c>
      <c r="BY1305" s="6">
        <v>7</v>
      </c>
      <c r="BZ1305" s="6">
        <v>7</v>
      </c>
      <c r="CA1305" s="6">
        <v>8</v>
      </c>
      <c r="CB1305" s="6">
        <v>6</v>
      </c>
      <c r="CC1305" s="11">
        <v>6.5</v>
      </c>
      <c r="CD1305" s="11">
        <v>0.460814</v>
      </c>
      <c r="CE1305" s="11">
        <v>-7.0354099999999997</v>
      </c>
      <c r="CF1305" s="11">
        <v>6.3492499999999996</v>
      </c>
      <c r="CG1305" s="11">
        <v>-1</v>
      </c>
      <c r="CH1305" s="20">
        <v>0.25424999999999998</v>
      </c>
      <c r="CI1305" s="20">
        <v>0.23208599999999999</v>
      </c>
      <c r="CJ1305" s="20">
        <v>0.17238600000000001</v>
      </c>
      <c r="CK1305" s="20">
        <v>0.15837200000000001</v>
      </c>
      <c r="CL1305" s="20">
        <v>0.165156</v>
      </c>
      <c r="CM1305" s="20">
        <v>0.22737099999999999</v>
      </c>
      <c r="CN1305" s="20">
        <v>0.367811</v>
      </c>
      <c r="CO1305" s="20">
        <v>1.4740800000000001</v>
      </c>
      <c r="CP1305" s="20">
        <v>0.33701999999999999</v>
      </c>
      <c r="CQ1305" s="20">
        <v>0.21438299999999999</v>
      </c>
      <c r="CR1305" s="20">
        <v>0.27608300000000002</v>
      </c>
      <c r="CS1305" s="20">
        <v>0.34732200000000002</v>
      </c>
      <c r="CT1305" s="20">
        <v>0.33836500000000003</v>
      </c>
      <c r="CU1305" s="20">
        <v>0.31655</v>
      </c>
      <c r="CV1305" s="20">
        <v>0.27521299999999999</v>
      </c>
      <c r="CW1305" s="20">
        <v>0.29183999999999999</v>
      </c>
      <c r="CX1305" s="20">
        <v>0.29888999999999999</v>
      </c>
      <c r="CY1305" s="6" t="s">
        <v>600</v>
      </c>
      <c r="CZ1305" s="6" t="s">
        <v>601</v>
      </c>
      <c r="DA1305" s="6" t="s">
        <v>57</v>
      </c>
      <c r="DB1305" s="6"/>
      <c r="DC1305" s="6"/>
      <c r="DD1305" s="6"/>
      <c r="DE1305" s="6"/>
      <c r="DF1305" s="6"/>
      <c r="DG1305" s="6"/>
      <c r="DH1305" s="6" t="s">
        <v>333</v>
      </c>
      <c r="DI1305" s="6"/>
      <c r="DJ1305" s="6"/>
      <c r="DK1305" s="6"/>
      <c r="DL1305" s="6">
        <v>12</v>
      </c>
      <c r="DM1305" s="6" t="s">
        <v>602</v>
      </c>
      <c r="DN1305" s="6">
        <v>9</v>
      </c>
      <c r="DO1305" s="6" t="s">
        <v>384</v>
      </c>
      <c r="DP1305" s="6"/>
      <c r="DQ1305" s="6"/>
    </row>
    <row r="1306" spans="1:121" x14ac:dyDescent="0.2">
      <c r="A1306" s="6" t="s">
        <v>792</v>
      </c>
      <c r="B1306" s="6" t="s">
        <v>176</v>
      </c>
      <c r="C1306" s="6" t="s">
        <v>177</v>
      </c>
      <c r="D1306" s="6" t="s">
        <v>57</v>
      </c>
      <c r="E1306" s="6" t="s">
        <v>198</v>
      </c>
      <c r="F1306" s="11">
        <v>1</v>
      </c>
      <c r="G1306" s="13">
        <v>1</v>
      </c>
      <c r="H1306" s="11">
        <v>-187.003894</v>
      </c>
      <c r="I1306" s="13">
        <v>-0.75789646932365451</v>
      </c>
      <c r="J1306" s="11">
        <v>120.468058973</v>
      </c>
      <c r="K1306" s="13">
        <v>2.0166476463893082</v>
      </c>
      <c r="L1306" s="11">
        <v>-175.20484997299999</v>
      </c>
      <c r="M1306" s="13">
        <v>-0.97225379893632635</v>
      </c>
      <c r="N1306" s="11">
        <v>-54.736790999999997</v>
      </c>
      <c r="O1306" s="13">
        <v>-0.91629948786502446</v>
      </c>
      <c r="P1306" s="7">
        <v>246.74068500000001</v>
      </c>
      <c r="Q1306" s="7">
        <v>192.533685287</v>
      </c>
      <c r="R1306" s="7">
        <v>153.926503801</v>
      </c>
      <c r="S1306" s="7">
        <v>110.902016</v>
      </c>
      <c r="T1306" s="7">
        <v>93.588127</v>
      </c>
      <c r="U1306" s="7">
        <v>94.366292000000001</v>
      </c>
      <c r="V1306" s="7">
        <v>59.736790999999997</v>
      </c>
      <c r="W1306" s="7">
        <v>5</v>
      </c>
      <c r="X1306" s="7">
        <v>222.73426224299999</v>
      </c>
      <c r="Y1306" s="7">
        <v>180.20484997299999</v>
      </c>
      <c r="Z1306" s="7">
        <v>171.64967656900001</v>
      </c>
      <c r="AA1306" s="7">
        <v>5</v>
      </c>
      <c r="AB1306" s="7">
        <v>5</v>
      </c>
      <c r="AC1306" s="7">
        <v>5</v>
      </c>
      <c r="AD1306" s="7">
        <v>5</v>
      </c>
      <c r="AE1306" s="7">
        <v>5</v>
      </c>
      <c r="AF1306" s="7">
        <v>5</v>
      </c>
      <c r="AG1306" s="9">
        <v>-41117.138794899998</v>
      </c>
      <c r="AH1306" s="13">
        <v>-0.99997567983305413</v>
      </c>
      <c r="AI1306" s="9">
        <v>36661.539030899999</v>
      </c>
      <c r="AJ1306" s="13">
        <v>0.89161474972809884</v>
      </c>
      <c r="AK1306" s="9">
        <v>-44887.767120999997</v>
      </c>
      <c r="AL1306" s="13">
        <v>-0.57711433597775141</v>
      </c>
      <c r="AM1306" s="9">
        <v>-32890.910704800001</v>
      </c>
      <c r="AN1306" s="13">
        <v>-0.99996959738797253</v>
      </c>
      <c r="AO1306" s="9">
        <v>-77778.677825799998</v>
      </c>
      <c r="AP1306" s="13">
        <v>-0.99998714317122461</v>
      </c>
      <c r="AQ1306" s="9">
        <v>41118.138794899998</v>
      </c>
      <c r="AR1306" s="9">
        <v>33322.099311099999</v>
      </c>
      <c r="AS1306" s="9">
        <v>30393.908950500001</v>
      </c>
      <c r="AT1306" s="9">
        <v>41044.036343100001</v>
      </c>
      <c r="AU1306" s="9">
        <v>42930.4965046</v>
      </c>
      <c r="AV1306" s="9">
        <v>42586.795527599999</v>
      </c>
      <c r="AW1306" s="9">
        <v>77779.677825799998</v>
      </c>
      <c r="AX1306" s="9">
        <v>1</v>
      </c>
      <c r="AY1306" s="9">
        <v>40573.956817300001</v>
      </c>
      <c r="AZ1306" s="9">
        <v>32891.910704800001</v>
      </c>
      <c r="BA1306" s="9">
        <v>51754.850478699998</v>
      </c>
      <c r="BB1306" s="9">
        <v>1</v>
      </c>
      <c r="BC1306" s="9">
        <v>1</v>
      </c>
      <c r="BD1306" s="9">
        <v>1</v>
      </c>
      <c r="BE1306" s="9">
        <v>1</v>
      </c>
      <c r="BF1306" s="9">
        <v>1</v>
      </c>
      <c r="BG1306" s="11">
        <v>-2</v>
      </c>
      <c r="BH1306" s="13">
        <v>-1</v>
      </c>
      <c r="BI1306" s="6">
        <v>0</v>
      </c>
      <c r="BJ1306" s="13">
        <v>0</v>
      </c>
      <c r="BK1306" s="6">
        <v>-1</v>
      </c>
      <c r="BL1306" s="13">
        <v>-0.5</v>
      </c>
      <c r="BM1306" s="11">
        <v>-1</v>
      </c>
      <c r="BN1306" s="13">
        <v>-1</v>
      </c>
      <c r="BO1306" s="11">
        <v>-2</v>
      </c>
      <c r="BP1306" s="13">
        <v>-1</v>
      </c>
      <c r="BQ1306" s="6">
        <v>2</v>
      </c>
      <c r="BR1306" s="6">
        <v>2</v>
      </c>
      <c r="BS1306" s="6">
        <v>2</v>
      </c>
      <c r="BT1306" s="6">
        <v>2</v>
      </c>
      <c r="BU1306" s="6">
        <v>2</v>
      </c>
      <c r="BV1306" s="6">
        <v>2</v>
      </c>
      <c r="BW1306" s="6">
        <v>1</v>
      </c>
      <c r="BX1306" s="6">
        <v>0</v>
      </c>
      <c r="BY1306" s="6">
        <v>0</v>
      </c>
      <c r="BZ1306" s="6">
        <v>0</v>
      </c>
      <c r="CA1306" s="6">
        <v>0</v>
      </c>
      <c r="CB1306" s="6">
        <v>0</v>
      </c>
      <c r="CC1306" s="11">
        <v>0</v>
      </c>
      <c r="CD1306" s="11">
        <v>-181.47200000000001</v>
      </c>
      <c r="CE1306" s="11">
        <v>-87.093999999999994</v>
      </c>
      <c r="CF1306" s="11">
        <v>26.971699999999998</v>
      </c>
      <c r="CG1306" s="11">
        <v>-60</v>
      </c>
      <c r="CH1306" s="20">
        <v>0.56416100000000002</v>
      </c>
      <c r="CI1306" s="20">
        <v>0.40691699999999997</v>
      </c>
      <c r="CJ1306" s="20">
        <v>0.33043099999999997</v>
      </c>
      <c r="CK1306" s="20">
        <v>0.228213</v>
      </c>
      <c r="CL1306" s="20">
        <v>0.190391</v>
      </c>
      <c r="CM1306" s="20">
        <v>0.21685299999999999</v>
      </c>
      <c r="CN1306" s="20">
        <v>0.18713099999999999</v>
      </c>
      <c r="CO1306" s="20">
        <v>3.8867800000000001E-2</v>
      </c>
      <c r="CP1306" s="20">
        <v>0.75034999999999996</v>
      </c>
      <c r="CQ1306" s="20">
        <v>0.58947899999999998</v>
      </c>
      <c r="CR1306" s="20">
        <v>0.57408000000000003</v>
      </c>
      <c r="CS1306" s="20">
        <v>1.70329E-2</v>
      </c>
      <c r="CT1306" s="20">
        <v>8.1406299999999994E-3</v>
      </c>
      <c r="CU1306" s="20">
        <v>1.1030999999999999E-2</v>
      </c>
      <c r="CV1306" s="20">
        <v>1.46068E-2</v>
      </c>
      <c r="CW1306" s="20">
        <v>1.6545600000000001E-2</v>
      </c>
      <c r="CX1306" s="20">
        <v>1.81429E-2</v>
      </c>
      <c r="CY1306" s="6" t="s">
        <v>600</v>
      </c>
      <c r="CZ1306" s="6" t="s">
        <v>601</v>
      </c>
      <c r="DA1306" s="6" t="s">
        <v>57</v>
      </c>
      <c r="DB1306" s="6"/>
      <c r="DC1306" s="6"/>
      <c r="DD1306" s="6"/>
      <c r="DE1306" s="6"/>
      <c r="DF1306" s="6"/>
      <c r="DG1306" s="6"/>
      <c r="DH1306" s="6" t="s">
        <v>333</v>
      </c>
      <c r="DI1306" s="6"/>
      <c r="DJ1306" s="6"/>
      <c r="DK1306" s="6"/>
      <c r="DL1306" s="6">
        <v>12</v>
      </c>
      <c r="DM1306" s="6" t="s">
        <v>602</v>
      </c>
      <c r="DN1306" s="6">
        <v>9</v>
      </c>
      <c r="DO1306" s="6" t="s">
        <v>384</v>
      </c>
      <c r="DP1306" s="6"/>
      <c r="DQ1306" s="6"/>
    </row>
    <row r="1307" spans="1:121" x14ac:dyDescent="0.2">
      <c r="A1307" s="6" t="s">
        <v>313</v>
      </c>
      <c r="B1307" s="6" t="s">
        <v>313</v>
      </c>
      <c r="C1307" s="6" t="s">
        <v>178</v>
      </c>
      <c r="D1307" s="6" t="s">
        <v>57</v>
      </c>
      <c r="E1307" s="6" t="s">
        <v>198</v>
      </c>
      <c r="F1307" s="11">
        <v>-15</v>
      </c>
      <c r="G1307" s="13">
        <v>-0.3125</v>
      </c>
      <c r="H1307" s="11">
        <v>-26.350947000000001</v>
      </c>
      <c r="I1307" s="13">
        <v>-0.55346346881716146</v>
      </c>
      <c r="J1307" s="11">
        <v>-16.260048999999999</v>
      </c>
      <c r="K1307" s="13">
        <v>-0.76481709896341243</v>
      </c>
      <c r="L1307" s="11">
        <v>27.814129419899999</v>
      </c>
      <c r="M1307" s="13">
        <v>5.5628258839800004</v>
      </c>
      <c r="N1307" s="11">
        <v>11.5540804199</v>
      </c>
      <c r="O1307" s="13">
        <v>0.54346443039242298</v>
      </c>
      <c r="P1307" s="7">
        <v>47.610996</v>
      </c>
      <c r="Q1307" s="7">
        <v>33.510497000000001</v>
      </c>
      <c r="R1307" s="7">
        <v>35.984448999999998</v>
      </c>
      <c r="S1307" s="7">
        <v>26.288094000000001</v>
      </c>
      <c r="T1307" s="7">
        <v>24.031165000000001</v>
      </c>
      <c r="U1307" s="7">
        <v>19.8992</v>
      </c>
      <c r="V1307" s="7">
        <v>21.260048999999999</v>
      </c>
      <c r="W1307" s="7">
        <v>16.913179</v>
      </c>
      <c r="X1307" s="7">
        <v>16.262542</v>
      </c>
      <c r="Y1307" s="7">
        <v>5</v>
      </c>
      <c r="Z1307" s="7">
        <v>19.432097713499999</v>
      </c>
      <c r="AA1307" s="7">
        <v>36.7908008904</v>
      </c>
      <c r="AB1307" s="7">
        <v>26.086434175499999</v>
      </c>
      <c r="AC1307" s="7">
        <v>23.081403914100001</v>
      </c>
      <c r="AD1307" s="7">
        <v>27.872762743999999</v>
      </c>
      <c r="AE1307" s="7">
        <v>31.004485919499999</v>
      </c>
      <c r="AF1307" s="7">
        <v>32.814129419899999</v>
      </c>
      <c r="AG1307" s="9">
        <v>4277.4359345000012</v>
      </c>
      <c r="AH1307" s="13">
        <v>0.13922714503814726</v>
      </c>
      <c r="AI1307" s="9">
        <v>18851.305516199998</v>
      </c>
      <c r="AJ1307" s="13">
        <v>0.61359503390649839</v>
      </c>
      <c r="AK1307" s="9">
        <v>-49573.020783599997</v>
      </c>
      <c r="AL1307" s="13">
        <v>-0.99997982814417308</v>
      </c>
      <c r="AM1307" s="9">
        <v>34999.1512019</v>
      </c>
      <c r="AN1307" s="13">
        <v>34999.1512019</v>
      </c>
      <c r="AO1307" s="9">
        <v>-14573.869581699997</v>
      </c>
      <c r="AP1307" s="13">
        <v>-0.293981996040178</v>
      </c>
      <c r="AQ1307" s="9">
        <v>30722.715267399999</v>
      </c>
      <c r="AR1307" s="9">
        <v>33606.347590600002</v>
      </c>
      <c r="AS1307" s="9">
        <v>34740.792979500002</v>
      </c>
      <c r="AT1307" s="9">
        <v>30942.576100499999</v>
      </c>
      <c r="AU1307" s="9">
        <v>27795.823094300002</v>
      </c>
      <c r="AV1307" s="9">
        <v>38060.379083300002</v>
      </c>
      <c r="AW1307" s="9">
        <v>49574.020783599997</v>
      </c>
      <c r="AX1307" s="9">
        <v>35474.7281487</v>
      </c>
      <c r="AY1307" s="9">
        <v>29193.4150845</v>
      </c>
      <c r="AZ1307" s="9">
        <v>1</v>
      </c>
      <c r="BA1307" s="9">
        <v>28254.887075400002</v>
      </c>
      <c r="BB1307" s="9">
        <v>26858.7448969</v>
      </c>
      <c r="BC1307" s="9">
        <v>40395.933688099998</v>
      </c>
      <c r="BD1307" s="9">
        <v>32829.288203399999</v>
      </c>
      <c r="BE1307" s="9">
        <v>35937.800743799999</v>
      </c>
      <c r="BF1307" s="9">
        <v>35000.1512019</v>
      </c>
      <c r="BG1307" s="11">
        <v>2</v>
      </c>
      <c r="BH1307" s="13">
        <v>0.66666666666666663</v>
      </c>
      <c r="BI1307" s="6">
        <v>-1</v>
      </c>
      <c r="BJ1307" s="13">
        <v>-0.33333333333333331</v>
      </c>
      <c r="BK1307" s="6">
        <v>1</v>
      </c>
      <c r="BL1307" s="13">
        <v>0.5</v>
      </c>
      <c r="BM1307" s="11">
        <v>2</v>
      </c>
      <c r="BN1307" s="13">
        <v>0.66666666666666663</v>
      </c>
      <c r="BO1307" s="11">
        <v>3</v>
      </c>
      <c r="BP1307" s="13">
        <v>1.5</v>
      </c>
      <c r="BQ1307" s="6">
        <v>3</v>
      </c>
      <c r="BR1307" s="6">
        <v>3</v>
      </c>
      <c r="BS1307" s="6">
        <v>2</v>
      </c>
      <c r="BT1307" s="6">
        <v>2</v>
      </c>
      <c r="BU1307" s="6">
        <v>3</v>
      </c>
      <c r="BV1307" s="6">
        <v>3</v>
      </c>
      <c r="BW1307" s="6">
        <v>3</v>
      </c>
      <c r="BX1307" s="6">
        <v>4</v>
      </c>
      <c r="BY1307" s="6">
        <v>4</v>
      </c>
      <c r="BZ1307" s="6">
        <v>5</v>
      </c>
      <c r="CA1307" s="6">
        <v>5</v>
      </c>
      <c r="CB1307" s="6">
        <v>5</v>
      </c>
      <c r="CC1307" s="11">
        <v>5</v>
      </c>
      <c r="CD1307" s="11">
        <v>-16.1083</v>
      </c>
      <c r="CE1307" s="11">
        <v>-3.89303</v>
      </c>
      <c r="CF1307" s="11">
        <v>5.2044600000000001</v>
      </c>
      <c r="CG1307" s="11">
        <v>1</v>
      </c>
      <c r="CH1307" s="20">
        <v>0.30571999999999999</v>
      </c>
      <c r="CI1307" s="20">
        <v>0.18890599999999999</v>
      </c>
      <c r="CJ1307" s="20">
        <v>0.19695499999999999</v>
      </c>
      <c r="CK1307" s="20">
        <v>0.134662</v>
      </c>
      <c r="CL1307" s="20">
        <v>0.118812</v>
      </c>
      <c r="CM1307" s="20">
        <v>0.108129</v>
      </c>
      <c r="CN1307" s="20">
        <v>0.15190400000000001</v>
      </c>
      <c r="CO1307" s="20">
        <v>0.47564499999999998</v>
      </c>
      <c r="CP1307" s="20">
        <v>0.115096</v>
      </c>
      <c r="CQ1307" s="20">
        <v>6.6400100000000004E-2</v>
      </c>
      <c r="CR1307" s="20">
        <v>0.135768</v>
      </c>
      <c r="CS1307" s="20">
        <v>0.25342799999999999</v>
      </c>
      <c r="CT1307" s="20">
        <v>0.18327399999999999</v>
      </c>
      <c r="CU1307" s="20">
        <v>0.16547100000000001</v>
      </c>
      <c r="CV1307" s="20">
        <v>0.20063</v>
      </c>
      <c r="CW1307" s="20">
        <v>0.22616600000000001</v>
      </c>
      <c r="CX1307" s="20">
        <v>0.23914099999999999</v>
      </c>
      <c r="CY1307" s="6" t="s">
        <v>600</v>
      </c>
      <c r="CZ1307" s="6" t="s">
        <v>601</v>
      </c>
      <c r="DA1307" s="6" t="s">
        <v>57</v>
      </c>
      <c r="DB1307" s="6"/>
      <c r="DC1307" s="6"/>
      <c r="DD1307" s="6"/>
      <c r="DE1307" s="6"/>
      <c r="DF1307" s="6"/>
      <c r="DG1307" s="6"/>
      <c r="DH1307" s="6" t="s">
        <v>333</v>
      </c>
      <c r="DI1307" s="6"/>
      <c r="DJ1307" s="6"/>
      <c r="DK1307" s="6"/>
      <c r="DL1307" s="6">
        <v>12</v>
      </c>
      <c r="DM1307" s="6" t="s">
        <v>602</v>
      </c>
      <c r="DN1307" s="6">
        <v>9</v>
      </c>
      <c r="DO1307" s="6" t="s">
        <v>384</v>
      </c>
      <c r="DP1307" s="6"/>
      <c r="DQ1307" s="6"/>
    </row>
    <row r="1308" spans="1:121" x14ac:dyDescent="0.2">
      <c r="A1308" s="6" t="s">
        <v>793</v>
      </c>
      <c r="B1308" s="6" t="s">
        <v>179</v>
      </c>
      <c r="C1308" s="6" t="s">
        <v>180</v>
      </c>
      <c r="D1308" s="6" t="s">
        <v>57</v>
      </c>
      <c r="E1308" s="6" t="s">
        <v>198</v>
      </c>
      <c r="F1308" s="11">
        <v>17</v>
      </c>
      <c r="G1308" s="13">
        <v>0.2</v>
      </c>
      <c r="H1308" s="11">
        <v>-12</v>
      </c>
      <c r="I1308" s="13">
        <v>-0.13953488372093023</v>
      </c>
      <c r="J1308" s="11">
        <v>7</v>
      </c>
      <c r="K1308" s="13">
        <v>9.45945945945946E-2</v>
      </c>
      <c r="L1308" s="11">
        <v>22</v>
      </c>
      <c r="M1308" s="13">
        <v>0.27160493827160492</v>
      </c>
      <c r="N1308" s="11">
        <v>29</v>
      </c>
      <c r="O1308" s="13">
        <v>0.39189189189189194</v>
      </c>
      <c r="P1308" s="7">
        <v>86</v>
      </c>
      <c r="Q1308" s="7">
        <v>83</v>
      </c>
      <c r="R1308" s="7">
        <v>80</v>
      </c>
      <c r="S1308" s="7">
        <v>79</v>
      </c>
      <c r="T1308" s="7">
        <v>78</v>
      </c>
      <c r="U1308" s="7">
        <v>75</v>
      </c>
      <c r="V1308" s="7">
        <v>74</v>
      </c>
      <c r="W1308" s="7">
        <v>67</v>
      </c>
      <c r="X1308" s="7">
        <v>48</v>
      </c>
      <c r="Y1308" s="7">
        <v>81</v>
      </c>
      <c r="Z1308" s="7">
        <v>80</v>
      </c>
      <c r="AA1308" s="7">
        <v>84</v>
      </c>
      <c r="AB1308" s="7">
        <v>88</v>
      </c>
      <c r="AC1308" s="7">
        <v>86</v>
      </c>
      <c r="AD1308" s="7">
        <v>92</v>
      </c>
      <c r="AE1308" s="7">
        <v>97</v>
      </c>
      <c r="AF1308" s="7">
        <v>103</v>
      </c>
      <c r="AG1308" s="9">
        <v>3604</v>
      </c>
      <c r="AH1308" s="13">
        <v>0.22322700526478784</v>
      </c>
      <c r="AI1308" s="9">
        <v>1654</v>
      </c>
      <c r="AJ1308" s="13">
        <v>0.10244657788789099</v>
      </c>
      <c r="AK1308" s="9">
        <v>449</v>
      </c>
      <c r="AL1308" s="13">
        <v>2.5226136299792125E-2</v>
      </c>
      <c r="AM1308" s="9">
        <v>1501</v>
      </c>
      <c r="AN1308" s="13">
        <v>8.2255589653660671E-2</v>
      </c>
      <c r="AO1308" s="9">
        <v>1950</v>
      </c>
      <c r="AP1308" s="13">
        <v>0.10955671666947581</v>
      </c>
      <c r="AQ1308" s="9">
        <v>16145</v>
      </c>
      <c r="AR1308" s="9">
        <v>17240</v>
      </c>
      <c r="AS1308" s="9">
        <v>19524</v>
      </c>
      <c r="AT1308" s="9">
        <v>19079</v>
      </c>
      <c r="AU1308" s="9">
        <v>17371</v>
      </c>
      <c r="AV1308" s="9">
        <v>18124</v>
      </c>
      <c r="AW1308" s="9">
        <v>17799</v>
      </c>
      <c r="AX1308" s="9">
        <v>17872</v>
      </c>
      <c r="AY1308" s="9">
        <v>19954</v>
      </c>
      <c r="AZ1308" s="9">
        <v>18248</v>
      </c>
      <c r="BA1308" s="9">
        <v>18811</v>
      </c>
      <c r="BB1308" s="9">
        <v>18297</v>
      </c>
      <c r="BC1308" s="9">
        <v>18998</v>
      </c>
      <c r="BD1308" s="9">
        <v>19784</v>
      </c>
      <c r="BE1308" s="9">
        <v>20121</v>
      </c>
      <c r="BF1308" s="9">
        <v>19749</v>
      </c>
      <c r="BG1308" s="11">
        <v>-5</v>
      </c>
      <c r="BH1308" s="13">
        <v>-0.35714285714285715</v>
      </c>
      <c r="BI1308" s="6">
        <v>-4</v>
      </c>
      <c r="BJ1308" s="13">
        <v>-0.2857142857142857</v>
      </c>
      <c r="BK1308" s="6">
        <v>1</v>
      </c>
      <c r="BL1308" s="13">
        <v>0.1</v>
      </c>
      <c r="BM1308" s="11">
        <v>-2</v>
      </c>
      <c r="BN1308" s="13">
        <v>-0.18181818181818182</v>
      </c>
      <c r="BO1308" s="11">
        <v>-1</v>
      </c>
      <c r="BP1308" s="13">
        <v>-0.1</v>
      </c>
      <c r="BQ1308" s="6">
        <v>14</v>
      </c>
      <c r="BR1308" s="6">
        <v>12</v>
      </c>
      <c r="BS1308" s="6">
        <v>10</v>
      </c>
      <c r="BT1308" s="6">
        <v>10</v>
      </c>
      <c r="BU1308" s="6">
        <v>9</v>
      </c>
      <c r="BV1308" s="6">
        <v>9</v>
      </c>
      <c r="BW1308" s="6">
        <v>11</v>
      </c>
      <c r="BX1308" s="6">
        <v>10</v>
      </c>
      <c r="BY1308" s="6">
        <v>11</v>
      </c>
      <c r="BZ1308" s="6">
        <v>11</v>
      </c>
      <c r="CA1308" s="6">
        <v>10</v>
      </c>
      <c r="CB1308" s="6">
        <v>10</v>
      </c>
      <c r="CC1308" s="11">
        <v>9</v>
      </c>
      <c r="CD1308" s="11">
        <v>13</v>
      </c>
      <c r="CE1308" s="11">
        <v>-6</v>
      </c>
      <c r="CF1308" s="11">
        <v>9</v>
      </c>
      <c r="CG1308" s="11">
        <v>3</v>
      </c>
      <c r="CH1308" s="20">
        <v>0.21</v>
      </c>
      <c r="CI1308" s="20">
        <v>0.17</v>
      </c>
      <c r="CJ1308" s="20">
        <v>0.16</v>
      </c>
      <c r="CK1308" s="20">
        <v>0.15</v>
      </c>
      <c r="CL1308" s="20">
        <v>0.14000000000000001</v>
      </c>
      <c r="CM1308" s="20">
        <v>0.15</v>
      </c>
      <c r="CN1308" s="20">
        <v>0.2</v>
      </c>
      <c r="CO1308" s="20">
        <v>0.72</v>
      </c>
      <c r="CP1308" s="20">
        <v>0.13</v>
      </c>
      <c r="CQ1308" s="20">
        <v>0.2</v>
      </c>
      <c r="CR1308" s="20">
        <v>0.21</v>
      </c>
      <c r="CS1308" s="20">
        <v>0.22</v>
      </c>
      <c r="CT1308" s="20">
        <v>0.23</v>
      </c>
      <c r="CU1308" s="20">
        <v>0.23</v>
      </c>
      <c r="CV1308" s="20">
        <v>0.24</v>
      </c>
      <c r="CW1308" s="20">
        <v>0.26</v>
      </c>
      <c r="CX1308" s="20">
        <v>0.27</v>
      </c>
      <c r="CY1308" s="6" t="s">
        <v>600</v>
      </c>
      <c r="CZ1308" s="6" t="s">
        <v>601</v>
      </c>
      <c r="DA1308" s="6" t="s">
        <v>57</v>
      </c>
      <c r="DB1308" s="6"/>
      <c r="DC1308" s="6"/>
      <c r="DD1308" s="6"/>
      <c r="DE1308" s="6"/>
      <c r="DF1308" s="6"/>
      <c r="DG1308" s="6"/>
      <c r="DH1308" s="6" t="s">
        <v>333</v>
      </c>
      <c r="DI1308" s="6"/>
      <c r="DJ1308" s="6"/>
      <c r="DK1308" s="6"/>
      <c r="DL1308" s="6">
        <v>12</v>
      </c>
      <c r="DM1308" s="6" t="s">
        <v>602</v>
      </c>
      <c r="DN1308" s="6">
        <v>9</v>
      </c>
      <c r="DO1308" s="6" t="s">
        <v>384</v>
      </c>
      <c r="DP1308" s="6"/>
      <c r="DQ1308" s="6"/>
    </row>
    <row r="1309" spans="1:121" x14ac:dyDescent="0.2">
      <c r="A1309" s="6" t="s">
        <v>794</v>
      </c>
      <c r="B1309" s="6" t="s">
        <v>181</v>
      </c>
      <c r="C1309" s="6" t="s">
        <v>182</v>
      </c>
      <c r="D1309" s="6" t="s">
        <v>57</v>
      </c>
      <c r="E1309" s="6" t="s">
        <v>198</v>
      </c>
      <c r="F1309" s="11">
        <v>3</v>
      </c>
      <c r="G1309" s="13">
        <v>8.5714285714299995E-2</v>
      </c>
      <c r="H1309" s="11">
        <v>10.174505501799999</v>
      </c>
      <c r="I1309" s="13">
        <v>0.29424081751290421</v>
      </c>
      <c r="J1309" s="11">
        <v>20.4039837674</v>
      </c>
      <c r="K1309" s="13">
        <v>0.45592088241398143</v>
      </c>
      <c r="L1309" s="11">
        <v>-27.141875368699999</v>
      </c>
      <c r="M1309" s="13">
        <v>-0.41655906697119482</v>
      </c>
      <c r="N1309" s="11">
        <v>-6.7378916012999994</v>
      </c>
      <c r="O1309" s="13">
        <v>-0.15055616194826529</v>
      </c>
      <c r="P1309" s="7">
        <v>34.578837796199998</v>
      </c>
      <c r="Q1309" s="7">
        <v>38.101653956600003</v>
      </c>
      <c r="R1309" s="7">
        <v>36.676162062700001</v>
      </c>
      <c r="S1309" s="7">
        <v>41.879375767600003</v>
      </c>
      <c r="T1309" s="7">
        <v>42.750844378700002</v>
      </c>
      <c r="U1309" s="7">
        <v>36.667333625399998</v>
      </c>
      <c r="V1309" s="7">
        <v>44.753343297999997</v>
      </c>
      <c r="W1309" s="7">
        <v>58.595056958699999</v>
      </c>
      <c r="X1309" s="7">
        <v>55.351527916800002</v>
      </c>
      <c r="Y1309" s="7">
        <v>65.157327065399997</v>
      </c>
      <c r="Z1309" s="7">
        <v>52.771348224</v>
      </c>
      <c r="AA1309" s="7">
        <v>35.241424549999998</v>
      </c>
      <c r="AB1309" s="7">
        <v>52.815069207299999</v>
      </c>
      <c r="AC1309" s="7">
        <v>44.365590362900001</v>
      </c>
      <c r="AD1309" s="7">
        <v>40.953112940499999</v>
      </c>
      <c r="AE1309" s="7">
        <v>37.923236312299998</v>
      </c>
      <c r="AF1309" s="7">
        <v>38.015451696699998</v>
      </c>
      <c r="AG1309" s="9">
        <v>15172.217717499996</v>
      </c>
      <c r="AH1309" s="13">
        <v>0.53770130949280548</v>
      </c>
      <c r="AI1309" s="9">
        <v>2692.9378154999977</v>
      </c>
      <c r="AJ1309" s="13">
        <v>9.5437345860578476E-2</v>
      </c>
      <c r="AK1309" s="9">
        <v>7047.0830404000044</v>
      </c>
      <c r="AL1309" s="13">
        <v>0.22798898979684845</v>
      </c>
      <c r="AM1309" s="9">
        <v>5432.196861599994</v>
      </c>
      <c r="AN1309" s="13">
        <v>0.14311511784810765</v>
      </c>
      <c r="AO1309" s="9">
        <v>12479.279901999998</v>
      </c>
      <c r="AP1309" s="13">
        <v>0.40373277878780306</v>
      </c>
      <c r="AQ1309" s="9">
        <v>28216.813776800002</v>
      </c>
      <c r="AR1309" s="9">
        <v>32631.8926331</v>
      </c>
      <c r="AS1309" s="9">
        <v>36498.378095300002</v>
      </c>
      <c r="AT1309" s="9">
        <v>36327.6921678</v>
      </c>
      <c r="AU1309" s="9">
        <v>36894.098053100002</v>
      </c>
      <c r="AV1309" s="9">
        <v>34109.299873199998</v>
      </c>
      <c r="AW1309" s="9">
        <v>30909.751592299999</v>
      </c>
      <c r="AX1309" s="9">
        <v>41240.789272800001</v>
      </c>
      <c r="AY1309" s="9">
        <v>37236.784358500001</v>
      </c>
      <c r="AZ1309" s="9">
        <v>37956.834632700004</v>
      </c>
      <c r="BA1309" s="9">
        <v>38744.388210600002</v>
      </c>
      <c r="BB1309" s="9">
        <v>46606.832296</v>
      </c>
      <c r="BC1309" s="9">
        <v>32924.194528100001</v>
      </c>
      <c r="BD1309" s="9">
        <v>42464.875239100002</v>
      </c>
      <c r="BE1309" s="9">
        <v>45075.671696400001</v>
      </c>
      <c r="BF1309" s="9">
        <v>43389.031494299998</v>
      </c>
      <c r="BG1309" s="11">
        <v>-1.5</v>
      </c>
      <c r="BH1309" s="13">
        <v>-0.375</v>
      </c>
      <c r="BI1309" s="6">
        <v>0</v>
      </c>
      <c r="BJ1309" s="13">
        <v>0</v>
      </c>
      <c r="BK1309" s="6">
        <v>0</v>
      </c>
      <c r="BL1309" s="13">
        <v>0</v>
      </c>
      <c r="BM1309" s="11">
        <v>-1.5</v>
      </c>
      <c r="BN1309" s="13">
        <v>-0.375</v>
      </c>
      <c r="BO1309" s="11">
        <v>-1.5</v>
      </c>
      <c r="BP1309" s="13">
        <v>-0.375</v>
      </c>
      <c r="BQ1309" s="6">
        <v>4</v>
      </c>
      <c r="BR1309" s="6">
        <v>4</v>
      </c>
      <c r="BS1309" s="6">
        <v>3</v>
      </c>
      <c r="BT1309" s="6">
        <v>4</v>
      </c>
      <c r="BU1309" s="6">
        <v>4</v>
      </c>
      <c r="BV1309" s="6">
        <v>4</v>
      </c>
      <c r="BW1309" s="6">
        <v>4</v>
      </c>
      <c r="BX1309" s="6">
        <v>2</v>
      </c>
      <c r="BY1309" s="6">
        <v>2</v>
      </c>
      <c r="BZ1309" s="6">
        <v>2</v>
      </c>
      <c r="CA1309" s="6">
        <v>2</v>
      </c>
      <c r="CB1309" s="6">
        <v>2</v>
      </c>
      <c r="CC1309" s="11">
        <v>2.5</v>
      </c>
      <c r="CD1309" s="11">
        <v>-2.5227900000000001</v>
      </c>
      <c r="CE1309" s="11">
        <v>2.1795200000000001</v>
      </c>
      <c r="CF1309" s="11">
        <v>3.7798799999999999</v>
      </c>
      <c r="CG1309" s="11">
        <v>6</v>
      </c>
      <c r="CH1309" s="20">
        <v>0.28049099999999999</v>
      </c>
      <c r="CI1309" s="20">
        <v>0.27363399999999999</v>
      </c>
      <c r="CJ1309" s="20">
        <v>0.25627699999999998</v>
      </c>
      <c r="CK1309" s="20">
        <v>0.27124100000000001</v>
      </c>
      <c r="CL1309" s="20">
        <v>0.26563799999999999</v>
      </c>
      <c r="CM1309" s="20">
        <v>0.24968699999999999</v>
      </c>
      <c r="CN1309" s="20">
        <v>0.39985900000000002</v>
      </c>
      <c r="CO1309" s="20">
        <v>2.0608300000000002</v>
      </c>
      <c r="CP1309" s="20">
        <v>0.48848900000000001</v>
      </c>
      <c r="CQ1309" s="20">
        <v>0.54945999999999995</v>
      </c>
      <c r="CR1309" s="20">
        <v>0.45106099999999999</v>
      </c>
      <c r="CS1309" s="20">
        <v>0.29582199999999997</v>
      </c>
      <c r="CT1309" s="20">
        <v>0.44946199999999997</v>
      </c>
      <c r="CU1309" s="20">
        <v>0.37667400000000001</v>
      </c>
      <c r="CV1309" s="20">
        <v>0.33715699999999998</v>
      </c>
      <c r="CW1309" s="20">
        <v>0.30831399999999998</v>
      </c>
      <c r="CX1309" s="20">
        <v>0.30675400000000003</v>
      </c>
      <c r="CY1309" s="6" t="s">
        <v>600</v>
      </c>
      <c r="CZ1309" s="6" t="s">
        <v>601</v>
      </c>
      <c r="DA1309" s="6" t="s">
        <v>57</v>
      </c>
      <c r="DB1309" s="6"/>
      <c r="DC1309" s="6"/>
      <c r="DD1309" s="6"/>
      <c r="DE1309" s="6"/>
      <c r="DF1309" s="6"/>
      <c r="DG1309" s="6"/>
      <c r="DH1309" s="6" t="s">
        <v>333</v>
      </c>
      <c r="DI1309" s="6"/>
      <c r="DJ1309" s="6"/>
      <c r="DK1309" s="6"/>
      <c r="DL1309" s="6">
        <v>12</v>
      </c>
      <c r="DM1309" s="6" t="s">
        <v>602</v>
      </c>
      <c r="DN1309" s="6">
        <v>9</v>
      </c>
      <c r="DO1309" s="6" t="s">
        <v>384</v>
      </c>
      <c r="DP1309" s="6"/>
      <c r="DQ1309" s="6"/>
    </row>
    <row r="1310" spans="1:121" x14ac:dyDescent="0.2">
      <c r="A1310" s="6" t="s">
        <v>314</v>
      </c>
      <c r="B1310" s="6" t="s">
        <v>314</v>
      </c>
      <c r="C1310" s="6" t="s">
        <v>183</v>
      </c>
      <c r="D1310" s="6" t="s">
        <v>57</v>
      </c>
      <c r="E1310" s="6" t="s">
        <v>198</v>
      </c>
      <c r="F1310" s="11">
        <v>-96</v>
      </c>
      <c r="G1310" s="13">
        <v>-0.72180451127800005</v>
      </c>
      <c r="H1310" s="11">
        <v>-100.28259018230001</v>
      </c>
      <c r="I1310" s="13">
        <v>-0.75400254395075428</v>
      </c>
      <c r="J1310" s="11">
        <v>3.1825131823000063</v>
      </c>
      <c r="K1310" s="13">
        <v>9.7271780109064135E-2</v>
      </c>
      <c r="L1310" s="11">
        <v>0.68513366249999308</v>
      </c>
      <c r="M1310" s="13">
        <v>1.9084366513030616E-2</v>
      </c>
      <c r="N1310" s="11">
        <v>3.8676468447999994</v>
      </c>
      <c r="O1310" s="13">
        <v>0.11821251692507104</v>
      </c>
      <c r="P1310" s="7">
        <v>133.00033400000001</v>
      </c>
      <c r="Q1310" s="7">
        <v>127.144961</v>
      </c>
      <c r="R1310" s="7">
        <v>172.61438699999999</v>
      </c>
      <c r="S1310" s="7">
        <v>84.151680999999996</v>
      </c>
      <c r="T1310" s="7">
        <v>53.170985000000002</v>
      </c>
      <c r="U1310" s="7">
        <v>30.709386951700001</v>
      </c>
      <c r="V1310" s="7">
        <v>32.717743817699997</v>
      </c>
      <c r="W1310" s="7">
        <v>57.183461000000001</v>
      </c>
      <c r="X1310" s="7">
        <v>87.339340000000007</v>
      </c>
      <c r="Y1310" s="7">
        <v>35.900257000000003</v>
      </c>
      <c r="Z1310" s="7">
        <v>39.088382000000003</v>
      </c>
      <c r="AA1310" s="7">
        <v>52.942068999999996</v>
      </c>
      <c r="AB1310" s="7">
        <v>50.600546000000001</v>
      </c>
      <c r="AC1310" s="7">
        <v>37.676704999999998</v>
      </c>
      <c r="AD1310" s="7">
        <v>34.491978000000003</v>
      </c>
      <c r="AE1310" s="7">
        <v>40.646162500000003</v>
      </c>
      <c r="AF1310" s="7">
        <v>36.585390662499996</v>
      </c>
      <c r="AG1310" s="9">
        <v>119327.8178744</v>
      </c>
      <c r="AH1310" s="13">
        <v>3.9506889019430287</v>
      </c>
      <c r="AI1310" s="9">
        <v>102147.22340839999</v>
      </c>
      <c r="AJ1310" s="13">
        <v>3.3818761548847283</v>
      </c>
      <c r="AK1310" s="9">
        <v>-31052.326436000003</v>
      </c>
      <c r="AL1310" s="13">
        <v>-0.234620079522178</v>
      </c>
      <c r="AM1310" s="9">
        <v>48232.920902000013</v>
      </c>
      <c r="AN1310" s="13">
        <v>0.47614314152215342</v>
      </c>
      <c r="AO1310" s="9">
        <v>17180.59446600001</v>
      </c>
      <c r="AP1310" s="13">
        <v>0.1298103202721082</v>
      </c>
      <c r="AQ1310" s="9">
        <v>30204.306346599999</v>
      </c>
      <c r="AR1310" s="9">
        <v>45628.012843299999</v>
      </c>
      <c r="AS1310" s="9">
        <v>63750.092928600003</v>
      </c>
      <c r="AT1310" s="9">
        <v>64113.550805600004</v>
      </c>
      <c r="AU1310" s="9">
        <v>126287.022103</v>
      </c>
      <c r="AV1310" s="9">
        <v>89880.578867200005</v>
      </c>
      <c r="AW1310" s="9">
        <v>132351.529755</v>
      </c>
      <c r="AX1310" s="9">
        <v>61489.3702003</v>
      </c>
      <c r="AY1310" s="9">
        <v>92525.830970199997</v>
      </c>
      <c r="AZ1310" s="9">
        <v>101299.20331899999</v>
      </c>
      <c r="BA1310" s="9">
        <v>72503.117885200001</v>
      </c>
      <c r="BB1310" s="9">
        <v>58284.370077</v>
      </c>
      <c r="BC1310" s="9">
        <v>89026.511868600006</v>
      </c>
      <c r="BD1310" s="9">
        <v>154029.528613</v>
      </c>
      <c r="BE1310" s="9">
        <v>171286.25156400001</v>
      </c>
      <c r="BF1310" s="9">
        <v>149532.12422100001</v>
      </c>
      <c r="BG1310" s="11">
        <v>-0.5</v>
      </c>
      <c r="BH1310" s="13">
        <v>-0.25</v>
      </c>
      <c r="BI1310" s="6">
        <v>0</v>
      </c>
      <c r="BJ1310" s="13">
        <v>0</v>
      </c>
      <c r="BK1310" s="6">
        <v>0</v>
      </c>
      <c r="BL1310" s="13">
        <v>0</v>
      </c>
      <c r="BM1310" s="11">
        <v>-0.5</v>
      </c>
      <c r="BN1310" s="13">
        <v>-0.25</v>
      </c>
      <c r="BO1310" s="11">
        <v>-0.5</v>
      </c>
      <c r="BP1310" s="13">
        <v>-0.25</v>
      </c>
      <c r="BQ1310" s="6">
        <v>2</v>
      </c>
      <c r="BR1310" s="6">
        <v>2</v>
      </c>
      <c r="BS1310" s="6">
        <v>2</v>
      </c>
      <c r="BT1310" s="6">
        <v>2</v>
      </c>
      <c r="BU1310" s="6">
        <v>2</v>
      </c>
      <c r="BV1310" s="6">
        <v>2</v>
      </c>
      <c r="BW1310" s="6">
        <v>2</v>
      </c>
      <c r="BX1310" s="6">
        <v>2</v>
      </c>
      <c r="BY1310" s="6">
        <v>2</v>
      </c>
      <c r="BZ1310" s="6">
        <v>2</v>
      </c>
      <c r="CA1310" s="6">
        <v>2</v>
      </c>
      <c r="CB1310" s="6">
        <v>2</v>
      </c>
      <c r="CC1310" s="11">
        <v>1.5</v>
      </c>
      <c r="CD1310" s="11">
        <v>-70.216700000000003</v>
      </c>
      <c r="CE1310" s="11">
        <v>-40.736699999999999</v>
      </c>
      <c r="CF1310" s="11">
        <v>14.538500000000001</v>
      </c>
      <c r="CG1310" s="11">
        <v>-26</v>
      </c>
      <c r="CH1310" s="20">
        <v>1.37</v>
      </c>
      <c r="CI1310" s="20">
        <v>1.19225</v>
      </c>
      <c r="CJ1310" s="20">
        <v>1.6444300000000001</v>
      </c>
      <c r="CK1310" s="20">
        <v>0.77450300000000005</v>
      </c>
      <c r="CL1310" s="20">
        <v>0.48728900000000003</v>
      </c>
      <c r="CM1310" s="20">
        <v>0.31762000000000001</v>
      </c>
      <c r="CN1310" s="20">
        <v>0.45416800000000002</v>
      </c>
      <c r="CO1310" s="20">
        <v>3.1518299999999999</v>
      </c>
      <c r="CP1310" s="20">
        <v>1.2022200000000001</v>
      </c>
      <c r="CQ1310" s="20">
        <v>0.48434500000000003</v>
      </c>
      <c r="CR1310" s="20">
        <v>0.55442100000000005</v>
      </c>
      <c r="CS1310" s="20">
        <v>0.75234599999999996</v>
      </c>
      <c r="CT1310" s="20">
        <v>0.736568</v>
      </c>
      <c r="CU1310" s="20">
        <v>0.55890700000000004</v>
      </c>
      <c r="CV1310" s="20">
        <v>0.51426700000000003</v>
      </c>
      <c r="CW1310" s="20">
        <v>0.60497900000000004</v>
      </c>
      <c r="CX1310" s="20">
        <v>0.54730000000000001</v>
      </c>
      <c r="CY1310" s="6" t="s">
        <v>600</v>
      </c>
      <c r="CZ1310" s="6" t="s">
        <v>601</v>
      </c>
      <c r="DA1310" s="6" t="s">
        <v>57</v>
      </c>
      <c r="DB1310" s="6"/>
      <c r="DC1310" s="6"/>
      <c r="DD1310" s="6"/>
      <c r="DE1310" s="6"/>
      <c r="DF1310" s="6"/>
      <c r="DG1310" s="6"/>
      <c r="DH1310" s="6" t="s">
        <v>333</v>
      </c>
      <c r="DI1310" s="6"/>
      <c r="DJ1310" s="6"/>
      <c r="DK1310" s="6"/>
      <c r="DL1310" s="6">
        <v>12</v>
      </c>
      <c r="DM1310" s="6" t="s">
        <v>602</v>
      </c>
      <c r="DN1310" s="6">
        <v>9</v>
      </c>
      <c r="DO1310" s="6" t="s">
        <v>384</v>
      </c>
      <c r="DP1310" s="6"/>
      <c r="DQ1310" s="6"/>
    </row>
    <row r="1311" spans="1:121" x14ac:dyDescent="0.2">
      <c r="A1311" s="6" t="s">
        <v>315</v>
      </c>
      <c r="B1311" s="6" t="s">
        <v>315</v>
      </c>
      <c r="C1311" s="6" t="s">
        <v>184</v>
      </c>
      <c r="D1311" s="6" t="s">
        <v>57</v>
      </c>
      <c r="E1311" s="6" t="s">
        <v>198</v>
      </c>
      <c r="F1311" s="11">
        <v>-5</v>
      </c>
      <c r="G1311" s="13">
        <v>-0.12</v>
      </c>
      <c r="H1311" s="11">
        <v>-4</v>
      </c>
      <c r="I1311" s="13">
        <v>-9.7560975609756101E-2</v>
      </c>
      <c r="J1311" s="11">
        <v>-3</v>
      </c>
      <c r="K1311" s="13">
        <v>-8.1081081081081086E-2</v>
      </c>
      <c r="L1311" s="11">
        <v>2</v>
      </c>
      <c r="M1311" s="13">
        <v>5.8823529411764705E-2</v>
      </c>
      <c r="N1311" s="11">
        <v>-1</v>
      </c>
      <c r="O1311" s="13">
        <v>-2.7027027027027029E-2</v>
      </c>
      <c r="P1311" s="7">
        <v>41</v>
      </c>
      <c r="Q1311" s="7">
        <v>47</v>
      </c>
      <c r="R1311" s="7">
        <v>47</v>
      </c>
      <c r="S1311" s="7">
        <v>43</v>
      </c>
      <c r="T1311" s="7">
        <v>45</v>
      </c>
      <c r="U1311" s="7">
        <v>40</v>
      </c>
      <c r="V1311" s="7">
        <v>37</v>
      </c>
      <c r="W1311" s="7">
        <v>33</v>
      </c>
      <c r="X1311" s="7">
        <v>33</v>
      </c>
      <c r="Y1311" s="7">
        <v>34</v>
      </c>
      <c r="Z1311" s="7">
        <v>31</v>
      </c>
      <c r="AA1311" s="7">
        <v>34</v>
      </c>
      <c r="AB1311" s="7">
        <v>33</v>
      </c>
      <c r="AC1311" s="7">
        <v>34</v>
      </c>
      <c r="AD1311" s="7">
        <v>36</v>
      </c>
      <c r="AE1311" s="7">
        <v>35</v>
      </c>
      <c r="AF1311" s="7">
        <v>36</v>
      </c>
      <c r="AG1311" s="9">
        <v>12777</v>
      </c>
      <c r="AH1311" s="13">
        <v>0.46665449233016798</v>
      </c>
      <c r="AI1311" s="9">
        <v>7163</v>
      </c>
      <c r="AJ1311" s="13">
        <v>0.26161431701972243</v>
      </c>
      <c r="AK1311" s="9">
        <v>17933</v>
      </c>
      <c r="AL1311" s="13">
        <v>0.51915004487160932</v>
      </c>
      <c r="AM1311" s="9">
        <v>-12319</v>
      </c>
      <c r="AN1311" s="13">
        <v>-0.23475493558960289</v>
      </c>
      <c r="AO1311" s="9">
        <v>5614</v>
      </c>
      <c r="AP1311" s="13">
        <v>0.16252207393683235</v>
      </c>
      <c r="AQ1311" s="9">
        <v>27380</v>
      </c>
      <c r="AR1311" s="9">
        <v>26060</v>
      </c>
      <c r="AS1311" s="9">
        <v>32363</v>
      </c>
      <c r="AT1311" s="9">
        <v>29518</v>
      </c>
      <c r="AU1311" s="9">
        <v>29292</v>
      </c>
      <c r="AV1311" s="9">
        <v>33485</v>
      </c>
      <c r="AW1311" s="9">
        <v>34543</v>
      </c>
      <c r="AX1311" s="9">
        <v>38465</v>
      </c>
      <c r="AY1311" s="9">
        <v>39543</v>
      </c>
      <c r="AZ1311" s="9">
        <v>52476</v>
      </c>
      <c r="BA1311" s="9">
        <v>45675</v>
      </c>
      <c r="BB1311" s="9">
        <v>41976</v>
      </c>
      <c r="BC1311" s="9">
        <v>41420</v>
      </c>
      <c r="BD1311" s="9">
        <v>38958</v>
      </c>
      <c r="BE1311" s="9">
        <v>40028</v>
      </c>
      <c r="BF1311" s="9">
        <v>40157</v>
      </c>
      <c r="BG1311" s="11">
        <v>-1</v>
      </c>
      <c r="BH1311" s="13">
        <v>-0.1111111111111111</v>
      </c>
      <c r="BI1311" s="6">
        <v>-1</v>
      </c>
      <c r="BJ1311" s="13">
        <v>-0.1111111111111111</v>
      </c>
      <c r="BK1311" s="6">
        <v>0</v>
      </c>
      <c r="BL1311" s="13">
        <v>0</v>
      </c>
      <c r="BM1311" s="11">
        <v>0</v>
      </c>
      <c r="BN1311" s="13">
        <v>0</v>
      </c>
      <c r="BO1311" s="11">
        <v>0</v>
      </c>
      <c r="BP1311" s="13">
        <v>0</v>
      </c>
      <c r="BQ1311" s="6">
        <v>9</v>
      </c>
      <c r="BR1311" s="6">
        <v>9</v>
      </c>
      <c r="BS1311" s="6">
        <v>8</v>
      </c>
      <c r="BT1311" s="6">
        <v>8</v>
      </c>
      <c r="BU1311" s="6">
        <v>8</v>
      </c>
      <c r="BV1311" s="6">
        <v>8</v>
      </c>
      <c r="BW1311" s="6">
        <v>8</v>
      </c>
      <c r="BX1311" s="6">
        <v>9</v>
      </c>
      <c r="BY1311" s="6">
        <v>9</v>
      </c>
      <c r="BZ1311" s="6">
        <v>8</v>
      </c>
      <c r="CA1311" s="6">
        <v>8</v>
      </c>
      <c r="CB1311" s="6">
        <v>8</v>
      </c>
      <c r="CC1311" s="11">
        <v>8</v>
      </c>
      <c r="CD1311" s="11">
        <v>-6</v>
      </c>
      <c r="CE1311" s="11">
        <v>-3</v>
      </c>
      <c r="CF1311" s="11">
        <v>4</v>
      </c>
      <c r="CG1311" s="11">
        <v>1</v>
      </c>
      <c r="CH1311" s="20">
        <v>0.26</v>
      </c>
      <c r="CI1311" s="20">
        <v>0.25</v>
      </c>
      <c r="CJ1311" s="20">
        <v>0.24</v>
      </c>
      <c r="CK1311" s="20">
        <v>0.21</v>
      </c>
      <c r="CL1311" s="20">
        <v>0.21</v>
      </c>
      <c r="CM1311" s="20">
        <v>0.21</v>
      </c>
      <c r="CN1311" s="20">
        <v>0.25</v>
      </c>
      <c r="CO1311" s="20">
        <v>0.9</v>
      </c>
      <c r="CP1311" s="20">
        <v>0.23</v>
      </c>
      <c r="CQ1311" s="20">
        <v>0.22</v>
      </c>
      <c r="CR1311" s="20">
        <v>0.21</v>
      </c>
      <c r="CS1311" s="20">
        <v>0.23</v>
      </c>
      <c r="CT1311" s="20">
        <v>0.23</v>
      </c>
      <c r="CU1311" s="20">
        <v>0.24</v>
      </c>
      <c r="CV1311" s="20">
        <v>0.26</v>
      </c>
      <c r="CW1311" s="20">
        <v>0.25</v>
      </c>
      <c r="CX1311" s="20">
        <v>0.26</v>
      </c>
      <c r="CY1311" s="6" t="s">
        <v>600</v>
      </c>
      <c r="CZ1311" s="6" t="s">
        <v>601</v>
      </c>
      <c r="DA1311" s="6" t="s">
        <v>57</v>
      </c>
      <c r="DB1311" s="6"/>
      <c r="DC1311" s="6"/>
      <c r="DD1311" s="6"/>
      <c r="DE1311" s="6"/>
      <c r="DF1311" s="6"/>
      <c r="DG1311" s="6"/>
      <c r="DH1311" s="6" t="s">
        <v>333</v>
      </c>
      <c r="DI1311" s="6"/>
      <c r="DJ1311" s="6"/>
      <c r="DK1311" s="6"/>
      <c r="DL1311" s="6">
        <v>12</v>
      </c>
      <c r="DM1311" s="6" t="s">
        <v>602</v>
      </c>
      <c r="DN1311" s="6">
        <v>9</v>
      </c>
      <c r="DO1311" s="6" t="s">
        <v>384</v>
      </c>
      <c r="DP1311" s="6"/>
      <c r="DQ1311" s="6"/>
    </row>
    <row r="1312" spans="1:121" x14ac:dyDescent="0.2">
      <c r="A1312" s="6" t="s">
        <v>316</v>
      </c>
      <c r="B1312" s="6" t="s">
        <v>316</v>
      </c>
      <c r="C1312" s="6" t="s">
        <v>185</v>
      </c>
      <c r="D1312" s="6" t="s">
        <v>57</v>
      </c>
      <c r="E1312" s="6" t="s">
        <v>198</v>
      </c>
      <c r="F1312" s="11">
        <v>1</v>
      </c>
      <c r="G1312" s="13">
        <v>1</v>
      </c>
      <c r="H1312" s="11">
        <v>0</v>
      </c>
      <c r="I1312" s="13">
        <v>0</v>
      </c>
      <c r="J1312" s="11">
        <v>0</v>
      </c>
      <c r="K1312" s="13">
        <v>0</v>
      </c>
      <c r="L1312" s="11">
        <v>0</v>
      </c>
      <c r="M1312" s="13">
        <v>0</v>
      </c>
      <c r="N1312" s="11">
        <v>0</v>
      </c>
      <c r="O1312" s="13">
        <v>0</v>
      </c>
      <c r="P1312" s="7">
        <v>5</v>
      </c>
      <c r="Q1312" s="7">
        <v>5</v>
      </c>
      <c r="R1312" s="7">
        <v>5</v>
      </c>
      <c r="S1312" s="7">
        <v>5</v>
      </c>
      <c r="T1312" s="7">
        <v>5</v>
      </c>
      <c r="U1312" s="7">
        <v>5</v>
      </c>
      <c r="V1312" s="7">
        <v>5</v>
      </c>
      <c r="W1312" s="7">
        <v>5</v>
      </c>
      <c r="X1312" s="7">
        <v>5</v>
      </c>
      <c r="Y1312" s="7">
        <v>5</v>
      </c>
      <c r="Z1312" s="7">
        <v>5</v>
      </c>
      <c r="AA1312" s="7">
        <v>5</v>
      </c>
      <c r="AB1312" s="7">
        <v>5</v>
      </c>
      <c r="AC1312" s="7">
        <v>5</v>
      </c>
      <c r="AD1312" s="7">
        <v>5</v>
      </c>
      <c r="AE1312" s="7">
        <v>5</v>
      </c>
      <c r="AF1312" s="7">
        <v>5</v>
      </c>
      <c r="AG1312" s="9">
        <v>0</v>
      </c>
      <c r="AH1312" s="13">
        <v>0</v>
      </c>
      <c r="AI1312" s="9">
        <v>0</v>
      </c>
      <c r="AJ1312" s="13">
        <v>0</v>
      </c>
      <c r="AK1312" s="9">
        <v>0</v>
      </c>
      <c r="AL1312" s="13">
        <v>0</v>
      </c>
      <c r="AM1312" s="9">
        <v>0</v>
      </c>
      <c r="AN1312" s="13">
        <v>0</v>
      </c>
      <c r="AO1312" s="9">
        <v>0</v>
      </c>
      <c r="AP1312" s="13">
        <v>0</v>
      </c>
      <c r="AQ1312" s="9">
        <v>1</v>
      </c>
      <c r="AR1312" s="9">
        <v>1</v>
      </c>
      <c r="AS1312" s="9">
        <v>1</v>
      </c>
      <c r="AT1312" s="9">
        <v>1</v>
      </c>
      <c r="AU1312" s="9">
        <v>1</v>
      </c>
      <c r="AV1312" s="9">
        <v>1</v>
      </c>
      <c r="AW1312" s="9">
        <v>1</v>
      </c>
      <c r="AX1312" s="9">
        <v>1</v>
      </c>
      <c r="AY1312" s="9">
        <v>1</v>
      </c>
      <c r="AZ1312" s="9">
        <v>1</v>
      </c>
      <c r="BA1312" s="9">
        <v>1</v>
      </c>
      <c r="BB1312" s="9">
        <v>1</v>
      </c>
      <c r="BC1312" s="9">
        <v>1</v>
      </c>
      <c r="BD1312" s="9">
        <v>1</v>
      </c>
      <c r="BE1312" s="9">
        <v>1</v>
      </c>
      <c r="BF1312" s="9">
        <v>1</v>
      </c>
      <c r="BG1312" s="11">
        <v>2</v>
      </c>
      <c r="BH1312" s="13">
        <v>2</v>
      </c>
      <c r="BI1312" s="6">
        <v>1</v>
      </c>
      <c r="BJ1312" s="13">
        <v>1</v>
      </c>
      <c r="BK1312" s="6">
        <v>-1</v>
      </c>
      <c r="BL1312" s="13">
        <v>-0.5</v>
      </c>
      <c r="BM1312" s="11">
        <v>2</v>
      </c>
      <c r="BN1312" s="13">
        <v>2</v>
      </c>
      <c r="BO1312" s="11">
        <v>1</v>
      </c>
      <c r="BP1312" s="13">
        <v>0.5</v>
      </c>
      <c r="BQ1312" s="6">
        <v>1</v>
      </c>
      <c r="BR1312" s="6">
        <v>2</v>
      </c>
      <c r="BS1312" s="6">
        <v>2</v>
      </c>
      <c r="BT1312" s="6">
        <v>2</v>
      </c>
      <c r="BU1312" s="6">
        <v>1</v>
      </c>
      <c r="BV1312" s="6">
        <v>1</v>
      </c>
      <c r="BW1312" s="6">
        <v>1</v>
      </c>
      <c r="BX1312" s="6">
        <v>1</v>
      </c>
      <c r="BY1312" s="6">
        <v>1</v>
      </c>
      <c r="BZ1312" s="6">
        <v>3</v>
      </c>
      <c r="CA1312" s="6">
        <v>3</v>
      </c>
      <c r="CB1312" s="6">
        <v>3</v>
      </c>
      <c r="CC1312" s="11">
        <v>3</v>
      </c>
      <c r="CD1312" s="11">
        <v>2</v>
      </c>
      <c r="CE1312" s="11">
        <v>0</v>
      </c>
      <c r="CF1312" s="11">
        <v>1</v>
      </c>
      <c r="CG1312" s="11">
        <v>1</v>
      </c>
      <c r="CH1312" s="20">
        <v>0.08</v>
      </c>
      <c r="CI1312" s="20">
        <v>0.04</v>
      </c>
      <c r="CJ1312" s="20">
        <v>0.09</v>
      </c>
      <c r="CK1312" s="20">
        <v>0.03</v>
      </c>
      <c r="CL1312" s="20">
        <v>0.02</v>
      </c>
      <c r="CM1312" s="20">
        <v>0.02</v>
      </c>
      <c r="CN1312" s="20">
        <v>0.03</v>
      </c>
      <c r="CO1312" s="20">
        <v>0.28000000000000003</v>
      </c>
      <c r="CP1312" s="20">
        <v>0.02</v>
      </c>
      <c r="CQ1312" s="20">
        <v>0.01</v>
      </c>
      <c r="CR1312" s="20">
        <v>0.03</v>
      </c>
      <c r="CS1312" s="20">
        <v>0.03</v>
      </c>
      <c r="CT1312" s="20">
        <v>0.09</v>
      </c>
      <c r="CU1312" s="20">
        <v>0.12</v>
      </c>
      <c r="CV1312" s="20">
        <v>0.12</v>
      </c>
      <c r="CW1312" s="20">
        <v>0.11</v>
      </c>
      <c r="CX1312" s="20">
        <v>0.12</v>
      </c>
      <c r="CY1312" s="6" t="s">
        <v>600</v>
      </c>
      <c r="CZ1312" s="6" t="s">
        <v>601</v>
      </c>
      <c r="DA1312" s="6" t="s">
        <v>57</v>
      </c>
      <c r="DB1312" s="6"/>
      <c r="DC1312" s="6"/>
      <c r="DD1312" s="6"/>
      <c r="DE1312" s="6"/>
      <c r="DF1312" s="6"/>
      <c r="DG1312" s="6"/>
      <c r="DH1312" s="6" t="s">
        <v>333</v>
      </c>
      <c r="DI1312" s="6"/>
      <c r="DJ1312" s="6"/>
      <c r="DK1312" s="6"/>
      <c r="DL1312" s="6">
        <v>12</v>
      </c>
      <c r="DM1312" s="6" t="s">
        <v>602</v>
      </c>
      <c r="DN1312" s="6">
        <v>9</v>
      </c>
      <c r="DO1312" s="6" t="s">
        <v>384</v>
      </c>
      <c r="DP1312" s="6"/>
      <c r="DQ1312" s="6"/>
    </row>
    <row r="1313" spans="1:121" x14ac:dyDescent="0.2">
      <c r="A1313" s="6" t="s">
        <v>317</v>
      </c>
      <c r="B1313" s="6" t="s">
        <v>317</v>
      </c>
      <c r="C1313" s="6" t="s">
        <v>186</v>
      </c>
      <c r="D1313" s="6" t="s">
        <v>57</v>
      </c>
      <c r="E1313" s="6" t="s">
        <v>198</v>
      </c>
      <c r="F1313" s="11">
        <v>1</v>
      </c>
      <c r="G1313" s="13">
        <v>1</v>
      </c>
      <c r="H1313" s="11">
        <v>0</v>
      </c>
      <c r="I1313" s="13">
        <v>0</v>
      </c>
      <c r="J1313" s="11">
        <v>0</v>
      </c>
      <c r="K1313" s="13">
        <v>0</v>
      </c>
      <c r="L1313" s="11">
        <v>11</v>
      </c>
      <c r="M1313" s="13">
        <v>2.2000000000000002</v>
      </c>
      <c r="N1313" s="11">
        <v>11</v>
      </c>
      <c r="O1313" s="13">
        <v>2.2000000000000002</v>
      </c>
      <c r="P1313" s="7">
        <v>5</v>
      </c>
      <c r="Q1313" s="7">
        <v>5</v>
      </c>
      <c r="R1313" s="7">
        <v>10</v>
      </c>
      <c r="S1313" s="7">
        <v>11</v>
      </c>
      <c r="T1313" s="7">
        <v>13</v>
      </c>
      <c r="U1313" s="7">
        <v>5</v>
      </c>
      <c r="V1313" s="7">
        <v>5</v>
      </c>
      <c r="W1313" s="7">
        <v>5</v>
      </c>
      <c r="X1313" s="7">
        <v>5</v>
      </c>
      <c r="Y1313" s="7">
        <v>5</v>
      </c>
      <c r="Z1313" s="7">
        <v>5</v>
      </c>
      <c r="AA1313" s="7">
        <v>5</v>
      </c>
      <c r="AB1313" s="7">
        <v>5</v>
      </c>
      <c r="AC1313" s="7">
        <v>10</v>
      </c>
      <c r="AD1313" s="7">
        <v>12</v>
      </c>
      <c r="AE1313" s="7">
        <v>15</v>
      </c>
      <c r="AF1313" s="7">
        <v>16</v>
      </c>
      <c r="AG1313" s="9">
        <v>32393</v>
      </c>
      <c r="AH1313" s="13">
        <v>32393</v>
      </c>
      <c r="AI1313" s="9">
        <v>0</v>
      </c>
      <c r="AJ1313" s="13">
        <v>0</v>
      </c>
      <c r="AK1313" s="9">
        <v>0</v>
      </c>
      <c r="AL1313" s="13">
        <v>0</v>
      </c>
      <c r="AM1313" s="9">
        <v>32393</v>
      </c>
      <c r="AN1313" s="13">
        <v>32393</v>
      </c>
      <c r="AO1313" s="9">
        <v>32393</v>
      </c>
      <c r="AP1313" s="13">
        <v>32393</v>
      </c>
      <c r="AQ1313" s="9">
        <v>1</v>
      </c>
      <c r="AR1313" s="9">
        <v>1</v>
      </c>
      <c r="AS1313" s="9">
        <v>48035</v>
      </c>
      <c r="AT1313" s="9">
        <v>44400</v>
      </c>
      <c r="AU1313" s="9">
        <v>35981</v>
      </c>
      <c r="AV1313" s="9">
        <v>1</v>
      </c>
      <c r="AW1313" s="9">
        <v>1</v>
      </c>
      <c r="AX1313" s="9">
        <v>1</v>
      </c>
      <c r="AY1313" s="9">
        <v>1</v>
      </c>
      <c r="AZ1313" s="9">
        <v>1</v>
      </c>
      <c r="BA1313" s="9">
        <v>1</v>
      </c>
      <c r="BB1313" s="9">
        <v>1</v>
      </c>
      <c r="BC1313" s="9">
        <v>1</v>
      </c>
      <c r="BD1313" s="9">
        <v>43307</v>
      </c>
      <c r="BE1313" s="9">
        <v>39780</v>
      </c>
      <c r="BF1313" s="9">
        <v>32394</v>
      </c>
      <c r="BG1313" s="11">
        <v>-1</v>
      </c>
      <c r="BH1313" s="13">
        <v>-0.16666666666666666</v>
      </c>
      <c r="BI1313" s="6">
        <v>-2</v>
      </c>
      <c r="BJ1313" s="13">
        <v>-0.33333333333333331</v>
      </c>
      <c r="BK1313" s="6">
        <v>-2</v>
      </c>
      <c r="BL1313" s="13">
        <v>-0.5</v>
      </c>
      <c r="BM1313" s="11">
        <v>3</v>
      </c>
      <c r="BN1313" s="13">
        <v>1.5</v>
      </c>
      <c r="BO1313" s="11">
        <v>1</v>
      </c>
      <c r="BP1313" s="13">
        <v>0.25</v>
      </c>
      <c r="BQ1313" s="6">
        <v>6</v>
      </c>
      <c r="BR1313" s="6">
        <v>6</v>
      </c>
      <c r="BS1313" s="6">
        <v>5</v>
      </c>
      <c r="BT1313" s="6">
        <v>4</v>
      </c>
      <c r="BU1313" s="6">
        <v>3</v>
      </c>
      <c r="BV1313" s="6">
        <v>2</v>
      </c>
      <c r="BW1313" s="6">
        <v>2</v>
      </c>
      <c r="BX1313" s="6">
        <v>2</v>
      </c>
      <c r="BY1313" s="6">
        <v>1</v>
      </c>
      <c r="BZ1313" s="6">
        <v>2</v>
      </c>
      <c r="CA1313" s="6">
        <v>3</v>
      </c>
      <c r="CB1313" s="6">
        <v>3</v>
      </c>
      <c r="CC1313" s="11">
        <v>5</v>
      </c>
      <c r="CD1313" s="11">
        <v>9</v>
      </c>
      <c r="CE1313" s="11">
        <v>1</v>
      </c>
      <c r="CF1313" s="11">
        <v>1</v>
      </c>
      <c r="CG1313" s="11">
        <v>2</v>
      </c>
      <c r="CH1313" s="20">
        <v>0.03</v>
      </c>
      <c r="CI1313" s="20">
        <v>0.02</v>
      </c>
      <c r="CJ1313" s="20">
        <v>0.04</v>
      </c>
      <c r="CK1313" s="20">
        <v>0.04</v>
      </c>
      <c r="CL1313" s="20">
        <v>0.05</v>
      </c>
      <c r="CM1313" s="20">
        <v>0.03</v>
      </c>
      <c r="CN1313" s="20">
        <v>0.03</v>
      </c>
      <c r="CO1313" s="20">
        <v>0.12</v>
      </c>
      <c r="CP1313" s="20">
        <v>0.02</v>
      </c>
      <c r="CQ1313" s="20">
        <v>0.02</v>
      </c>
      <c r="CR1313" s="20">
        <v>0.02</v>
      </c>
      <c r="CS1313" s="20">
        <v>0.03</v>
      </c>
      <c r="CT1313" s="20">
        <v>0.04</v>
      </c>
      <c r="CU1313" s="20">
        <v>0.04</v>
      </c>
      <c r="CV1313" s="20">
        <v>0.05</v>
      </c>
      <c r="CW1313" s="20">
        <v>0.06</v>
      </c>
      <c r="CX1313" s="20">
        <v>7.0000000000000007E-2</v>
      </c>
      <c r="CY1313" s="6" t="s">
        <v>600</v>
      </c>
      <c r="CZ1313" s="6" t="s">
        <v>601</v>
      </c>
      <c r="DA1313" s="6" t="s">
        <v>57</v>
      </c>
      <c r="DB1313" s="6"/>
      <c r="DC1313" s="6"/>
      <c r="DD1313" s="6"/>
      <c r="DE1313" s="6"/>
      <c r="DF1313" s="6"/>
      <c r="DG1313" s="6"/>
      <c r="DH1313" s="6" t="s">
        <v>333</v>
      </c>
      <c r="DI1313" s="6"/>
      <c r="DJ1313" s="6"/>
      <c r="DK1313" s="6"/>
      <c r="DL1313" s="6">
        <v>12</v>
      </c>
      <c r="DM1313" s="6" t="s">
        <v>602</v>
      </c>
      <c r="DN1313" s="6">
        <v>9</v>
      </c>
      <c r="DO1313" s="6" t="s">
        <v>384</v>
      </c>
      <c r="DP1313" s="6"/>
      <c r="DQ1313" s="6"/>
    </row>
    <row r="1314" spans="1:121" x14ac:dyDescent="0.2">
      <c r="A1314" s="6" t="s">
        <v>318</v>
      </c>
      <c r="B1314" s="6" t="s">
        <v>318</v>
      </c>
      <c r="C1314" s="6" t="s">
        <v>187</v>
      </c>
      <c r="D1314" s="6" t="s">
        <v>57</v>
      </c>
      <c r="E1314" s="6" t="s">
        <v>198</v>
      </c>
      <c r="F1314" s="11">
        <v>0</v>
      </c>
      <c r="G1314" s="13">
        <v>0</v>
      </c>
      <c r="H1314" s="11">
        <v>0</v>
      </c>
      <c r="I1314" s="13"/>
      <c r="J1314" s="11">
        <v>0</v>
      </c>
      <c r="K1314" s="13"/>
      <c r="L1314" s="11">
        <v>0</v>
      </c>
      <c r="M1314" s="13"/>
      <c r="N1314" s="11">
        <v>0</v>
      </c>
      <c r="O1314" s="13"/>
      <c r="P1314" s="7">
        <v>0</v>
      </c>
      <c r="Q1314" s="7">
        <v>0</v>
      </c>
      <c r="R1314" s="7">
        <v>5</v>
      </c>
      <c r="S1314" s="7">
        <v>5</v>
      </c>
      <c r="T1314" s="7">
        <v>0</v>
      </c>
      <c r="U1314" s="7">
        <v>0</v>
      </c>
      <c r="V1314" s="7">
        <v>0</v>
      </c>
      <c r="W1314" s="7">
        <v>0</v>
      </c>
      <c r="X1314" s="7">
        <v>0</v>
      </c>
      <c r="Y1314" s="7">
        <v>0</v>
      </c>
      <c r="Z1314" s="7">
        <v>0</v>
      </c>
      <c r="AA1314" s="7">
        <v>0</v>
      </c>
      <c r="AB1314" s="7">
        <v>0</v>
      </c>
      <c r="AC1314" s="7">
        <v>0</v>
      </c>
      <c r="AD1314" s="7">
        <v>0</v>
      </c>
      <c r="AE1314" s="7">
        <v>0</v>
      </c>
      <c r="AF1314" s="7">
        <v>0</v>
      </c>
      <c r="AG1314" s="9">
        <v>0</v>
      </c>
      <c r="AH1314" s="13"/>
      <c r="AI1314" s="9">
        <v>0</v>
      </c>
      <c r="AJ1314" s="13"/>
      <c r="AK1314" s="9">
        <v>0</v>
      </c>
      <c r="AL1314" s="13"/>
      <c r="AM1314" s="9">
        <v>0</v>
      </c>
      <c r="AN1314" s="13"/>
      <c r="AO1314" s="9">
        <v>0</v>
      </c>
      <c r="AP1314" s="13"/>
      <c r="AQ1314" s="9">
        <v>0</v>
      </c>
      <c r="AR1314" s="9">
        <v>0</v>
      </c>
      <c r="AS1314" s="9">
        <v>1</v>
      </c>
      <c r="AT1314" s="9">
        <v>1</v>
      </c>
      <c r="AU1314" s="9">
        <v>0</v>
      </c>
      <c r="AV1314" s="9">
        <v>0</v>
      </c>
      <c r="AW1314" s="9">
        <v>0</v>
      </c>
      <c r="AX1314" s="9">
        <v>0</v>
      </c>
      <c r="AY1314" s="9">
        <v>0</v>
      </c>
      <c r="AZ1314" s="9">
        <v>0</v>
      </c>
      <c r="BA1314" s="9">
        <v>0</v>
      </c>
      <c r="BB1314" s="9">
        <v>0</v>
      </c>
      <c r="BC1314" s="9">
        <v>0</v>
      </c>
      <c r="BD1314" s="9">
        <v>0</v>
      </c>
      <c r="BE1314" s="9">
        <v>0</v>
      </c>
      <c r="BF1314" s="9">
        <v>0</v>
      </c>
      <c r="BG1314" s="11">
        <v>0</v>
      </c>
      <c r="BH1314" s="13" t="e">
        <v>#DIV/0!</v>
      </c>
      <c r="BI1314" s="6">
        <v>0</v>
      </c>
      <c r="BJ1314" s="13" t="e">
        <v>#DIV/0!</v>
      </c>
      <c r="BK1314" s="6">
        <v>0</v>
      </c>
      <c r="BL1314" s="13" t="e">
        <v>#DIV/0!</v>
      </c>
      <c r="BM1314" s="11">
        <v>0</v>
      </c>
      <c r="BN1314" s="13" t="e">
        <v>#DIV/0!</v>
      </c>
      <c r="BO1314" s="11">
        <v>0</v>
      </c>
      <c r="BP1314" s="13" t="e">
        <v>#DIV/0!</v>
      </c>
      <c r="BQ1314" s="6">
        <v>0</v>
      </c>
      <c r="BR1314" s="6">
        <v>0</v>
      </c>
      <c r="BS1314" s="6">
        <v>0</v>
      </c>
      <c r="BT1314" s="6">
        <v>0</v>
      </c>
      <c r="BU1314" s="6">
        <v>0</v>
      </c>
      <c r="BV1314" s="6">
        <v>0</v>
      </c>
      <c r="BW1314" s="6">
        <v>0</v>
      </c>
      <c r="BX1314" s="6">
        <v>0</v>
      </c>
      <c r="BY1314" s="6">
        <v>0</v>
      </c>
      <c r="BZ1314" s="6">
        <v>0</v>
      </c>
      <c r="CA1314" s="6">
        <v>0</v>
      </c>
      <c r="CB1314" s="6">
        <v>0</v>
      </c>
      <c r="CC1314" s="11">
        <v>0</v>
      </c>
      <c r="CD1314" s="11">
        <v>0</v>
      </c>
      <c r="CE1314" s="11">
        <v>0</v>
      </c>
      <c r="CF1314" s="11">
        <v>0</v>
      </c>
      <c r="CG1314" s="11">
        <v>0</v>
      </c>
      <c r="CH1314" s="20">
        <v>0</v>
      </c>
      <c r="CI1314" s="20">
        <v>0</v>
      </c>
      <c r="CJ1314" s="20">
        <v>3.4649600000000003E-2</v>
      </c>
      <c r="CK1314" s="20">
        <v>4.5115599999999999E-2</v>
      </c>
      <c r="CL1314" s="20">
        <v>0</v>
      </c>
      <c r="CM1314" s="20">
        <v>0</v>
      </c>
      <c r="CN1314" s="20">
        <v>0</v>
      </c>
      <c r="CO1314" s="20">
        <v>0</v>
      </c>
      <c r="CP1314" s="20">
        <v>0</v>
      </c>
      <c r="CQ1314" s="20">
        <v>0</v>
      </c>
      <c r="CR1314" s="20">
        <v>0</v>
      </c>
      <c r="CS1314" s="20">
        <v>0</v>
      </c>
      <c r="CT1314" s="20">
        <v>0</v>
      </c>
      <c r="CU1314" s="20">
        <v>0</v>
      </c>
      <c r="CV1314" s="20">
        <v>0</v>
      </c>
      <c r="CW1314" s="20">
        <v>0</v>
      </c>
      <c r="CX1314" s="20">
        <v>0</v>
      </c>
      <c r="CY1314" s="6" t="s">
        <v>600</v>
      </c>
      <c r="CZ1314" s="6" t="s">
        <v>601</v>
      </c>
      <c r="DA1314" s="6" t="s">
        <v>57</v>
      </c>
      <c r="DB1314" s="6"/>
      <c r="DC1314" s="6"/>
      <c r="DD1314" s="6"/>
      <c r="DE1314" s="6"/>
      <c r="DF1314" s="6"/>
      <c r="DG1314" s="6"/>
      <c r="DH1314" s="6" t="s">
        <v>333</v>
      </c>
      <c r="DI1314" s="6"/>
      <c r="DJ1314" s="6"/>
      <c r="DK1314" s="6"/>
      <c r="DL1314" s="6">
        <v>12</v>
      </c>
      <c r="DM1314" s="6" t="s">
        <v>602</v>
      </c>
      <c r="DN1314" s="6">
        <v>9</v>
      </c>
      <c r="DO1314" s="6" t="s">
        <v>384</v>
      </c>
      <c r="DP1314" s="6"/>
      <c r="DQ1314" s="6"/>
    </row>
    <row r="1315" spans="1:121" x14ac:dyDescent="0.2">
      <c r="A1315" s="6" t="s">
        <v>319</v>
      </c>
      <c r="B1315" s="6" t="s">
        <v>319</v>
      </c>
      <c r="C1315" s="6" t="s">
        <v>188</v>
      </c>
      <c r="D1315" s="6" t="s">
        <v>57</v>
      </c>
      <c r="E1315" s="6" t="s">
        <v>198</v>
      </c>
      <c r="F1315" s="11">
        <v>-2</v>
      </c>
      <c r="G1315" s="13">
        <v>-0.14285714285699999</v>
      </c>
      <c r="H1315" s="11">
        <v>6.6327777923000006</v>
      </c>
      <c r="I1315" s="13">
        <v>0.48733626088797144</v>
      </c>
      <c r="J1315" s="11">
        <v>2.9912072453999983</v>
      </c>
      <c r="K1315" s="13">
        <v>0.14776467292887183</v>
      </c>
      <c r="L1315" s="11">
        <v>-11.515159178099999</v>
      </c>
      <c r="M1315" s="13">
        <v>-0.49561130596488823</v>
      </c>
      <c r="N1315" s="11">
        <v>-8.5239519327000011</v>
      </c>
      <c r="O1315" s="13">
        <v>-0.42108047556176914</v>
      </c>
      <c r="P1315" s="7">
        <v>13.610269386100001</v>
      </c>
      <c r="Q1315" s="7">
        <v>18.4730148501</v>
      </c>
      <c r="R1315" s="7">
        <v>5</v>
      </c>
      <c r="S1315" s="7">
        <v>5</v>
      </c>
      <c r="T1315" s="7">
        <v>12.9063425055</v>
      </c>
      <c r="U1315" s="7">
        <v>20.685155237099998</v>
      </c>
      <c r="V1315" s="7">
        <v>20.243047178400001</v>
      </c>
      <c r="W1315" s="7">
        <v>12.9348490269</v>
      </c>
      <c r="X1315" s="7">
        <v>17.401580828099998</v>
      </c>
      <c r="Y1315" s="7">
        <v>23.2342544238</v>
      </c>
      <c r="Z1315" s="7">
        <v>18.168030286800001</v>
      </c>
      <c r="AA1315" s="7">
        <v>15.165630498300001</v>
      </c>
      <c r="AB1315" s="7">
        <v>11.7654585937</v>
      </c>
      <c r="AC1315" s="7">
        <v>11.313790857600001</v>
      </c>
      <c r="AD1315" s="7">
        <v>11.2180364386</v>
      </c>
      <c r="AE1315" s="7">
        <v>11.9853316828</v>
      </c>
      <c r="AF1315" s="7">
        <v>11.7190952457</v>
      </c>
      <c r="AG1315" s="9">
        <v>-1275.6493131000007</v>
      </c>
      <c r="AH1315" s="13">
        <v>-8.3178493948092846E-2</v>
      </c>
      <c r="AI1315" s="9">
        <v>5101.8430156000013</v>
      </c>
      <c r="AJ1315" s="13">
        <v>0.33266479591161574</v>
      </c>
      <c r="AK1315" s="9">
        <v>-2406.4494034000018</v>
      </c>
      <c r="AL1315" s="13">
        <v>-0.117743126201289</v>
      </c>
      <c r="AM1315" s="9">
        <v>-3971.0429253000002</v>
      </c>
      <c r="AN1315" s="13">
        <v>-0.22022588232217219</v>
      </c>
      <c r="AO1315" s="9">
        <v>-6377.492328700002</v>
      </c>
      <c r="AP1315" s="13">
        <v>-0.31203892466841143</v>
      </c>
      <c r="AQ1315" s="9">
        <v>15336.2876935</v>
      </c>
      <c r="AR1315" s="9">
        <v>12207.4078144</v>
      </c>
      <c r="AS1315" s="9">
        <v>1</v>
      </c>
      <c r="AT1315" s="9">
        <v>1</v>
      </c>
      <c r="AU1315" s="9">
        <v>17487.010011900002</v>
      </c>
      <c r="AV1315" s="9">
        <v>24758.869882499999</v>
      </c>
      <c r="AW1315" s="9">
        <v>20438.130709100002</v>
      </c>
      <c r="AX1315" s="9">
        <v>14564.5456058</v>
      </c>
      <c r="AY1315" s="9">
        <v>16341.1720541</v>
      </c>
      <c r="AZ1315" s="9">
        <v>18031.6813057</v>
      </c>
      <c r="BA1315" s="9">
        <v>20020.596760699998</v>
      </c>
      <c r="BB1315" s="9">
        <v>17030.039631</v>
      </c>
      <c r="BC1315" s="9">
        <v>15663.703546999999</v>
      </c>
      <c r="BD1315" s="9">
        <v>14921.311246499999</v>
      </c>
      <c r="BE1315" s="9">
        <v>14827.850104200001</v>
      </c>
      <c r="BF1315" s="9">
        <v>14060.6383804</v>
      </c>
      <c r="BG1315" s="11">
        <v>-1.25</v>
      </c>
      <c r="BH1315" s="13">
        <v>-0.41666666666666669</v>
      </c>
      <c r="BI1315" s="6">
        <v>-2</v>
      </c>
      <c r="BJ1315" s="13">
        <v>-0.66666666666666663</v>
      </c>
      <c r="BK1315" s="6">
        <v>0</v>
      </c>
      <c r="BL1315" s="13">
        <v>0</v>
      </c>
      <c r="BM1315" s="11">
        <v>0.75</v>
      </c>
      <c r="BN1315" s="13">
        <v>0.75</v>
      </c>
      <c r="BO1315" s="11">
        <v>0.75</v>
      </c>
      <c r="BP1315" s="13">
        <v>0.75</v>
      </c>
      <c r="BQ1315" s="6">
        <v>3</v>
      </c>
      <c r="BR1315" s="6">
        <v>2</v>
      </c>
      <c r="BS1315" s="6">
        <v>1</v>
      </c>
      <c r="BT1315" s="6">
        <v>1</v>
      </c>
      <c r="BU1315" s="6">
        <v>1</v>
      </c>
      <c r="BV1315" s="6">
        <v>1</v>
      </c>
      <c r="BW1315" s="6">
        <v>1</v>
      </c>
      <c r="BX1315" s="6">
        <v>1</v>
      </c>
      <c r="BY1315" s="6">
        <v>1</v>
      </c>
      <c r="BZ1315" s="6">
        <v>1</v>
      </c>
      <c r="CA1315" s="6">
        <v>1</v>
      </c>
      <c r="CB1315" s="6">
        <v>1</v>
      </c>
      <c r="CC1315" s="11">
        <v>1.75</v>
      </c>
      <c r="CD1315" s="11">
        <v>-4.6034899999999999</v>
      </c>
      <c r="CE1315" s="11">
        <v>1.22455</v>
      </c>
      <c r="CF1315" s="11">
        <v>1.48777</v>
      </c>
      <c r="CG1315" s="11">
        <v>2</v>
      </c>
      <c r="CH1315" s="20">
        <v>6.1580200000000002E-2</v>
      </c>
      <c r="CI1315" s="20">
        <v>7.2021799999999997E-2</v>
      </c>
      <c r="CJ1315" s="20">
        <v>3.4925900000000003E-2</v>
      </c>
      <c r="CK1315" s="20">
        <v>1.7160100000000001E-2</v>
      </c>
      <c r="CL1315" s="20">
        <v>4.2395700000000001E-2</v>
      </c>
      <c r="CM1315" s="20">
        <v>7.4184399999999998E-2</v>
      </c>
      <c r="CN1315" s="20">
        <v>9.6096200000000007E-2</v>
      </c>
      <c r="CO1315" s="20">
        <v>0.25084099999999998</v>
      </c>
      <c r="CP1315" s="20">
        <v>8.7375900000000006E-2</v>
      </c>
      <c r="CQ1315" s="20">
        <v>0.107027</v>
      </c>
      <c r="CR1315" s="20">
        <v>8.3907899999999994E-2</v>
      </c>
      <c r="CS1315" s="20">
        <v>6.8074499999999996E-2</v>
      </c>
      <c r="CT1315" s="20">
        <v>5.2966300000000001E-2</v>
      </c>
      <c r="CU1315" s="20">
        <v>5.0912800000000001E-2</v>
      </c>
      <c r="CV1315" s="20">
        <v>5.0042999999999997E-2</v>
      </c>
      <c r="CW1315" s="20">
        <v>5.3263699999999997E-2</v>
      </c>
      <c r="CX1315" s="20">
        <v>5.1561299999999997E-2</v>
      </c>
      <c r="CY1315" s="6" t="s">
        <v>600</v>
      </c>
      <c r="CZ1315" s="6" t="s">
        <v>601</v>
      </c>
      <c r="DA1315" s="6" t="s">
        <v>57</v>
      </c>
      <c r="DB1315" s="6"/>
      <c r="DC1315" s="6"/>
      <c r="DD1315" s="6"/>
      <c r="DE1315" s="6"/>
      <c r="DF1315" s="6"/>
      <c r="DG1315" s="6"/>
      <c r="DH1315" s="6" t="s">
        <v>333</v>
      </c>
      <c r="DI1315" s="6"/>
      <c r="DJ1315" s="6"/>
      <c r="DK1315" s="6"/>
      <c r="DL1315" s="6">
        <v>12</v>
      </c>
      <c r="DM1315" s="6" t="s">
        <v>602</v>
      </c>
      <c r="DN1315" s="6">
        <v>9</v>
      </c>
      <c r="DO1315" s="6" t="s">
        <v>384</v>
      </c>
      <c r="DP1315" s="6"/>
      <c r="DQ1315" s="6"/>
    </row>
    <row r="1316" spans="1:121" x14ac:dyDescent="0.2">
      <c r="A1316" s="6" t="s">
        <v>320</v>
      </c>
      <c r="B1316" s="6" t="s">
        <v>320</v>
      </c>
      <c r="C1316" s="6" t="s">
        <v>189</v>
      </c>
      <c r="D1316" s="6" t="s">
        <v>57</v>
      </c>
      <c r="E1316" s="6" t="s">
        <v>198</v>
      </c>
      <c r="F1316" s="11">
        <v>0</v>
      </c>
      <c r="G1316" s="13">
        <v>0</v>
      </c>
      <c r="H1316" s="11">
        <v>5</v>
      </c>
      <c r="I1316" s="13"/>
      <c r="J1316" s="11">
        <v>0</v>
      </c>
      <c r="K1316" s="13">
        <v>0</v>
      </c>
      <c r="L1316" s="11">
        <v>-5</v>
      </c>
      <c r="M1316" s="13">
        <v>-1</v>
      </c>
      <c r="N1316" s="11">
        <v>-5</v>
      </c>
      <c r="O1316" s="13">
        <v>-1</v>
      </c>
      <c r="P1316" s="7">
        <v>0</v>
      </c>
      <c r="Q1316" s="7">
        <v>0</v>
      </c>
      <c r="R1316" s="7">
        <v>0</v>
      </c>
      <c r="S1316" s="7">
        <v>5</v>
      </c>
      <c r="T1316" s="7">
        <v>5</v>
      </c>
      <c r="U1316" s="7">
        <v>12.514075999999999</v>
      </c>
      <c r="V1316" s="7">
        <v>5</v>
      </c>
      <c r="W1316" s="7">
        <v>5</v>
      </c>
      <c r="X1316" s="7">
        <v>5</v>
      </c>
      <c r="Y1316" s="7">
        <v>5</v>
      </c>
      <c r="Z1316" s="7">
        <v>23.414228999999999</v>
      </c>
      <c r="AA1316" s="7">
        <v>39.011245000000002</v>
      </c>
      <c r="AB1316" s="7">
        <v>0</v>
      </c>
      <c r="AC1316" s="7">
        <v>0</v>
      </c>
      <c r="AD1316" s="7">
        <v>0</v>
      </c>
      <c r="AE1316" s="7">
        <v>0</v>
      </c>
      <c r="AF1316" s="7">
        <v>0</v>
      </c>
      <c r="AG1316" s="9">
        <v>0</v>
      </c>
      <c r="AH1316" s="13"/>
      <c r="AI1316" s="9">
        <v>1</v>
      </c>
      <c r="AJ1316" s="13"/>
      <c r="AK1316" s="9">
        <v>0</v>
      </c>
      <c r="AL1316" s="13">
        <v>0</v>
      </c>
      <c r="AM1316" s="9">
        <v>-1</v>
      </c>
      <c r="AN1316" s="13">
        <v>-1</v>
      </c>
      <c r="AO1316" s="9">
        <v>-1</v>
      </c>
      <c r="AP1316" s="13">
        <v>-1</v>
      </c>
      <c r="AQ1316" s="9">
        <v>0</v>
      </c>
      <c r="AR1316" s="9">
        <v>0</v>
      </c>
      <c r="AS1316" s="9">
        <v>0</v>
      </c>
      <c r="AT1316" s="9">
        <v>1</v>
      </c>
      <c r="AU1316" s="9">
        <v>1</v>
      </c>
      <c r="AV1316" s="9">
        <v>42237.790301000001</v>
      </c>
      <c r="AW1316" s="9">
        <v>1</v>
      </c>
      <c r="AX1316" s="9">
        <v>1</v>
      </c>
      <c r="AY1316" s="9">
        <v>1</v>
      </c>
      <c r="AZ1316" s="9">
        <v>1</v>
      </c>
      <c r="BA1316" s="9">
        <v>62389.340057100002</v>
      </c>
      <c r="BB1316" s="9">
        <v>41274.987091000003</v>
      </c>
      <c r="BC1316" s="9">
        <v>0</v>
      </c>
      <c r="BD1316" s="9">
        <v>0</v>
      </c>
      <c r="BE1316" s="9">
        <v>0</v>
      </c>
      <c r="BF1316" s="9">
        <v>0</v>
      </c>
      <c r="BG1316" s="11">
        <v>-1</v>
      </c>
      <c r="BH1316" s="13">
        <v>-1</v>
      </c>
      <c r="BI1316" s="6">
        <v>0</v>
      </c>
      <c r="BJ1316" s="13">
        <v>0</v>
      </c>
      <c r="BK1316" s="6">
        <v>0</v>
      </c>
      <c r="BL1316" s="13">
        <v>0</v>
      </c>
      <c r="BM1316" s="11">
        <v>-1</v>
      </c>
      <c r="BN1316" s="13">
        <v>-1</v>
      </c>
      <c r="BO1316" s="11">
        <v>-1</v>
      </c>
      <c r="BP1316" s="13">
        <v>-1</v>
      </c>
      <c r="BQ1316" s="6">
        <v>1</v>
      </c>
      <c r="BR1316" s="6">
        <v>1</v>
      </c>
      <c r="BS1316" s="6">
        <v>1</v>
      </c>
      <c r="BT1316" s="6">
        <v>1</v>
      </c>
      <c r="BU1316" s="6">
        <v>1</v>
      </c>
      <c r="BV1316" s="6">
        <v>1</v>
      </c>
      <c r="BW1316" s="6">
        <v>1</v>
      </c>
      <c r="BX1316" s="6">
        <v>1</v>
      </c>
      <c r="BY1316" s="6">
        <v>1</v>
      </c>
      <c r="BZ1316" s="6">
        <v>0</v>
      </c>
      <c r="CA1316" s="6">
        <v>0</v>
      </c>
      <c r="CB1316" s="6">
        <v>0</v>
      </c>
      <c r="CC1316" s="11">
        <v>0</v>
      </c>
      <c r="CD1316" s="11">
        <v>0</v>
      </c>
      <c r="CE1316" s="11">
        <v>0</v>
      </c>
      <c r="CF1316" s="11">
        <v>0</v>
      </c>
      <c r="CG1316" s="11">
        <v>0</v>
      </c>
      <c r="CH1316" s="20">
        <v>0</v>
      </c>
      <c r="CI1316" s="20">
        <v>0</v>
      </c>
      <c r="CJ1316" s="20">
        <v>0</v>
      </c>
      <c r="CK1316" s="20">
        <v>5.8862699999999999E-3</v>
      </c>
      <c r="CL1316" s="20">
        <v>3.3709500000000003E-2</v>
      </c>
      <c r="CM1316" s="20">
        <v>0.127773</v>
      </c>
      <c r="CN1316" s="20">
        <v>8.1901799999999997E-2</v>
      </c>
      <c r="CO1316" s="20">
        <v>0.21371299999999999</v>
      </c>
      <c r="CP1316" s="20">
        <v>3.5059100000000003E-2</v>
      </c>
      <c r="CQ1316" s="20">
        <v>6.3311699999999999E-2</v>
      </c>
      <c r="CR1316" s="20">
        <v>0.253077</v>
      </c>
      <c r="CS1316" s="20">
        <v>0.41377199999999997</v>
      </c>
      <c r="CT1316" s="20">
        <v>0</v>
      </c>
      <c r="CU1316" s="20">
        <v>0</v>
      </c>
      <c r="CV1316" s="20">
        <v>0</v>
      </c>
      <c r="CW1316" s="20">
        <v>0</v>
      </c>
      <c r="CX1316" s="20">
        <v>0</v>
      </c>
      <c r="CY1316" s="6" t="s">
        <v>600</v>
      </c>
      <c r="CZ1316" s="6" t="s">
        <v>601</v>
      </c>
      <c r="DA1316" s="6" t="s">
        <v>57</v>
      </c>
      <c r="DB1316" s="6"/>
      <c r="DC1316" s="6"/>
      <c r="DD1316" s="6"/>
      <c r="DE1316" s="6"/>
      <c r="DF1316" s="6"/>
      <c r="DG1316" s="6"/>
      <c r="DH1316" s="6" t="s">
        <v>333</v>
      </c>
      <c r="DI1316" s="6"/>
      <c r="DJ1316" s="6"/>
      <c r="DK1316" s="6"/>
      <c r="DL1316" s="6">
        <v>12</v>
      </c>
      <c r="DM1316" s="6" t="s">
        <v>602</v>
      </c>
      <c r="DN1316" s="6">
        <v>9</v>
      </c>
      <c r="DO1316" s="6" t="s">
        <v>384</v>
      </c>
      <c r="DP1316" s="6"/>
      <c r="DQ1316" s="6"/>
    </row>
    <row r="1317" spans="1:121" x14ac:dyDescent="0.2">
      <c r="A1317" s="6" t="s">
        <v>321</v>
      </c>
      <c r="B1317" s="6" t="s">
        <v>321</v>
      </c>
      <c r="C1317" s="6" t="s">
        <v>190</v>
      </c>
      <c r="D1317" s="6" t="s">
        <v>57</v>
      </c>
      <c r="E1317" s="6" t="s">
        <v>198</v>
      </c>
      <c r="F1317" s="11">
        <v>38</v>
      </c>
      <c r="G1317" s="13">
        <v>0.66666666666700003</v>
      </c>
      <c r="H1317" s="11">
        <v>50.011569661700008</v>
      </c>
      <c r="I1317" s="13">
        <v>0.88293067827122196</v>
      </c>
      <c r="J1317" s="11">
        <v>7.9487131009999956</v>
      </c>
      <c r="K1317" s="13">
        <v>7.4527853318790124E-2</v>
      </c>
      <c r="L1317" s="11">
        <v>-19.226472856400008</v>
      </c>
      <c r="M1317" s="13">
        <v>-0.16776591575535493</v>
      </c>
      <c r="N1317" s="11">
        <v>-11.277759755400012</v>
      </c>
      <c r="O1317" s="13">
        <v>-0.10574129599787238</v>
      </c>
      <c r="P1317" s="7">
        <v>56.642691088299998</v>
      </c>
      <c r="Q1317" s="7">
        <v>90.842229487799997</v>
      </c>
      <c r="R1317" s="7">
        <v>48.441240559400001</v>
      </c>
      <c r="S1317" s="7">
        <v>60.717161625300001</v>
      </c>
      <c r="T1317" s="7">
        <v>72.582309530700002</v>
      </c>
      <c r="U1317" s="7">
        <v>94.710061761999995</v>
      </c>
      <c r="V1317" s="7">
        <v>106.65426075000001</v>
      </c>
      <c r="W1317" s="7">
        <v>98.202667533300001</v>
      </c>
      <c r="X1317" s="7">
        <v>102.22852066199999</v>
      </c>
      <c r="Y1317" s="7">
        <v>114.602973851</v>
      </c>
      <c r="Z1317" s="7">
        <v>98.577598032200001</v>
      </c>
      <c r="AA1317" s="7">
        <v>68.973497021599997</v>
      </c>
      <c r="AB1317" s="7">
        <v>88.121519099699995</v>
      </c>
      <c r="AC1317" s="7">
        <v>98.905796863399999</v>
      </c>
      <c r="AD1317" s="7">
        <v>96.124217100500005</v>
      </c>
      <c r="AE1317" s="7">
        <v>92.315725048000004</v>
      </c>
      <c r="AF1317" s="7">
        <v>95.376500994599994</v>
      </c>
      <c r="AG1317" s="9">
        <v>10168.993964899997</v>
      </c>
      <c r="AH1317" s="13">
        <v>0.56977355917843597</v>
      </c>
      <c r="AI1317" s="9">
        <v>3409.4953752999972</v>
      </c>
      <c r="AJ1317" s="13">
        <v>0.19103564440026696</v>
      </c>
      <c r="AK1317" s="9">
        <v>4667.2262986000023</v>
      </c>
      <c r="AL1317" s="13">
        <v>0.21956261873433244</v>
      </c>
      <c r="AM1317" s="9">
        <v>2092.2722909999975</v>
      </c>
      <c r="AN1317" s="13">
        <v>8.070745309926769E-2</v>
      </c>
      <c r="AO1317" s="9">
        <v>6759.4985895999998</v>
      </c>
      <c r="AP1317" s="13">
        <v>0.31799041158745367</v>
      </c>
      <c r="AQ1317" s="9">
        <v>17847.430441600001</v>
      </c>
      <c r="AR1317" s="9">
        <v>16862.7283986</v>
      </c>
      <c r="AS1317" s="9">
        <v>21146.055529199999</v>
      </c>
      <c r="AT1317" s="9">
        <v>19904.595409000001</v>
      </c>
      <c r="AU1317" s="9">
        <v>21069.662195100002</v>
      </c>
      <c r="AV1317" s="9">
        <v>19076.200992499998</v>
      </c>
      <c r="AW1317" s="9">
        <v>21256.925816899999</v>
      </c>
      <c r="AX1317" s="9">
        <v>24882.671192000002</v>
      </c>
      <c r="AY1317" s="9">
        <v>26645.947826299998</v>
      </c>
      <c r="AZ1317" s="9">
        <v>25924.152115500001</v>
      </c>
      <c r="BA1317" s="9">
        <v>17125.172450800001</v>
      </c>
      <c r="BB1317" s="9">
        <v>26041.352714000001</v>
      </c>
      <c r="BC1317" s="9">
        <v>30568.063112899999</v>
      </c>
      <c r="BD1317" s="9">
        <v>28536.642213800002</v>
      </c>
      <c r="BE1317" s="9">
        <v>28582.514213900002</v>
      </c>
      <c r="BF1317" s="9">
        <v>28016.424406499998</v>
      </c>
      <c r="BG1317" s="11">
        <v>4.75</v>
      </c>
      <c r="BH1317" s="13">
        <v>0.6785714285714286</v>
      </c>
      <c r="BI1317" s="6">
        <v>1</v>
      </c>
      <c r="BJ1317" s="13">
        <v>0.14285714285714285</v>
      </c>
      <c r="BK1317" s="6">
        <v>-1</v>
      </c>
      <c r="BL1317" s="13">
        <v>-0.125</v>
      </c>
      <c r="BM1317" s="11">
        <v>4.75</v>
      </c>
      <c r="BN1317" s="13">
        <v>0.6785714285714286</v>
      </c>
      <c r="BO1317" s="11">
        <v>3.75</v>
      </c>
      <c r="BP1317" s="13">
        <v>0.46875</v>
      </c>
      <c r="BQ1317" s="6">
        <v>7</v>
      </c>
      <c r="BR1317" s="6">
        <v>7</v>
      </c>
      <c r="BS1317" s="6">
        <v>7</v>
      </c>
      <c r="BT1317" s="6">
        <v>8</v>
      </c>
      <c r="BU1317" s="6">
        <v>7</v>
      </c>
      <c r="BV1317" s="6">
        <v>7</v>
      </c>
      <c r="BW1317" s="6">
        <v>7</v>
      </c>
      <c r="BX1317" s="6">
        <v>7</v>
      </c>
      <c r="BY1317" s="6">
        <v>7</v>
      </c>
      <c r="BZ1317" s="6">
        <v>9</v>
      </c>
      <c r="CA1317" s="6">
        <v>12</v>
      </c>
      <c r="CB1317" s="6">
        <v>11</v>
      </c>
      <c r="CC1317" s="11">
        <v>11.75</v>
      </c>
      <c r="CD1317" s="11">
        <v>11.9147</v>
      </c>
      <c r="CE1317" s="11">
        <v>20.627400000000002</v>
      </c>
      <c r="CF1317" s="11">
        <v>6.1917299999999997</v>
      </c>
      <c r="CG1317" s="11">
        <v>27</v>
      </c>
      <c r="CH1317" s="20">
        <v>0.15554000000000001</v>
      </c>
      <c r="CI1317" s="20">
        <v>0.206904</v>
      </c>
      <c r="CJ1317" s="20">
        <v>0.103759</v>
      </c>
      <c r="CK1317" s="20">
        <v>0.12035800000000001</v>
      </c>
      <c r="CL1317" s="20">
        <v>0.13824800000000001</v>
      </c>
      <c r="CM1317" s="20">
        <v>0.19728999999999999</v>
      </c>
      <c r="CN1317" s="20">
        <v>0.288852</v>
      </c>
      <c r="CO1317" s="20">
        <v>1.0132099999999999</v>
      </c>
      <c r="CP1317" s="20">
        <v>0.24363099999999999</v>
      </c>
      <c r="CQ1317" s="20">
        <v>0.25403199999999998</v>
      </c>
      <c r="CR1317" s="20">
        <v>0.22462199999999999</v>
      </c>
      <c r="CS1317" s="20">
        <v>0.15168599999999999</v>
      </c>
      <c r="CT1317" s="20">
        <v>0.19586600000000001</v>
      </c>
      <c r="CU1317" s="20">
        <v>0.22283800000000001</v>
      </c>
      <c r="CV1317" s="20">
        <v>0.21484600000000001</v>
      </c>
      <c r="CW1317" s="20">
        <v>0.20458299999999999</v>
      </c>
      <c r="CX1317" s="20">
        <v>0.207287</v>
      </c>
      <c r="CY1317" s="6" t="s">
        <v>600</v>
      </c>
      <c r="CZ1317" s="6" t="s">
        <v>601</v>
      </c>
      <c r="DA1317" s="6" t="s">
        <v>57</v>
      </c>
      <c r="DB1317" s="6"/>
      <c r="DC1317" s="6"/>
      <c r="DD1317" s="6"/>
      <c r="DE1317" s="6"/>
      <c r="DF1317" s="6"/>
      <c r="DG1317" s="6"/>
      <c r="DH1317" s="6" t="s">
        <v>333</v>
      </c>
      <c r="DI1317" s="6"/>
      <c r="DJ1317" s="6"/>
      <c r="DK1317" s="6"/>
      <c r="DL1317" s="6">
        <v>12</v>
      </c>
      <c r="DM1317" s="6" t="s">
        <v>602</v>
      </c>
      <c r="DN1317" s="6">
        <v>9</v>
      </c>
      <c r="DO1317" s="6" t="s">
        <v>384</v>
      </c>
      <c r="DP1317" s="6"/>
      <c r="DQ1317" s="6"/>
    </row>
    <row r="1318" spans="1:121" x14ac:dyDescent="0.2">
      <c r="A1318" s="6" t="s">
        <v>322</v>
      </c>
      <c r="B1318" s="6" t="s">
        <v>322</v>
      </c>
      <c r="C1318" s="6" t="s">
        <v>191</v>
      </c>
      <c r="D1318" s="6" t="s">
        <v>57</v>
      </c>
      <c r="E1318" s="6" t="s">
        <v>198</v>
      </c>
      <c r="F1318" s="11">
        <v>1</v>
      </c>
      <c r="G1318" s="13">
        <v>1</v>
      </c>
      <c r="H1318" s="11">
        <v>0</v>
      </c>
      <c r="I1318" s="13">
        <v>0</v>
      </c>
      <c r="J1318" s="11">
        <v>6</v>
      </c>
      <c r="K1318" s="13">
        <v>1.2</v>
      </c>
      <c r="L1318" s="11">
        <v>-6</v>
      </c>
      <c r="M1318" s="13">
        <v>-0.54545454545454541</v>
      </c>
      <c r="N1318" s="11">
        <v>0</v>
      </c>
      <c r="O1318" s="13">
        <v>0</v>
      </c>
      <c r="P1318" s="7">
        <v>5</v>
      </c>
      <c r="Q1318" s="7">
        <v>5</v>
      </c>
      <c r="R1318" s="7">
        <v>5</v>
      </c>
      <c r="S1318" s="7">
        <v>5</v>
      </c>
      <c r="T1318" s="7">
        <v>5</v>
      </c>
      <c r="U1318" s="7">
        <v>5</v>
      </c>
      <c r="V1318" s="7">
        <v>5</v>
      </c>
      <c r="W1318" s="7">
        <v>5</v>
      </c>
      <c r="X1318" s="7">
        <v>5</v>
      </c>
      <c r="Y1318" s="7">
        <v>11</v>
      </c>
      <c r="Z1318" s="7">
        <v>5</v>
      </c>
      <c r="AA1318" s="7">
        <v>5</v>
      </c>
      <c r="AB1318" s="7">
        <v>5</v>
      </c>
      <c r="AC1318" s="7">
        <v>5</v>
      </c>
      <c r="AD1318" s="7">
        <v>5</v>
      </c>
      <c r="AE1318" s="7">
        <v>5</v>
      </c>
      <c r="AF1318" s="7">
        <v>5</v>
      </c>
      <c r="AG1318" s="9">
        <v>0</v>
      </c>
      <c r="AH1318" s="13">
        <v>0</v>
      </c>
      <c r="AI1318" s="9">
        <v>0</v>
      </c>
      <c r="AJ1318" s="13">
        <v>0</v>
      </c>
      <c r="AK1318" s="9">
        <v>5423</v>
      </c>
      <c r="AL1318" s="13">
        <v>5423</v>
      </c>
      <c r="AM1318" s="9">
        <v>-5423</v>
      </c>
      <c r="AN1318" s="13">
        <v>-0.99981563421828912</v>
      </c>
      <c r="AO1318" s="9">
        <v>0</v>
      </c>
      <c r="AP1318" s="13">
        <v>0</v>
      </c>
      <c r="AQ1318" s="9">
        <v>1</v>
      </c>
      <c r="AR1318" s="9">
        <v>1</v>
      </c>
      <c r="AS1318" s="9">
        <v>1</v>
      </c>
      <c r="AT1318" s="9">
        <v>1</v>
      </c>
      <c r="AU1318" s="9">
        <v>1</v>
      </c>
      <c r="AV1318" s="9">
        <v>1</v>
      </c>
      <c r="AW1318" s="9">
        <v>1</v>
      </c>
      <c r="AX1318" s="9">
        <v>1</v>
      </c>
      <c r="AY1318" s="9">
        <v>1</v>
      </c>
      <c r="AZ1318" s="9">
        <v>5424</v>
      </c>
      <c r="BA1318" s="9">
        <v>1</v>
      </c>
      <c r="BB1318" s="9">
        <v>1</v>
      </c>
      <c r="BC1318" s="9">
        <v>1</v>
      </c>
      <c r="BD1318" s="9">
        <v>1</v>
      </c>
      <c r="BE1318" s="9">
        <v>1</v>
      </c>
      <c r="BF1318" s="9">
        <v>1</v>
      </c>
      <c r="BG1318" s="11">
        <v>1</v>
      </c>
      <c r="BH1318" s="13">
        <v>1</v>
      </c>
      <c r="BI1318" s="6">
        <v>0</v>
      </c>
      <c r="BJ1318" s="13">
        <v>0</v>
      </c>
      <c r="BK1318" s="6">
        <v>1</v>
      </c>
      <c r="BL1318" s="13">
        <v>1</v>
      </c>
      <c r="BM1318" s="11">
        <v>0</v>
      </c>
      <c r="BN1318" s="13">
        <v>0</v>
      </c>
      <c r="BO1318" s="11">
        <v>1</v>
      </c>
      <c r="BP1318" s="13">
        <v>1</v>
      </c>
      <c r="BQ1318" s="6">
        <v>1</v>
      </c>
      <c r="BR1318" s="6">
        <v>1</v>
      </c>
      <c r="BS1318" s="6">
        <v>1</v>
      </c>
      <c r="BT1318" s="6">
        <v>1</v>
      </c>
      <c r="BU1318" s="6">
        <v>1</v>
      </c>
      <c r="BV1318" s="6">
        <v>1</v>
      </c>
      <c r="BW1318" s="6">
        <v>2</v>
      </c>
      <c r="BX1318" s="6">
        <v>2</v>
      </c>
      <c r="BY1318" s="6">
        <v>2</v>
      </c>
      <c r="BZ1318" s="6">
        <v>2</v>
      </c>
      <c r="CA1318" s="6">
        <v>2</v>
      </c>
      <c r="CB1318" s="6">
        <v>2</v>
      </c>
      <c r="CC1318" s="11">
        <v>2</v>
      </c>
      <c r="CD1318" s="11">
        <v>5</v>
      </c>
      <c r="CE1318" s="11">
        <v>0</v>
      </c>
      <c r="CF1318" s="11">
        <v>0</v>
      </c>
      <c r="CG1318" s="11">
        <v>0</v>
      </c>
      <c r="CH1318" s="20">
        <v>0.01</v>
      </c>
      <c r="CI1318" s="20">
        <v>0.03</v>
      </c>
      <c r="CJ1318" s="20">
        <v>0.02</v>
      </c>
      <c r="CK1318" s="20">
        <v>0.05</v>
      </c>
      <c r="CL1318" s="20">
        <v>0.06</v>
      </c>
      <c r="CM1318" s="20">
        <v>0.09</v>
      </c>
      <c r="CN1318" s="20">
        <v>0.08</v>
      </c>
      <c r="CO1318" s="20">
        <v>0.33</v>
      </c>
      <c r="CP1318" s="20">
        <v>0.09</v>
      </c>
      <c r="CQ1318" s="20">
        <v>0.18</v>
      </c>
      <c r="CR1318" s="20">
        <v>0.15</v>
      </c>
      <c r="CS1318" s="20">
        <v>0.1</v>
      </c>
      <c r="CT1318" s="20">
        <v>0.09</v>
      </c>
      <c r="CU1318" s="20">
        <v>0.13</v>
      </c>
      <c r="CV1318" s="20">
        <v>0.12</v>
      </c>
      <c r="CW1318" s="20">
        <v>0.09</v>
      </c>
      <c r="CX1318" s="20">
        <v>0.09</v>
      </c>
      <c r="CY1318" s="6" t="s">
        <v>600</v>
      </c>
      <c r="CZ1318" s="6" t="s">
        <v>601</v>
      </c>
      <c r="DA1318" s="6" t="s">
        <v>57</v>
      </c>
      <c r="DB1318" s="6"/>
      <c r="DC1318" s="6"/>
      <c r="DD1318" s="6"/>
      <c r="DE1318" s="6"/>
      <c r="DF1318" s="6"/>
      <c r="DG1318" s="6"/>
      <c r="DH1318" s="6" t="s">
        <v>333</v>
      </c>
      <c r="DI1318" s="6"/>
      <c r="DJ1318" s="6"/>
      <c r="DK1318" s="6"/>
      <c r="DL1318" s="6">
        <v>12</v>
      </c>
      <c r="DM1318" s="6" t="s">
        <v>602</v>
      </c>
      <c r="DN1318" s="6">
        <v>9</v>
      </c>
      <c r="DO1318" s="6" t="s">
        <v>384</v>
      </c>
      <c r="DP1318" s="6"/>
      <c r="DQ1318" s="6"/>
    </row>
    <row r="1319" spans="1:121" x14ac:dyDescent="0.2">
      <c r="A1319" s="6" t="s">
        <v>323</v>
      </c>
      <c r="B1319" s="6" t="s">
        <v>323</v>
      </c>
      <c r="C1319" s="6" t="s">
        <v>192</v>
      </c>
      <c r="D1319" s="6" t="s">
        <v>57</v>
      </c>
      <c r="E1319" s="6" t="s">
        <v>198</v>
      </c>
      <c r="F1319" s="11">
        <v>-31</v>
      </c>
      <c r="G1319" s="13">
        <v>-0.60784313725500005</v>
      </c>
      <c r="H1319" s="11">
        <v>-19.4199866676</v>
      </c>
      <c r="I1319" s="13">
        <v>-0.38115901837434762</v>
      </c>
      <c r="J1319" s="11">
        <v>3.3591238710000013</v>
      </c>
      <c r="K1319" s="13">
        <v>0.1065379228612916</v>
      </c>
      <c r="L1319" s="11">
        <v>-15.107521177200002</v>
      </c>
      <c r="M1319" s="13">
        <v>-0.43301716790931938</v>
      </c>
      <c r="N1319" s="11">
        <v>-11.748397306200001</v>
      </c>
      <c r="O1319" s="13">
        <v>-0.37261199468036565</v>
      </c>
      <c r="P1319" s="7">
        <v>50.949828631700001</v>
      </c>
      <c r="Q1319" s="7">
        <v>43.621654398700002</v>
      </c>
      <c r="R1319" s="7">
        <v>40.428882325399996</v>
      </c>
      <c r="S1319" s="7">
        <v>35.983563846700001</v>
      </c>
      <c r="T1319" s="7">
        <v>43.990991314699997</v>
      </c>
      <c r="U1319" s="7">
        <v>38.762618956899999</v>
      </c>
      <c r="V1319" s="7">
        <v>31.529841964100001</v>
      </c>
      <c r="W1319" s="7">
        <v>27.5520894396</v>
      </c>
      <c r="X1319" s="7">
        <v>26.862630513300001</v>
      </c>
      <c r="Y1319" s="7">
        <v>34.888965835100002</v>
      </c>
      <c r="Z1319" s="7">
        <v>35.3512762374</v>
      </c>
      <c r="AA1319" s="7">
        <v>33.539468641699997</v>
      </c>
      <c r="AB1319" s="7">
        <v>24.754652736099999</v>
      </c>
      <c r="AC1319" s="7">
        <v>25.218912355099999</v>
      </c>
      <c r="AD1319" s="7">
        <v>20.758515398699998</v>
      </c>
      <c r="AE1319" s="7">
        <v>21.1753689411</v>
      </c>
      <c r="AF1319" s="7">
        <v>19.7814446579</v>
      </c>
      <c r="AG1319" s="9">
        <v>-825.15624566000042</v>
      </c>
      <c r="AH1319" s="13">
        <v>-0.11208026852543528</v>
      </c>
      <c r="AI1319" s="9">
        <v>2203.7070676700005</v>
      </c>
      <c r="AJ1319" s="13">
        <v>0.29932764999954264</v>
      </c>
      <c r="AK1319" s="9">
        <v>905.87790425999992</v>
      </c>
      <c r="AL1319" s="13">
        <v>9.4698687057204273E-2</v>
      </c>
      <c r="AM1319" s="9">
        <v>-3934.7412175900008</v>
      </c>
      <c r="AN1319" s="13">
        <v>-0.37574730003230594</v>
      </c>
      <c r="AO1319" s="9">
        <v>-3028.8633133300009</v>
      </c>
      <c r="AP1319" s="13">
        <v>-0.31663138895345044</v>
      </c>
      <c r="AQ1319" s="9">
        <v>7362.1901206700004</v>
      </c>
      <c r="AR1319" s="9">
        <v>7197.6563077399996</v>
      </c>
      <c r="AS1319" s="9">
        <v>7206.4548042599999</v>
      </c>
      <c r="AT1319" s="9">
        <v>9781.5824547100001</v>
      </c>
      <c r="AU1319" s="9">
        <v>8544.2697847700001</v>
      </c>
      <c r="AV1319" s="9">
        <v>8257.3043091</v>
      </c>
      <c r="AW1319" s="9">
        <v>9565.8971883400009</v>
      </c>
      <c r="AX1319" s="9">
        <v>9345.1560622500001</v>
      </c>
      <c r="AY1319" s="9">
        <v>10382.1252668</v>
      </c>
      <c r="AZ1319" s="9">
        <v>10471.775092600001</v>
      </c>
      <c r="BA1319" s="9">
        <v>8088.6268503299998</v>
      </c>
      <c r="BB1319" s="9">
        <v>8435.1094872899994</v>
      </c>
      <c r="BC1319" s="9">
        <v>5697.4452847800003</v>
      </c>
      <c r="BD1319" s="9">
        <v>8806.4903078000007</v>
      </c>
      <c r="BE1319" s="9">
        <v>6745.4784003000004</v>
      </c>
      <c r="BF1319" s="9">
        <v>6537.03387501</v>
      </c>
      <c r="BG1319" s="11">
        <v>-5.25</v>
      </c>
      <c r="BH1319" s="13">
        <v>-0.52500000000000002</v>
      </c>
      <c r="BI1319" s="6">
        <v>-1</v>
      </c>
      <c r="BJ1319" s="13">
        <v>-0.1</v>
      </c>
      <c r="BK1319" s="6">
        <v>0</v>
      </c>
      <c r="BL1319" s="13">
        <v>0</v>
      </c>
      <c r="BM1319" s="11">
        <v>-4.25</v>
      </c>
      <c r="BN1319" s="13">
        <v>-0.47222222222222221</v>
      </c>
      <c r="BO1319" s="11">
        <v>-4.25</v>
      </c>
      <c r="BP1319" s="13">
        <v>-0.47222222222222221</v>
      </c>
      <c r="BQ1319" s="6">
        <v>10</v>
      </c>
      <c r="BR1319" s="6">
        <v>10</v>
      </c>
      <c r="BS1319" s="6">
        <v>10</v>
      </c>
      <c r="BT1319" s="6">
        <v>9</v>
      </c>
      <c r="BU1319" s="6">
        <v>10</v>
      </c>
      <c r="BV1319" s="6">
        <v>10</v>
      </c>
      <c r="BW1319" s="6">
        <v>9</v>
      </c>
      <c r="BX1319" s="6">
        <v>8</v>
      </c>
      <c r="BY1319" s="6">
        <v>8</v>
      </c>
      <c r="BZ1319" s="6">
        <v>6</v>
      </c>
      <c r="CA1319" s="6">
        <v>6</v>
      </c>
      <c r="CB1319" s="6">
        <v>5</v>
      </c>
      <c r="CC1319" s="11">
        <v>4.75</v>
      </c>
      <c r="CD1319" s="11">
        <v>-48.324100000000001</v>
      </c>
      <c r="CE1319" s="11">
        <v>11.5863</v>
      </c>
      <c r="CF1319" s="11">
        <v>5.5694299999999997</v>
      </c>
      <c r="CG1319" s="11">
        <v>18</v>
      </c>
      <c r="CH1319" s="20">
        <v>0.188523</v>
      </c>
      <c r="CI1319" s="20">
        <v>0.13728199999999999</v>
      </c>
      <c r="CJ1319" s="20">
        <v>0.12112000000000001</v>
      </c>
      <c r="CK1319" s="20">
        <v>9.9244700000000005E-2</v>
      </c>
      <c r="CL1319" s="20">
        <v>0.116495</v>
      </c>
      <c r="CM1319" s="20">
        <v>0.112707</v>
      </c>
      <c r="CN1319" s="20">
        <v>0.11985999999999999</v>
      </c>
      <c r="CO1319" s="20">
        <v>0.40815099999999999</v>
      </c>
      <c r="CP1319" s="20">
        <v>9.6474099999999993E-2</v>
      </c>
      <c r="CQ1319" s="20">
        <v>0.11806700000000001</v>
      </c>
      <c r="CR1319" s="20">
        <v>0.121631</v>
      </c>
      <c r="CS1319" s="20">
        <v>0.112065</v>
      </c>
      <c r="CT1319" s="20">
        <v>8.2703600000000002E-2</v>
      </c>
      <c r="CU1319" s="20">
        <v>8.4505999999999998E-2</v>
      </c>
      <c r="CV1319" s="20">
        <v>6.8344500000000002E-2</v>
      </c>
      <c r="CW1319" s="20">
        <v>6.8963099999999999E-2</v>
      </c>
      <c r="CX1319" s="20">
        <v>6.3858300000000007E-2</v>
      </c>
      <c r="CY1319" s="6" t="s">
        <v>600</v>
      </c>
      <c r="CZ1319" s="6" t="s">
        <v>601</v>
      </c>
      <c r="DA1319" s="6" t="s">
        <v>57</v>
      </c>
      <c r="DB1319" s="6"/>
      <c r="DC1319" s="6"/>
      <c r="DD1319" s="6"/>
      <c r="DE1319" s="6"/>
      <c r="DF1319" s="6"/>
      <c r="DG1319" s="6"/>
      <c r="DH1319" s="6" t="s">
        <v>333</v>
      </c>
      <c r="DI1319" s="6"/>
      <c r="DJ1319" s="6"/>
      <c r="DK1319" s="6"/>
      <c r="DL1319" s="6">
        <v>12</v>
      </c>
      <c r="DM1319" s="6" t="s">
        <v>602</v>
      </c>
      <c r="DN1319" s="6">
        <v>9</v>
      </c>
      <c r="DO1319" s="6" t="s">
        <v>384</v>
      </c>
      <c r="DP1319" s="6"/>
      <c r="DQ1319" s="6"/>
    </row>
    <row r="1320" spans="1:121" x14ac:dyDescent="0.2">
      <c r="A1320" s="6" t="s">
        <v>325</v>
      </c>
      <c r="B1320" s="6" t="s">
        <v>325</v>
      </c>
      <c r="C1320" s="6" t="s">
        <v>193</v>
      </c>
      <c r="D1320" s="6" t="s">
        <v>57</v>
      </c>
      <c r="E1320" s="6" t="s">
        <v>198</v>
      </c>
      <c r="F1320" s="11">
        <v>-3</v>
      </c>
      <c r="G1320" s="13">
        <v>-6.1224489795899999E-2</v>
      </c>
      <c r="H1320" s="11">
        <v>0.73940486659999749</v>
      </c>
      <c r="I1320" s="13">
        <v>1.5112260636764092E-2</v>
      </c>
      <c r="J1320" s="11">
        <v>-9.6009385878000018</v>
      </c>
      <c r="K1320" s="13">
        <v>-0.19330662968275555</v>
      </c>
      <c r="L1320" s="11">
        <v>6.1517864523000014</v>
      </c>
      <c r="M1320" s="13">
        <v>0.15354151473784244</v>
      </c>
      <c r="N1320" s="11">
        <v>-3.4491521355000003</v>
      </c>
      <c r="O1320" s="13">
        <v>-6.9445707675270585E-2</v>
      </c>
      <c r="P1320" s="7">
        <v>48.927482417900002</v>
      </c>
      <c r="Q1320" s="7">
        <v>46.976207530499998</v>
      </c>
      <c r="R1320" s="7">
        <v>51.216155971399999</v>
      </c>
      <c r="S1320" s="7">
        <v>59.555846100300002</v>
      </c>
      <c r="T1320" s="7">
        <v>57.7144832157</v>
      </c>
      <c r="U1320" s="7">
        <v>58.635702452099999</v>
      </c>
      <c r="V1320" s="7">
        <v>49.6668872845</v>
      </c>
      <c r="W1320" s="7">
        <v>52.511881861699997</v>
      </c>
      <c r="X1320" s="7">
        <v>55.604255396200003</v>
      </c>
      <c r="Y1320" s="7">
        <v>40.065948696699998</v>
      </c>
      <c r="Z1320" s="7">
        <v>43.789645946699999</v>
      </c>
      <c r="AA1320" s="7">
        <v>49.512686797299999</v>
      </c>
      <c r="AB1320" s="7">
        <v>34.745419473299997</v>
      </c>
      <c r="AC1320" s="7">
        <v>46.535789765300002</v>
      </c>
      <c r="AD1320" s="7">
        <v>45.236464034900003</v>
      </c>
      <c r="AE1320" s="7">
        <v>45.031561179400001</v>
      </c>
      <c r="AF1320" s="7">
        <v>46.217735148999999</v>
      </c>
      <c r="AG1320" s="9">
        <v>2218.0085724000019</v>
      </c>
      <c r="AH1320" s="13">
        <v>0.12598029705614719</v>
      </c>
      <c r="AI1320" s="9">
        <v>1455.2082603000017</v>
      </c>
      <c r="AJ1320" s="13">
        <v>8.2654130012123142E-2</v>
      </c>
      <c r="AK1320" s="9">
        <v>2502.4767444999998</v>
      </c>
      <c r="AL1320" s="13">
        <v>0.13128639436379502</v>
      </c>
      <c r="AM1320" s="9">
        <v>-1739.6764323999996</v>
      </c>
      <c r="AN1320" s="13">
        <v>-8.0676228402811856E-2</v>
      </c>
      <c r="AO1320" s="9">
        <v>762.80031210000016</v>
      </c>
      <c r="AP1320" s="13">
        <v>4.0018474823108011E-2</v>
      </c>
      <c r="AQ1320" s="9">
        <v>17605.995732899999</v>
      </c>
      <c r="AR1320" s="9">
        <v>18624.498884299999</v>
      </c>
      <c r="AS1320" s="9">
        <v>18911.381131499998</v>
      </c>
      <c r="AT1320" s="9">
        <v>18222.302331899999</v>
      </c>
      <c r="AU1320" s="9">
        <v>17693.4292307</v>
      </c>
      <c r="AV1320" s="9">
        <v>16898.019815</v>
      </c>
      <c r="AW1320" s="9">
        <v>19061.203993200001</v>
      </c>
      <c r="AX1320" s="9">
        <v>22211.986369499999</v>
      </c>
      <c r="AY1320" s="9">
        <v>18660.2652328</v>
      </c>
      <c r="AZ1320" s="9">
        <v>21563.6807377</v>
      </c>
      <c r="BA1320" s="9">
        <v>20518.024569500001</v>
      </c>
      <c r="BB1320" s="9">
        <v>19540.118864</v>
      </c>
      <c r="BC1320" s="9">
        <v>23038.9125752</v>
      </c>
      <c r="BD1320" s="9">
        <v>20649.8410812</v>
      </c>
      <c r="BE1320" s="9">
        <v>21802.837669299999</v>
      </c>
      <c r="BF1320" s="9">
        <v>19824.004305300001</v>
      </c>
      <c r="BG1320" s="11">
        <v>-10.25</v>
      </c>
      <c r="BH1320" s="13">
        <v>-0.6029411764705882</v>
      </c>
      <c r="BI1320" s="6">
        <v>-7</v>
      </c>
      <c r="BJ1320" s="13">
        <v>-0.41176470588235292</v>
      </c>
      <c r="BK1320" s="6">
        <v>-1</v>
      </c>
      <c r="BL1320" s="13">
        <v>-0.1</v>
      </c>
      <c r="BM1320" s="11">
        <v>-2.25</v>
      </c>
      <c r="BN1320" s="13">
        <v>-0.25</v>
      </c>
      <c r="BO1320" s="11">
        <v>-3.25</v>
      </c>
      <c r="BP1320" s="13">
        <v>-0.32500000000000001</v>
      </c>
      <c r="BQ1320" s="6">
        <v>17</v>
      </c>
      <c r="BR1320" s="6">
        <v>14</v>
      </c>
      <c r="BS1320" s="6">
        <v>14</v>
      </c>
      <c r="BT1320" s="6">
        <v>10</v>
      </c>
      <c r="BU1320" s="6">
        <v>9</v>
      </c>
      <c r="BV1320" s="6">
        <v>9</v>
      </c>
      <c r="BW1320" s="6">
        <v>9</v>
      </c>
      <c r="BX1320" s="6">
        <v>9</v>
      </c>
      <c r="BY1320" s="6">
        <v>9</v>
      </c>
      <c r="BZ1320" s="6">
        <v>6</v>
      </c>
      <c r="CA1320" s="6">
        <v>6</v>
      </c>
      <c r="CB1320" s="6">
        <v>6</v>
      </c>
      <c r="CC1320" s="11">
        <v>6.75</v>
      </c>
      <c r="CD1320" s="11">
        <v>-7.6075299999999997</v>
      </c>
      <c r="CE1320" s="11">
        <v>-0.45057599999999998</v>
      </c>
      <c r="CF1320" s="11">
        <v>5.3483599999999996</v>
      </c>
      <c r="CG1320" s="11">
        <v>5</v>
      </c>
      <c r="CH1320" s="20">
        <v>0.26652799999999999</v>
      </c>
      <c r="CI1320" s="20">
        <v>0.21674599999999999</v>
      </c>
      <c r="CJ1320" s="20">
        <v>0.226245</v>
      </c>
      <c r="CK1320" s="20">
        <v>0.246586</v>
      </c>
      <c r="CL1320" s="20">
        <v>0.23324300000000001</v>
      </c>
      <c r="CM1320" s="20">
        <v>0.26261899999999999</v>
      </c>
      <c r="CN1320" s="20">
        <v>0.29227399999999998</v>
      </c>
      <c r="CO1320" s="20">
        <v>1.2030400000000001</v>
      </c>
      <c r="CP1320" s="20">
        <v>0.302539</v>
      </c>
      <c r="CQ1320" s="20">
        <v>0.20693500000000001</v>
      </c>
      <c r="CR1320" s="20">
        <v>0.23330400000000001</v>
      </c>
      <c r="CS1320" s="20">
        <v>0.258158</v>
      </c>
      <c r="CT1320" s="20">
        <v>0.197598</v>
      </c>
      <c r="CU1320" s="20">
        <v>0.26826499999999998</v>
      </c>
      <c r="CV1320" s="20">
        <v>0.261291</v>
      </c>
      <c r="CW1320" s="20">
        <v>0.26002799999999998</v>
      </c>
      <c r="CX1320" s="20">
        <v>0.26689600000000002</v>
      </c>
      <c r="CY1320" s="6" t="s">
        <v>600</v>
      </c>
      <c r="CZ1320" s="6" t="s">
        <v>601</v>
      </c>
      <c r="DA1320" s="6" t="s">
        <v>57</v>
      </c>
      <c r="DB1320" s="6"/>
      <c r="DC1320" s="6"/>
      <c r="DD1320" s="6"/>
      <c r="DE1320" s="6"/>
      <c r="DF1320" s="6"/>
      <c r="DG1320" s="6"/>
      <c r="DH1320" s="6" t="s">
        <v>333</v>
      </c>
      <c r="DI1320" s="6"/>
      <c r="DJ1320" s="6"/>
      <c r="DK1320" s="6"/>
      <c r="DL1320" s="6">
        <v>12</v>
      </c>
      <c r="DM1320" s="6" t="s">
        <v>602</v>
      </c>
      <c r="DN1320" s="6">
        <v>9</v>
      </c>
      <c r="DO1320" s="6" t="s">
        <v>384</v>
      </c>
      <c r="DP1320" s="6"/>
      <c r="DQ1320" s="6"/>
    </row>
    <row r="1321" spans="1:121" x14ac:dyDescent="0.2">
      <c r="A1321" s="6" t="s">
        <v>327</v>
      </c>
      <c r="B1321" s="6" t="s">
        <v>327</v>
      </c>
      <c r="C1321" s="6" t="s">
        <v>194</v>
      </c>
      <c r="D1321" s="6" t="s">
        <v>57</v>
      </c>
      <c r="E1321" s="6" t="s">
        <v>198</v>
      </c>
      <c r="F1321" s="11">
        <v>-33</v>
      </c>
      <c r="G1321" s="13">
        <v>-0.114186851211</v>
      </c>
      <c r="H1321" s="11">
        <v>1.644664999999975</v>
      </c>
      <c r="I1321" s="13">
        <v>5.6852978560062396E-3</v>
      </c>
      <c r="J1321" s="11">
        <v>-8.0749700000000075</v>
      </c>
      <c r="K1321" s="13">
        <v>-2.7755853627300209E-2</v>
      </c>
      <c r="L1321" s="11">
        <v>-26.569802548999974</v>
      </c>
      <c r="M1321" s="13">
        <v>-9.3934831563431007E-2</v>
      </c>
      <c r="N1321" s="11">
        <v>-34.644772548999981</v>
      </c>
      <c r="O1321" s="13">
        <v>-0.11908344375535151</v>
      </c>
      <c r="P1321" s="7">
        <v>289.28387600000002</v>
      </c>
      <c r="Q1321" s="7">
        <v>275.04830399999997</v>
      </c>
      <c r="R1321" s="7">
        <v>284.75791900000002</v>
      </c>
      <c r="S1321" s="7">
        <v>274.89556700000003</v>
      </c>
      <c r="T1321" s="7">
        <v>283.66311999999999</v>
      </c>
      <c r="U1321" s="7">
        <v>282.65403800000001</v>
      </c>
      <c r="V1321" s="7">
        <v>290.928541</v>
      </c>
      <c r="W1321" s="7">
        <v>300.468728</v>
      </c>
      <c r="X1321" s="7">
        <v>282.53820999999999</v>
      </c>
      <c r="Y1321" s="7">
        <v>282.85357099999999</v>
      </c>
      <c r="Z1321" s="7">
        <v>282.11243400000001</v>
      </c>
      <c r="AA1321" s="7">
        <v>282.68072799999999</v>
      </c>
      <c r="AB1321" s="7">
        <v>274.56383699999998</v>
      </c>
      <c r="AC1321" s="7">
        <v>282.62661500000002</v>
      </c>
      <c r="AD1321" s="7">
        <v>269.33909799999998</v>
      </c>
      <c r="AE1321" s="7">
        <v>260.00065875000001</v>
      </c>
      <c r="AF1321" s="7">
        <v>256.28376845100001</v>
      </c>
      <c r="AG1321" s="9">
        <v>13423.235828199999</v>
      </c>
      <c r="AH1321" s="13">
        <v>0.46017983445423077</v>
      </c>
      <c r="AI1321" s="9">
        <v>4223.2253249999994</v>
      </c>
      <c r="AJ1321" s="13">
        <v>0.14478201499213492</v>
      </c>
      <c r="AK1321" s="9">
        <v>2664.8679995999992</v>
      </c>
      <c r="AL1321" s="13">
        <v>7.9803744072520097E-2</v>
      </c>
      <c r="AM1321" s="9">
        <v>6535.1425036000001</v>
      </c>
      <c r="AN1321" s="13">
        <v>0.18124156290327664</v>
      </c>
      <c r="AO1321" s="9">
        <v>9200.0105031999992</v>
      </c>
      <c r="AP1321" s="13">
        <v>0.27550906227703337</v>
      </c>
      <c r="AQ1321" s="9">
        <v>29169.5437809</v>
      </c>
      <c r="AR1321" s="9">
        <v>31144.9318408</v>
      </c>
      <c r="AS1321" s="9">
        <v>31188.8286567</v>
      </c>
      <c r="AT1321" s="9">
        <v>33014.110332900003</v>
      </c>
      <c r="AU1321" s="9">
        <v>32189.718093899999</v>
      </c>
      <c r="AV1321" s="9">
        <v>33642.413734000002</v>
      </c>
      <c r="AW1321" s="9">
        <v>33392.769105899999</v>
      </c>
      <c r="AX1321" s="9">
        <v>33079.671925800001</v>
      </c>
      <c r="AY1321" s="9">
        <v>35614.616962100001</v>
      </c>
      <c r="AZ1321" s="9">
        <v>36057.637105499998</v>
      </c>
      <c r="BA1321" s="9">
        <v>36033.805410699999</v>
      </c>
      <c r="BB1321" s="9">
        <v>35158.698551100002</v>
      </c>
      <c r="BC1321" s="9">
        <v>37223.982844600003</v>
      </c>
      <c r="BD1321" s="9">
        <v>38321.051454300003</v>
      </c>
      <c r="BE1321" s="9">
        <v>41078.477495200001</v>
      </c>
      <c r="BF1321" s="9">
        <v>42592.779609099998</v>
      </c>
      <c r="BG1321" s="11">
        <v>-2</v>
      </c>
      <c r="BH1321" s="13">
        <v>-6.25E-2</v>
      </c>
      <c r="BI1321" s="6">
        <v>-3</v>
      </c>
      <c r="BJ1321" s="13">
        <v>-9.375E-2</v>
      </c>
      <c r="BK1321" s="6">
        <v>2</v>
      </c>
      <c r="BL1321" s="13">
        <v>6.8965517241379309E-2</v>
      </c>
      <c r="BM1321" s="11">
        <v>-1</v>
      </c>
      <c r="BN1321" s="13">
        <v>-3.2258064516129031E-2</v>
      </c>
      <c r="BO1321" s="11">
        <v>1</v>
      </c>
      <c r="BP1321" s="13">
        <v>3.4482758620689655E-2</v>
      </c>
      <c r="BQ1321" s="6">
        <v>32</v>
      </c>
      <c r="BR1321" s="6">
        <v>31</v>
      </c>
      <c r="BS1321" s="6">
        <v>31</v>
      </c>
      <c r="BT1321" s="6">
        <v>29</v>
      </c>
      <c r="BU1321" s="6">
        <v>29</v>
      </c>
      <c r="BV1321" s="6">
        <v>29</v>
      </c>
      <c r="BW1321" s="6">
        <v>31</v>
      </c>
      <c r="BX1321" s="6">
        <v>30</v>
      </c>
      <c r="BY1321" s="6">
        <v>29</v>
      </c>
      <c r="BZ1321" s="6">
        <v>29</v>
      </c>
      <c r="CA1321" s="6">
        <v>30</v>
      </c>
      <c r="CB1321" s="6">
        <v>30</v>
      </c>
      <c r="CC1321" s="11">
        <v>30</v>
      </c>
      <c r="CD1321" s="11">
        <v>-47.663200000000003</v>
      </c>
      <c r="CE1321" s="11">
        <v>-16.959199999999999</v>
      </c>
      <c r="CF1321" s="11">
        <v>31.622199999999999</v>
      </c>
      <c r="CG1321" s="11">
        <v>15</v>
      </c>
      <c r="CH1321" s="20">
        <v>0.47439599999999998</v>
      </c>
      <c r="CI1321" s="20">
        <v>0.38128699999999999</v>
      </c>
      <c r="CJ1321" s="20">
        <v>0.38072400000000001</v>
      </c>
      <c r="CK1321" s="20">
        <v>0.34698299999999999</v>
      </c>
      <c r="CL1321" s="20">
        <v>0.35028799999999999</v>
      </c>
      <c r="CM1321" s="20">
        <v>0.38938</v>
      </c>
      <c r="CN1321" s="20">
        <v>0.53035699999999997</v>
      </c>
      <c r="CO1321" s="20">
        <v>2.1111200000000001</v>
      </c>
      <c r="CP1321" s="20">
        <v>0.46618500000000002</v>
      </c>
      <c r="CQ1321" s="20">
        <v>0.44048500000000002</v>
      </c>
      <c r="CR1321" s="20">
        <v>0.46383400000000002</v>
      </c>
      <c r="CS1321" s="20">
        <v>0.47026200000000001</v>
      </c>
      <c r="CT1321" s="20">
        <v>0.47320699999999999</v>
      </c>
      <c r="CU1321" s="20">
        <v>0.50309300000000001</v>
      </c>
      <c r="CV1321" s="20">
        <v>0.484516</v>
      </c>
      <c r="CW1321" s="20">
        <v>0.46993600000000002</v>
      </c>
      <c r="CX1321" s="20">
        <v>0.46648899999999999</v>
      </c>
      <c r="CY1321" s="6" t="s">
        <v>600</v>
      </c>
      <c r="CZ1321" s="6" t="s">
        <v>601</v>
      </c>
      <c r="DA1321" s="6" t="s">
        <v>57</v>
      </c>
      <c r="DB1321" s="6"/>
      <c r="DC1321" s="6"/>
      <c r="DD1321" s="6"/>
      <c r="DE1321" s="6"/>
      <c r="DF1321" s="6"/>
      <c r="DG1321" s="6"/>
      <c r="DH1321" s="6" t="s">
        <v>333</v>
      </c>
      <c r="DI1321" s="6"/>
      <c r="DJ1321" s="6"/>
      <c r="DK1321" s="6"/>
      <c r="DL1321" s="6">
        <v>12</v>
      </c>
      <c r="DM1321" s="6" t="s">
        <v>602</v>
      </c>
      <c r="DN1321" s="6">
        <v>9</v>
      </c>
      <c r="DO1321" s="6" t="s">
        <v>384</v>
      </c>
      <c r="DP1321" s="6"/>
      <c r="DQ1321" s="6"/>
    </row>
    <row r="1322" spans="1:121" x14ac:dyDescent="0.2">
      <c r="A1322" s="32" t="s">
        <v>791</v>
      </c>
      <c r="B1322" s="32" t="s">
        <v>791</v>
      </c>
      <c r="C1322" s="32" t="s">
        <v>329</v>
      </c>
      <c r="D1322" s="4" t="s">
        <v>155</v>
      </c>
      <c r="E1322" s="4" t="s">
        <v>156</v>
      </c>
      <c r="F1322" s="1">
        <v>38937</v>
      </c>
      <c r="G1322" s="2">
        <v>0.87494944047500001</v>
      </c>
      <c r="H1322" s="1">
        <v>16850.310953</v>
      </c>
      <c r="I1322" s="2">
        <v>0.3786447928041255</v>
      </c>
      <c r="J1322" s="1">
        <v>8485.5778057999996</v>
      </c>
      <c r="K1322" s="2">
        <v>0.13830984803175128</v>
      </c>
      <c r="L1322" s="1">
        <v>13601.841033899997</v>
      </c>
      <c r="M1322" s="2">
        <v>0.19476408995636035</v>
      </c>
      <c r="N1322" s="1">
        <v>22087.418839699996</v>
      </c>
      <c r="O1322" s="2">
        <v>0.36001172967201817</v>
      </c>
      <c r="P1322" s="1">
        <v>44501.631273500003</v>
      </c>
      <c r="Q1322" s="1">
        <v>44948.122353600003</v>
      </c>
      <c r="R1322" s="1">
        <v>48151.976749100002</v>
      </c>
      <c r="S1322" s="1">
        <v>54627.086032300002</v>
      </c>
      <c r="T1322" s="1">
        <v>56234.631010199999</v>
      </c>
      <c r="U1322" s="1">
        <v>59562.531188300003</v>
      </c>
      <c r="V1322" s="1">
        <v>61351.942226500003</v>
      </c>
      <c r="W1322" s="1">
        <v>65295.489860000001</v>
      </c>
      <c r="X1322" s="1">
        <v>69093.946343999996</v>
      </c>
      <c r="Y1322" s="1">
        <v>69837.520032300003</v>
      </c>
      <c r="Z1322" s="1">
        <v>71939.875936600001</v>
      </c>
      <c r="AA1322" s="1">
        <v>70245.137910799996</v>
      </c>
      <c r="AB1322" s="1">
        <v>75589.022661900002</v>
      </c>
      <c r="AC1322" s="1">
        <v>76955.781363899994</v>
      </c>
      <c r="AD1322" s="1">
        <v>75946.750874499994</v>
      </c>
      <c r="AE1322" s="1">
        <v>79823.946072399995</v>
      </c>
      <c r="AF1322" s="1">
        <v>83439.361066199999</v>
      </c>
      <c r="AG1322" s="1">
        <v>26598.628068899998</v>
      </c>
      <c r="AH1322" s="2">
        <v>0.51361607658768182</v>
      </c>
      <c r="AI1322" s="1">
        <v>13686.443921899998</v>
      </c>
      <c r="AJ1322" s="2">
        <v>0.26428346647783757</v>
      </c>
      <c r="AK1322" s="1">
        <v>4022.0157384999984</v>
      </c>
      <c r="AL1322" s="2">
        <v>6.1429740322844532E-2</v>
      </c>
      <c r="AM1322" s="1">
        <v>8890.1684085000015</v>
      </c>
      <c r="AN1322" s="2">
        <v>0.1279244768953324</v>
      </c>
      <c r="AO1322" s="1">
        <v>12912.184147</v>
      </c>
      <c r="AP1322" s="2">
        <v>0.19721258461479294</v>
      </c>
      <c r="AQ1322" s="3">
        <v>51786.985029000003</v>
      </c>
      <c r="AR1322" s="3">
        <v>53187.1539261</v>
      </c>
      <c r="AS1322" s="3">
        <v>55465.772454600003</v>
      </c>
      <c r="AT1322" s="3">
        <v>57329.126628999999</v>
      </c>
      <c r="AU1322" s="3">
        <v>59775.689081099998</v>
      </c>
      <c r="AV1322" s="3">
        <v>61841.563191499998</v>
      </c>
      <c r="AW1322" s="3">
        <v>65473.428950900001</v>
      </c>
      <c r="AX1322" s="3">
        <v>67558.6165397</v>
      </c>
      <c r="AY1322" s="3">
        <v>69239.168356599999</v>
      </c>
      <c r="AZ1322" s="3">
        <v>69495.444689399999</v>
      </c>
      <c r="BA1322" s="3">
        <v>68648.612821699993</v>
      </c>
      <c r="BB1322" s="3">
        <v>72809.399804200002</v>
      </c>
      <c r="BC1322" s="3">
        <v>73331.0331401</v>
      </c>
      <c r="BD1322" s="3">
        <v>75417.106004100002</v>
      </c>
      <c r="BE1322" s="3">
        <v>77632.319862499993</v>
      </c>
      <c r="BF1322" s="3">
        <v>78385.613097900001</v>
      </c>
      <c r="BG1322" s="1">
        <v>8072.1461799000008</v>
      </c>
      <c r="BH1322" s="2">
        <v>0.95910252259381501</v>
      </c>
      <c r="BI1322" s="1">
        <v>2474.2727697000009</v>
      </c>
      <c r="BJ1322" s="2">
        <v>0.29398392969066062</v>
      </c>
      <c r="BK1322" s="1">
        <v>1459.4925698000006</v>
      </c>
      <c r="BL1322" s="2">
        <v>0.13401364538262103</v>
      </c>
      <c r="BM1322" s="1">
        <v>4138.3808403999992</v>
      </c>
      <c r="BN1322" s="2">
        <v>0.33508833290755347</v>
      </c>
      <c r="BO1322" s="1">
        <v>5597.8734101999999</v>
      </c>
      <c r="BP1322" s="2">
        <v>0.51400838730830101</v>
      </c>
      <c r="BQ1322" s="1">
        <v>8416.3538200999992</v>
      </c>
      <c r="BR1322" s="1">
        <v>9094.6111329699997</v>
      </c>
      <c r="BS1322" s="1">
        <v>9818.5453800600008</v>
      </c>
      <c r="BT1322" s="1">
        <v>10890.6265898</v>
      </c>
      <c r="BU1322" s="1">
        <v>11638.330027399999</v>
      </c>
      <c r="BV1322" s="1">
        <v>11755.097917700001</v>
      </c>
      <c r="BW1322" s="1">
        <v>12350.119159600001</v>
      </c>
      <c r="BX1322" s="1">
        <v>12864</v>
      </c>
      <c r="BY1322" s="1">
        <v>13650</v>
      </c>
      <c r="BZ1322" s="1">
        <v>14303</v>
      </c>
      <c r="CA1322" s="1">
        <v>15097</v>
      </c>
      <c r="CB1322" s="1">
        <v>16139</v>
      </c>
      <c r="CC1322" s="1">
        <v>16488.5</v>
      </c>
      <c r="CD1322" s="1">
        <v>34073.199999999997</v>
      </c>
      <c r="CE1322" s="27">
        <v>0</v>
      </c>
      <c r="CF1322" s="27">
        <v>4864.5600000000004</v>
      </c>
      <c r="CG1322" s="27">
        <v>4865</v>
      </c>
      <c r="CH1322" s="27"/>
      <c r="CI1322" s="27"/>
      <c r="CJ1322" s="27"/>
      <c r="CK1322" s="27"/>
      <c r="CL1322" s="27"/>
      <c r="CM1322" s="27"/>
      <c r="CN1322" s="27"/>
      <c r="CO1322" s="27"/>
      <c r="CP1322" s="27"/>
      <c r="CQ1322" s="27"/>
      <c r="CR1322" s="27"/>
      <c r="CS1322" s="27"/>
      <c r="CT1322" s="27"/>
      <c r="CU1322" s="27"/>
      <c r="CV1322" s="27"/>
      <c r="CW1322" s="27"/>
      <c r="CX1322" s="27"/>
      <c r="CY1322" s="23"/>
      <c r="CZ1322" s="23"/>
      <c r="DA1322" s="24"/>
      <c r="DB1322" s="25"/>
      <c r="DC1322" s="25"/>
      <c r="DD1322" s="25"/>
      <c r="DE1322" s="25"/>
      <c r="DF1322" s="25"/>
      <c r="DG1322" s="25"/>
      <c r="DH1322" s="25"/>
      <c r="DI1322" s="25"/>
      <c r="DJ1322" s="25"/>
      <c r="DK1322" s="25"/>
      <c r="DL1322" s="25"/>
      <c r="DM1322" s="25"/>
      <c r="DN1322" s="25"/>
      <c r="DP1322" s="6"/>
      <c r="DQ1322" s="6"/>
    </row>
    <row r="1323" spans="1:121" x14ac:dyDescent="0.2">
      <c r="A1323" s="6" t="s">
        <v>1</v>
      </c>
      <c r="B1323" s="6" t="s">
        <v>1</v>
      </c>
      <c r="C1323" s="6" t="s">
        <v>2</v>
      </c>
      <c r="D1323" s="6" t="s">
        <v>335</v>
      </c>
      <c r="E1323" s="6" t="s">
        <v>328</v>
      </c>
      <c r="F1323" s="11">
        <v>-1409</v>
      </c>
      <c r="G1323" s="13">
        <v>-0.21242273481099999</v>
      </c>
      <c r="H1323" s="11">
        <v>-1721.2150884100001</v>
      </c>
      <c r="I1323" s="13">
        <v>-0.25947438784055693</v>
      </c>
      <c r="J1323" s="11">
        <v>169.94640561000051</v>
      </c>
      <c r="K1323" s="13">
        <v>3.459642721076283E-2</v>
      </c>
      <c r="L1323" s="11">
        <v>141.39663117999953</v>
      </c>
      <c r="M1323" s="13">
        <v>2.7821936544001568E-2</v>
      </c>
      <c r="N1323" s="11">
        <v>311.34303679000004</v>
      </c>
      <c r="O1323" s="13">
        <v>6.3380903357271409E-2</v>
      </c>
      <c r="P1323" s="7">
        <v>6633.46815358</v>
      </c>
      <c r="Q1323" s="7">
        <v>5990.1346524700002</v>
      </c>
      <c r="R1323" s="7">
        <v>5705.6401623499996</v>
      </c>
      <c r="S1323" s="7">
        <v>5555.4320361700002</v>
      </c>
      <c r="T1323" s="7">
        <v>5389.1223322100004</v>
      </c>
      <c r="U1323" s="7">
        <v>5513.0502692500004</v>
      </c>
      <c r="V1323" s="7">
        <v>4912.2530651699999</v>
      </c>
      <c r="W1323" s="7">
        <v>4610.3219715300002</v>
      </c>
      <c r="X1323" s="7">
        <v>4699.2974658900002</v>
      </c>
      <c r="Y1323" s="7">
        <v>5082.1994707800004</v>
      </c>
      <c r="Z1323" s="7">
        <v>4757.6305375299999</v>
      </c>
      <c r="AA1323" s="7">
        <v>4799.3896202699998</v>
      </c>
      <c r="AB1323" s="7">
        <v>4507.8229181099996</v>
      </c>
      <c r="AC1323" s="7">
        <v>4928.4235488000004</v>
      </c>
      <c r="AD1323" s="7">
        <v>5136.3131128300001</v>
      </c>
      <c r="AE1323" s="7">
        <v>5164.33690372</v>
      </c>
      <c r="AF1323" s="7">
        <v>5223.5961019599999</v>
      </c>
      <c r="AG1323" s="9">
        <v>9009.4065611999977</v>
      </c>
      <c r="AH1323" s="13">
        <v>0.4474422922053245</v>
      </c>
      <c r="AI1323" s="9">
        <v>1270.0021665999993</v>
      </c>
      <c r="AJ1323" s="13">
        <v>6.3073264223248049E-2</v>
      </c>
      <c r="AK1323" s="9">
        <v>2695.2973325999992</v>
      </c>
      <c r="AL1323" s="13">
        <v>0.12591698934318121</v>
      </c>
      <c r="AM1323" s="9">
        <v>5044.1070619999991</v>
      </c>
      <c r="AN1323" s="13">
        <v>0.20929341931180864</v>
      </c>
      <c r="AO1323" s="9">
        <v>7739.4043945999983</v>
      </c>
      <c r="AP1323" s="13">
        <v>0.36156400590407278</v>
      </c>
      <c r="AQ1323" s="9">
        <v>20135.348665400001</v>
      </c>
      <c r="AR1323" s="9">
        <v>20499.964643700001</v>
      </c>
      <c r="AS1323" s="9">
        <v>20558.890141399999</v>
      </c>
      <c r="AT1323" s="9">
        <v>20932.665233700001</v>
      </c>
      <c r="AU1323" s="9">
        <v>21123.816492900001</v>
      </c>
      <c r="AV1323" s="9">
        <v>21532.756354199999</v>
      </c>
      <c r="AW1323" s="9">
        <v>21405.350832</v>
      </c>
      <c r="AX1323" s="9">
        <v>22856.6085771</v>
      </c>
      <c r="AY1323" s="9">
        <v>23051.5275487</v>
      </c>
      <c r="AZ1323" s="9">
        <v>24100.648164599999</v>
      </c>
      <c r="BA1323" s="9">
        <v>24999.608516100001</v>
      </c>
      <c r="BB1323" s="9">
        <v>26072.101385499998</v>
      </c>
      <c r="BC1323" s="9">
        <v>26989.942876100002</v>
      </c>
      <c r="BD1323" s="9">
        <v>27541.3482487</v>
      </c>
      <c r="BE1323" s="9">
        <v>28891.914582400001</v>
      </c>
      <c r="BF1323" s="9">
        <v>29144.755226599998</v>
      </c>
      <c r="BG1323" s="11">
        <v>46.75</v>
      </c>
      <c r="BH1323" s="13">
        <v>0.28858024691358025</v>
      </c>
      <c r="BI1323" s="6">
        <v>2</v>
      </c>
      <c r="BJ1323" s="13">
        <v>1.2345679012345678E-2</v>
      </c>
      <c r="BK1323" s="6">
        <v>8</v>
      </c>
      <c r="BL1323" s="13">
        <v>4.878048780487805E-2</v>
      </c>
      <c r="BM1323" s="11">
        <v>36.75</v>
      </c>
      <c r="BN1323" s="13">
        <v>0.21366279069767441</v>
      </c>
      <c r="BO1323" s="11">
        <v>44.75</v>
      </c>
      <c r="BP1323" s="13">
        <v>0.27286585365853661</v>
      </c>
      <c r="BQ1323" s="6">
        <v>162</v>
      </c>
      <c r="BR1323" s="6">
        <v>159</v>
      </c>
      <c r="BS1323" s="6">
        <v>154</v>
      </c>
      <c r="BT1323" s="6">
        <v>164</v>
      </c>
      <c r="BU1323" s="6">
        <v>158</v>
      </c>
      <c r="BV1323" s="6">
        <v>160</v>
      </c>
      <c r="BW1323" s="6">
        <v>172</v>
      </c>
      <c r="BX1323" s="6">
        <v>171</v>
      </c>
      <c r="BY1323" s="6">
        <v>184</v>
      </c>
      <c r="BZ1323" s="6">
        <v>185</v>
      </c>
      <c r="CA1323" s="6">
        <v>192</v>
      </c>
      <c r="CB1323" s="6">
        <v>200</v>
      </c>
      <c r="CC1323" s="11">
        <v>208.75</v>
      </c>
      <c r="CD1323" s="11">
        <v>-1530.19</v>
      </c>
      <c r="CE1323" s="11">
        <v>-604.798</v>
      </c>
      <c r="CF1323" s="11">
        <v>725.11800000000005</v>
      </c>
      <c r="CG1323" s="11">
        <v>120</v>
      </c>
      <c r="CH1323" s="20">
        <v>2.9201000000000001</v>
      </c>
      <c r="CI1323" s="20">
        <v>2.6496900000000001</v>
      </c>
      <c r="CJ1323" s="20">
        <v>2.4852699999999999</v>
      </c>
      <c r="CK1323" s="20">
        <v>2.3796400000000002</v>
      </c>
      <c r="CL1323" s="20">
        <v>2.2986200000000001</v>
      </c>
      <c r="CM1323" s="20">
        <v>2.35873</v>
      </c>
      <c r="CN1323" s="20">
        <v>2.12588</v>
      </c>
      <c r="CO1323" s="20">
        <v>2.0593499999999998</v>
      </c>
      <c r="CP1323" s="20">
        <v>2.1124100000000001</v>
      </c>
      <c r="CQ1323" s="20">
        <v>2.3129200000000001</v>
      </c>
      <c r="CR1323" s="20">
        <v>2.1885699999999999</v>
      </c>
      <c r="CS1323" s="20">
        <v>2.20085</v>
      </c>
      <c r="CT1323" s="20">
        <v>2.1015700000000002</v>
      </c>
      <c r="CU1323" s="20">
        <v>2.27799</v>
      </c>
      <c r="CV1323" s="20">
        <v>2.3517199999999998</v>
      </c>
      <c r="CW1323" s="20">
        <v>2.36178</v>
      </c>
      <c r="CX1323" s="20">
        <v>2.3700800000000002</v>
      </c>
      <c r="CY1323" s="6"/>
      <c r="CZ1323" s="6"/>
      <c r="DA1323" s="6"/>
      <c r="DB1323" s="6"/>
      <c r="DC1323" s="6"/>
      <c r="DD1323" s="6"/>
      <c r="DE1323" s="6"/>
      <c r="DF1323" s="6"/>
      <c r="DG1323" s="6"/>
      <c r="DH1323" s="6"/>
      <c r="DI1323" s="6"/>
      <c r="DJ1323" s="6"/>
      <c r="DK1323" s="6"/>
      <c r="DL1323" s="6"/>
      <c r="DM1323" s="6"/>
      <c r="DN1323" s="6"/>
      <c r="DO1323" s="6"/>
      <c r="DP1323" s="6"/>
      <c r="DQ1323" s="6"/>
    </row>
    <row r="1324" spans="1:121" x14ac:dyDescent="0.2">
      <c r="A1324" s="6" t="s">
        <v>310</v>
      </c>
      <c r="B1324" s="6" t="s">
        <v>310</v>
      </c>
      <c r="C1324" s="6" t="s">
        <v>173</v>
      </c>
      <c r="D1324" s="6" t="s">
        <v>335</v>
      </c>
      <c r="E1324" s="6" t="s">
        <v>328</v>
      </c>
      <c r="F1324" s="11">
        <v>-2</v>
      </c>
      <c r="G1324" s="13">
        <v>-4.9382716049400002E-3</v>
      </c>
      <c r="H1324" s="11">
        <v>127.26839233100003</v>
      </c>
      <c r="I1324" s="13">
        <v>0.31404561205555875</v>
      </c>
      <c r="J1324" s="11">
        <v>-141.70561865500002</v>
      </c>
      <c r="K1324" s="13">
        <v>-0.26610240623981035</v>
      </c>
      <c r="L1324" s="11">
        <v>11.962950124000031</v>
      </c>
      <c r="M1324" s="13">
        <v>3.0610086689365278E-2</v>
      </c>
      <c r="N1324" s="11">
        <v>-129.74266853099999</v>
      </c>
      <c r="O1324" s="13">
        <v>-0.24363773727369437</v>
      </c>
      <c r="P1324" s="7">
        <v>405.25448356999999</v>
      </c>
      <c r="Q1324" s="7">
        <v>462.699609334</v>
      </c>
      <c r="R1324" s="7">
        <v>501.54458011000003</v>
      </c>
      <c r="S1324" s="7">
        <v>568.68227175200002</v>
      </c>
      <c r="T1324" s="7">
        <v>602.52451303600003</v>
      </c>
      <c r="U1324" s="7">
        <v>589.02090257999998</v>
      </c>
      <c r="V1324" s="7">
        <v>532.52287590100002</v>
      </c>
      <c r="W1324" s="7">
        <v>465.076106713</v>
      </c>
      <c r="X1324" s="7">
        <v>464.83637025799999</v>
      </c>
      <c r="Y1324" s="7">
        <v>390.817257246</v>
      </c>
      <c r="Z1324" s="7">
        <v>373.66521852099999</v>
      </c>
      <c r="AA1324" s="7">
        <v>383.581652561</v>
      </c>
      <c r="AB1324" s="7">
        <v>389.39814408699999</v>
      </c>
      <c r="AC1324" s="7">
        <v>383.06263366600001</v>
      </c>
      <c r="AD1324" s="7">
        <v>400.99572805399998</v>
      </c>
      <c r="AE1324" s="7">
        <v>398.14224514599999</v>
      </c>
      <c r="AF1324" s="7">
        <v>402.78020737000003</v>
      </c>
      <c r="AG1324" s="9">
        <v>12524.583430699997</v>
      </c>
      <c r="AH1324" s="13">
        <v>0.28439494765113282</v>
      </c>
      <c r="AI1324" s="9">
        <v>4545.4803772000014</v>
      </c>
      <c r="AJ1324" s="13">
        <v>0.10321394408650576</v>
      </c>
      <c r="AK1324" s="9">
        <v>2464.3025315999985</v>
      </c>
      <c r="AL1324" s="13">
        <v>5.0721590961090447E-2</v>
      </c>
      <c r="AM1324" s="9">
        <v>5514.800521899997</v>
      </c>
      <c r="AN1324" s="13">
        <v>0.10802915913564952</v>
      </c>
      <c r="AO1324" s="9">
        <v>7979.1030534999954</v>
      </c>
      <c r="AP1324" s="13">
        <v>0.16423016091828893</v>
      </c>
      <c r="AQ1324" s="9">
        <v>44039.402015200001</v>
      </c>
      <c r="AR1324" s="9">
        <v>40831.653289100002</v>
      </c>
      <c r="AS1324" s="9">
        <v>47281.434610199998</v>
      </c>
      <c r="AT1324" s="9">
        <v>45988.1961237</v>
      </c>
      <c r="AU1324" s="9">
        <v>45505.808751700002</v>
      </c>
      <c r="AV1324" s="9">
        <v>51159.7761962</v>
      </c>
      <c r="AW1324" s="9">
        <v>48584.882392400003</v>
      </c>
      <c r="AX1324" s="9">
        <v>50156.741950900003</v>
      </c>
      <c r="AY1324" s="9">
        <v>54043.1970048</v>
      </c>
      <c r="AZ1324" s="9">
        <v>51049.184924000001</v>
      </c>
      <c r="BA1324" s="9">
        <v>51885.016657100001</v>
      </c>
      <c r="BB1324" s="9">
        <v>51988.507924099998</v>
      </c>
      <c r="BC1324" s="9">
        <v>53903.776081199998</v>
      </c>
      <c r="BD1324" s="9">
        <v>55759.9644931</v>
      </c>
      <c r="BE1324" s="9">
        <v>53972.452357299997</v>
      </c>
      <c r="BF1324" s="9">
        <v>56563.985445899998</v>
      </c>
      <c r="BG1324" s="11">
        <v>-1.75</v>
      </c>
      <c r="BH1324" s="13">
        <v>-3.1818181818181815E-2</v>
      </c>
      <c r="BI1324" s="6">
        <v>-4</v>
      </c>
      <c r="BJ1324" s="13">
        <v>-7.2727272727272724E-2</v>
      </c>
      <c r="BK1324" s="6">
        <v>-1</v>
      </c>
      <c r="BL1324" s="13">
        <v>-1.9607843137254902E-2</v>
      </c>
      <c r="BM1324" s="11">
        <v>3.25</v>
      </c>
      <c r="BN1324" s="13">
        <v>6.5000000000000002E-2</v>
      </c>
      <c r="BO1324" s="11">
        <v>2.25</v>
      </c>
      <c r="BP1324" s="13">
        <v>4.4117647058823532E-2</v>
      </c>
      <c r="BQ1324" s="6">
        <v>55</v>
      </c>
      <c r="BR1324" s="6">
        <v>58</v>
      </c>
      <c r="BS1324" s="6">
        <v>55</v>
      </c>
      <c r="BT1324" s="6">
        <v>51</v>
      </c>
      <c r="BU1324" s="6">
        <v>51</v>
      </c>
      <c r="BV1324" s="6">
        <v>51</v>
      </c>
      <c r="BW1324" s="6">
        <v>50</v>
      </c>
      <c r="BX1324" s="6">
        <v>48</v>
      </c>
      <c r="BY1324" s="6">
        <v>52</v>
      </c>
      <c r="BZ1324" s="6">
        <v>54</v>
      </c>
      <c r="CA1324" s="6">
        <v>55</v>
      </c>
      <c r="CB1324" s="6">
        <v>55</v>
      </c>
      <c r="CC1324" s="11">
        <v>53.25</v>
      </c>
      <c r="CD1324" s="11">
        <v>-88.817800000000005</v>
      </c>
      <c r="CE1324" s="11">
        <v>42.0443</v>
      </c>
      <c r="CF1324" s="11">
        <v>44.299199999999999</v>
      </c>
      <c r="CG1324" s="11">
        <v>86</v>
      </c>
      <c r="CH1324" s="20">
        <v>0.62877099999999997</v>
      </c>
      <c r="CI1324" s="20">
        <v>0.75353899999999996</v>
      </c>
      <c r="CJ1324" s="20">
        <v>0.81571499999999997</v>
      </c>
      <c r="CK1324" s="20">
        <v>0.88008399999999998</v>
      </c>
      <c r="CL1324" s="20">
        <v>0.86628400000000005</v>
      </c>
      <c r="CM1324" s="20">
        <v>0.77112400000000003</v>
      </c>
      <c r="CN1324" s="20">
        <v>0.65439099999999994</v>
      </c>
      <c r="CO1324" s="20">
        <v>0.53221200000000002</v>
      </c>
      <c r="CP1324" s="20">
        <v>0.58804800000000002</v>
      </c>
      <c r="CQ1324" s="20">
        <v>0.49085600000000001</v>
      </c>
      <c r="CR1324" s="20">
        <v>0.42703999999999998</v>
      </c>
      <c r="CS1324" s="20">
        <v>0.40553099999999997</v>
      </c>
      <c r="CT1324" s="20">
        <v>0.41537000000000002</v>
      </c>
      <c r="CU1324" s="20">
        <v>0.39756399999999997</v>
      </c>
      <c r="CV1324" s="20">
        <v>0.465978</v>
      </c>
      <c r="CW1324" s="20">
        <v>0.543956</v>
      </c>
      <c r="CX1324" s="20">
        <v>0.54062200000000005</v>
      </c>
      <c r="CY1324" s="6"/>
      <c r="CZ1324" s="6"/>
      <c r="DA1324" s="6"/>
      <c r="DB1324" s="6"/>
      <c r="DC1324" s="6"/>
      <c r="DD1324" s="6"/>
      <c r="DE1324" s="6"/>
      <c r="DF1324" s="6"/>
      <c r="DG1324" s="6"/>
      <c r="DH1324" s="6"/>
      <c r="DI1324" s="6"/>
      <c r="DJ1324" s="6"/>
      <c r="DK1324" s="6"/>
      <c r="DL1324" s="6"/>
      <c r="DM1324" s="6"/>
      <c r="DN1324" s="6"/>
      <c r="DO1324" s="6"/>
      <c r="DP1324" s="6"/>
      <c r="DQ1324" s="6"/>
    </row>
    <row r="1325" spans="1:121" x14ac:dyDescent="0.2">
      <c r="A1325" s="6" t="s">
        <v>311</v>
      </c>
      <c r="B1325" s="6" t="s">
        <v>311</v>
      </c>
      <c r="C1325" s="6" t="s">
        <v>174</v>
      </c>
      <c r="D1325" s="6" t="s">
        <v>335</v>
      </c>
      <c r="E1325" s="6" t="s">
        <v>328</v>
      </c>
      <c r="F1325" s="11">
        <v>320</v>
      </c>
      <c r="G1325" s="13">
        <v>0.16588906169000001</v>
      </c>
      <c r="H1325" s="11">
        <v>74.143383999999969</v>
      </c>
      <c r="I1325" s="13">
        <v>3.8444067773955669E-2</v>
      </c>
      <c r="J1325" s="11">
        <v>161.56405499999983</v>
      </c>
      <c r="K1325" s="13">
        <v>8.0671208935921779E-2</v>
      </c>
      <c r="L1325" s="11">
        <v>84.539085979999982</v>
      </c>
      <c r="M1325" s="13">
        <v>3.9060499022407789E-2</v>
      </c>
      <c r="N1325" s="11">
        <v>246.10314097999981</v>
      </c>
      <c r="O1325" s="13">
        <v>0.1228827656361076</v>
      </c>
      <c r="P1325" s="7">
        <v>1928.6040290000001</v>
      </c>
      <c r="Q1325" s="7">
        <v>2041.590312</v>
      </c>
      <c r="R1325" s="7">
        <v>2008.0279849999999</v>
      </c>
      <c r="S1325" s="7">
        <v>2065.8416670000001</v>
      </c>
      <c r="T1325" s="7">
        <v>2018.3296230000001</v>
      </c>
      <c r="U1325" s="7">
        <v>2004.1559569999999</v>
      </c>
      <c r="V1325" s="7">
        <v>2002.7474130000001</v>
      </c>
      <c r="W1325" s="7">
        <v>2030.496394</v>
      </c>
      <c r="X1325" s="7">
        <v>2217.0665429999999</v>
      </c>
      <c r="Y1325" s="7">
        <v>2164.3114679999999</v>
      </c>
      <c r="Z1325" s="7">
        <v>2089.28772342</v>
      </c>
      <c r="AA1325" s="7">
        <v>2057.13245551</v>
      </c>
      <c r="AB1325" s="7">
        <v>2151.3339388700001</v>
      </c>
      <c r="AC1325" s="7">
        <v>2167.2149737700001</v>
      </c>
      <c r="AD1325" s="7">
        <v>2255.3124304399998</v>
      </c>
      <c r="AE1325" s="7">
        <v>2205.5349808599999</v>
      </c>
      <c r="AF1325" s="7">
        <v>2248.8505539799999</v>
      </c>
      <c r="AG1325" s="9">
        <v>54289.562437699991</v>
      </c>
      <c r="AH1325" s="13">
        <v>0.62014168985779339</v>
      </c>
      <c r="AI1325" s="9">
        <v>22639.114813699998</v>
      </c>
      <c r="AJ1325" s="13">
        <v>0.25860328002391814</v>
      </c>
      <c r="AK1325" s="9">
        <v>13923.837908000001</v>
      </c>
      <c r="AL1325" s="13">
        <v>0.1263702040263745</v>
      </c>
      <c r="AM1325" s="9">
        <v>17726.609715999992</v>
      </c>
      <c r="AN1325" s="13">
        <v>0.14283355886430713</v>
      </c>
      <c r="AO1325" s="9">
        <v>31650.447623999993</v>
      </c>
      <c r="AP1325" s="13">
        <v>0.28725366886617731</v>
      </c>
      <c r="AQ1325" s="9">
        <v>87543.803820300003</v>
      </c>
      <c r="AR1325" s="9">
        <v>83697.318543100002</v>
      </c>
      <c r="AS1325" s="9">
        <v>93960.407271300006</v>
      </c>
      <c r="AT1325" s="9">
        <v>106851.850019</v>
      </c>
      <c r="AU1325" s="9">
        <v>108510.394292</v>
      </c>
      <c r="AV1325" s="9">
        <v>113083.123603</v>
      </c>
      <c r="AW1325" s="9">
        <v>110182.918634</v>
      </c>
      <c r="AX1325" s="9">
        <v>115261.275913</v>
      </c>
      <c r="AY1325" s="9">
        <v>111366.873352</v>
      </c>
      <c r="AZ1325" s="9">
        <v>124106.756542</v>
      </c>
      <c r="BA1325" s="9">
        <v>128238.134961</v>
      </c>
      <c r="BB1325" s="9">
        <v>122554.67049600001</v>
      </c>
      <c r="BC1325" s="9">
        <v>133083.0667</v>
      </c>
      <c r="BD1325" s="9">
        <v>135544.737945</v>
      </c>
      <c r="BE1325" s="9">
        <v>135839.94847100001</v>
      </c>
      <c r="BF1325" s="9">
        <v>141833.36625799999</v>
      </c>
      <c r="BG1325" s="11">
        <v>-3</v>
      </c>
      <c r="BH1325" s="13">
        <v>-5.7692307692307696E-2</v>
      </c>
      <c r="BI1325" s="6">
        <v>5</v>
      </c>
      <c r="BJ1325" s="13">
        <v>9.6153846153846159E-2</v>
      </c>
      <c r="BK1325" s="6">
        <v>-1</v>
      </c>
      <c r="BL1325" s="13">
        <v>-1.7543859649122806E-2</v>
      </c>
      <c r="BM1325" s="11">
        <v>-7</v>
      </c>
      <c r="BN1325" s="13">
        <v>-0.125</v>
      </c>
      <c r="BO1325" s="11">
        <v>-8</v>
      </c>
      <c r="BP1325" s="13">
        <v>-0.14035087719298245</v>
      </c>
      <c r="BQ1325" s="6">
        <v>52</v>
      </c>
      <c r="BR1325" s="6">
        <v>52</v>
      </c>
      <c r="BS1325" s="6">
        <v>56</v>
      </c>
      <c r="BT1325" s="6">
        <v>57</v>
      </c>
      <c r="BU1325" s="6">
        <v>53</v>
      </c>
      <c r="BV1325" s="6">
        <v>54</v>
      </c>
      <c r="BW1325" s="6">
        <v>56</v>
      </c>
      <c r="BX1325" s="6">
        <v>55</v>
      </c>
      <c r="BY1325" s="6">
        <v>56</v>
      </c>
      <c r="BZ1325" s="6">
        <v>52</v>
      </c>
      <c r="CA1325" s="6">
        <v>50</v>
      </c>
      <c r="CB1325" s="6">
        <v>48</v>
      </c>
      <c r="CC1325" s="11">
        <v>49</v>
      </c>
      <c r="CD1325" s="11">
        <v>423.488</v>
      </c>
      <c r="CE1325" s="11">
        <v>-314.06099999999998</v>
      </c>
      <c r="CF1325" s="11">
        <v>210.82</v>
      </c>
      <c r="CG1325" s="11">
        <v>-103</v>
      </c>
      <c r="CH1325" s="20">
        <v>2.7311000000000001</v>
      </c>
      <c r="CI1325" s="20">
        <v>2.9148000000000001</v>
      </c>
      <c r="CJ1325" s="20">
        <v>2.9150700000000001</v>
      </c>
      <c r="CK1325" s="20">
        <v>3.02942</v>
      </c>
      <c r="CL1325" s="20">
        <v>3.0375899999999998</v>
      </c>
      <c r="CM1325" s="20">
        <v>3.04142</v>
      </c>
      <c r="CN1325" s="20">
        <v>3.0328300000000001</v>
      </c>
      <c r="CO1325" s="20">
        <v>3.0394000000000001</v>
      </c>
      <c r="CP1325" s="20">
        <v>3.2938499999999999</v>
      </c>
      <c r="CQ1325" s="20">
        <v>3.2896100000000001</v>
      </c>
      <c r="CR1325" s="20">
        <v>3.2373799999999999</v>
      </c>
      <c r="CS1325" s="20">
        <v>3.2193100000000001</v>
      </c>
      <c r="CT1325" s="20">
        <v>3.4651800000000001</v>
      </c>
      <c r="CU1325" s="20">
        <v>3.4867900000000001</v>
      </c>
      <c r="CV1325" s="20">
        <v>3.59964</v>
      </c>
      <c r="CW1325" s="20">
        <v>3.51159</v>
      </c>
      <c r="CX1325" s="20">
        <v>3.5309599999999999</v>
      </c>
      <c r="CY1325" s="6"/>
      <c r="CZ1325" s="6"/>
      <c r="DA1325" s="6"/>
      <c r="DB1325" s="6"/>
      <c r="DC1325" s="6"/>
      <c r="DD1325" s="6"/>
      <c r="DE1325" s="6"/>
      <c r="DF1325" s="6"/>
      <c r="DG1325" s="6"/>
      <c r="DH1325" s="6"/>
      <c r="DI1325" s="6"/>
      <c r="DJ1325" s="6"/>
      <c r="DK1325" s="6"/>
      <c r="DL1325" s="6"/>
      <c r="DM1325" s="6"/>
      <c r="DN1325" s="6"/>
      <c r="DO1325" s="6"/>
      <c r="DP1325" s="6"/>
      <c r="DQ1325" s="6"/>
    </row>
    <row r="1326" spans="1:121" x14ac:dyDescent="0.2">
      <c r="A1326" s="6" t="s">
        <v>312</v>
      </c>
      <c r="B1326" s="6" t="s">
        <v>312</v>
      </c>
      <c r="C1326" s="6" t="s">
        <v>175</v>
      </c>
      <c r="D1326" s="6" t="s">
        <v>335</v>
      </c>
      <c r="E1326" s="6" t="s">
        <v>328</v>
      </c>
      <c r="F1326" s="11">
        <v>1060</v>
      </c>
      <c r="G1326" s="13">
        <v>8.0872816052500004E-2</v>
      </c>
      <c r="H1326" s="11">
        <v>3106.5808598000003</v>
      </c>
      <c r="I1326" s="13">
        <v>0.23702595599303017</v>
      </c>
      <c r="J1326" s="11">
        <v>-3177.1157065999996</v>
      </c>
      <c r="K1326" s="13">
        <v>-0.19596001497370319</v>
      </c>
      <c r="L1326" s="11">
        <v>1131.1247808000007</v>
      </c>
      <c r="M1326" s="13">
        <v>8.6769541507731945E-2</v>
      </c>
      <c r="N1326" s="11">
        <v>-2045.9909257999989</v>
      </c>
      <c r="O1326" s="13">
        <v>-0.12619383411908777</v>
      </c>
      <c r="P1326" s="7">
        <v>13106.500706999999</v>
      </c>
      <c r="Q1326" s="7">
        <v>13540.6875</v>
      </c>
      <c r="R1326" s="7">
        <v>14504.3914864</v>
      </c>
      <c r="S1326" s="7">
        <v>15731.9041036</v>
      </c>
      <c r="T1326" s="7">
        <v>16744.630267199998</v>
      </c>
      <c r="U1326" s="7">
        <v>16992.905016100001</v>
      </c>
      <c r="V1326" s="7">
        <v>16213.0815668</v>
      </c>
      <c r="W1326" s="7">
        <v>15235.5033738</v>
      </c>
      <c r="X1326" s="7">
        <v>14234.329051299999</v>
      </c>
      <c r="Y1326" s="7">
        <v>13035.9658602</v>
      </c>
      <c r="Z1326" s="7">
        <v>12984.5036375</v>
      </c>
      <c r="AA1326" s="7">
        <v>12838.514271100001</v>
      </c>
      <c r="AB1326" s="7">
        <v>12869.636232299999</v>
      </c>
      <c r="AC1326" s="7">
        <v>12890.435013</v>
      </c>
      <c r="AD1326" s="7">
        <v>13601.155241</v>
      </c>
      <c r="AE1326" s="7">
        <v>14006.757988900001</v>
      </c>
      <c r="AF1326" s="7">
        <v>14167.090641000001</v>
      </c>
      <c r="AG1326" s="9">
        <v>10934.303976800002</v>
      </c>
      <c r="AH1326" s="13">
        <v>0.36619970842207539</v>
      </c>
      <c r="AI1326" s="9">
        <v>4282.6625208999976</v>
      </c>
      <c r="AJ1326" s="13">
        <v>0.14343023293950036</v>
      </c>
      <c r="AK1326" s="9">
        <v>1029.8756491000022</v>
      </c>
      <c r="AL1326" s="13">
        <v>3.016490552751995E-2</v>
      </c>
      <c r="AM1326" s="9">
        <v>5621.7658068000019</v>
      </c>
      <c r="AN1326" s="13">
        <v>0.15983915642725416</v>
      </c>
      <c r="AO1326" s="9">
        <v>6651.6414559000041</v>
      </c>
      <c r="AP1326" s="13">
        <v>0.1948255950080007</v>
      </c>
      <c r="AQ1326" s="9">
        <v>29858.8549508</v>
      </c>
      <c r="AR1326" s="9">
        <v>30389.386414199998</v>
      </c>
      <c r="AS1326" s="9">
        <v>31273.9482608</v>
      </c>
      <c r="AT1326" s="9">
        <v>31860.2686101</v>
      </c>
      <c r="AU1326" s="9">
        <v>33414.836744499997</v>
      </c>
      <c r="AV1326" s="9">
        <v>33430.395567</v>
      </c>
      <c r="AW1326" s="9">
        <v>34141.517471699997</v>
      </c>
      <c r="AX1326" s="9">
        <v>34268.267663799998</v>
      </c>
      <c r="AY1326" s="9">
        <v>35577.0701242</v>
      </c>
      <c r="AZ1326" s="9">
        <v>35171.393120799999</v>
      </c>
      <c r="BA1326" s="9">
        <v>35444.4214221</v>
      </c>
      <c r="BB1326" s="9">
        <v>35595.780664400001</v>
      </c>
      <c r="BC1326" s="9">
        <v>37059.740928699997</v>
      </c>
      <c r="BD1326" s="9">
        <v>38189.896103300001</v>
      </c>
      <c r="BE1326" s="9">
        <v>38965.5530765</v>
      </c>
      <c r="BF1326" s="9">
        <v>40793.158927600001</v>
      </c>
      <c r="BG1326" s="11">
        <v>-256.75</v>
      </c>
      <c r="BH1326" s="13">
        <v>-0.14295657015590199</v>
      </c>
      <c r="BI1326" s="6">
        <v>207</v>
      </c>
      <c r="BJ1326" s="13">
        <v>0.11525612472160357</v>
      </c>
      <c r="BK1326" s="6">
        <v>-311</v>
      </c>
      <c r="BL1326" s="13">
        <v>-0.15526709935097355</v>
      </c>
      <c r="BM1326" s="11">
        <v>-152.75</v>
      </c>
      <c r="BN1326" s="13">
        <v>-9.0277777777777776E-2</v>
      </c>
      <c r="BO1326" s="11">
        <v>-463.75</v>
      </c>
      <c r="BP1326" s="13">
        <v>-0.23152770843734399</v>
      </c>
      <c r="BQ1326" s="6">
        <v>1796</v>
      </c>
      <c r="BR1326" s="6">
        <v>1902</v>
      </c>
      <c r="BS1326" s="6">
        <v>1986</v>
      </c>
      <c r="BT1326" s="6">
        <v>2003</v>
      </c>
      <c r="BU1326" s="6">
        <v>1941</v>
      </c>
      <c r="BV1326" s="6">
        <v>1791</v>
      </c>
      <c r="BW1326" s="6">
        <v>1692</v>
      </c>
      <c r="BX1326" s="6">
        <v>1594</v>
      </c>
      <c r="BY1326" s="6">
        <v>1561</v>
      </c>
      <c r="BZ1326" s="6">
        <v>1534</v>
      </c>
      <c r="CA1326" s="6">
        <v>1514</v>
      </c>
      <c r="CB1326" s="6">
        <v>1558</v>
      </c>
      <c r="CC1326" s="11">
        <v>1539.25</v>
      </c>
      <c r="CD1326" s="11">
        <v>1215.42</v>
      </c>
      <c r="CE1326" s="11">
        <v>-1587.53</v>
      </c>
      <c r="CF1326" s="11">
        <v>1432.7</v>
      </c>
      <c r="CG1326" s="11">
        <v>-155</v>
      </c>
      <c r="CH1326" s="20">
        <v>1.27962</v>
      </c>
      <c r="CI1326" s="20">
        <v>1.3236399999999999</v>
      </c>
      <c r="CJ1326" s="20">
        <v>1.3776999999999999</v>
      </c>
      <c r="CK1326" s="20">
        <v>1.41526</v>
      </c>
      <c r="CL1326" s="20">
        <v>1.44133</v>
      </c>
      <c r="CM1326" s="20">
        <v>1.40466</v>
      </c>
      <c r="CN1326" s="20">
        <v>1.3553599999999999</v>
      </c>
      <c r="CO1326" s="20">
        <v>1.3511299999999999</v>
      </c>
      <c r="CP1326" s="20">
        <v>1.4452</v>
      </c>
      <c r="CQ1326" s="20">
        <v>1.44862</v>
      </c>
      <c r="CR1326" s="20">
        <v>1.4864599999999999</v>
      </c>
      <c r="CS1326" s="20">
        <v>1.47041</v>
      </c>
      <c r="CT1326" s="20">
        <v>1.48034</v>
      </c>
      <c r="CU1326" s="20">
        <v>1.4360999999999999</v>
      </c>
      <c r="CV1326" s="20">
        <v>1.4615899999999999</v>
      </c>
      <c r="CW1326" s="20">
        <v>1.47052</v>
      </c>
      <c r="CX1326" s="20">
        <v>1.4688600000000001</v>
      </c>
      <c r="CY1326" s="6"/>
      <c r="CZ1326" s="6"/>
      <c r="DA1326" s="6"/>
      <c r="DB1326" s="6"/>
      <c r="DC1326" s="6"/>
      <c r="DD1326" s="6"/>
      <c r="DE1326" s="6"/>
      <c r="DF1326" s="6"/>
      <c r="DG1326" s="6"/>
      <c r="DH1326" s="6"/>
      <c r="DI1326" s="6"/>
      <c r="DJ1326" s="6"/>
      <c r="DK1326" s="6"/>
      <c r="DL1326" s="6"/>
      <c r="DM1326" s="6"/>
      <c r="DN1326" s="6"/>
      <c r="DO1326" s="6"/>
      <c r="DP1326" s="6"/>
      <c r="DQ1326" s="6"/>
    </row>
    <row r="1327" spans="1:121" x14ac:dyDescent="0.2">
      <c r="A1327" s="6" t="s">
        <v>792</v>
      </c>
      <c r="B1327" s="6" t="s">
        <v>176</v>
      </c>
      <c r="C1327" s="6" t="s">
        <v>177</v>
      </c>
      <c r="D1327" s="6" t="s">
        <v>335</v>
      </c>
      <c r="E1327" s="6" t="s">
        <v>328</v>
      </c>
      <c r="F1327" s="11">
        <v>-3908</v>
      </c>
      <c r="G1327" s="13">
        <v>-0.12654211054600001</v>
      </c>
      <c r="H1327" s="11">
        <v>-2982.2319424000016</v>
      </c>
      <c r="I1327" s="13">
        <v>-9.6566688099779585E-2</v>
      </c>
      <c r="J1327" s="11">
        <v>-4701.7956236999999</v>
      </c>
      <c r="K1327" s="13">
        <v>-0.16852082114644326</v>
      </c>
      <c r="L1327" s="11">
        <v>3776.0227109000007</v>
      </c>
      <c r="M1327" s="13">
        <v>0.16276950338484342</v>
      </c>
      <c r="N1327" s="11">
        <v>-925.77291279999918</v>
      </c>
      <c r="O1327" s="13">
        <v>-3.3181368129612455E-2</v>
      </c>
      <c r="P1327" s="7">
        <v>30882.615952600001</v>
      </c>
      <c r="Q1327" s="7">
        <v>29509.011297699999</v>
      </c>
      <c r="R1327" s="7">
        <v>29209.411973900002</v>
      </c>
      <c r="S1327" s="7">
        <v>29650.983262900001</v>
      </c>
      <c r="T1327" s="7">
        <v>28796.402579199999</v>
      </c>
      <c r="U1327" s="7">
        <v>28478.227170300001</v>
      </c>
      <c r="V1327" s="7">
        <v>27900.384010199999</v>
      </c>
      <c r="W1327" s="7">
        <v>27392.553108299999</v>
      </c>
      <c r="X1327" s="7">
        <v>23608.1208233</v>
      </c>
      <c r="Y1327" s="7">
        <v>23198.5883865</v>
      </c>
      <c r="Z1327" s="7">
        <v>23565.275125200002</v>
      </c>
      <c r="AA1327" s="7">
        <v>24324.817214300001</v>
      </c>
      <c r="AB1327" s="7">
        <v>24499.266712699999</v>
      </c>
      <c r="AC1327" s="7">
        <v>25427.3671139</v>
      </c>
      <c r="AD1327" s="7">
        <v>25684.882038299998</v>
      </c>
      <c r="AE1327" s="7">
        <v>26213.276864200001</v>
      </c>
      <c r="AF1327" s="7">
        <v>26974.6110974</v>
      </c>
      <c r="AG1327" s="9">
        <v>21853.578266600001</v>
      </c>
      <c r="AH1327" s="13">
        <v>0.63321059486737064</v>
      </c>
      <c r="AI1327" s="9">
        <v>8306.0232204999993</v>
      </c>
      <c r="AJ1327" s="13">
        <v>0.24066822560007561</v>
      </c>
      <c r="AK1327" s="9">
        <v>4132.8994468000019</v>
      </c>
      <c r="AL1327" s="13">
        <v>9.6521662665885993E-2</v>
      </c>
      <c r="AM1327" s="9">
        <v>9414.6555993000002</v>
      </c>
      <c r="AN1327" s="13">
        <v>0.20051976038334415</v>
      </c>
      <c r="AO1327" s="9">
        <v>13547.555046100002</v>
      </c>
      <c r="AP1327" s="13">
        <v>0.3163959237187956</v>
      </c>
      <c r="AQ1327" s="9">
        <v>34512.338302199998</v>
      </c>
      <c r="AR1327" s="9">
        <v>36259.167161799996</v>
      </c>
      <c r="AS1327" s="9">
        <v>37530.4839278</v>
      </c>
      <c r="AT1327" s="9">
        <v>39001.663991399997</v>
      </c>
      <c r="AU1327" s="9">
        <v>41047.501366600001</v>
      </c>
      <c r="AV1327" s="9">
        <v>41818.086734500001</v>
      </c>
      <c r="AW1327" s="9">
        <v>42818.361522699997</v>
      </c>
      <c r="AX1327" s="9">
        <v>44111.1457935</v>
      </c>
      <c r="AY1327" s="9">
        <v>44836.9853621</v>
      </c>
      <c r="AZ1327" s="9">
        <v>46951.260969499999</v>
      </c>
      <c r="BA1327" s="9">
        <v>47027.464535899999</v>
      </c>
      <c r="BB1327" s="9">
        <v>49195.892272999998</v>
      </c>
      <c r="BC1327" s="9">
        <v>50475.936513300003</v>
      </c>
      <c r="BD1327" s="9">
        <v>52033.215629099999</v>
      </c>
      <c r="BE1327" s="9">
        <v>54630.2500946</v>
      </c>
      <c r="BF1327" s="9">
        <v>56365.916568799999</v>
      </c>
      <c r="BG1327" s="11">
        <v>-74.25</v>
      </c>
      <c r="BH1327" s="13">
        <v>-9.5806451612903229E-2</v>
      </c>
      <c r="BI1327" s="6">
        <v>29</v>
      </c>
      <c r="BJ1327" s="13">
        <v>3.741935483870968E-2</v>
      </c>
      <c r="BK1327" s="6">
        <v>-38</v>
      </c>
      <c r="BL1327" s="13">
        <v>-4.7263681592039801E-2</v>
      </c>
      <c r="BM1327" s="11">
        <v>-65.25</v>
      </c>
      <c r="BN1327" s="13">
        <v>-8.5182767624020883E-2</v>
      </c>
      <c r="BO1327" s="11">
        <v>-103.25</v>
      </c>
      <c r="BP1327" s="13">
        <v>-0.12842039800995025</v>
      </c>
      <c r="BQ1327" s="6">
        <v>775</v>
      </c>
      <c r="BR1327" s="6">
        <v>803</v>
      </c>
      <c r="BS1327" s="6">
        <v>801</v>
      </c>
      <c r="BT1327" s="6">
        <v>804</v>
      </c>
      <c r="BU1327" s="6">
        <v>792</v>
      </c>
      <c r="BV1327" s="6">
        <v>765</v>
      </c>
      <c r="BW1327" s="6">
        <v>766</v>
      </c>
      <c r="BX1327" s="6">
        <v>752</v>
      </c>
      <c r="BY1327" s="6">
        <v>744</v>
      </c>
      <c r="BZ1327" s="6">
        <v>722</v>
      </c>
      <c r="CA1327" s="6">
        <v>724</v>
      </c>
      <c r="CB1327" s="6">
        <v>719</v>
      </c>
      <c r="CC1327" s="11">
        <v>700.75</v>
      </c>
      <c r="CD1327" s="11">
        <v>3617.03</v>
      </c>
      <c r="CE1327" s="11">
        <v>-10900.9</v>
      </c>
      <c r="CF1327" s="11">
        <v>3375.84</v>
      </c>
      <c r="CG1327" s="11">
        <v>-7525</v>
      </c>
      <c r="CH1327" s="20">
        <v>1.57494</v>
      </c>
      <c r="CI1327" s="20">
        <v>1.6101700000000001</v>
      </c>
      <c r="CJ1327" s="20">
        <v>1.6554899999999999</v>
      </c>
      <c r="CK1327" s="20">
        <v>1.68581</v>
      </c>
      <c r="CL1327" s="20">
        <v>1.6495899999999999</v>
      </c>
      <c r="CM1327" s="20">
        <v>1.6420699999999999</v>
      </c>
      <c r="CN1327" s="20">
        <v>1.6471499999999999</v>
      </c>
      <c r="CO1327" s="20">
        <v>1.67849</v>
      </c>
      <c r="CP1327" s="20">
        <v>1.6316999999999999</v>
      </c>
      <c r="CQ1327" s="20">
        <v>1.6601699999999999</v>
      </c>
      <c r="CR1327" s="20">
        <v>1.6855899999999999</v>
      </c>
      <c r="CS1327" s="20">
        <v>1.72821</v>
      </c>
      <c r="CT1327" s="20">
        <v>1.77565</v>
      </c>
      <c r="CU1327" s="20">
        <v>1.8287</v>
      </c>
      <c r="CV1327" s="20">
        <v>1.83168</v>
      </c>
      <c r="CW1327" s="20">
        <v>1.8661700000000001</v>
      </c>
      <c r="CX1327" s="20">
        <v>1.90869</v>
      </c>
      <c r="CY1327" s="6"/>
      <c r="CZ1327" s="6"/>
      <c r="DA1327" s="6"/>
      <c r="DB1327" s="6"/>
      <c r="DC1327" s="6"/>
      <c r="DD1327" s="6"/>
      <c r="DE1327" s="6"/>
      <c r="DF1327" s="6"/>
      <c r="DG1327" s="6"/>
      <c r="DH1327" s="6"/>
      <c r="DI1327" s="6"/>
      <c r="DJ1327" s="6"/>
      <c r="DK1327" s="6"/>
      <c r="DL1327" s="6"/>
      <c r="DM1327" s="6"/>
      <c r="DN1327" s="6"/>
      <c r="DO1327" s="6"/>
      <c r="DP1327" s="6"/>
      <c r="DQ1327" s="6"/>
    </row>
    <row r="1328" spans="1:121" x14ac:dyDescent="0.2">
      <c r="A1328" s="6" t="s">
        <v>313</v>
      </c>
      <c r="B1328" s="6" t="s">
        <v>313</v>
      </c>
      <c r="C1328" s="6" t="s">
        <v>178</v>
      </c>
      <c r="D1328" s="6" t="s">
        <v>335</v>
      </c>
      <c r="E1328" s="6" t="s">
        <v>328</v>
      </c>
      <c r="F1328" s="11">
        <v>1063</v>
      </c>
      <c r="G1328" s="13">
        <v>0.24555324555300001</v>
      </c>
      <c r="H1328" s="11">
        <v>419.94041688000016</v>
      </c>
      <c r="I1328" s="13">
        <v>9.7002952062352599E-2</v>
      </c>
      <c r="J1328" s="11">
        <v>42.105693100000281</v>
      </c>
      <c r="K1328" s="13">
        <v>8.8660525397199971E-3</v>
      </c>
      <c r="L1328" s="11">
        <v>600.33217707999938</v>
      </c>
      <c r="M1328" s="13">
        <v>0.12529899652906651</v>
      </c>
      <c r="N1328" s="11">
        <v>642.43787017999966</v>
      </c>
      <c r="O1328" s="13">
        <v>0.1352759565551874</v>
      </c>
      <c r="P1328" s="7">
        <v>4329.1508964599998</v>
      </c>
      <c r="Q1328" s="7">
        <v>3996.51897323</v>
      </c>
      <c r="R1328" s="7">
        <v>4001.9698547399998</v>
      </c>
      <c r="S1328" s="7">
        <v>4044.84013461</v>
      </c>
      <c r="T1328" s="7">
        <v>4294.0819694900001</v>
      </c>
      <c r="U1328" s="7">
        <v>4550.9459629800003</v>
      </c>
      <c r="V1328" s="7">
        <v>4749.0913133399999</v>
      </c>
      <c r="W1328" s="7">
        <v>4731.5133217599996</v>
      </c>
      <c r="X1328" s="7">
        <v>4584.3160746900003</v>
      </c>
      <c r="Y1328" s="7">
        <v>4791.1970064400002</v>
      </c>
      <c r="Z1328" s="7">
        <v>5329.5432839499999</v>
      </c>
      <c r="AA1328" s="7">
        <v>5315.2702570000001</v>
      </c>
      <c r="AB1328" s="7">
        <v>5173.3131440300003</v>
      </c>
      <c r="AC1328" s="7">
        <v>5246.0915734099999</v>
      </c>
      <c r="AD1328" s="7">
        <v>5181.1411337899999</v>
      </c>
      <c r="AE1328" s="7">
        <v>5201.6692395800001</v>
      </c>
      <c r="AF1328" s="7">
        <v>5391.5291835199996</v>
      </c>
      <c r="AG1328" s="9">
        <v>18807.837591700001</v>
      </c>
      <c r="AH1328" s="13">
        <v>0.57140825716141674</v>
      </c>
      <c r="AI1328" s="9">
        <v>8670.7657753000021</v>
      </c>
      <c r="AJ1328" s="13">
        <v>0.26342992041283375</v>
      </c>
      <c r="AK1328" s="9">
        <v>4362.3679013999936</v>
      </c>
      <c r="AL1328" s="13">
        <v>0.10490079449900495</v>
      </c>
      <c r="AM1328" s="9">
        <v>5774.7039150000055</v>
      </c>
      <c r="AN1328" s="13">
        <v>0.1256790601013735</v>
      </c>
      <c r="AO1328" s="9">
        <v>10137.071816399999</v>
      </c>
      <c r="AP1328" s="13">
        <v>0.24376368785690075</v>
      </c>
      <c r="AQ1328" s="9">
        <v>32914.885908600001</v>
      </c>
      <c r="AR1328" s="9">
        <v>33283.615143700001</v>
      </c>
      <c r="AS1328" s="9">
        <v>35043.404485400002</v>
      </c>
      <c r="AT1328" s="9">
        <v>34835.829200599997</v>
      </c>
      <c r="AU1328" s="9">
        <v>36705.671338599997</v>
      </c>
      <c r="AV1328" s="9">
        <v>38626.829827399997</v>
      </c>
      <c r="AW1328" s="9">
        <v>41585.651683900003</v>
      </c>
      <c r="AX1328" s="9">
        <v>44352.332893899998</v>
      </c>
      <c r="AY1328" s="9">
        <v>45028.981741900003</v>
      </c>
      <c r="AZ1328" s="9">
        <v>45948.019585299997</v>
      </c>
      <c r="BA1328" s="9">
        <v>45659.098954699999</v>
      </c>
      <c r="BB1328" s="9">
        <v>46498.332297200002</v>
      </c>
      <c r="BC1328" s="9">
        <v>47154.677994199999</v>
      </c>
      <c r="BD1328" s="9">
        <v>46210.909500499998</v>
      </c>
      <c r="BE1328" s="9">
        <v>48953.899143000002</v>
      </c>
      <c r="BF1328" s="9">
        <v>51722.723500300002</v>
      </c>
      <c r="BG1328" s="11">
        <v>17.5</v>
      </c>
      <c r="BH1328" s="13">
        <v>3.0701754385964911E-2</v>
      </c>
      <c r="BI1328" s="6">
        <v>7</v>
      </c>
      <c r="BJ1328" s="13">
        <v>1.2280701754385965E-2</v>
      </c>
      <c r="BK1328" s="6">
        <v>7</v>
      </c>
      <c r="BL1328" s="13">
        <v>1.2131715771230503E-2</v>
      </c>
      <c r="BM1328" s="11">
        <v>3.5</v>
      </c>
      <c r="BN1328" s="13">
        <v>5.9931506849315065E-3</v>
      </c>
      <c r="BO1328" s="11">
        <v>10.5</v>
      </c>
      <c r="BP1328" s="13">
        <v>1.8197573656845753E-2</v>
      </c>
      <c r="BQ1328" s="6">
        <v>570</v>
      </c>
      <c r="BR1328" s="6">
        <v>566</v>
      </c>
      <c r="BS1328" s="6">
        <v>564</v>
      </c>
      <c r="BT1328" s="6">
        <v>577</v>
      </c>
      <c r="BU1328" s="6">
        <v>566</v>
      </c>
      <c r="BV1328" s="6">
        <v>551</v>
      </c>
      <c r="BW1328" s="6">
        <v>584</v>
      </c>
      <c r="BX1328" s="6">
        <v>579</v>
      </c>
      <c r="BY1328" s="6">
        <v>586</v>
      </c>
      <c r="BZ1328" s="6">
        <v>598</v>
      </c>
      <c r="CA1328" s="6">
        <v>606</v>
      </c>
      <c r="CB1328" s="6">
        <v>600</v>
      </c>
      <c r="CC1328" s="11">
        <v>587.5</v>
      </c>
      <c r="CD1328" s="11">
        <v>943.13400000000001</v>
      </c>
      <c r="CE1328" s="11">
        <v>-353.98399999999998</v>
      </c>
      <c r="CF1328" s="11">
        <v>473.22800000000001</v>
      </c>
      <c r="CG1328" s="11">
        <v>119</v>
      </c>
      <c r="CH1328" s="20">
        <v>0.62002199999999996</v>
      </c>
      <c r="CI1328" s="20">
        <v>0.58165500000000003</v>
      </c>
      <c r="CJ1328" s="20">
        <v>0.57831200000000005</v>
      </c>
      <c r="CK1328" s="20">
        <v>0.57247199999999998</v>
      </c>
      <c r="CL1328" s="20">
        <v>0.59781700000000004</v>
      </c>
      <c r="CM1328" s="20">
        <v>0.62049299999999996</v>
      </c>
      <c r="CN1328" s="20">
        <v>0.63949199999999995</v>
      </c>
      <c r="CO1328" s="20">
        <v>0.64434100000000005</v>
      </c>
      <c r="CP1328" s="20">
        <v>0.66565300000000005</v>
      </c>
      <c r="CQ1328" s="20">
        <v>0.71315099999999998</v>
      </c>
      <c r="CR1328" s="20">
        <v>0.79637199999999997</v>
      </c>
      <c r="CS1328" s="20">
        <v>0.78797300000000003</v>
      </c>
      <c r="CT1328" s="20">
        <v>0.77793400000000001</v>
      </c>
      <c r="CU1328" s="20">
        <v>0.783771</v>
      </c>
      <c r="CV1328" s="20">
        <v>0.76805599999999996</v>
      </c>
      <c r="CW1328" s="20">
        <v>0.77176900000000004</v>
      </c>
      <c r="CX1328" s="20">
        <v>0.78860399999999997</v>
      </c>
      <c r="CY1328" s="6"/>
      <c r="CZ1328" s="6"/>
      <c r="DA1328" s="6"/>
      <c r="DB1328" s="6"/>
      <c r="DC1328" s="6"/>
      <c r="DD1328" s="6"/>
      <c r="DE1328" s="6"/>
      <c r="DF1328" s="6"/>
      <c r="DG1328" s="6"/>
      <c r="DH1328" s="6"/>
      <c r="DI1328" s="6"/>
      <c r="DJ1328" s="6"/>
      <c r="DK1328" s="6"/>
      <c r="DL1328" s="6"/>
      <c r="DM1328" s="6"/>
      <c r="DN1328" s="6"/>
      <c r="DO1328" s="6"/>
      <c r="DP1328" s="6"/>
      <c r="DQ1328" s="6"/>
    </row>
    <row r="1329" spans="1:121" x14ac:dyDescent="0.2">
      <c r="A1329" s="6" t="s">
        <v>793</v>
      </c>
      <c r="B1329" s="6" t="s">
        <v>179</v>
      </c>
      <c r="C1329" s="6" t="s">
        <v>180</v>
      </c>
      <c r="D1329" s="6" t="s">
        <v>335</v>
      </c>
      <c r="E1329" s="6" t="s">
        <v>328</v>
      </c>
      <c r="F1329" s="11">
        <v>907</v>
      </c>
      <c r="G1329" s="13">
        <v>4.3967230597699997E-2</v>
      </c>
      <c r="H1329" s="11">
        <v>1632.1003586999977</v>
      </c>
      <c r="I1329" s="13">
        <v>7.9117975518189873E-2</v>
      </c>
      <c r="J1329" s="11">
        <v>-1757.5472186999978</v>
      </c>
      <c r="K1329" s="13">
        <v>-7.8952589841773793E-2</v>
      </c>
      <c r="L1329" s="11">
        <v>1032.3503968999976</v>
      </c>
      <c r="M1329" s="13">
        <v>5.035058516060683E-2</v>
      </c>
      <c r="N1329" s="11">
        <v>-725.19682180000018</v>
      </c>
      <c r="O1329" s="13">
        <v>-3.2577313779645657E-2</v>
      </c>
      <c r="P1329" s="7">
        <v>20628.692127300001</v>
      </c>
      <c r="Q1329" s="7">
        <v>20973.6383417</v>
      </c>
      <c r="R1329" s="7">
        <v>20932.124125099999</v>
      </c>
      <c r="S1329" s="7">
        <v>21028.1241544</v>
      </c>
      <c r="T1329" s="7">
        <v>21823.689978499999</v>
      </c>
      <c r="U1329" s="7">
        <v>21816.823901100001</v>
      </c>
      <c r="V1329" s="7">
        <v>22260.792485999998</v>
      </c>
      <c r="W1329" s="7">
        <v>22155.201392700001</v>
      </c>
      <c r="X1329" s="7">
        <v>21145.276082</v>
      </c>
      <c r="Y1329" s="7">
        <v>20503.245267300001</v>
      </c>
      <c r="Z1329" s="7">
        <v>20190.2015311</v>
      </c>
      <c r="AA1329" s="7">
        <v>19815.045002800001</v>
      </c>
      <c r="AB1329" s="7">
        <v>19849.783883799999</v>
      </c>
      <c r="AC1329" s="7">
        <v>19784.264193499999</v>
      </c>
      <c r="AD1329" s="7">
        <v>20787.489302400001</v>
      </c>
      <c r="AE1329" s="7">
        <v>21141.740680700001</v>
      </c>
      <c r="AF1329" s="7">
        <v>21535.595664199998</v>
      </c>
      <c r="AG1329" s="9">
        <v>8177.6418980000017</v>
      </c>
      <c r="AH1329" s="13">
        <v>0.3963158198690479</v>
      </c>
      <c r="AI1329" s="9">
        <v>4720.935390300001</v>
      </c>
      <c r="AJ1329" s="13">
        <v>0.22879228548918645</v>
      </c>
      <c r="AK1329" s="9">
        <v>195.80212160000156</v>
      </c>
      <c r="AL1329" s="13">
        <v>7.7223990002475412E-3</v>
      </c>
      <c r="AM1329" s="9">
        <v>3260.9043860999991</v>
      </c>
      <c r="AN1329" s="13">
        <v>0.12762389554506595</v>
      </c>
      <c r="AO1329" s="9">
        <v>3456.7065077000007</v>
      </c>
      <c r="AP1329" s="13">
        <v>0.13633185718867841</v>
      </c>
      <c r="AQ1329" s="9">
        <v>20634.154600999998</v>
      </c>
      <c r="AR1329" s="9">
        <v>21368.264810799999</v>
      </c>
      <c r="AS1329" s="9">
        <v>22766.059208999999</v>
      </c>
      <c r="AT1329" s="9">
        <v>23206.658372000002</v>
      </c>
      <c r="AU1329" s="9">
        <v>23702.970870500001</v>
      </c>
      <c r="AV1329" s="9">
        <v>24413.699484699999</v>
      </c>
      <c r="AW1329" s="9">
        <v>25355.089991299999</v>
      </c>
      <c r="AX1329" s="9">
        <v>25603.685710500002</v>
      </c>
      <c r="AY1329" s="9">
        <v>25642.192639000001</v>
      </c>
      <c r="AZ1329" s="9">
        <v>25550.892112900001</v>
      </c>
      <c r="BA1329" s="9">
        <v>25776.841594000001</v>
      </c>
      <c r="BB1329" s="9">
        <v>26171.93907</v>
      </c>
      <c r="BC1329" s="9">
        <v>26781.672045899999</v>
      </c>
      <c r="BD1329" s="9">
        <v>27291.893810500002</v>
      </c>
      <c r="BE1329" s="9">
        <v>28077.971053400001</v>
      </c>
      <c r="BF1329" s="9">
        <v>28811.796499</v>
      </c>
      <c r="BG1329" s="11">
        <v>-184.75</v>
      </c>
      <c r="BH1329" s="13">
        <v>-0.1042019176536943</v>
      </c>
      <c r="BI1329" s="6">
        <v>-22</v>
      </c>
      <c r="BJ1329" s="13">
        <v>-1.2408347433728144E-2</v>
      </c>
      <c r="BK1329" s="6">
        <v>-92</v>
      </c>
      <c r="BL1329" s="13">
        <v>-5.2541404911479156E-2</v>
      </c>
      <c r="BM1329" s="11">
        <v>-70.75</v>
      </c>
      <c r="BN1329" s="13">
        <v>-4.2646172393007838E-2</v>
      </c>
      <c r="BO1329" s="11">
        <v>-162.75</v>
      </c>
      <c r="BP1329" s="13">
        <v>-9.2946887492861216E-2</v>
      </c>
      <c r="BQ1329" s="6">
        <v>1773</v>
      </c>
      <c r="BR1329" s="6">
        <v>1743</v>
      </c>
      <c r="BS1329" s="6">
        <v>1726</v>
      </c>
      <c r="BT1329" s="6">
        <v>1751</v>
      </c>
      <c r="BU1329" s="6">
        <v>1744</v>
      </c>
      <c r="BV1329" s="6">
        <v>1695</v>
      </c>
      <c r="BW1329" s="6">
        <v>1659</v>
      </c>
      <c r="BX1329" s="6">
        <v>1611</v>
      </c>
      <c r="BY1329" s="6">
        <v>1604</v>
      </c>
      <c r="BZ1329" s="6">
        <v>1630</v>
      </c>
      <c r="CA1329" s="6">
        <v>1582</v>
      </c>
      <c r="CB1329" s="6">
        <v>1612</v>
      </c>
      <c r="CC1329" s="11">
        <v>1588.25</v>
      </c>
      <c r="CD1329" s="11">
        <v>-25.879300000000001</v>
      </c>
      <c r="CE1329" s="11">
        <v>-1322.18</v>
      </c>
      <c r="CF1329" s="11">
        <v>2254.96</v>
      </c>
      <c r="CG1329" s="11">
        <v>933</v>
      </c>
      <c r="CH1329" s="20">
        <v>1.1009800000000001</v>
      </c>
      <c r="CI1329" s="20">
        <v>1.1179600000000001</v>
      </c>
      <c r="CJ1329" s="20">
        <v>1.1131500000000001</v>
      </c>
      <c r="CK1329" s="20">
        <v>1.09693</v>
      </c>
      <c r="CL1329" s="20">
        <v>1.1274</v>
      </c>
      <c r="CM1329" s="20">
        <v>1.11961</v>
      </c>
      <c r="CN1329" s="20">
        <v>1.1378900000000001</v>
      </c>
      <c r="CO1329" s="20">
        <v>1.1537299999999999</v>
      </c>
      <c r="CP1329" s="20">
        <v>1.1543000000000001</v>
      </c>
      <c r="CQ1329" s="20">
        <v>1.13419</v>
      </c>
      <c r="CR1329" s="20">
        <v>1.1230500000000001</v>
      </c>
      <c r="CS1329" s="20">
        <v>1.09995</v>
      </c>
      <c r="CT1329" s="20">
        <v>1.1185099999999999</v>
      </c>
      <c r="CU1329" s="20">
        <v>1.10229</v>
      </c>
      <c r="CV1329" s="20">
        <v>1.1395599999999999</v>
      </c>
      <c r="CW1329" s="20">
        <v>1.1476900000000001</v>
      </c>
      <c r="CX1329" s="20">
        <v>1.1539900000000001</v>
      </c>
      <c r="CY1329" s="6"/>
      <c r="CZ1329" s="6"/>
      <c r="DA1329" s="6"/>
      <c r="DB1329" s="6"/>
      <c r="DC1329" s="6"/>
      <c r="DD1329" s="6"/>
      <c r="DE1329" s="6"/>
      <c r="DF1329" s="6"/>
      <c r="DG1329" s="6"/>
      <c r="DH1329" s="6"/>
      <c r="DI1329" s="6"/>
      <c r="DJ1329" s="6"/>
      <c r="DK1329" s="6"/>
      <c r="DL1329" s="6"/>
      <c r="DM1329" s="6"/>
      <c r="DN1329" s="6"/>
      <c r="DO1329" s="6"/>
      <c r="DP1329" s="6"/>
      <c r="DQ1329" s="6"/>
    </row>
    <row r="1330" spans="1:121" x14ac:dyDescent="0.2">
      <c r="A1330" s="6" t="s">
        <v>794</v>
      </c>
      <c r="B1330" s="6" t="s">
        <v>181</v>
      </c>
      <c r="C1330" s="6" t="s">
        <v>182</v>
      </c>
      <c r="D1330" s="6" t="s">
        <v>335</v>
      </c>
      <c r="E1330" s="6" t="s">
        <v>328</v>
      </c>
      <c r="F1330" s="11">
        <v>414</v>
      </c>
      <c r="G1330" s="13">
        <v>6.10349402919E-2</v>
      </c>
      <c r="H1330" s="11">
        <v>169.81244933000016</v>
      </c>
      <c r="I1330" s="13">
        <v>2.5035078227054915E-2</v>
      </c>
      <c r="J1330" s="11">
        <v>-784.84658144000059</v>
      </c>
      <c r="K1330" s="13">
        <v>-0.11288220123813716</v>
      </c>
      <c r="L1330" s="11">
        <v>1029.3022398500007</v>
      </c>
      <c r="M1330" s="13">
        <v>0.16687924404531587</v>
      </c>
      <c r="N1330" s="11">
        <v>244.45565841000007</v>
      </c>
      <c r="O1330" s="13">
        <v>3.5159346398387144E-2</v>
      </c>
      <c r="P1330" s="7">
        <v>6782.9805758900002</v>
      </c>
      <c r="Q1330" s="7">
        <v>6933.49128423</v>
      </c>
      <c r="R1330" s="7">
        <v>6888.3526762800002</v>
      </c>
      <c r="S1330" s="7">
        <v>7055.7760178099998</v>
      </c>
      <c r="T1330" s="7">
        <v>6724.3984908700004</v>
      </c>
      <c r="U1330" s="7">
        <v>6826.1344938599996</v>
      </c>
      <c r="V1330" s="7">
        <v>6952.7930252200003</v>
      </c>
      <c r="W1330" s="7">
        <v>6806.1846925199998</v>
      </c>
      <c r="X1330" s="7">
        <v>6715.8442951099996</v>
      </c>
      <c r="Y1330" s="7">
        <v>6167.9464437799998</v>
      </c>
      <c r="Z1330" s="7">
        <v>6248.9351970799999</v>
      </c>
      <c r="AA1330" s="7">
        <v>6341.8265780299998</v>
      </c>
      <c r="AB1330" s="7">
        <v>6432.4353879199998</v>
      </c>
      <c r="AC1330" s="7">
        <v>6450.25456244</v>
      </c>
      <c r="AD1330" s="7">
        <v>6907.4200086600003</v>
      </c>
      <c r="AE1330" s="7">
        <v>7050.3331839499997</v>
      </c>
      <c r="AF1330" s="7">
        <v>7197.2486836300004</v>
      </c>
      <c r="AG1330" s="9">
        <v>15746.286435299997</v>
      </c>
      <c r="AH1330" s="13">
        <v>0.45196497442073347</v>
      </c>
      <c r="AI1330" s="9">
        <v>5043.7183478000006</v>
      </c>
      <c r="AJ1330" s="13">
        <v>0.14476962828127168</v>
      </c>
      <c r="AK1330" s="9">
        <v>3191.8793368999977</v>
      </c>
      <c r="AL1330" s="13">
        <v>8.0030402155008395E-2</v>
      </c>
      <c r="AM1330" s="9">
        <v>7510.6887505999985</v>
      </c>
      <c r="AN1330" s="13">
        <v>0.17436219114681559</v>
      </c>
      <c r="AO1330" s="9">
        <v>10702.568087499996</v>
      </c>
      <c r="AP1330" s="13">
        <v>0.26834686957993209</v>
      </c>
      <c r="AQ1330" s="9">
        <v>34839.6166218</v>
      </c>
      <c r="AR1330" s="9">
        <v>34965.023700199999</v>
      </c>
      <c r="AS1330" s="9">
        <v>35814.257921600001</v>
      </c>
      <c r="AT1330" s="9">
        <v>36985.209678400002</v>
      </c>
      <c r="AU1330" s="9">
        <v>36940.395433700003</v>
      </c>
      <c r="AV1330" s="9">
        <v>38564.494309499998</v>
      </c>
      <c r="AW1330" s="9">
        <v>39883.3349696</v>
      </c>
      <c r="AX1330" s="9">
        <v>42284.161547399999</v>
      </c>
      <c r="AY1330" s="9">
        <v>42739.839243299997</v>
      </c>
      <c r="AZ1330" s="9">
        <v>43075.214306499998</v>
      </c>
      <c r="BA1330" s="9">
        <v>44376.907720299998</v>
      </c>
      <c r="BB1330" s="9">
        <v>45102.803395499999</v>
      </c>
      <c r="BC1330" s="9">
        <v>46668.181365700002</v>
      </c>
      <c r="BD1330" s="9">
        <v>48302.501403200004</v>
      </c>
      <c r="BE1330" s="9">
        <v>49875.489600399997</v>
      </c>
      <c r="BF1330" s="9">
        <v>50585.903057099997</v>
      </c>
      <c r="BG1330" s="11">
        <v>-37.5</v>
      </c>
      <c r="BH1330" s="13">
        <v>-7.1022727272727279E-2</v>
      </c>
      <c r="BI1330" s="6">
        <v>41</v>
      </c>
      <c r="BJ1330" s="13">
        <v>7.7651515151515152E-2</v>
      </c>
      <c r="BK1330" s="6">
        <v>-28</v>
      </c>
      <c r="BL1330" s="13">
        <v>-4.9209138840070298E-2</v>
      </c>
      <c r="BM1330" s="11">
        <v>-50.5</v>
      </c>
      <c r="BN1330" s="13">
        <v>-9.3345656192236601E-2</v>
      </c>
      <c r="BO1330" s="11">
        <v>-78.5</v>
      </c>
      <c r="BP1330" s="13">
        <v>-0.13796133567662566</v>
      </c>
      <c r="BQ1330" s="6">
        <v>528</v>
      </c>
      <c r="BR1330" s="6">
        <v>540</v>
      </c>
      <c r="BS1330" s="6">
        <v>552</v>
      </c>
      <c r="BT1330" s="6">
        <v>569</v>
      </c>
      <c r="BU1330" s="6">
        <v>564</v>
      </c>
      <c r="BV1330" s="6">
        <v>549</v>
      </c>
      <c r="BW1330" s="6">
        <v>541</v>
      </c>
      <c r="BX1330" s="6">
        <v>510</v>
      </c>
      <c r="BY1330" s="6">
        <v>501</v>
      </c>
      <c r="BZ1330" s="6">
        <v>486</v>
      </c>
      <c r="CA1330" s="6">
        <v>486</v>
      </c>
      <c r="CB1330" s="6">
        <v>487</v>
      </c>
      <c r="CC1330" s="11">
        <v>490.5</v>
      </c>
      <c r="CD1330" s="11">
        <v>-754.72699999999998</v>
      </c>
      <c r="CE1330" s="11">
        <v>427.53399999999999</v>
      </c>
      <c r="CF1330" s="11">
        <v>741.46100000000001</v>
      </c>
      <c r="CG1330" s="11">
        <v>1169</v>
      </c>
      <c r="CH1330" s="20">
        <v>1.2272000000000001</v>
      </c>
      <c r="CI1330" s="20">
        <v>1.2855700000000001</v>
      </c>
      <c r="CJ1330" s="20">
        <v>1.2707999999999999</v>
      </c>
      <c r="CK1330" s="20">
        <v>1.26261</v>
      </c>
      <c r="CL1330" s="20">
        <v>1.1765600000000001</v>
      </c>
      <c r="CM1330" s="20">
        <v>1.1663300000000001</v>
      </c>
      <c r="CN1330" s="20">
        <v>1.1707399999999999</v>
      </c>
      <c r="CO1330" s="20">
        <v>1.15916</v>
      </c>
      <c r="CP1330" s="20">
        <v>1.2159800000000001</v>
      </c>
      <c r="CQ1330" s="20">
        <v>1.1378999999999999</v>
      </c>
      <c r="CR1330" s="20">
        <v>1.1423300000000001</v>
      </c>
      <c r="CS1330" s="20">
        <v>1.14568</v>
      </c>
      <c r="CT1330" s="20">
        <v>1.1716500000000001</v>
      </c>
      <c r="CU1330" s="20">
        <v>1.1412800000000001</v>
      </c>
      <c r="CV1330" s="20">
        <v>1.1711499999999999</v>
      </c>
      <c r="CW1330" s="20">
        <v>1.16584</v>
      </c>
      <c r="CX1330" s="20">
        <v>1.16561</v>
      </c>
      <c r="CY1330" s="6"/>
      <c r="CZ1330" s="6"/>
      <c r="DA1330" s="6"/>
      <c r="DB1330" s="6"/>
      <c r="DC1330" s="6"/>
      <c r="DD1330" s="6"/>
      <c r="DE1330" s="6"/>
      <c r="DF1330" s="6"/>
      <c r="DG1330" s="6"/>
      <c r="DH1330" s="6"/>
      <c r="DI1330" s="6"/>
      <c r="DJ1330" s="6"/>
      <c r="DK1330" s="6"/>
      <c r="DL1330" s="6"/>
      <c r="DM1330" s="6"/>
      <c r="DN1330" s="6"/>
      <c r="DO1330" s="6"/>
      <c r="DP1330" s="6"/>
      <c r="DQ1330" s="6"/>
    </row>
    <row r="1331" spans="1:121" x14ac:dyDescent="0.2">
      <c r="A1331" s="6" t="s">
        <v>314</v>
      </c>
      <c r="B1331" s="6" t="s">
        <v>314</v>
      </c>
      <c r="C1331" s="6" t="s">
        <v>183</v>
      </c>
      <c r="D1331" s="6" t="s">
        <v>335</v>
      </c>
      <c r="E1331" s="6" t="s">
        <v>328</v>
      </c>
      <c r="F1331" s="11">
        <v>-709</v>
      </c>
      <c r="G1331" s="13">
        <v>-0.34350775193799998</v>
      </c>
      <c r="H1331" s="11">
        <v>180.94464325000035</v>
      </c>
      <c r="I1331" s="13">
        <v>8.7647546214459707E-2</v>
      </c>
      <c r="J1331" s="11">
        <v>-227.79239389000008</v>
      </c>
      <c r="K1331" s="13">
        <v>-0.10144836818171687</v>
      </c>
      <c r="L1331" s="11">
        <v>-662.46133269999996</v>
      </c>
      <c r="M1331" s="13">
        <v>-0.32833965972816581</v>
      </c>
      <c r="N1331" s="11">
        <v>-890.25372659000004</v>
      </c>
      <c r="O1331" s="13">
        <v>-0.3964785052211201</v>
      </c>
      <c r="P1331" s="7">
        <v>2064.4576039499998</v>
      </c>
      <c r="Q1331" s="7">
        <v>2081.3021081699999</v>
      </c>
      <c r="R1331" s="7">
        <v>1949.0897230400001</v>
      </c>
      <c r="S1331" s="7">
        <v>1974.4379066500001</v>
      </c>
      <c r="T1331" s="7">
        <v>2040.7908625</v>
      </c>
      <c r="U1331" s="7">
        <v>2024.3248318399999</v>
      </c>
      <c r="V1331" s="7">
        <v>2245.4022472000001</v>
      </c>
      <c r="W1331" s="7">
        <v>2091.6053847200001</v>
      </c>
      <c r="X1331" s="7">
        <v>2082.7049529699998</v>
      </c>
      <c r="Y1331" s="7">
        <v>2017.6098533100001</v>
      </c>
      <c r="Z1331" s="7">
        <v>1828.5841021399999</v>
      </c>
      <c r="AA1331" s="7">
        <v>1675.77095313</v>
      </c>
      <c r="AB1331" s="7">
        <v>2023.21770984</v>
      </c>
      <c r="AC1331" s="7">
        <v>1940.1025952699999</v>
      </c>
      <c r="AD1331" s="7">
        <v>1482.61246996</v>
      </c>
      <c r="AE1331" s="7">
        <v>1370.42171029</v>
      </c>
      <c r="AF1331" s="7">
        <v>1355.1485206100001</v>
      </c>
      <c r="AG1331" s="9">
        <v>22063.2342431</v>
      </c>
      <c r="AH1331" s="13">
        <v>0.62107413906235809</v>
      </c>
      <c r="AI1331" s="9">
        <v>10146.162040200004</v>
      </c>
      <c r="AJ1331" s="13">
        <v>0.28561174596943412</v>
      </c>
      <c r="AK1331" s="9">
        <v>6180.4306050999949</v>
      </c>
      <c r="AL1331" s="13">
        <v>0.13532660072766553</v>
      </c>
      <c r="AM1331" s="9">
        <v>5736.6415978000005</v>
      </c>
      <c r="AN1331" s="13">
        <v>0.11063724243232539</v>
      </c>
      <c r="AO1331" s="9">
        <v>11917.072202899995</v>
      </c>
      <c r="AP1331" s="13">
        <v>0.26093600509224019</v>
      </c>
      <c r="AQ1331" s="9">
        <v>35524.316430899999</v>
      </c>
      <c r="AR1331" s="9">
        <v>37083.0519891</v>
      </c>
      <c r="AS1331" s="9">
        <v>38893.344449700002</v>
      </c>
      <c r="AT1331" s="9">
        <v>40079.441375499999</v>
      </c>
      <c r="AU1331" s="9">
        <v>42111.590940000002</v>
      </c>
      <c r="AV1331" s="9">
        <v>43945.971170500001</v>
      </c>
      <c r="AW1331" s="9">
        <v>45670.478471100003</v>
      </c>
      <c r="AX1331" s="9">
        <v>49309.4596963</v>
      </c>
      <c r="AY1331" s="9">
        <v>51648.400113999996</v>
      </c>
      <c r="AZ1331" s="9">
        <v>51850.909076199998</v>
      </c>
      <c r="BA1331" s="9">
        <v>57719.7127291</v>
      </c>
      <c r="BB1331" s="9">
        <v>59523.385955799997</v>
      </c>
      <c r="BC1331" s="9">
        <v>56081.109452299999</v>
      </c>
      <c r="BD1331" s="9">
        <v>55943.596454999999</v>
      </c>
      <c r="BE1331" s="9">
        <v>59634.118525099999</v>
      </c>
      <c r="BF1331" s="9">
        <v>57587.550673999998</v>
      </c>
      <c r="BG1331" s="11">
        <v>-32.5</v>
      </c>
      <c r="BH1331" s="13">
        <v>-0.18895348837209303</v>
      </c>
      <c r="BI1331" s="6">
        <v>-4</v>
      </c>
      <c r="BJ1331" s="13">
        <v>-2.3255813953488372E-2</v>
      </c>
      <c r="BK1331" s="6">
        <v>-13</v>
      </c>
      <c r="BL1331" s="13">
        <v>-7.7380952380952384E-2</v>
      </c>
      <c r="BM1331" s="11">
        <v>-15.5</v>
      </c>
      <c r="BN1331" s="13">
        <v>-0.1</v>
      </c>
      <c r="BO1331" s="11">
        <v>-28.5</v>
      </c>
      <c r="BP1331" s="13">
        <v>-0.16964285714285715</v>
      </c>
      <c r="BQ1331" s="6">
        <v>172</v>
      </c>
      <c r="BR1331" s="6">
        <v>166</v>
      </c>
      <c r="BS1331" s="6">
        <v>162</v>
      </c>
      <c r="BT1331" s="6">
        <v>168</v>
      </c>
      <c r="BU1331" s="6">
        <v>168</v>
      </c>
      <c r="BV1331" s="6">
        <v>163</v>
      </c>
      <c r="BW1331" s="6">
        <v>155</v>
      </c>
      <c r="BX1331" s="6">
        <v>152</v>
      </c>
      <c r="BY1331" s="6">
        <v>154</v>
      </c>
      <c r="BZ1331" s="6">
        <v>148</v>
      </c>
      <c r="CA1331" s="6">
        <v>148</v>
      </c>
      <c r="CB1331" s="6">
        <v>140</v>
      </c>
      <c r="CC1331" s="11">
        <v>139.5</v>
      </c>
      <c r="CD1331" s="11">
        <v>-302.65499999999997</v>
      </c>
      <c r="CE1331" s="11">
        <v>-632.32399999999996</v>
      </c>
      <c r="CF1331" s="11">
        <v>225.67</v>
      </c>
      <c r="CG1331" s="11">
        <v>-406</v>
      </c>
      <c r="CH1331" s="20">
        <v>0.47430899999999998</v>
      </c>
      <c r="CI1331" s="20">
        <v>0.50387400000000004</v>
      </c>
      <c r="CJ1331" s="20">
        <v>0.49023699999999998</v>
      </c>
      <c r="CK1331" s="20">
        <v>0.50207900000000005</v>
      </c>
      <c r="CL1331" s="20">
        <v>0.52665300000000004</v>
      </c>
      <c r="CM1331" s="20">
        <v>0.52534599999999998</v>
      </c>
      <c r="CN1331" s="20">
        <v>0.58741600000000005</v>
      </c>
      <c r="CO1331" s="20">
        <v>0.55825199999999997</v>
      </c>
      <c r="CP1331" s="20">
        <v>0.58817299999999995</v>
      </c>
      <c r="CQ1331" s="20">
        <v>0.59550199999999998</v>
      </c>
      <c r="CR1331" s="20">
        <v>0.554697</v>
      </c>
      <c r="CS1331" s="20">
        <v>0.51250899999999999</v>
      </c>
      <c r="CT1331" s="20">
        <v>0.630359</v>
      </c>
      <c r="CU1331" s="20">
        <v>0.59977199999999997</v>
      </c>
      <c r="CV1331" s="20">
        <v>0.45525100000000002</v>
      </c>
      <c r="CW1331" s="20">
        <v>0.41487400000000002</v>
      </c>
      <c r="CX1331" s="20">
        <v>0.40687299999999998</v>
      </c>
      <c r="CY1331" s="6"/>
      <c r="CZ1331" s="6"/>
      <c r="DA1331" s="6"/>
      <c r="DB1331" s="6"/>
      <c r="DC1331" s="6"/>
      <c r="DD1331" s="6"/>
      <c r="DE1331" s="6"/>
      <c r="DF1331" s="6"/>
      <c r="DG1331" s="6"/>
      <c r="DH1331" s="6"/>
      <c r="DI1331" s="6"/>
      <c r="DJ1331" s="6"/>
      <c r="DK1331" s="6"/>
      <c r="DL1331" s="6"/>
      <c r="DM1331" s="6"/>
      <c r="DN1331" s="6"/>
      <c r="DO1331" s="6"/>
      <c r="DP1331" s="6"/>
      <c r="DQ1331" s="6"/>
    </row>
    <row r="1332" spans="1:121" x14ac:dyDescent="0.2">
      <c r="A1332" s="6" t="s">
        <v>315</v>
      </c>
      <c r="B1332" s="6" t="s">
        <v>315</v>
      </c>
      <c r="C1332" s="6" t="s">
        <v>184</v>
      </c>
      <c r="D1332" s="6" t="s">
        <v>335</v>
      </c>
      <c r="E1332" s="6" t="s">
        <v>328</v>
      </c>
      <c r="F1332" s="11">
        <v>406</v>
      </c>
      <c r="G1332" s="13">
        <v>9.3764434180099998E-2</v>
      </c>
      <c r="H1332" s="11">
        <v>833.40408079999997</v>
      </c>
      <c r="I1332" s="13">
        <v>0.19245406064102979</v>
      </c>
      <c r="J1332" s="11">
        <v>-98.526240240000334</v>
      </c>
      <c r="K1332" s="13">
        <v>-1.9080146711855348E-2</v>
      </c>
      <c r="L1332" s="11">
        <v>-329.19716522999988</v>
      </c>
      <c r="M1332" s="13">
        <v>-6.4990871634461767E-2</v>
      </c>
      <c r="N1332" s="11">
        <v>-427.72340547000022</v>
      </c>
      <c r="O1332" s="13">
        <v>-8.2830982980600223E-2</v>
      </c>
      <c r="P1332" s="7">
        <v>4330.4052823000002</v>
      </c>
      <c r="Q1332" s="7">
        <v>4566.3677244500004</v>
      </c>
      <c r="R1332" s="7">
        <v>4730.1392353299998</v>
      </c>
      <c r="S1332" s="7">
        <v>4860.85369369</v>
      </c>
      <c r="T1332" s="7">
        <v>5001.82589173</v>
      </c>
      <c r="U1332" s="7">
        <v>5135.0527159100002</v>
      </c>
      <c r="V1332" s="7">
        <v>5163.8093631000002</v>
      </c>
      <c r="W1332" s="7">
        <v>5082.0330114199996</v>
      </c>
      <c r="X1332" s="7">
        <v>5084.7717681399999</v>
      </c>
      <c r="Y1332" s="7">
        <v>5065.2831228599998</v>
      </c>
      <c r="Z1332" s="7">
        <v>4964.0987529100003</v>
      </c>
      <c r="AA1332" s="7">
        <v>4836.4195182000003</v>
      </c>
      <c r="AB1332" s="7">
        <v>4755.4332283499998</v>
      </c>
      <c r="AC1332" s="7">
        <v>4746.00987093</v>
      </c>
      <c r="AD1332" s="7">
        <v>4698.5226495099996</v>
      </c>
      <c r="AE1332" s="7">
        <v>4721.1257929399999</v>
      </c>
      <c r="AF1332" s="7">
        <v>4736.0859576299999</v>
      </c>
      <c r="AG1332" s="9">
        <v>14834.192478899997</v>
      </c>
      <c r="AH1332" s="13">
        <v>0.41324543994174184</v>
      </c>
      <c r="AI1332" s="9">
        <v>5662.2831236999991</v>
      </c>
      <c r="AJ1332" s="13">
        <v>0.15773778612191897</v>
      </c>
      <c r="AK1332" s="9">
        <v>2699.1903272999989</v>
      </c>
      <c r="AL1332" s="13">
        <v>6.4948251098791224E-2</v>
      </c>
      <c r="AM1332" s="9">
        <v>6472.7190278999988</v>
      </c>
      <c r="AN1332" s="13">
        <v>0.14624876344287349</v>
      </c>
      <c r="AO1332" s="9">
        <v>9171.9093551999977</v>
      </c>
      <c r="AP1332" s="13">
        <v>0.22069561595264017</v>
      </c>
      <c r="AQ1332" s="9">
        <v>35896.808639900002</v>
      </c>
      <c r="AR1332" s="9">
        <v>36413.098002699997</v>
      </c>
      <c r="AS1332" s="9">
        <v>36110.948021199998</v>
      </c>
      <c r="AT1332" s="9">
        <v>37413.389775600001</v>
      </c>
      <c r="AU1332" s="9">
        <v>39447.031206300002</v>
      </c>
      <c r="AV1332" s="9">
        <v>40583.352176400003</v>
      </c>
      <c r="AW1332" s="9">
        <v>41559.091763600001</v>
      </c>
      <c r="AX1332" s="9">
        <v>43596.534149500003</v>
      </c>
      <c r="AY1332" s="9">
        <v>42658.343521299998</v>
      </c>
      <c r="AZ1332" s="9">
        <v>44258.2820909</v>
      </c>
      <c r="BA1332" s="9">
        <v>46350.513346400003</v>
      </c>
      <c r="BB1332" s="9">
        <v>46758.931451999997</v>
      </c>
      <c r="BC1332" s="9">
        <v>47486.654631400001</v>
      </c>
      <c r="BD1332" s="9">
        <v>48920.591265800002</v>
      </c>
      <c r="BE1332" s="9">
        <v>49382.541527100002</v>
      </c>
      <c r="BF1332" s="9">
        <v>50731.001118799999</v>
      </c>
      <c r="BG1332" s="11">
        <v>63.5</v>
      </c>
      <c r="BH1332" s="13">
        <v>9.9218749999999994E-2</v>
      </c>
      <c r="BI1332" s="6">
        <v>58</v>
      </c>
      <c r="BJ1332" s="13">
        <v>9.0624999999999997E-2</v>
      </c>
      <c r="BK1332" s="6">
        <v>27</v>
      </c>
      <c r="BL1332" s="13">
        <v>3.8681948424068767E-2</v>
      </c>
      <c r="BM1332" s="11">
        <v>-21.5</v>
      </c>
      <c r="BN1332" s="13">
        <v>-2.9655172413793104E-2</v>
      </c>
      <c r="BO1332" s="11">
        <v>5.5</v>
      </c>
      <c r="BP1332" s="13">
        <v>7.8796561604584526E-3</v>
      </c>
      <c r="BQ1332" s="6">
        <v>640</v>
      </c>
      <c r="BR1332" s="6">
        <v>648</v>
      </c>
      <c r="BS1332" s="6">
        <v>678</v>
      </c>
      <c r="BT1332" s="6">
        <v>698</v>
      </c>
      <c r="BU1332" s="6">
        <v>695</v>
      </c>
      <c r="BV1332" s="6">
        <v>706</v>
      </c>
      <c r="BW1332" s="6">
        <v>725</v>
      </c>
      <c r="BX1332" s="6">
        <v>711</v>
      </c>
      <c r="BY1332" s="6">
        <v>717</v>
      </c>
      <c r="BZ1332" s="6">
        <v>714</v>
      </c>
      <c r="CA1332" s="6">
        <v>722</v>
      </c>
      <c r="CB1332" s="6">
        <v>722</v>
      </c>
      <c r="CC1332" s="11">
        <v>703.5</v>
      </c>
      <c r="CD1332" s="11">
        <v>276.75700000000001</v>
      </c>
      <c r="CE1332" s="11">
        <v>-344.44099999999997</v>
      </c>
      <c r="CF1332" s="11">
        <v>473.36500000000001</v>
      </c>
      <c r="CG1332" s="11">
        <v>129</v>
      </c>
      <c r="CH1332" s="20">
        <v>0.60993299999999995</v>
      </c>
      <c r="CI1332" s="20">
        <v>0.642262</v>
      </c>
      <c r="CJ1332" s="20">
        <v>0.64485800000000004</v>
      </c>
      <c r="CK1332" s="20">
        <v>0.65135399999999999</v>
      </c>
      <c r="CL1332" s="20">
        <v>0.66028799999999999</v>
      </c>
      <c r="CM1332" s="20">
        <v>0.66664500000000004</v>
      </c>
      <c r="CN1332" s="20">
        <v>0.67519099999999999</v>
      </c>
      <c r="CO1332" s="20">
        <v>0.68393099999999996</v>
      </c>
      <c r="CP1332" s="20">
        <v>0.71098600000000001</v>
      </c>
      <c r="CQ1332" s="20">
        <v>0.72895600000000005</v>
      </c>
      <c r="CR1332" s="20">
        <v>0.72307100000000002</v>
      </c>
      <c r="CS1332" s="20">
        <v>0.70518199999999998</v>
      </c>
      <c r="CT1332" s="20">
        <v>0.70888200000000001</v>
      </c>
      <c r="CU1332" s="20">
        <v>0.70874999999999999</v>
      </c>
      <c r="CV1332" s="20">
        <v>0.69140100000000004</v>
      </c>
      <c r="CW1332" s="20">
        <v>0.68712700000000004</v>
      </c>
      <c r="CX1332" s="20">
        <v>0.67979199999999995</v>
      </c>
      <c r="CY1332" s="6"/>
      <c r="CZ1332" s="6"/>
      <c r="DA1332" s="6"/>
      <c r="DB1332" s="6"/>
      <c r="DC1332" s="6"/>
      <c r="DD1332" s="6"/>
      <c r="DE1332" s="6"/>
      <c r="DF1332" s="6"/>
      <c r="DG1332" s="6"/>
      <c r="DH1332" s="6"/>
      <c r="DI1332" s="6"/>
      <c r="DJ1332" s="6"/>
      <c r="DK1332" s="6"/>
      <c r="DL1332" s="6"/>
      <c r="DM1332" s="6"/>
      <c r="DN1332" s="6"/>
      <c r="DO1332" s="6"/>
      <c r="DP1332" s="6"/>
      <c r="DQ1332" s="6"/>
    </row>
    <row r="1333" spans="1:121" x14ac:dyDescent="0.2">
      <c r="A1333" s="6" t="s">
        <v>316</v>
      </c>
      <c r="B1333" s="6" t="s">
        <v>316</v>
      </c>
      <c r="C1333" s="6" t="s">
        <v>185</v>
      </c>
      <c r="D1333" s="6" t="s">
        <v>335</v>
      </c>
      <c r="E1333" s="6" t="s">
        <v>328</v>
      </c>
      <c r="F1333" s="11">
        <v>78</v>
      </c>
      <c r="G1333" s="13">
        <v>4.4217687074799998E-2</v>
      </c>
      <c r="H1333" s="11">
        <v>326.75877140999978</v>
      </c>
      <c r="I1333" s="13">
        <v>0.18527445473231799</v>
      </c>
      <c r="J1333" s="11">
        <v>-133.27709940999989</v>
      </c>
      <c r="K1333" s="13">
        <v>-6.3756563026574842E-2</v>
      </c>
      <c r="L1333" s="11">
        <v>-114.7192774199998</v>
      </c>
      <c r="M1333" s="13">
        <v>-5.8616108354223838E-2</v>
      </c>
      <c r="N1333" s="11">
        <v>-247.99637682999969</v>
      </c>
      <c r="O1333" s="13">
        <v>-0.11863550977414009</v>
      </c>
      <c r="P1333" s="7">
        <v>1763.64718969</v>
      </c>
      <c r="Q1333" s="7">
        <v>1733.8519162099999</v>
      </c>
      <c r="R1333" s="7">
        <v>1794.9140162000001</v>
      </c>
      <c r="S1333" s="7">
        <v>1903.12663625</v>
      </c>
      <c r="T1333" s="7">
        <v>1935.0592857900001</v>
      </c>
      <c r="U1333" s="7">
        <v>2065.8205178100002</v>
      </c>
      <c r="V1333" s="7">
        <v>2090.4059610999998</v>
      </c>
      <c r="W1333" s="7">
        <v>1997.68949144</v>
      </c>
      <c r="X1333" s="7">
        <v>1851.5915373</v>
      </c>
      <c r="Y1333" s="7">
        <v>1957.1288616899999</v>
      </c>
      <c r="Z1333" s="7">
        <v>1566.8049538400001</v>
      </c>
      <c r="AA1333" s="7">
        <v>1503.0012065200001</v>
      </c>
      <c r="AB1333" s="7">
        <v>1488.9810858000001</v>
      </c>
      <c r="AC1333" s="7">
        <v>1524.89616572</v>
      </c>
      <c r="AD1333" s="7">
        <v>1509.1390282100001</v>
      </c>
      <c r="AE1333" s="7">
        <v>1800.6463227900001</v>
      </c>
      <c r="AF1333" s="7">
        <v>1842.4095842700001</v>
      </c>
      <c r="AG1333" s="9">
        <v>8733.9135655999999</v>
      </c>
      <c r="AH1333" s="13">
        <v>0.4229699250840453</v>
      </c>
      <c r="AI1333" s="9">
        <v>2506.709356899999</v>
      </c>
      <c r="AJ1333" s="13">
        <v>0.12139605698314808</v>
      </c>
      <c r="AK1333" s="9">
        <v>994.60321739999927</v>
      </c>
      <c r="AL1333" s="13">
        <v>4.2952795444945263E-2</v>
      </c>
      <c r="AM1333" s="9">
        <v>5232.6009913000016</v>
      </c>
      <c r="AN1333" s="13">
        <v>0.21666788332524065</v>
      </c>
      <c r="AO1333" s="9">
        <v>6227.2042087000009</v>
      </c>
      <c r="AP1333" s="13">
        <v>0.26892717004214423</v>
      </c>
      <c r="AQ1333" s="9">
        <v>20649.0179269</v>
      </c>
      <c r="AR1333" s="9">
        <v>21865.749667200002</v>
      </c>
      <c r="AS1333" s="9">
        <v>22053.0305821</v>
      </c>
      <c r="AT1333" s="9">
        <v>22240.432028300002</v>
      </c>
      <c r="AU1333" s="9">
        <v>23083.138115099999</v>
      </c>
      <c r="AV1333" s="9">
        <v>23172.722607899999</v>
      </c>
      <c r="AW1333" s="9">
        <v>23155.727283799999</v>
      </c>
      <c r="AX1333" s="9">
        <v>23816.894099699999</v>
      </c>
      <c r="AY1333" s="9">
        <v>24136.310118599999</v>
      </c>
      <c r="AZ1333" s="9">
        <v>24150.330501199998</v>
      </c>
      <c r="BA1333" s="9">
        <v>26213.885236499998</v>
      </c>
      <c r="BB1333" s="9">
        <v>27515.003635199999</v>
      </c>
      <c r="BC1333" s="9">
        <v>28648.654771900001</v>
      </c>
      <c r="BD1333" s="9">
        <v>29563.592485599998</v>
      </c>
      <c r="BE1333" s="9">
        <v>30617.507753599999</v>
      </c>
      <c r="BF1333" s="9">
        <v>29382.9314925</v>
      </c>
      <c r="BG1333" s="11">
        <v>-97</v>
      </c>
      <c r="BH1333" s="13">
        <v>-0.24189526184538654</v>
      </c>
      <c r="BI1333" s="6">
        <v>2</v>
      </c>
      <c r="BJ1333" s="13">
        <v>4.9875311720698253E-3</v>
      </c>
      <c r="BK1333" s="6">
        <v>-47</v>
      </c>
      <c r="BL1333" s="13">
        <v>-0.11662531017369727</v>
      </c>
      <c r="BM1333" s="11">
        <v>-52</v>
      </c>
      <c r="BN1333" s="13">
        <v>-0.14606741573033707</v>
      </c>
      <c r="BO1333" s="11">
        <v>-99</v>
      </c>
      <c r="BP1333" s="13">
        <v>-0.24565756823821339</v>
      </c>
      <c r="BQ1333" s="6">
        <v>401</v>
      </c>
      <c r="BR1333" s="6">
        <v>400</v>
      </c>
      <c r="BS1333" s="6">
        <v>408</v>
      </c>
      <c r="BT1333" s="6">
        <v>403</v>
      </c>
      <c r="BU1333" s="6">
        <v>387</v>
      </c>
      <c r="BV1333" s="6">
        <v>365</v>
      </c>
      <c r="BW1333" s="6">
        <v>356</v>
      </c>
      <c r="BX1333" s="6">
        <v>316</v>
      </c>
      <c r="BY1333" s="6">
        <v>305</v>
      </c>
      <c r="BZ1333" s="6">
        <v>302</v>
      </c>
      <c r="CA1333" s="6">
        <v>300</v>
      </c>
      <c r="CB1333" s="6">
        <v>308</v>
      </c>
      <c r="CC1333" s="11">
        <v>304</v>
      </c>
      <c r="CD1333" s="11">
        <v>-24.5717</v>
      </c>
      <c r="CE1333" s="11">
        <v>-89.453800000000001</v>
      </c>
      <c r="CF1333" s="11">
        <v>192.78800000000001</v>
      </c>
      <c r="CG1333" s="11">
        <v>104</v>
      </c>
      <c r="CH1333" s="20">
        <v>0.60368299999999997</v>
      </c>
      <c r="CI1333" s="20">
        <v>0.58761099999999999</v>
      </c>
      <c r="CJ1333" s="20">
        <v>0.587951</v>
      </c>
      <c r="CK1333" s="20">
        <v>0.59940800000000005</v>
      </c>
      <c r="CL1333" s="20">
        <v>0.589453</v>
      </c>
      <c r="CM1333" s="20">
        <v>0.62107299999999999</v>
      </c>
      <c r="CN1333" s="20">
        <v>0.63548199999999999</v>
      </c>
      <c r="CO1333" s="20">
        <v>0.62695800000000002</v>
      </c>
      <c r="CP1333" s="20">
        <v>0.61472499999999997</v>
      </c>
      <c r="CQ1333" s="20">
        <v>0.68227700000000002</v>
      </c>
      <c r="CR1333" s="20">
        <v>0.56037700000000001</v>
      </c>
      <c r="CS1333" s="20">
        <v>0.53677399999999997</v>
      </c>
      <c r="CT1333" s="20">
        <v>0.53855600000000003</v>
      </c>
      <c r="CU1333" s="20">
        <v>0.54001900000000003</v>
      </c>
      <c r="CV1333" s="20">
        <v>0.52355099999999999</v>
      </c>
      <c r="CW1333" s="20">
        <v>0.61874200000000001</v>
      </c>
      <c r="CX1333" s="20">
        <v>0.62517199999999995</v>
      </c>
      <c r="CY1333" s="6"/>
      <c r="CZ1333" s="6"/>
      <c r="DA1333" s="6"/>
      <c r="DB1333" s="6"/>
      <c r="DC1333" s="6"/>
      <c r="DD1333" s="6"/>
      <c r="DE1333" s="6"/>
      <c r="DF1333" s="6"/>
      <c r="DG1333" s="6"/>
      <c r="DH1333" s="6"/>
      <c r="DI1333" s="6"/>
      <c r="DJ1333" s="6"/>
      <c r="DK1333" s="6"/>
      <c r="DL1333" s="6"/>
      <c r="DM1333" s="6"/>
      <c r="DN1333" s="6"/>
      <c r="DO1333" s="6"/>
      <c r="DP1333" s="6"/>
      <c r="DQ1333" s="6"/>
    </row>
    <row r="1334" spans="1:121" x14ac:dyDescent="0.2">
      <c r="A1334" s="6" t="s">
        <v>317</v>
      </c>
      <c r="B1334" s="6" t="s">
        <v>317</v>
      </c>
      <c r="C1334" s="6" t="s">
        <v>186</v>
      </c>
      <c r="D1334" s="6" t="s">
        <v>335</v>
      </c>
      <c r="E1334" s="6" t="s">
        <v>328</v>
      </c>
      <c r="F1334" s="11">
        <v>1816</v>
      </c>
      <c r="G1334" s="13">
        <v>0.67035806570699996</v>
      </c>
      <c r="H1334" s="11">
        <v>719.95723279000003</v>
      </c>
      <c r="I1334" s="13">
        <v>0.2657955634680137</v>
      </c>
      <c r="J1334" s="11">
        <v>-178.54557350000005</v>
      </c>
      <c r="K1334" s="13">
        <v>-5.2074672466818926E-2</v>
      </c>
      <c r="L1334" s="11">
        <v>1275.3314706299998</v>
      </c>
      <c r="M1334" s="13">
        <v>0.39239765991307674</v>
      </c>
      <c r="N1334" s="11">
        <v>1096.7858971299997</v>
      </c>
      <c r="O1334" s="13">
        <v>0.31988900782953816</v>
      </c>
      <c r="P1334" s="7">
        <v>2708.6879231399998</v>
      </c>
      <c r="Q1334" s="7">
        <v>2946.3784643700001</v>
      </c>
      <c r="R1334" s="7">
        <v>3031.2970188300001</v>
      </c>
      <c r="S1334" s="7">
        <v>3175.7270429700002</v>
      </c>
      <c r="T1334" s="7">
        <v>3340.42985318</v>
      </c>
      <c r="U1334" s="7">
        <v>3374.0728504799999</v>
      </c>
      <c r="V1334" s="7">
        <v>3428.6451559299999</v>
      </c>
      <c r="W1334" s="7">
        <v>3453.1669887399999</v>
      </c>
      <c r="X1334" s="7">
        <v>3364.1245668900001</v>
      </c>
      <c r="Y1334" s="7">
        <v>3250.0995824299998</v>
      </c>
      <c r="Z1334" s="7">
        <v>3286.30394961</v>
      </c>
      <c r="AA1334" s="7">
        <v>3638.3635698500002</v>
      </c>
      <c r="AB1334" s="7">
        <v>3875.2383620700002</v>
      </c>
      <c r="AC1334" s="7">
        <v>4052.2167661499998</v>
      </c>
      <c r="AD1334" s="7">
        <v>4171.2119887700001</v>
      </c>
      <c r="AE1334" s="7">
        <v>4346.2086014099996</v>
      </c>
      <c r="AF1334" s="7">
        <v>4525.4310530599996</v>
      </c>
      <c r="AG1334" s="9">
        <v>14377.222573300001</v>
      </c>
      <c r="AH1334" s="13">
        <v>0.46445187613695632</v>
      </c>
      <c r="AI1334" s="9">
        <v>6037.0380134000006</v>
      </c>
      <c r="AJ1334" s="13">
        <v>0.19502470782089121</v>
      </c>
      <c r="AK1334" s="9">
        <v>1359.4784843999951</v>
      </c>
      <c r="AL1334" s="13">
        <v>3.6750324606942261E-2</v>
      </c>
      <c r="AM1334" s="9">
        <v>6980.7060755000057</v>
      </c>
      <c r="AN1334" s="13">
        <v>0.18201786379339177</v>
      </c>
      <c r="AO1334" s="9">
        <v>8340.1845599000007</v>
      </c>
      <c r="AP1334" s="13">
        <v>0.22545740397900335</v>
      </c>
      <c r="AQ1334" s="9">
        <v>30955.247060000002</v>
      </c>
      <c r="AR1334" s="9">
        <v>32966.342919199997</v>
      </c>
      <c r="AS1334" s="9">
        <v>34271.314812999997</v>
      </c>
      <c r="AT1334" s="9">
        <v>33713.578332899997</v>
      </c>
      <c r="AU1334" s="9">
        <v>34840.646835799998</v>
      </c>
      <c r="AV1334" s="9">
        <v>36922.605314300003</v>
      </c>
      <c r="AW1334" s="9">
        <v>36992.285073400002</v>
      </c>
      <c r="AX1334" s="9">
        <v>38014.953543199998</v>
      </c>
      <c r="AY1334" s="9">
        <v>37398.414093599997</v>
      </c>
      <c r="AZ1334" s="9">
        <v>38351.763557799997</v>
      </c>
      <c r="BA1334" s="9">
        <v>40871.670748800003</v>
      </c>
      <c r="BB1334" s="9">
        <v>41279.305620799998</v>
      </c>
      <c r="BC1334" s="9">
        <v>42611.907554799996</v>
      </c>
      <c r="BD1334" s="9">
        <v>43351.503226499997</v>
      </c>
      <c r="BE1334" s="9">
        <v>44097.796167599998</v>
      </c>
      <c r="BF1334" s="9">
        <v>45332.469633300003</v>
      </c>
      <c r="BG1334" s="11">
        <v>82.75</v>
      </c>
      <c r="BH1334" s="13">
        <v>0.13677685950413224</v>
      </c>
      <c r="BI1334" s="6">
        <v>37</v>
      </c>
      <c r="BJ1334" s="13">
        <v>6.1157024793388429E-2</v>
      </c>
      <c r="BK1334" s="6">
        <v>25</v>
      </c>
      <c r="BL1334" s="13">
        <v>3.8940809968847349E-2</v>
      </c>
      <c r="BM1334" s="11">
        <v>20.75</v>
      </c>
      <c r="BN1334" s="13">
        <v>3.1109445277361321E-2</v>
      </c>
      <c r="BO1334" s="11">
        <v>45.75</v>
      </c>
      <c r="BP1334" s="13">
        <v>7.1261682242990648E-2</v>
      </c>
      <c r="BQ1334" s="6">
        <v>605</v>
      </c>
      <c r="BR1334" s="6">
        <v>626</v>
      </c>
      <c r="BS1334" s="6">
        <v>635</v>
      </c>
      <c r="BT1334" s="6">
        <v>642</v>
      </c>
      <c r="BU1334" s="6">
        <v>670</v>
      </c>
      <c r="BV1334" s="6">
        <v>664</v>
      </c>
      <c r="BW1334" s="6">
        <v>667</v>
      </c>
      <c r="BX1334" s="6">
        <v>647</v>
      </c>
      <c r="BY1334" s="6">
        <v>650</v>
      </c>
      <c r="BZ1334" s="6">
        <v>674</v>
      </c>
      <c r="CA1334" s="6">
        <v>670</v>
      </c>
      <c r="CB1334" s="6">
        <v>695</v>
      </c>
      <c r="CC1334" s="11">
        <v>687.75</v>
      </c>
      <c r="CD1334" s="11">
        <v>978.63699999999994</v>
      </c>
      <c r="CE1334" s="11">
        <v>542.01400000000001</v>
      </c>
      <c r="CF1334" s="11">
        <v>296.09199999999998</v>
      </c>
      <c r="CG1334" s="11">
        <v>838</v>
      </c>
      <c r="CH1334" s="20">
        <v>0.29139199999999998</v>
      </c>
      <c r="CI1334" s="20">
        <v>0.32183299999999998</v>
      </c>
      <c r="CJ1334" s="20">
        <v>0.32636199999999999</v>
      </c>
      <c r="CK1334" s="20">
        <v>0.331399</v>
      </c>
      <c r="CL1334" s="20">
        <v>0.33524199999999998</v>
      </c>
      <c r="CM1334" s="20">
        <v>0.32508500000000001</v>
      </c>
      <c r="CN1334" s="20">
        <v>0.32169300000000001</v>
      </c>
      <c r="CO1334" s="20">
        <v>0.31982300000000002</v>
      </c>
      <c r="CP1334" s="20">
        <v>0.32225300000000001</v>
      </c>
      <c r="CQ1334" s="20">
        <v>0.31529099999999999</v>
      </c>
      <c r="CR1334" s="20">
        <v>0.31627699999999997</v>
      </c>
      <c r="CS1334" s="20">
        <v>0.34386699999999998</v>
      </c>
      <c r="CT1334" s="20">
        <v>0.36731999999999998</v>
      </c>
      <c r="CU1334" s="20">
        <v>0.37596099999999999</v>
      </c>
      <c r="CV1334" s="20">
        <v>0.37619999999999998</v>
      </c>
      <c r="CW1334" s="20">
        <v>0.384465</v>
      </c>
      <c r="CX1334" s="20">
        <v>0.39016200000000001</v>
      </c>
      <c r="CY1334" s="6"/>
      <c r="CZ1334" s="6"/>
      <c r="DA1334" s="6"/>
      <c r="DB1334" s="6"/>
      <c r="DC1334" s="6"/>
      <c r="DD1334" s="6"/>
      <c r="DE1334" s="6"/>
      <c r="DF1334" s="6"/>
      <c r="DG1334" s="6"/>
      <c r="DH1334" s="6"/>
      <c r="DI1334" s="6"/>
      <c r="DJ1334" s="6"/>
      <c r="DK1334" s="6"/>
      <c r="DL1334" s="6"/>
      <c r="DM1334" s="6"/>
      <c r="DN1334" s="6"/>
      <c r="DO1334" s="6"/>
      <c r="DP1334" s="6"/>
      <c r="DQ1334" s="6"/>
    </row>
    <row r="1335" spans="1:121" x14ac:dyDescent="0.2">
      <c r="A1335" s="6" t="s">
        <v>318</v>
      </c>
      <c r="B1335" s="6" t="s">
        <v>318</v>
      </c>
      <c r="C1335" s="6" t="s">
        <v>187</v>
      </c>
      <c r="D1335" s="6" t="s">
        <v>335</v>
      </c>
      <c r="E1335" s="6" t="s">
        <v>328</v>
      </c>
      <c r="F1335" s="11">
        <v>-320</v>
      </c>
      <c r="G1335" s="13">
        <v>-0.316518298714</v>
      </c>
      <c r="H1335" s="11">
        <v>58.62960099999998</v>
      </c>
      <c r="I1335" s="13">
        <v>5.7980956100031969E-2</v>
      </c>
      <c r="J1335" s="11">
        <v>145.87237200000004</v>
      </c>
      <c r="K1335" s="13">
        <v>0.13635266434919643</v>
      </c>
      <c r="L1335" s="11">
        <v>-524.19530880899993</v>
      </c>
      <c r="M1335" s="13">
        <v>-0.43119188511671358</v>
      </c>
      <c r="N1335" s="11">
        <v>-378.32293680899988</v>
      </c>
      <c r="O1335" s="13">
        <v>-0.35363338314893378</v>
      </c>
      <c r="P1335" s="7">
        <v>1011.1872059999999</v>
      </c>
      <c r="Q1335" s="7">
        <v>915.34716400000002</v>
      </c>
      <c r="R1335" s="7">
        <v>776.648281</v>
      </c>
      <c r="S1335" s="7">
        <v>699.54544699999997</v>
      </c>
      <c r="T1335" s="7">
        <v>772.31092999999998</v>
      </c>
      <c r="U1335" s="7">
        <v>1115.188543</v>
      </c>
      <c r="V1335" s="7">
        <v>1069.8168069999999</v>
      </c>
      <c r="W1335" s="7">
        <v>1058.197128</v>
      </c>
      <c r="X1335" s="7">
        <v>1087.1754579999999</v>
      </c>
      <c r="Y1335" s="7">
        <v>1215.689179</v>
      </c>
      <c r="Z1335" s="7">
        <v>1193.832971</v>
      </c>
      <c r="AA1335" s="7">
        <v>1135.371748</v>
      </c>
      <c r="AB1335" s="7">
        <v>1105.400312</v>
      </c>
      <c r="AC1335" s="7">
        <v>1079.977895</v>
      </c>
      <c r="AD1335" s="7">
        <v>744.47530800000004</v>
      </c>
      <c r="AE1335" s="7">
        <v>738.00752450000005</v>
      </c>
      <c r="AF1335" s="7">
        <v>691.49387019100004</v>
      </c>
      <c r="AG1335" s="9">
        <v>33124.9572874</v>
      </c>
      <c r="AH1335" s="13">
        <v>0.71514453112600851</v>
      </c>
      <c r="AI1335" s="9">
        <v>11651.036098800003</v>
      </c>
      <c r="AJ1335" s="13">
        <v>0.25153767522525688</v>
      </c>
      <c r="AK1335" s="9">
        <v>832.17955109999457</v>
      </c>
      <c r="AL1335" s="13">
        <v>1.4355277986324732E-2</v>
      </c>
      <c r="AM1335" s="9">
        <v>20641.741637500003</v>
      </c>
      <c r="AN1335" s="13">
        <v>0.35103531659551879</v>
      </c>
      <c r="AO1335" s="9">
        <v>21473.921188599998</v>
      </c>
      <c r="AP1335" s="13">
        <v>0.3704298041345897</v>
      </c>
      <c r="AQ1335" s="9">
        <v>46319.2485514</v>
      </c>
      <c r="AR1335" s="9">
        <v>50352.8948915</v>
      </c>
      <c r="AS1335" s="9">
        <v>57656.942493499999</v>
      </c>
      <c r="AT1335" s="9">
        <v>59932.863215600002</v>
      </c>
      <c r="AU1335" s="9">
        <v>56034.204209000003</v>
      </c>
      <c r="AV1335" s="9">
        <v>58210.484103700001</v>
      </c>
      <c r="AW1335" s="9">
        <v>57970.284650200003</v>
      </c>
      <c r="AX1335" s="9">
        <v>57226.858628499998</v>
      </c>
      <c r="AY1335" s="9">
        <v>56257.698286799998</v>
      </c>
      <c r="AZ1335" s="9">
        <v>58802.464201299998</v>
      </c>
      <c r="BA1335" s="9">
        <v>57787.129419500001</v>
      </c>
      <c r="BB1335" s="9">
        <v>61264.294930999997</v>
      </c>
      <c r="BC1335" s="9">
        <v>66884.772817300007</v>
      </c>
      <c r="BD1335" s="9">
        <v>68020.897932599997</v>
      </c>
      <c r="BE1335" s="9">
        <v>76007.389837099996</v>
      </c>
      <c r="BF1335" s="9">
        <v>79444.2058388</v>
      </c>
      <c r="BG1335" s="11">
        <v>5.75</v>
      </c>
      <c r="BH1335" s="13">
        <v>0.115</v>
      </c>
      <c r="BI1335" s="6">
        <v>5</v>
      </c>
      <c r="BJ1335" s="13">
        <v>0.1</v>
      </c>
      <c r="BK1335" s="6">
        <v>3</v>
      </c>
      <c r="BL1335" s="13">
        <v>5.4545454545454543E-2</v>
      </c>
      <c r="BM1335" s="11">
        <v>-2.25</v>
      </c>
      <c r="BN1335" s="13">
        <v>-3.8793103448275863E-2</v>
      </c>
      <c r="BO1335" s="11">
        <v>0.75</v>
      </c>
      <c r="BP1335" s="13">
        <v>1.3636363636363636E-2</v>
      </c>
      <c r="BQ1335" s="6">
        <v>50</v>
      </c>
      <c r="BR1335" s="6">
        <v>52</v>
      </c>
      <c r="BS1335" s="6">
        <v>54</v>
      </c>
      <c r="BT1335" s="6">
        <v>55</v>
      </c>
      <c r="BU1335" s="6">
        <v>53</v>
      </c>
      <c r="BV1335" s="6">
        <v>55</v>
      </c>
      <c r="BW1335" s="6">
        <v>58</v>
      </c>
      <c r="BX1335" s="6">
        <v>55</v>
      </c>
      <c r="BY1335" s="6">
        <v>55</v>
      </c>
      <c r="BZ1335" s="6">
        <v>55</v>
      </c>
      <c r="CA1335" s="6">
        <v>57</v>
      </c>
      <c r="CB1335" s="6">
        <v>60</v>
      </c>
      <c r="CC1335" s="11">
        <v>55.75</v>
      </c>
      <c r="CD1335" s="11">
        <v>-646.73199999999997</v>
      </c>
      <c r="CE1335" s="11">
        <v>216.50299999999999</v>
      </c>
      <c r="CF1335" s="11">
        <v>110.535</v>
      </c>
      <c r="CG1335" s="11">
        <v>328</v>
      </c>
      <c r="CH1335" s="20">
        <v>0.50055700000000003</v>
      </c>
      <c r="CI1335" s="20">
        <v>0.45640199999999997</v>
      </c>
      <c r="CJ1335" s="20">
        <v>0.39110200000000001</v>
      </c>
      <c r="CK1335" s="20">
        <v>0.34098899999999999</v>
      </c>
      <c r="CL1335" s="20">
        <v>0.36712099999999998</v>
      </c>
      <c r="CM1335" s="20">
        <v>0.51808399999999999</v>
      </c>
      <c r="CN1335" s="20">
        <v>0.48395199999999999</v>
      </c>
      <c r="CO1335" s="20">
        <v>0.46630300000000002</v>
      </c>
      <c r="CP1335" s="20">
        <v>0.48819000000000001</v>
      </c>
      <c r="CQ1335" s="20">
        <v>0.54939499999999997</v>
      </c>
      <c r="CR1335" s="20">
        <v>0.53171100000000004</v>
      </c>
      <c r="CS1335" s="20">
        <v>0.488286</v>
      </c>
      <c r="CT1335" s="20">
        <v>0.46883200000000003</v>
      </c>
      <c r="CU1335" s="20">
        <v>0.44637399999999999</v>
      </c>
      <c r="CV1335" s="20">
        <v>0.302263</v>
      </c>
      <c r="CW1335" s="20">
        <v>0.29614099999999999</v>
      </c>
      <c r="CX1335" s="20">
        <v>0.27142899999999998</v>
      </c>
      <c r="CY1335" s="6"/>
      <c r="CZ1335" s="6"/>
      <c r="DA1335" s="6"/>
      <c r="DB1335" s="6"/>
      <c r="DC1335" s="6"/>
      <c r="DD1335" s="6"/>
      <c r="DE1335" s="6"/>
      <c r="DF1335" s="6"/>
      <c r="DG1335" s="6"/>
      <c r="DH1335" s="6"/>
      <c r="DI1335" s="6"/>
      <c r="DJ1335" s="6"/>
      <c r="DK1335" s="6"/>
      <c r="DL1335" s="6"/>
      <c r="DM1335" s="6"/>
      <c r="DN1335" s="6"/>
      <c r="DO1335" s="6"/>
      <c r="DP1335" s="6"/>
      <c r="DQ1335" s="6"/>
    </row>
    <row r="1336" spans="1:121" x14ac:dyDescent="0.2">
      <c r="A1336" s="6" t="s">
        <v>319</v>
      </c>
      <c r="B1336" s="6" t="s">
        <v>319</v>
      </c>
      <c r="C1336" s="6" t="s">
        <v>188</v>
      </c>
      <c r="D1336" s="6" t="s">
        <v>335</v>
      </c>
      <c r="E1336" s="6" t="s">
        <v>328</v>
      </c>
      <c r="F1336" s="11">
        <v>3555</v>
      </c>
      <c r="G1336" s="13">
        <v>0.87153714145600003</v>
      </c>
      <c r="H1336" s="11">
        <v>1693.4484549500003</v>
      </c>
      <c r="I1336" s="13">
        <v>0.41514456399545546</v>
      </c>
      <c r="J1336" s="11">
        <v>-117.49784994000038</v>
      </c>
      <c r="K1336" s="13">
        <v>-2.0354314731620277E-2</v>
      </c>
      <c r="L1336" s="11">
        <v>1978.6312360100001</v>
      </c>
      <c r="M1336" s="13">
        <v>0.34988264159614735</v>
      </c>
      <c r="N1336" s="11">
        <v>1861.1333860699997</v>
      </c>
      <c r="O1336" s="13">
        <v>0.32240670545834843</v>
      </c>
      <c r="P1336" s="7">
        <v>4079.1777173999999</v>
      </c>
      <c r="Q1336" s="7">
        <v>4298.0298796099996</v>
      </c>
      <c r="R1336" s="7">
        <v>4291.5495362299998</v>
      </c>
      <c r="S1336" s="7">
        <v>5018.5811989599997</v>
      </c>
      <c r="T1336" s="7">
        <v>5488.1173552700002</v>
      </c>
      <c r="U1336" s="7">
        <v>5560.64026646</v>
      </c>
      <c r="V1336" s="7">
        <v>5772.6261723500002</v>
      </c>
      <c r="W1336" s="7">
        <v>5872.4435338000003</v>
      </c>
      <c r="X1336" s="7">
        <v>5318.2998761700001</v>
      </c>
      <c r="Y1336" s="7">
        <v>5655.1283224099998</v>
      </c>
      <c r="Z1336" s="7">
        <v>5691.1453379599998</v>
      </c>
      <c r="AA1336" s="7">
        <v>5660.9757036700003</v>
      </c>
      <c r="AB1336" s="7">
        <v>5676.3749331700001</v>
      </c>
      <c r="AC1336" s="7">
        <v>6466.0806054699997</v>
      </c>
      <c r="AD1336" s="7">
        <v>6905.9665867000003</v>
      </c>
      <c r="AE1336" s="7">
        <v>7240.10648408</v>
      </c>
      <c r="AF1336" s="7">
        <v>7633.7595584199998</v>
      </c>
      <c r="AG1336" s="9">
        <v>11651.407600400002</v>
      </c>
      <c r="AH1336" s="13">
        <v>0.60524960121908888</v>
      </c>
      <c r="AI1336" s="9">
        <v>1848.3842925999998</v>
      </c>
      <c r="AJ1336" s="13">
        <v>9.6017055995652467E-2</v>
      </c>
      <c r="AK1336" s="9">
        <v>3842.533710300002</v>
      </c>
      <c r="AL1336" s="13">
        <v>0.18211951713856592</v>
      </c>
      <c r="AM1336" s="9">
        <v>5960.4895974999999</v>
      </c>
      <c r="AN1336" s="13">
        <v>0.23897878599246825</v>
      </c>
      <c r="AO1336" s="9">
        <v>9803.0233078000019</v>
      </c>
      <c r="AP1336" s="13">
        <v>0.46462100424234309</v>
      </c>
      <c r="AQ1336" s="9">
        <v>19250.582861899999</v>
      </c>
      <c r="AR1336" s="9">
        <v>19633.841830099998</v>
      </c>
      <c r="AS1336" s="9">
        <v>20008.384609600002</v>
      </c>
      <c r="AT1336" s="9">
        <v>19329.768029399998</v>
      </c>
      <c r="AU1336" s="9">
        <v>20298.573234700001</v>
      </c>
      <c r="AV1336" s="9">
        <v>20506.8563574</v>
      </c>
      <c r="AW1336" s="9">
        <v>21098.967154499998</v>
      </c>
      <c r="AX1336" s="9">
        <v>22656.8247844</v>
      </c>
      <c r="AY1336" s="9">
        <v>25294.713202499999</v>
      </c>
      <c r="AZ1336" s="9">
        <v>24941.5008648</v>
      </c>
      <c r="BA1336" s="9">
        <v>24813.7620231</v>
      </c>
      <c r="BB1336" s="9">
        <v>25024.963716900002</v>
      </c>
      <c r="BC1336" s="9">
        <v>25946.3610415</v>
      </c>
      <c r="BD1336" s="9">
        <v>27154.434472500001</v>
      </c>
      <c r="BE1336" s="9">
        <v>30047.9696755</v>
      </c>
      <c r="BF1336" s="9">
        <v>30901.9904623</v>
      </c>
      <c r="BG1336" s="11">
        <v>125.5</v>
      </c>
      <c r="BH1336" s="13">
        <v>0.31218905472636815</v>
      </c>
      <c r="BI1336" s="6">
        <v>57</v>
      </c>
      <c r="BJ1336" s="13">
        <v>0.1417910447761194</v>
      </c>
      <c r="BK1336" s="6">
        <v>22</v>
      </c>
      <c r="BL1336" s="13">
        <v>4.793028322440087E-2</v>
      </c>
      <c r="BM1336" s="11">
        <v>46.5</v>
      </c>
      <c r="BN1336" s="13">
        <v>9.6673596673596679E-2</v>
      </c>
      <c r="BO1336" s="11">
        <v>68.5</v>
      </c>
      <c r="BP1336" s="13">
        <v>0.14923747276688454</v>
      </c>
      <c r="BQ1336" s="6">
        <v>402</v>
      </c>
      <c r="BR1336" s="6">
        <v>427</v>
      </c>
      <c r="BS1336" s="6">
        <v>429</v>
      </c>
      <c r="BT1336" s="6">
        <v>459</v>
      </c>
      <c r="BU1336" s="6">
        <v>471</v>
      </c>
      <c r="BV1336" s="6">
        <v>486</v>
      </c>
      <c r="BW1336" s="6">
        <v>481</v>
      </c>
      <c r="BX1336" s="6">
        <v>472</v>
      </c>
      <c r="BY1336" s="6">
        <v>477</v>
      </c>
      <c r="BZ1336" s="6">
        <v>500</v>
      </c>
      <c r="CA1336" s="6">
        <v>522</v>
      </c>
      <c r="CB1336" s="6">
        <v>523</v>
      </c>
      <c r="CC1336" s="11">
        <v>527.5</v>
      </c>
      <c r="CD1336" s="11">
        <v>2741.66</v>
      </c>
      <c r="CE1336" s="11">
        <v>367.01400000000001</v>
      </c>
      <c r="CF1336" s="11">
        <v>445.90300000000002</v>
      </c>
      <c r="CG1336" s="11">
        <v>813</v>
      </c>
      <c r="CH1336" s="20">
        <v>0.411657</v>
      </c>
      <c r="CI1336" s="20">
        <v>0.43262699999999998</v>
      </c>
      <c r="CJ1336" s="20">
        <v>0.42852499999999999</v>
      </c>
      <c r="CK1336" s="20">
        <v>0.47939700000000002</v>
      </c>
      <c r="CL1336" s="20">
        <v>0.50764100000000001</v>
      </c>
      <c r="CM1336" s="20">
        <v>0.50038899999999997</v>
      </c>
      <c r="CN1336" s="20">
        <v>0.51644299999999999</v>
      </c>
      <c r="CO1336" s="20">
        <v>0.55145999999999995</v>
      </c>
      <c r="CP1336" s="20">
        <v>0.547871</v>
      </c>
      <c r="CQ1336" s="20">
        <v>0.56989699999999999</v>
      </c>
      <c r="CR1336" s="20">
        <v>0.56213900000000006</v>
      </c>
      <c r="CS1336" s="20">
        <v>0.54687200000000002</v>
      </c>
      <c r="CT1336" s="20">
        <v>0.54695300000000002</v>
      </c>
      <c r="CU1336" s="20">
        <v>0.60639399999999999</v>
      </c>
      <c r="CV1336" s="20">
        <v>0.63446000000000002</v>
      </c>
      <c r="CW1336" s="20">
        <v>0.65443600000000002</v>
      </c>
      <c r="CX1336" s="20">
        <v>0.67409699999999995</v>
      </c>
      <c r="CY1336" s="6"/>
      <c r="CZ1336" s="6"/>
      <c r="DA1336" s="6"/>
      <c r="DB1336" s="6"/>
      <c r="DC1336" s="6"/>
      <c r="DD1336" s="6"/>
      <c r="DE1336" s="6"/>
      <c r="DF1336" s="6"/>
      <c r="DG1336" s="6"/>
      <c r="DH1336" s="6"/>
      <c r="DI1336" s="6"/>
      <c r="DJ1336" s="6"/>
      <c r="DK1336" s="6"/>
      <c r="DL1336" s="6"/>
      <c r="DM1336" s="6"/>
      <c r="DN1336" s="6"/>
      <c r="DO1336" s="6"/>
      <c r="DP1336" s="6"/>
      <c r="DQ1336" s="6"/>
    </row>
    <row r="1337" spans="1:121" x14ac:dyDescent="0.2">
      <c r="A1337" s="6" t="s">
        <v>320</v>
      </c>
      <c r="B1337" s="6" t="s">
        <v>320</v>
      </c>
      <c r="C1337" s="6" t="s">
        <v>189</v>
      </c>
      <c r="D1337" s="6" t="s">
        <v>335</v>
      </c>
      <c r="E1337" s="6" t="s">
        <v>328</v>
      </c>
      <c r="F1337" s="11">
        <v>414</v>
      </c>
      <c r="G1337" s="13">
        <v>0.17483108108100001</v>
      </c>
      <c r="H1337" s="11">
        <v>204.55817124999976</v>
      </c>
      <c r="I1337" s="13">
        <v>8.637829033564752E-2</v>
      </c>
      <c r="J1337" s="11">
        <v>-364.11231796999982</v>
      </c>
      <c r="K1337" s="13">
        <v>-0.1415279006439083</v>
      </c>
      <c r="L1337" s="11">
        <v>573.14595297999995</v>
      </c>
      <c r="M1337" s="13">
        <v>0.25950500498148932</v>
      </c>
      <c r="N1337" s="11">
        <v>209.03363501000013</v>
      </c>
      <c r="O1337" s="13">
        <v>8.1249905775963888E-2</v>
      </c>
      <c r="P1337" s="7">
        <v>2368.1664739500002</v>
      </c>
      <c r="Q1337" s="7">
        <v>2519.0085538200001</v>
      </c>
      <c r="R1337" s="7">
        <v>2673.5788170800001</v>
      </c>
      <c r="S1337" s="7">
        <v>2780.6236046499998</v>
      </c>
      <c r="T1337" s="7">
        <v>2656.1937786600001</v>
      </c>
      <c r="U1337" s="7">
        <v>2667.5994200800001</v>
      </c>
      <c r="V1337" s="7">
        <v>2572.7246451999999</v>
      </c>
      <c r="W1337" s="7">
        <v>2298.2017615300001</v>
      </c>
      <c r="X1337" s="7">
        <v>2176.0918326699998</v>
      </c>
      <c r="Y1337" s="7">
        <v>2208.6123272300001</v>
      </c>
      <c r="Z1337" s="7">
        <v>2373.9594704400001</v>
      </c>
      <c r="AA1337" s="7">
        <v>2140.7945897300001</v>
      </c>
      <c r="AB1337" s="7">
        <v>2789.4775309699999</v>
      </c>
      <c r="AC1337" s="7">
        <v>2487.5929873199998</v>
      </c>
      <c r="AD1337" s="7">
        <v>2638.1197796500001</v>
      </c>
      <c r="AE1337" s="7">
        <v>2659.4960804100001</v>
      </c>
      <c r="AF1337" s="7">
        <v>2781.7582802100001</v>
      </c>
      <c r="AG1337" s="9">
        <v>10352.510489699998</v>
      </c>
      <c r="AH1337" s="13">
        <v>0.54126465701337445</v>
      </c>
      <c r="AI1337" s="9">
        <v>3202.0362190999986</v>
      </c>
      <c r="AJ1337" s="13">
        <v>0.16741340543435543</v>
      </c>
      <c r="AK1337" s="9">
        <v>7192.1138777999986</v>
      </c>
      <c r="AL1337" s="13">
        <v>0.32210381593412929</v>
      </c>
      <c r="AM1337" s="9">
        <v>-41.639607199998864</v>
      </c>
      <c r="AN1337" s="13">
        <v>-1.4105236747955971E-3</v>
      </c>
      <c r="AO1337" s="9">
        <v>7150.4742705999997</v>
      </c>
      <c r="AP1337" s="13">
        <v>0.32023895720121659</v>
      </c>
      <c r="AQ1337" s="9">
        <v>19126.522220800001</v>
      </c>
      <c r="AR1337" s="9">
        <v>21388.349670700001</v>
      </c>
      <c r="AS1337" s="9">
        <v>20219.901081299999</v>
      </c>
      <c r="AT1337" s="9">
        <v>21820.687775800001</v>
      </c>
      <c r="AU1337" s="9">
        <v>21762.012874200002</v>
      </c>
      <c r="AV1337" s="9">
        <v>22745.159381199999</v>
      </c>
      <c r="AW1337" s="9">
        <v>22328.5584399</v>
      </c>
      <c r="AX1337" s="9">
        <v>24552.829474099999</v>
      </c>
      <c r="AY1337" s="9">
        <v>23680.5955908</v>
      </c>
      <c r="AZ1337" s="9">
        <v>29520.672317699999</v>
      </c>
      <c r="BA1337" s="9">
        <v>30251.307035900001</v>
      </c>
      <c r="BB1337" s="9">
        <v>30054.117104500001</v>
      </c>
      <c r="BC1337" s="9">
        <v>32558.974268099999</v>
      </c>
      <c r="BD1337" s="9">
        <v>29334.5100078</v>
      </c>
      <c r="BE1337" s="9">
        <v>29684.0069516</v>
      </c>
      <c r="BF1337" s="9">
        <v>29479.0327105</v>
      </c>
      <c r="BG1337" s="11">
        <v>5</v>
      </c>
      <c r="BH1337" s="13">
        <v>9.8039215686274508E-2</v>
      </c>
      <c r="BI1337" s="6">
        <v>13</v>
      </c>
      <c r="BJ1337" s="13">
        <v>0.25490196078431371</v>
      </c>
      <c r="BK1337" s="6">
        <v>2</v>
      </c>
      <c r="BL1337" s="13">
        <v>3.125E-2</v>
      </c>
      <c r="BM1337" s="11">
        <v>-10</v>
      </c>
      <c r="BN1337" s="13">
        <v>-0.15151515151515152</v>
      </c>
      <c r="BO1337" s="11">
        <v>-8</v>
      </c>
      <c r="BP1337" s="13">
        <v>-0.125</v>
      </c>
      <c r="BQ1337" s="6">
        <v>51</v>
      </c>
      <c r="BR1337" s="6">
        <v>53</v>
      </c>
      <c r="BS1337" s="6">
        <v>61</v>
      </c>
      <c r="BT1337" s="6">
        <v>64</v>
      </c>
      <c r="BU1337" s="6">
        <v>65</v>
      </c>
      <c r="BV1337" s="6">
        <v>61</v>
      </c>
      <c r="BW1337" s="6">
        <v>66</v>
      </c>
      <c r="BX1337" s="6">
        <v>60</v>
      </c>
      <c r="BY1337" s="6">
        <v>58</v>
      </c>
      <c r="BZ1337" s="6">
        <v>56</v>
      </c>
      <c r="CA1337" s="6">
        <v>47</v>
      </c>
      <c r="CB1337" s="6">
        <v>53</v>
      </c>
      <c r="CC1337" s="11">
        <v>56</v>
      </c>
      <c r="CD1337" s="11">
        <v>-702.80200000000002</v>
      </c>
      <c r="CE1337" s="11">
        <v>857.52499999999998</v>
      </c>
      <c r="CF1337" s="11">
        <v>258.86900000000003</v>
      </c>
      <c r="CG1337" s="11">
        <v>1117</v>
      </c>
      <c r="CH1337" s="20">
        <v>0.71632799999999996</v>
      </c>
      <c r="CI1337" s="20">
        <v>0.72626800000000002</v>
      </c>
      <c r="CJ1337" s="20">
        <v>0.74260800000000005</v>
      </c>
      <c r="CK1337" s="20">
        <v>0.73603700000000005</v>
      </c>
      <c r="CL1337" s="20">
        <v>0.696071</v>
      </c>
      <c r="CM1337" s="20">
        <v>0.68342199999999997</v>
      </c>
      <c r="CN1337" s="20">
        <v>0.64505900000000005</v>
      </c>
      <c r="CO1337" s="20">
        <v>0.56215099999999996</v>
      </c>
      <c r="CP1337" s="20">
        <v>0.51694700000000005</v>
      </c>
      <c r="CQ1337" s="20">
        <v>0.51710999999999996</v>
      </c>
      <c r="CR1337" s="20">
        <v>0.54877600000000004</v>
      </c>
      <c r="CS1337" s="20">
        <v>0.48867100000000002</v>
      </c>
      <c r="CT1337" s="20">
        <v>0.64340900000000001</v>
      </c>
      <c r="CU1337" s="20">
        <v>0.56513500000000005</v>
      </c>
      <c r="CV1337" s="20">
        <v>0.593476</v>
      </c>
      <c r="CW1337" s="20">
        <v>0.58940800000000004</v>
      </c>
      <c r="CX1337" s="20">
        <v>0.600105</v>
      </c>
      <c r="CY1337" s="6"/>
      <c r="CZ1337" s="6"/>
      <c r="DA1337" s="6"/>
      <c r="DB1337" s="6"/>
      <c r="DC1337" s="6"/>
      <c r="DD1337" s="6"/>
      <c r="DE1337" s="6"/>
      <c r="DF1337" s="6"/>
      <c r="DG1337" s="6"/>
      <c r="DH1337" s="6"/>
      <c r="DI1337" s="6"/>
      <c r="DJ1337" s="6"/>
      <c r="DK1337" s="6"/>
      <c r="DL1337" s="6"/>
      <c r="DM1337" s="6"/>
      <c r="DN1337" s="6"/>
      <c r="DO1337" s="6"/>
      <c r="DP1337" s="6"/>
      <c r="DQ1337" s="6"/>
    </row>
    <row r="1338" spans="1:121" x14ac:dyDescent="0.2">
      <c r="A1338" s="6" t="s">
        <v>321</v>
      </c>
      <c r="B1338" s="6" t="s">
        <v>321</v>
      </c>
      <c r="C1338" s="6" t="s">
        <v>190</v>
      </c>
      <c r="D1338" s="6" t="s">
        <v>335</v>
      </c>
      <c r="E1338" s="6" t="s">
        <v>328</v>
      </c>
      <c r="F1338" s="11">
        <v>2696</v>
      </c>
      <c r="G1338" s="13">
        <v>0.174081487699</v>
      </c>
      <c r="H1338" s="11">
        <v>2021.7739600000004</v>
      </c>
      <c r="I1338" s="13">
        <v>0.13054381196199888</v>
      </c>
      <c r="J1338" s="11">
        <v>944.86059720000048</v>
      </c>
      <c r="K1338" s="13">
        <v>5.3963987458899437E-2</v>
      </c>
      <c r="L1338" s="11">
        <v>-270.55391320000126</v>
      </c>
      <c r="M1338" s="13">
        <v>-1.4661025269957313E-2</v>
      </c>
      <c r="N1338" s="11">
        <v>674.30668399999922</v>
      </c>
      <c r="O1338" s="13">
        <v>3.8511794805139547E-2</v>
      </c>
      <c r="P1338" s="7">
        <v>15487.3213032</v>
      </c>
      <c r="Q1338" s="7">
        <v>15770.9498783</v>
      </c>
      <c r="R1338" s="7">
        <v>16171.1689336</v>
      </c>
      <c r="S1338" s="7">
        <v>16493.978432899999</v>
      </c>
      <c r="T1338" s="7">
        <v>16877.3654384</v>
      </c>
      <c r="U1338" s="7">
        <v>17538.548336899999</v>
      </c>
      <c r="V1338" s="7">
        <v>17509.095263200001</v>
      </c>
      <c r="W1338" s="7">
        <v>17732.5855218</v>
      </c>
      <c r="X1338" s="7">
        <v>18125.854509000001</v>
      </c>
      <c r="Y1338" s="7">
        <v>18453.955860400001</v>
      </c>
      <c r="Z1338" s="7">
        <v>18260.3627858</v>
      </c>
      <c r="AA1338" s="7">
        <v>19524.547845500001</v>
      </c>
      <c r="AB1338" s="7">
        <v>17193.737944299999</v>
      </c>
      <c r="AC1338" s="7">
        <v>17344.528929100001</v>
      </c>
      <c r="AD1338" s="7">
        <v>17637.1227191</v>
      </c>
      <c r="AE1338" s="7">
        <v>17725.9664496</v>
      </c>
      <c r="AF1338" s="7">
        <v>18183.4019472</v>
      </c>
      <c r="AG1338" s="9">
        <v>13501.8089755</v>
      </c>
      <c r="AH1338" s="13">
        <v>0.48623795362355826</v>
      </c>
      <c r="AI1338" s="9">
        <v>7978.0406805999992</v>
      </c>
      <c r="AJ1338" s="13">
        <v>0.28731158776572657</v>
      </c>
      <c r="AK1338" s="9">
        <v>4082.604147799997</v>
      </c>
      <c r="AL1338" s="13">
        <v>0.11421167204105442</v>
      </c>
      <c r="AM1338" s="9">
        <v>1441.1641471000039</v>
      </c>
      <c r="AN1338" s="13">
        <v>3.6184198965975661E-2</v>
      </c>
      <c r="AO1338" s="9">
        <v>5523.7682949000009</v>
      </c>
      <c r="AP1338" s="13">
        <v>0.15452852887240037</v>
      </c>
      <c r="AQ1338" s="9">
        <v>27767.904325200001</v>
      </c>
      <c r="AR1338" s="9">
        <v>29668.574507000001</v>
      </c>
      <c r="AS1338" s="9">
        <v>30571.2180864</v>
      </c>
      <c r="AT1338" s="9">
        <v>32178.691351900001</v>
      </c>
      <c r="AU1338" s="9">
        <v>33646.708090300002</v>
      </c>
      <c r="AV1338" s="9">
        <v>35606.473745800002</v>
      </c>
      <c r="AW1338" s="9">
        <v>35745.9450058</v>
      </c>
      <c r="AX1338" s="9">
        <v>38043.380022899997</v>
      </c>
      <c r="AY1338" s="9">
        <v>39659.346926300001</v>
      </c>
      <c r="AZ1338" s="9">
        <v>39828.549153599997</v>
      </c>
      <c r="BA1338" s="9">
        <v>41541.924095100003</v>
      </c>
      <c r="BB1338" s="9">
        <v>42093.215690899997</v>
      </c>
      <c r="BC1338" s="9">
        <v>37470.425884600001</v>
      </c>
      <c r="BD1338" s="9">
        <v>38751.1408581</v>
      </c>
      <c r="BE1338" s="9">
        <v>40406.031154900003</v>
      </c>
      <c r="BF1338" s="9">
        <v>41269.713300700001</v>
      </c>
      <c r="BG1338" s="11">
        <v>1125.5</v>
      </c>
      <c r="BH1338" s="13">
        <v>1.4157232704402516</v>
      </c>
      <c r="BI1338" s="6">
        <v>38</v>
      </c>
      <c r="BJ1338" s="13">
        <v>4.7798742138364783E-2</v>
      </c>
      <c r="BK1338" s="6">
        <v>73</v>
      </c>
      <c r="BL1338" s="13">
        <v>8.7635054021608649E-2</v>
      </c>
      <c r="BM1338" s="11">
        <v>1014.5</v>
      </c>
      <c r="BN1338" s="13">
        <v>1.119757174392936</v>
      </c>
      <c r="BO1338" s="11">
        <v>1087.5</v>
      </c>
      <c r="BP1338" s="13">
        <v>1.3055222088835534</v>
      </c>
      <c r="BQ1338" s="6">
        <v>795</v>
      </c>
      <c r="BR1338" s="6">
        <v>790</v>
      </c>
      <c r="BS1338" s="6">
        <v>802</v>
      </c>
      <c r="BT1338" s="6">
        <v>833</v>
      </c>
      <c r="BU1338" s="6">
        <v>845</v>
      </c>
      <c r="BV1338" s="6">
        <v>869</v>
      </c>
      <c r="BW1338" s="6">
        <v>906</v>
      </c>
      <c r="BX1338" s="6">
        <v>912</v>
      </c>
      <c r="BY1338" s="6">
        <v>981</v>
      </c>
      <c r="BZ1338" s="6">
        <v>1795</v>
      </c>
      <c r="CA1338" s="6">
        <v>1815</v>
      </c>
      <c r="CB1338" s="6">
        <v>1886</v>
      </c>
      <c r="CC1338" s="11">
        <v>1920.5</v>
      </c>
      <c r="CD1338" s="11">
        <v>-4636.83</v>
      </c>
      <c r="CE1338" s="11">
        <v>5639.96</v>
      </c>
      <c r="CF1338" s="11">
        <v>1692.95</v>
      </c>
      <c r="CG1338" s="11">
        <v>7333</v>
      </c>
      <c r="CH1338" s="20">
        <v>0.94855400000000001</v>
      </c>
      <c r="CI1338" s="20">
        <v>0.92737899999999995</v>
      </c>
      <c r="CJ1338" s="20">
        <v>0.91450600000000004</v>
      </c>
      <c r="CK1338" s="20">
        <v>0.90335100000000002</v>
      </c>
      <c r="CL1338" s="20">
        <v>0.90520500000000004</v>
      </c>
      <c r="CM1338" s="20">
        <v>0.91671199999999997</v>
      </c>
      <c r="CN1338" s="20">
        <v>0.893675</v>
      </c>
      <c r="CO1338" s="20">
        <v>0.88594600000000001</v>
      </c>
      <c r="CP1338" s="20">
        <v>0.88626099999999997</v>
      </c>
      <c r="CQ1338" s="20">
        <v>0.89489300000000005</v>
      </c>
      <c r="CR1338" s="20">
        <v>0.88988199999999995</v>
      </c>
      <c r="CS1338" s="20">
        <v>0.92408999999999997</v>
      </c>
      <c r="CT1338" s="20">
        <v>0.81796500000000005</v>
      </c>
      <c r="CU1338" s="20">
        <v>0.81437700000000002</v>
      </c>
      <c r="CV1338" s="20">
        <v>0.81184800000000001</v>
      </c>
      <c r="CW1338" s="20">
        <v>0.79899799999999999</v>
      </c>
      <c r="CX1338" s="20">
        <v>0.79315999999999998</v>
      </c>
      <c r="CY1338" s="6"/>
      <c r="CZ1338" s="6"/>
      <c r="DA1338" s="6"/>
      <c r="DB1338" s="6"/>
      <c r="DC1338" s="6"/>
      <c r="DD1338" s="6"/>
      <c r="DE1338" s="6"/>
      <c r="DF1338" s="6"/>
      <c r="DG1338" s="6"/>
      <c r="DH1338" s="6"/>
      <c r="DI1338" s="6"/>
      <c r="DJ1338" s="6"/>
      <c r="DK1338" s="6"/>
      <c r="DL1338" s="6"/>
      <c r="DM1338" s="6"/>
      <c r="DN1338" s="6"/>
      <c r="DO1338" s="6"/>
      <c r="DP1338" s="6"/>
      <c r="DQ1338" s="6"/>
    </row>
    <row r="1339" spans="1:121" x14ac:dyDescent="0.2">
      <c r="A1339" s="6" t="s">
        <v>322</v>
      </c>
      <c r="B1339" s="6" t="s">
        <v>322</v>
      </c>
      <c r="C1339" s="6" t="s">
        <v>191</v>
      </c>
      <c r="D1339" s="6" t="s">
        <v>335</v>
      </c>
      <c r="E1339" s="6" t="s">
        <v>328</v>
      </c>
      <c r="F1339" s="11">
        <v>-119</v>
      </c>
      <c r="G1339" s="13">
        <v>-7.7122488658499994E-2</v>
      </c>
      <c r="H1339" s="11">
        <v>81.770998870000085</v>
      </c>
      <c r="I1339" s="13">
        <v>5.299237699425003E-2</v>
      </c>
      <c r="J1339" s="11">
        <v>-65.707325809999929</v>
      </c>
      <c r="K1339" s="13">
        <v>-4.043920999136863E-2</v>
      </c>
      <c r="L1339" s="11">
        <v>-134.70694404000005</v>
      </c>
      <c r="M1339" s="13">
        <v>-8.639853148816759E-2</v>
      </c>
      <c r="N1339" s="11">
        <v>-200.41426984999998</v>
      </c>
      <c r="O1339" s="13">
        <v>-0.12334385312174032</v>
      </c>
      <c r="P1339" s="7">
        <v>1543.0709756399999</v>
      </c>
      <c r="Q1339" s="7">
        <v>1681.8605595900001</v>
      </c>
      <c r="R1339" s="7">
        <v>1678.7899049</v>
      </c>
      <c r="S1339" s="7">
        <v>1622.3415978800001</v>
      </c>
      <c r="T1339" s="7">
        <v>1619.91034182</v>
      </c>
      <c r="U1339" s="7">
        <v>1756.21333278</v>
      </c>
      <c r="V1339" s="7">
        <v>1624.84197451</v>
      </c>
      <c r="W1339" s="7">
        <v>1684.6599999800001</v>
      </c>
      <c r="X1339" s="7">
        <v>1623.68532529</v>
      </c>
      <c r="Y1339" s="7">
        <v>1559.1346487000001</v>
      </c>
      <c r="Z1339" s="7">
        <v>1488.2911897700001</v>
      </c>
      <c r="AA1339" s="7">
        <v>1485.8643819700001</v>
      </c>
      <c r="AB1339" s="7">
        <v>1414.25752317</v>
      </c>
      <c r="AC1339" s="7">
        <v>1416.3883264799999</v>
      </c>
      <c r="AD1339" s="7">
        <v>1418.4016741999999</v>
      </c>
      <c r="AE1339" s="7">
        <v>1416.62526761</v>
      </c>
      <c r="AF1339" s="7">
        <v>1424.42770466</v>
      </c>
      <c r="AG1339" s="9">
        <v>3220.6815699999988</v>
      </c>
      <c r="AH1339" s="13">
        <v>0.21769869329617669</v>
      </c>
      <c r="AI1339" s="9">
        <v>2197.6738142000013</v>
      </c>
      <c r="AJ1339" s="13">
        <v>0.14854952507539113</v>
      </c>
      <c r="AK1339" s="9">
        <v>557.51372260000062</v>
      </c>
      <c r="AL1339" s="13">
        <v>3.2810577097148921E-2</v>
      </c>
      <c r="AM1339" s="9">
        <v>465.49403319999692</v>
      </c>
      <c r="AN1339" s="13">
        <v>2.6524777475448395E-2</v>
      </c>
      <c r="AO1339" s="9">
        <v>1023.0077557999975</v>
      </c>
      <c r="AP1339" s="13">
        <v>6.0205647828940237E-2</v>
      </c>
      <c r="AQ1339" s="9">
        <v>14794.2163604</v>
      </c>
      <c r="AR1339" s="9">
        <v>14792.9845737</v>
      </c>
      <c r="AS1339" s="9">
        <v>14315.5151553</v>
      </c>
      <c r="AT1339" s="9">
        <v>15504.4791802</v>
      </c>
      <c r="AU1339" s="9">
        <v>15779.103149500001</v>
      </c>
      <c r="AV1339" s="9">
        <v>16331.006275899999</v>
      </c>
      <c r="AW1339" s="9">
        <v>16991.890174600001</v>
      </c>
      <c r="AX1339" s="9">
        <v>17235.3769373</v>
      </c>
      <c r="AY1339" s="9">
        <v>17223.1357221</v>
      </c>
      <c r="AZ1339" s="9">
        <v>17549.403897200002</v>
      </c>
      <c r="BA1339" s="9">
        <v>16877.4245796</v>
      </c>
      <c r="BB1339" s="9">
        <v>17394.934499399998</v>
      </c>
      <c r="BC1339" s="9">
        <v>17452.087640500002</v>
      </c>
      <c r="BD1339" s="9">
        <v>18085.432838000001</v>
      </c>
      <c r="BE1339" s="9">
        <v>17713.4355297</v>
      </c>
      <c r="BF1339" s="9">
        <v>18014.897930399999</v>
      </c>
      <c r="BG1339" s="11">
        <v>-10.5</v>
      </c>
      <c r="BH1339" s="13">
        <v>-7.2916666666666671E-2</v>
      </c>
      <c r="BI1339" s="6">
        <v>15</v>
      </c>
      <c r="BJ1339" s="13">
        <v>0.10416666666666667</v>
      </c>
      <c r="BK1339" s="6">
        <v>-4</v>
      </c>
      <c r="BL1339" s="13">
        <v>-2.5157232704402517E-2</v>
      </c>
      <c r="BM1339" s="11">
        <v>-21.5</v>
      </c>
      <c r="BN1339" s="13">
        <v>-0.13870967741935483</v>
      </c>
      <c r="BO1339" s="11">
        <v>-25.5</v>
      </c>
      <c r="BP1339" s="13">
        <v>-0.16037735849056603</v>
      </c>
      <c r="BQ1339" s="6">
        <v>144</v>
      </c>
      <c r="BR1339" s="6">
        <v>153</v>
      </c>
      <c r="BS1339" s="6">
        <v>156</v>
      </c>
      <c r="BT1339" s="6">
        <v>159</v>
      </c>
      <c r="BU1339" s="6">
        <v>154</v>
      </c>
      <c r="BV1339" s="6">
        <v>155</v>
      </c>
      <c r="BW1339" s="6">
        <v>155</v>
      </c>
      <c r="BX1339" s="6">
        <v>147</v>
      </c>
      <c r="BY1339" s="6">
        <v>135</v>
      </c>
      <c r="BZ1339" s="6">
        <v>132</v>
      </c>
      <c r="CA1339" s="6">
        <v>130</v>
      </c>
      <c r="CB1339" s="6">
        <v>133</v>
      </c>
      <c r="CC1339" s="11">
        <v>133.5</v>
      </c>
      <c r="CD1339" s="11">
        <v>-568.03</v>
      </c>
      <c r="CE1339" s="11">
        <v>280.70999999999998</v>
      </c>
      <c r="CF1339" s="11">
        <v>168.67599999999999</v>
      </c>
      <c r="CG1339" s="11">
        <v>450</v>
      </c>
      <c r="CH1339" s="20">
        <v>0.61700500000000003</v>
      </c>
      <c r="CI1339" s="20">
        <v>0.65742</v>
      </c>
      <c r="CJ1339" s="20">
        <v>0.64058700000000002</v>
      </c>
      <c r="CK1339" s="20">
        <v>0.59834100000000001</v>
      </c>
      <c r="CL1339" s="20">
        <v>0.58940499999999996</v>
      </c>
      <c r="CM1339" s="20">
        <v>0.62844500000000003</v>
      </c>
      <c r="CN1339" s="20">
        <v>0.56921699999999997</v>
      </c>
      <c r="CO1339" s="20">
        <v>0.58853200000000006</v>
      </c>
      <c r="CP1339" s="20">
        <v>0.57802299999999995</v>
      </c>
      <c r="CQ1339" s="20">
        <v>0.56377600000000005</v>
      </c>
      <c r="CR1339" s="20">
        <v>0.54141700000000004</v>
      </c>
      <c r="CS1339" s="20">
        <v>0.53202099999999997</v>
      </c>
      <c r="CT1339" s="20">
        <v>0.50958400000000004</v>
      </c>
      <c r="CU1339" s="20">
        <v>0.49716100000000002</v>
      </c>
      <c r="CV1339" s="20">
        <v>0.48407</v>
      </c>
      <c r="CW1339" s="20">
        <v>0.471049</v>
      </c>
      <c r="CX1339" s="20">
        <v>0.462897</v>
      </c>
      <c r="CY1339" s="6"/>
      <c r="CZ1339" s="6"/>
      <c r="DA1339" s="6"/>
      <c r="DB1339" s="6"/>
      <c r="DC1339" s="6"/>
      <c r="DD1339" s="6"/>
      <c r="DE1339" s="6"/>
      <c r="DF1339" s="6"/>
      <c r="DG1339" s="6"/>
      <c r="DH1339" s="6"/>
      <c r="DI1339" s="6"/>
      <c r="DJ1339" s="6"/>
      <c r="DK1339" s="6"/>
      <c r="DL1339" s="6"/>
      <c r="DM1339" s="6"/>
      <c r="DN1339" s="6"/>
      <c r="DO1339" s="6"/>
      <c r="DP1339" s="6"/>
      <c r="DQ1339" s="6"/>
    </row>
    <row r="1340" spans="1:121" x14ac:dyDescent="0.2">
      <c r="A1340" s="6" t="s">
        <v>323</v>
      </c>
      <c r="B1340" s="6" t="s">
        <v>323</v>
      </c>
      <c r="C1340" s="6" t="s">
        <v>324</v>
      </c>
      <c r="D1340" s="6" t="s">
        <v>335</v>
      </c>
      <c r="E1340" s="6" t="s">
        <v>328</v>
      </c>
      <c r="F1340" s="11">
        <v>1729</v>
      </c>
      <c r="G1340" s="13">
        <v>0.15604693140799999</v>
      </c>
      <c r="H1340" s="11">
        <v>1991.7981166999998</v>
      </c>
      <c r="I1340" s="13">
        <v>0.17976964116828573</v>
      </c>
      <c r="J1340" s="11">
        <v>-602.64320090000001</v>
      </c>
      <c r="K1340" s="13">
        <v>-4.6103519358477597E-2</v>
      </c>
      <c r="L1340" s="11">
        <v>340.16021730000102</v>
      </c>
      <c r="M1340" s="13">
        <v>2.728073654892766E-2</v>
      </c>
      <c r="N1340" s="11">
        <v>-262.48298359999899</v>
      </c>
      <c r="O1340" s="13">
        <v>-2.0080520775146962E-2</v>
      </c>
      <c r="P1340" s="7">
        <v>11079.724606199999</v>
      </c>
      <c r="Q1340" s="7">
        <v>10951.3944553</v>
      </c>
      <c r="R1340" s="7">
        <v>11030.651843199999</v>
      </c>
      <c r="S1340" s="7">
        <v>11351.575849299999</v>
      </c>
      <c r="T1340" s="7">
        <v>11599.9627052</v>
      </c>
      <c r="U1340" s="7">
        <v>11968.3647549</v>
      </c>
      <c r="V1340" s="7">
        <v>13071.522722899999</v>
      </c>
      <c r="W1340" s="7">
        <v>12893.5561679</v>
      </c>
      <c r="X1340" s="7">
        <v>12399.6332286</v>
      </c>
      <c r="Y1340" s="7">
        <v>12468.879521999999</v>
      </c>
      <c r="Z1340" s="7">
        <v>12603.948548099999</v>
      </c>
      <c r="AA1340" s="7">
        <v>12479.115813799999</v>
      </c>
      <c r="AB1340" s="7">
        <v>12275.350294399999</v>
      </c>
      <c r="AC1340" s="7">
        <v>12259.722604099999</v>
      </c>
      <c r="AD1340" s="7">
        <v>12515.348041499999</v>
      </c>
      <c r="AE1340" s="7">
        <v>12724.5905217</v>
      </c>
      <c r="AF1340" s="7">
        <v>12809.0397393</v>
      </c>
      <c r="AG1340" s="9">
        <v>4984.3686318999989</v>
      </c>
      <c r="AH1340" s="13">
        <v>0.48416783662803742</v>
      </c>
      <c r="AI1340" s="9">
        <v>2692.3080171999991</v>
      </c>
      <c r="AJ1340" s="13">
        <v>0.26152338329902985</v>
      </c>
      <c r="AK1340" s="9">
        <v>864.59591850000106</v>
      </c>
      <c r="AL1340" s="13">
        <v>6.6573847630851266E-2</v>
      </c>
      <c r="AM1340" s="9">
        <v>1427.4646961999988</v>
      </c>
      <c r="AN1340" s="13">
        <v>0.1030540163329471</v>
      </c>
      <c r="AO1340" s="9">
        <v>2292.0606146999999</v>
      </c>
      <c r="AP1340" s="13">
        <v>0.17648856634489524</v>
      </c>
      <c r="AQ1340" s="9">
        <v>10294.712401000001</v>
      </c>
      <c r="AR1340" s="9">
        <v>10861.557273099999</v>
      </c>
      <c r="AS1340" s="9">
        <v>11257.403728900001</v>
      </c>
      <c r="AT1340" s="9">
        <v>11656.194244599999</v>
      </c>
      <c r="AU1340" s="9">
        <v>11872.9403306</v>
      </c>
      <c r="AV1340" s="9">
        <v>12070.8504921</v>
      </c>
      <c r="AW1340" s="9">
        <v>12987.0204182</v>
      </c>
      <c r="AX1340" s="9">
        <v>13117.4891193</v>
      </c>
      <c r="AY1340" s="9">
        <v>13490.0445698</v>
      </c>
      <c r="AZ1340" s="9">
        <v>13851.616336700001</v>
      </c>
      <c r="BA1340" s="9">
        <v>13660.7651188</v>
      </c>
      <c r="BB1340" s="9">
        <v>13811.908505400001</v>
      </c>
      <c r="BC1340" s="9">
        <v>14014.9493478</v>
      </c>
      <c r="BD1340" s="9">
        <v>14318.7643023</v>
      </c>
      <c r="BE1340" s="9">
        <v>14979.1933689</v>
      </c>
      <c r="BF1340" s="9">
        <v>15279.0810329</v>
      </c>
      <c r="BG1340" s="11">
        <v>-4.25</v>
      </c>
      <c r="BH1340" s="13">
        <v>-5.4209183673469387E-3</v>
      </c>
      <c r="BI1340" s="6">
        <v>31</v>
      </c>
      <c r="BJ1340" s="13">
        <v>3.9540816326530615E-2</v>
      </c>
      <c r="BK1340" s="6">
        <v>-11</v>
      </c>
      <c r="BL1340" s="13">
        <v>-1.3496932515337423E-2</v>
      </c>
      <c r="BM1340" s="11">
        <v>-24.25</v>
      </c>
      <c r="BN1340" s="13">
        <v>-3.0161691542288559E-2</v>
      </c>
      <c r="BO1340" s="11">
        <v>-35.25</v>
      </c>
      <c r="BP1340" s="13">
        <v>-4.3251533742331288E-2</v>
      </c>
      <c r="BQ1340" s="6">
        <v>784</v>
      </c>
      <c r="BR1340" s="6">
        <v>789</v>
      </c>
      <c r="BS1340" s="6">
        <v>784</v>
      </c>
      <c r="BT1340" s="6">
        <v>815</v>
      </c>
      <c r="BU1340" s="6">
        <v>820</v>
      </c>
      <c r="BV1340" s="6">
        <v>808</v>
      </c>
      <c r="BW1340" s="6">
        <v>804</v>
      </c>
      <c r="BX1340" s="6">
        <v>795</v>
      </c>
      <c r="BY1340" s="6">
        <v>777</v>
      </c>
      <c r="BZ1340" s="6">
        <v>779</v>
      </c>
      <c r="CA1340" s="6">
        <v>785</v>
      </c>
      <c r="CB1340" s="6">
        <v>793</v>
      </c>
      <c r="CC1340" s="11">
        <v>779.75</v>
      </c>
      <c r="CD1340" s="11">
        <v>-2001.42</v>
      </c>
      <c r="CE1340" s="11">
        <v>2519.59</v>
      </c>
      <c r="CF1340" s="11">
        <v>1211.1500000000001</v>
      </c>
      <c r="CG1340" s="11">
        <v>3731</v>
      </c>
      <c r="CH1340" s="20">
        <v>0.91440600000000005</v>
      </c>
      <c r="CI1340" s="20">
        <v>0.88981399999999999</v>
      </c>
      <c r="CJ1340" s="20">
        <v>0.87248999999999999</v>
      </c>
      <c r="CK1340" s="20">
        <v>0.86502299999999999</v>
      </c>
      <c r="CL1340" s="20">
        <v>0.86499400000000004</v>
      </c>
      <c r="CM1340" s="20">
        <v>0.87317800000000001</v>
      </c>
      <c r="CN1340" s="20">
        <v>0.93648200000000004</v>
      </c>
      <c r="CO1340" s="20">
        <v>0.92490600000000001</v>
      </c>
      <c r="CP1340" s="20">
        <v>0.913636</v>
      </c>
      <c r="CQ1340" s="20">
        <v>0.92311500000000002</v>
      </c>
      <c r="CR1340" s="20">
        <v>0.92746099999999998</v>
      </c>
      <c r="CS1340" s="20">
        <v>0.89736099999999996</v>
      </c>
      <c r="CT1340" s="20">
        <v>0.87778699999999998</v>
      </c>
      <c r="CU1340" s="20">
        <v>0.856124</v>
      </c>
      <c r="CV1340" s="20">
        <v>0.84860000000000002</v>
      </c>
      <c r="CW1340" s="20">
        <v>0.842889</v>
      </c>
      <c r="CX1340" s="20">
        <v>0.82991000000000004</v>
      </c>
      <c r="CY1340" s="6"/>
      <c r="CZ1340" s="6"/>
      <c r="DA1340" s="6"/>
      <c r="DB1340" s="6"/>
      <c r="DC1340" s="6"/>
      <c r="DD1340" s="6"/>
      <c r="DE1340" s="6"/>
      <c r="DF1340" s="6"/>
      <c r="DG1340" s="6"/>
      <c r="DH1340" s="6"/>
      <c r="DI1340" s="6"/>
      <c r="DJ1340" s="6"/>
      <c r="DK1340" s="6"/>
      <c r="DL1340" s="6"/>
      <c r="DM1340" s="6"/>
      <c r="DN1340" s="6"/>
      <c r="DO1340" s="6"/>
      <c r="DP1340" s="6"/>
      <c r="DQ1340" s="6"/>
    </row>
    <row r="1341" spans="1:121" x14ac:dyDescent="0.2">
      <c r="A1341" s="6" t="s">
        <v>325</v>
      </c>
      <c r="B1341" s="6" t="s">
        <v>325</v>
      </c>
      <c r="C1341" s="6" t="s">
        <v>326</v>
      </c>
      <c r="D1341" s="6" t="s">
        <v>335</v>
      </c>
      <c r="E1341" s="6" t="s">
        <v>328</v>
      </c>
      <c r="F1341" s="11">
        <v>493</v>
      </c>
      <c r="G1341" s="13">
        <v>6.3868376732700002E-2</v>
      </c>
      <c r="H1341" s="11">
        <v>1396.4026087800003</v>
      </c>
      <c r="I1341" s="13">
        <v>0.18090804152596365</v>
      </c>
      <c r="J1341" s="11">
        <v>-322.08765348999987</v>
      </c>
      <c r="K1341" s="13">
        <v>-3.5335009955641435E-2</v>
      </c>
      <c r="L1341" s="11">
        <v>-580.91864884999995</v>
      </c>
      <c r="M1341" s="13">
        <v>-6.6064772212849093E-2</v>
      </c>
      <c r="N1341" s="11">
        <v>-903.00630233999982</v>
      </c>
      <c r="O1341" s="13">
        <v>-9.9065382784632325E-2</v>
      </c>
      <c r="P1341" s="7">
        <v>7718.8531642999997</v>
      </c>
      <c r="Q1341" s="7">
        <v>7869.9602693200004</v>
      </c>
      <c r="R1341" s="7">
        <v>8119.7061004500001</v>
      </c>
      <c r="S1341" s="7">
        <v>8422.88679701</v>
      </c>
      <c r="T1341" s="7">
        <v>8863.6869482599996</v>
      </c>
      <c r="U1341" s="7">
        <v>8941.3997588700004</v>
      </c>
      <c r="V1341" s="7">
        <v>9115.2557730799999</v>
      </c>
      <c r="W1341" s="7">
        <v>8887.2047098900002</v>
      </c>
      <c r="X1341" s="7">
        <v>8779.5047600199996</v>
      </c>
      <c r="Y1341" s="7">
        <v>8793.1681195900001</v>
      </c>
      <c r="Z1341" s="7">
        <v>8674.3070168100003</v>
      </c>
      <c r="AA1341" s="7">
        <v>8956.4553079300003</v>
      </c>
      <c r="AB1341" s="7">
        <v>8080.3066891199996</v>
      </c>
      <c r="AC1341" s="7">
        <v>8046.0286924299999</v>
      </c>
      <c r="AD1341" s="7">
        <v>8118.1063100900001</v>
      </c>
      <c r="AE1341" s="7">
        <v>8156.6224414899998</v>
      </c>
      <c r="AF1341" s="7">
        <v>8212.2494707400001</v>
      </c>
      <c r="AG1341" s="9">
        <v>6021.0322844999992</v>
      </c>
      <c r="AH1341" s="13">
        <v>0.36783521161124239</v>
      </c>
      <c r="AI1341" s="9">
        <v>2135.9222255000004</v>
      </c>
      <c r="AJ1341" s="13">
        <v>0.13048716012111403</v>
      </c>
      <c r="AK1341" s="9">
        <v>-364.29283620000206</v>
      </c>
      <c r="AL1341" s="13">
        <v>-1.968644697552626E-2</v>
      </c>
      <c r="AM1341" s="9">
        <v>4249.4028952000008</v>
      </c>
      <c r="AN1341" s="13">
        <v>0.234250007272747</v>
      </c>
      <c r="AO1341" s="9">
        <v>3885.1100589999987</v>
      </c>
      <c r="AP1341" s="13">
        <v>0.20995200995002916</v>
      </c>
      <c r="AQ1341" s="9">
        <v>16368.830646</v>
      </c>
      <c r="AR1341" s="9">
        <v>16439.120018599999</v>
      </c>
      <c r="AS1341" s="9">
        <v>16586.052980299999</v>
      </c>
      <c r="AT1341" s="9">
        <v>16865.7853995</v>
      </c>
      <c r="AU1341" s="9">
        <v>16783.395953899999</v>
      </c>
      <c r="AV1341" s="9">
        <v>17172.571153199999</v>
      </c>
      <c r="AW1341" s="9">
        <v>18504.752871500001</v>
      </c>
      <c r="AX1341" s="9">
        <v>18710.2171567</v>
      </c>
      <c r="AY1341" s="9">
        <v>18054.4287109</v>
      </c>
      <c r="AZ1341" s="9">
        <v>18140.460035299999</v>
      </c>
      <c r="BA1341" s="9">
        <v>18453.4605701</v>
      </c>
      <c r="BB1341" s="9">
        <v>18857.387740900002</v>
      </c>
      <c r="BC1341" s="9">
        <v>20463.316470400001</v>
      </c>
      <c r="BD1341" s="9">
        <v>21332.3960142</v>
      </c>
      <c r="BE1341" s="9">
        <v>22007.6370646</v>
      </c>
      <c r="BF1341" s="9">
        <v>22389.862930499999</v>
      </c>
      <c r="BG1341" s="11">
        <v>-371</v>
      </c>
      <c r="BH1341" s="13">
        <v>-0.3086522462562396</v>
      </c>
      <c r="BI1341" s="6">
        <v>120</v>
      </c>
      <c r="BJ1341" s="13">
        <v>9.9833610648918464E-2</v>
      </c>
      <c r="BK1341" s="6">
        <v>154</v>
      </c>
      <c r="BL1341" s="13">
        <v>0.11649016641452345</v>
      </c>
      <c r="BM1341" s="11">
        <v>-645</v>
      </c>
      <c r="BN1341" s="13">
        <v>-0.43699186991869921</v>
      </c>
      <c r="BO1341" s="11">
        <v>-491</v>
      </c>
      <c r="BP1341" s="13">
        <v>-0.37140695915279881</v>
      </c>
      <c r="BQ1341" s="6">
        <v>1202</v>
      </c>
      <c r="BR1341" s="6">
        <v>1237</v>
      </c>
      <c r="BS1341" s="6">
        <v>1278</v>
      </c>
      <c r="BT1341" s="6">
        <v>1322</v>
      </c>
      <c r="BU1341" s="6">
        <v>1347</v>
      </c>
      <c r="BV1341" s="6">
        <v>1371</v>
      </c>
      <c r="BW1341" s="6">
        <v>1476</v>
      </c>
      <c r="BX1341" s="6">
        <v>1528</v>
      </c>
      <c r="BY1341" s="6">
        <v>1547</v>
      </c>
      <c r="BZ1341" s="6">
        <v>825</v>
      </c>
      <c r="CA1341" s="6">
        <v>840</v>
      </c>
      <c r="CB1341" s="6">
        <v>846</v>
      </c>
      <c r="CC1341" s="11">
        <v>831</v>
      </c>
      <c r="CD1341" s="11">
        <v>-279.28399999999999</v>
      </c>
      <c r="CE1341" s="11">
        <v>-71.083299999999994</v>
      </c>
      <c r="CF1341" s="11">
        <v>843.76400000000001</v>
      </c>
      <c r="CG1341" s="11">
        <v>773</v>
      </c>
      <c r="CH1341" s="20">
        <v>0.93784299999999998</v>
      </c>
      <c r="CI1341" s="20">
        <v>0.93748500000000001</v>
      </c>
      <c r="CJ1341" s="20">
        <v>0.94699699999999998</v>
      </c>
      <c r="CK1341" s="20">
        <v>0.96354799999999996</v>
      </c>
      <c r="CL1341" s="20">
        <v>1.00868</v>
      </c>
      <c r="CM1341" s="20">
        <v>1.00485</v>
      </c>
      <c r="CN1341" s="20">
        <v>1.01091</v>
      </c>
      <c r="CO1341" s="20">
        <v>0.98592800000000003</v>
      </c>
      <c r="CP1341" s="20">
        <v>0.98004599999999997</v>
      </c>
      <c r="CQ1341" s="20">
        <v>0.99355499999999997</v>
      </c>
      <c r="CR1341" s="20">
        <v>0.98840499999999998</v>
      </c>
      <c r="CS1341" s="20">
        <v>1.00502</v>
      </c>
      <c r="CT1341" s="20">
        <v>0.98356100000000002</v>
      </c>
      <c r="CU1341" s="20">
        <v>0.96661600000000003</v>
      </c>
      <c r="CV1341" s="20">
        <v>0.9657</v>
      </c>
      <c r="CW1341" s="20">
        <v>0.95797399999999999</v>
      </c>
      <c r="CX1341" s="20">
        <v>0.95180900000000002</v>
      </c>
      <c r="CY1341" s="6"/>
      <c r="CZ1341" s="6"/>
      <c r="DA1341" s="6"/>
      <c r="DB1341" s="6"/>
      <c r="DC1341" s="6"/>
      <c r="DD1341" s="6"/>
      <c r="DE1341" s="6"/>
      <c r="DF1341" s="6"/>
      <c r="DG1341" s="6"/>
      <c r="DH1341" s="6"/>
      <c r="DI1341" s="6"/>
      <c r="DJ1341" s="6"/>
      <c r="DK1341" s="6"/>
      <c r="DL1341" s="6"/>
      <c r="DM1341" s="6"/>
      <c r="DN1341" s="6"/>
      <c r="DO1341" s="6"/>
      <c r="DP1341" s="6"/>
      <c r="DQ1341" s="6"/>
    </row>
    <row r="1342" spans="1:121" x14ac:dyDescent="0.2">
      <c r="A1342" s="6" t="s">
        <v>327</v>
      </c>
      <c r="B1342" s="6" t="s">
        <v>327</v>
      </c>
      <c r="C1342" s="6" t="s">
        <v>194</v>
      </c>
      <c r="D1342" s="6" t="s">
        <v>335</v>
      </c>
      <c r="E1342" s="6" t="s">
        <v>328</v>
      </c>
      <c r="F1342" s="11">
        <v>1245</v>
      </c>
      <c r="G1342" s="13">
        <v>3.9414949188000002E-2</v>
      </c>
      <c r="H1342" s="11">
        <v>2422.842772</v>
      </c>
      <c r="I1342" s="13">
        <v>7.6702631846318717E-2</v>
      </c>
      <c r="J1342" s="11">
        <v>50.25798599999689</v>
      </c>
      <c r="K1342" s="13">
        <v>1.4777274484557453E-3</v>
      </c>
      <c r="L1342" s="11">
        <v>-1228.086452399999</v>
      </c>
      <c r="M1342" s="13">
        <v>-3.6055946829150934E-2</v>
      </c>
      <c r="N1342" s="11">
        <v>-1177.8284664000021</v>
      </c>
      <c r="O1342" s="13">
        <v>-3.4631500243004688E-2</v>
      </c>
      <c r="P1342" s="7">
        <v>31587.478991</v>
      </c>
      <c r="Q1342" s="7">
        <v>31580.48172</v>
      </c>
      <c r="R1342" s="7">
        <v>32268.019544999999</v>
      </c>
      <c r="S1342" s="7">
        <v>32434.43936</v>
      </c>
      <c r="T1342" s="7">
        <v>32538.970336999999</v>
      </c>
      <c r="U1342" s="7">
        <v>33142.210977000002</v>
      </c>
      <c r="V1342" s="7">
        <v>34010.321763</v>
      </c>
      <c r="W1342" s="7">
        <v>34957.470916999999</v>
      </c>
      <c r="X1342" s="7">
        <v>35000.083067</v>
      </c>
      <c r="Y1342" s="7">
        <v>34060.579748999997</v>
      </c>
      <c r="Z1342" s="7">
        <v>33400.647966999997</v>
      </c>
      <c r="AA1342" s="7">
        <v>33391.692770000001</v>
      </c>
      <c r="AB1342" s="7">
        <v>33124.910121000001</v>
      </c>
      <c r="AC1342" s="7">
        <v>33288.655587000001</v>
      </c>
      <c r="AD1342" s="7">
        <v>32977.779687000002</v>
      </c>
      <c r="AE1342" s="7">
        <v>32827.184691000002</v>
      </c>
      <c r="AF1342" s="7">
        <v>32832.493296599998</v>
      </c>
      <c r="AG1342" s="9">
        <v>14857.135001599996</v>
      </c>
      <c r="AH1342" s="13">
        <v>0.4626936999349619</v>
      </c>
      <c r="AI1342" s="9">
        <v>8731.9237146999985</v>
      </c>
      <c r="AJ1342" s="13">
        <v>0.27193709222331769</v>
      </c>
      <c r="AK1342" s="9">
        <v>3126.8030280000021</v>
      </c>
      <c r="AL1342" s="13">
        <v>7.6558498621359244E-2</v>
      </c>
      <c r="AM1342" s="9">
        <v>2998.4082588999954</v>
      </c>
      <c r="AN1342" s="13">
        <v>6.8193976535427053E-2</v>
      </c>
      <c r="AO1342" s="9">
        <v>6125.2112868999975</v>
      </c>
      <c r="AP1342" s="13">
        <v>0.14997330361535879</v>
      </c>
      <c r="AQ1342" s="9">
        <v>32110.087091500001</v>
      </c>
      <c r="AR1342" s="9">
        <v>33395.934812500003</v>
      </c>
      <c r="AS1342" s="9">
        <v>34530.692777199998</v>
      </c>
      <c r="AT1342" s="9">
        <v>36286.969132500002</v>
      </c>
      <c r="AU1342" s="9">
        <v>38202.587463999997</v>
      </c>
      <c r="AV1342" s="9">
        <v>39338.671332799997</v>
      </c>
      <c r="AW1342" s="9">
        <v>40842.0108062</v>
      </c>
      <c r="AX1342" s="9">
        <v>41691.946172600001</v>
      </c>
      <c r="AY1342" s="9">
        <v>42783.9483196</v>
      </c>
      <c r="AZ1342" s="9">
        <v>43968.813834200002</v>
      </c>
      <c r="BA1342" s="9">
        <v>43998.376757400001</v>
      </c>
      <c r="BB1342" s="9">
        <v>44071.638742800002</v>
      </c>
      <c r="BC1342" s="9">
        <v>45007.846765900002</v>
      </c>
      <c r="BD1342" s="9">
        <v>44939.580363599998</v>
      </c>
      <c r="BE1342" s="9">
        <v>46111.181825500003</v>
      </c>
      <c r="BF1342" s="9">
        <v>46967.222093099997</v>
      </c>
      <c r="BG1342" s="11">
        <v>60.25</v>
      </c>
      <c r="BH1342" s="13">
        <v>5.1984469370146676E-2</v>
      </c>
      <c r="BI1342" s="6">
        <v>57</v>
      </c>
      <c r="BJ1342" s="13">
        <v>4.9180327868852458E-2</v>
      </c>
      <c r="BK1342" s="6">
        <v>33</v>
      </c>
      <c r="BL1342" s="13">
        <v>2.7138157894736843E-2</v>
      </c>
      <c r="BM1342" s="11">
        <v>-29.75</v>
      </c>
      <c r="BN1342" s="13">
        <v>-2.3819055244195357E-2</v>
      </c>
      <c r="BO1342" s="11">
        <v>3.25</v>
      </c>
      <c r="BP1342" s="13">
        <v>2.6726973684210527E-3</v>
      </c>
      <c r="BQ1342" s="6">
        <v>1159</v>
      </c>
      <c r="BR1342" s="6">
        <v>1148</v>
      </c>
      <c r="BS1342" s="6">
        <v>1159</v>
      </c>
      <c r="BT1342" s="6">
        <v>1216</v>
      </c>
      <c r="BU1342" s="6">
        <v>1214</v>
      </c>
      <c r="BV1342" s="6">
        <v>1243</v>
      </c>
      <c r="BW1342" s="6">
        <v>1249</v>
      </c>
      <c r="BX1342" s="6">
        <v>1244</v>
      </c>
      <c r="BY1342" s="6">
        <v>1228</v>
      </c>
      <c r="BZ1342" s="6">
        <v>1216</v>
      </c>
      <c r="CA1342" s="6">
        <v>1215</v>
      </c>
      <c r="CB1342" s="6">
        <v>1215</v>
      </c>
      <c r="CC1342" s="11">
        <v>1219.25</v>
      </c>
      <c r="CD1342" s="11">
        <v>-356.07299999999998</v>
      </c>
      <c r="CE1342" s="11">
        <v>-1851.8</v>
      </c>
      <c r="CF1342" s="11">
        <v>3452.89</v>
      </c>
      <c r="CG1342" s="11">
        <v>1601</v>
      </c>
      <c r="CH1342" s="20">
        <v>1.15537</v>
      </c>
      <c r="CI1342" s="20">
        <v>1.1302700000000001</v>
      </c>
      <c r="CJ1342" s="20">
        <v>1.1390499999999999</v>
      </c>
      <c r="CK1342" s="20">
        <v>1.13114</v>
      </c>
      <c r="CL1342" s="20">
        <v>1.1314599999999999</v>
      </c>
      <c r="CM1342" s="20">
        <v>1.1455900000000001</v>
      </c>
      <c r="CN1342" s="20">
        <v>1.16845</v>
      </c>
      <c r="CO1342" s="20">
        <v>1.1893499999999999</v>
      </c>
      <c r="CP1342" s="20">
        <v>1.18482</v>
      </c>
      <c r="CQ1342" s="20">
        <v>1.1604099999999999</v>
      </c>
      <c r="CR1342" s="20">
        <v>1.17448</v>
      </c>
      <c r="CS1342" s="20">
        <v>1.1955100000000001</v>
      </c>
      <c r="CT1342" s="20">
        <v>1.22194</v>
      </c>
      <c r="CU1342" s="20">
        <v>1.23488</v>
      </c>
      <c r="CV1342" s="20">
        <v>1.2217499999999999</v>
      </c>
      <c r="CW1342" s="20">
        <v>1.2068099999999999</v>
      </c>
      <c r="CX1342" s="20">
        <v>1.1994400000000001</v>
      </c>
      <c r="CY1342" s="6"/>
      <c r="CZ1342" s="6"/>
      <c r="DA1342" s="6"/>
      <c r="DB1342" s="6"/>
      <c r="DC1342" s="6"/>
      <c r="DD1342" s="6"/>
      <c r="DE1342" s="6"/>
      <c r="DF1342" s="6"/>
      <c r="DG1342" s="6"/>
      <c r="DH1342" s="6"/>
      <c r="DI1342" s="6"/>
      <c r="DJ1342" s="6"/>
      <c r="DK1342" s="6"/>
      <c r="DL1342" s="6"/>
      <c r="DM1342" s="6"/>
      <c r="DN1342" s="6"/>
      <c r="DO1342" s="6"/>
      <c r="DP1342" s="6"/>
      <c r="DQ1342" s="6"/>
    </row>
    <row r="1343" spans="1:121" x14ac:dyDescent="0.2">
      <c r="A1343" s="32" t="s">
        <v>791</v>
      </c>
      <c r="B1343" s="32" t="s">
        <v>791</v>
      </c>
      <c r="C1343" s="32" t="s">
        <v>329</v>
      </c>
      <c r="D1343" s="4" t="s">
        <v>118</v>
      </c>
      <c r="E1343" s="4" t="s">
        <v>259</v>
      </c>
      <c r="F1343" s="1">
        <v>2369</v>
      </c>
      <c r="G1343" s="2">
        <v>0.107233387652</v>
      </c>
      <c r="H1343" s="1">
        <v>4044.6398578000008</v>
      </c>
      <c r="I1343" s="2">
        <v>0.1830809490263301</v>
      </c>
      <c r="J1343" s="1">
        <v>2074.8089556999985</v>
      </c>
      <c r="K1343" s="2">
        <v>7.9382898201026605E-2</v>
      </c>
      <c r="L1343" s="1">
        <v>-3750.2792593000013</v>
      </c>
      <c r="M1343" s="2">
        <v>-0.13293425681331536</v>
      </c>
      <c r="N1343" s="1">
        <v>-1675.4703036000028</v>
      </c>
      <c r="O1343" s="2">
        <v>-6.4104065188329312E-2</v>
      </c>
      <c r="P1343" s="1">
        <v>22092.0848363</v>
      </c>
      <c r="Q1343" s="1">
        <v>22866.704173499998</v>
      </c>
      <c r="R1343" s="1">
        <v>23392.210237399999</v>
      </c>
      <c r="S1343" s="1">
        <v>23778.571459899998</v>
      </c>
      <c r="T1343" s="1">
        <v>24129.122376300002</v>
      </c>
      <c r="U1343" s="1">
        <v>25551.794000400001</v>
      </c>
      <c r="V1343" s="1">
        <v>26136.724694100001</v>
      </c>
      <c r="W1343" s="1">
        <v>27878.4804893</v>
      </c>
      <c r="X1343" s="1">
        <v>28647.0513173</v>
      </c>
      <c r="Y1343" s="1">
        <v>28211.5336498</v>
      </c>
      <c r="Z1343" s="1">
        <v>28123.4868885</v>
      </c>
      <c r="AA1343" s="1">
        <v>26518.643085200001</v>
      </c>
      <c r="AB1343" s="1">
        <v>27070.406733299998</v>
      </c>
      <c r="AC1343" s="1">
        <v>24954.806467999999</v>
      </c>
      <c r="AD1343" s="1">
        <v>24879.264342900002</v>
      </c>
      <c r="AE1343" s="1">
        <v>24570.459272799999</v>
      </c>
      <c r="AF1343" s="1">
        <v>24461.254390499998</v>
      </c>
      <c r="AG1343" s="1">
        <v>22999.343499499999</v>
      </c>
      <c r="AH1343" s="2">
        <v>0.76487933633918415</v>
      </c>
      <c r="AI1343" s="1">
        <v>13278.836673199999</v>
      </c>
      <c r="AJ1343" s="2">
        <v>0.44160859557467108</v>
      </c>
      <c r="AK1343" s="1">
        <v>5308.0206676000016</v>
      </c>
      <c r="AL1343" s="2">
        <v>0.12245111129320714</v>
      </c>
      <c r="AM1343" s="1">
        <v>4412.4861586999978</v>
      </c>
      <c r="AN1343" s="2">
        <v>9.0687211361158065E-2</v>
      </c>
      <c r="AO1343" s="1">
        <v>9720.5068262999994</v>
      </c>
      <c r="AP1343" s="2">
        <v>0.22424307246562097</v>
      </c>
      <c r="AQ1343" s="3">
        <v>30069.244136699999</v>
      </c>
      <c r="AR1343" s="3">
        <v>32165.783947600001</v>
      </c>
      <c r="AS1343" s="3">
        <v>33539.012768400004</v>
      </c>
      <c r="AT1343" s="3">
        <v>35032.269159900003</v>
      </c>
      <c r="AU1343" s="3">
        <v>38813.786002599998</v>
      </c>
      <c r="AV1343" s="3">
        <v>40933.273572500002</v>
      </c>
      <c r="AW1343" s="3">
        <v>43348.080809899999</v>
      </c>
      <c r="AX1343" s="3">
        <v>45116.244166199998</v>
      </c>
      <c r="AY1343" s="3">
        <v>47389.895664999996</v>
      </c>
      <c r="AZ1343" s="3">
        <v>48656.1014775</v>
      </c>
      <c r="BA1343" s="3">
        <v>50266.613890300003</v>
      </c>
      <c r="BB1343" s="3">
        <v>51355.634781000001</v>
      </c>
      <c r="BC1343" s="3">
        <v>50192.626908600003</v>
      </c>
      <c r="BD1343" s="3">
        <v>50765.688220800002</v>
      </c>
      <c r="BE1343" s="3">
        <v>51318.507387400001</v>
      </c>
      <c r="BF1343" s="3">
        <v>53068.587636199998</v>
      </c>
      <c r="BG1343" s="1">
        <v>1.6736232939999809</v>
      </c>
      <c r="BH1343" s="2">
        <v>2.0029566903240134E-3</v>
      </c>
      <c r="BI1343" s="1">
        <v>36.688786980000032</v>
      </c>
      <c r="BJ1343" s="2">
        <v>4.3908358353349053E-2</v>
      </c>
      <c r="BK1343" s="1">
        <v>-1.2651574380000739</v>
      </c>
      <c r="BL1343" s="2">
        <v>-1.4504275656886236E-3</v>
      </c>
      <c r="BM1343" s="1">
        <v>-33.750006247999977</v>
      </c>
      <c r="BN1343" s="2">
        <v>-3.8748571763374172E-2</v>
      </c>
      <c r="BO1343" s="1">
        <v>-35.015163686000051</v>
      </c>
      <c r="BP1343" s="2">
        <v>-4.0142797332446134E-2</v>
      </c>
      <c r="BQ1343" s="1">
        <v>835.57637670600002</v>
      </c>
      <c r="BR1343" s="1">
        <v>839.50305572699995</v>
      </c>
      <c r="BS1343" s="1">
        <v>852.50079172000005</v>
      </c>
      <c r="BT1343" s="1">
        <v>872.26516368600005</v>
      </c>
      <c r="BU1343" s="1">
        <v>861.00000638300003</v>
      </c>
      <c r="BV1343" s="1">
        <v>849.00000538300003</v>
      </c>
      <c r="BW1343" s="1">
        <v>871.00000624799998</v>
      </c>
      <c r="BX1343" s="1">
        <v>848</v>
      </c>
      <c r="BY1343" s="1">
        <v>841</v>
      </c>
      <c r="BZ1343" s="1">
        <v>840</v>
      </c>
      <c r="CA1343" s="1">
        <v>819</v>
      </c>
      <c r="CB1343" s="1">
        <v>849</v>
      </c>
      <c r="CC1343" s="1">
        <v>837.25</v>
      </c>
      <c r="CD1343" s="1">
        <v>-45.761400000000002</v>
      </c>
      <c r="CE1343" s="27">
        <v>0</v>
      </c>
      <c r="CF1343" s="27">
        <v>2414.9299999999998</v>
      </c>
      <c r="CG1343" s="27">
        <v>2415</v>
      </c>
      <c r="CH1343" s="27"/>
      <c r="CI1343" s="27"/>
      <c r="CJ1343" s="27"/>
      <c r="CK1343" s="27"/>
      <c r="CL1343" s="27"/>
      <c r="CM1343" s="27"/>
      <c r="CN1343" s="27"/>
      <c r="CO1343" s="27"/>
      <c r="CP1343" s="27"/>
      <c r="CQ1343" s="27"/>
      <c r="CR1343" s="27"/>
      <c r="CS1343" s="27"/>
      <c r="CT1343" s="27"/>
      <c r="CU1343" s="27"/>
      <c r="CV1343" s="27"/>
      <c r="CW1343" s="27"/>
      <c r="CX1343" s="27"/>
      <c r="CY1343" s="23" t="s">
        <v>655</v>
      </c>
      <c r="CZ1343" s="23" t="s">
        <v>656</v>
      </c>
      <c r="DA1343" s="24" t="s">
        <v>118</v>
      </c>
      <c r="DB1343" s="25"/>
      <c r="DC1343" s="25" t="s">
        <v>657</v>
      </c>
      <c r="DD1343" s="25"/>
      <c r="DE1343" s="25" t="s">
        <v>658</v>
      </c>
      <c r="DF1343" s="25" t="s">
        <v>363</v>
      </c>
      <c r="DG1343" s="25" t="s">
        <v>364</v>
      </c>
      <c r="DH1343" s="25" t="s">
        <v>365</v>
      </c>
      <c r="DI1343" s="25"/>
      <c r="DJ1343" s="25" t="s">
        <v>366</v>
      </c>
      <c r="DK1343" s="25" t="s">
        <v>659</v>
      </c>
      <c r="DL1343" s="25">
        <v>8</v>
      </c>
      <c r="DM1343" s="25" t="s">
        <v>368</v>
      </c>
      <c r="DN1343" s="25">
        <v>5</v>
      </c>
      <c r="DO1343" s="25" t="s">
        <v>429</v>
      </c>
      <c r="DP1343" s="6"/>
      <c r="DQ1343" s="6"/>
    </row>
    <row r="1344" spans="1:121" x14ac:dyDescent="0.2">
      <c r="A1344" s="6" t="s">
        <v>1</v>
      </c>
      <c r="B1344" s="6" t="s">
        <v>1</v>
      </c>
      <c r="C1344" s="6" t="s">
        <v>2</v>
      </c>
      <c r="D1344" s="6" t="s">
        <v>337</v>
      </c>
      <c r="E1344" s="6" t="s">
        <v>331</v>
      </c>
      <c r="F1344" s="11">
        <v>-1647</v>
      </c>
      <c r="G1344" s="13">
        <v>-0.19215960798000001</v>
      </c>
      <c r="H1344" s="11">
        <v>-383.23167966000074</v>
      </c>
      <c r="I1344" s="13">
        <v>-4.4710379026968304E-2</v>
      </c>
      <c r="J1344" s="11">
        <v>-1883.8704937000002</v>
      </c>
      <c r="K1344" s="13">
        <v>-0.23007155811649704</v>
      </c>
      <c r="L1344" s="11">
        <v>620.11353292000058</v>
      </c>
      <c r="M1344" s="13">
        <v>9.8363219640362959E-2</v>
      </c>
      <c r="N1344" s="11">
        <v>-1263.7569607799996</v>
      </c>
      <c r="O1344" s="13">
        <v>-0.1543389176801476</v>
      </c>
      <c r="P1344" s="7">
        <v>8571.4254273900006</v>
      </c>
      <c r="Q1344" s="7">
        <v>8235.4484864700007</v>
      </c>
      <c r="R1344" s="7">
        <v>8026.7553237399998</v>
      </c>
      <c r="S1344" s="7">
        <v>7273.3700233299996</v>
      </c>
      <c r="T1344" s="7">
        <v>8212.2593434900009</v>
      </c>
      <c r="U1344" s="7">
        <v>8194.3645251899998</v>
      </c>
      <c r="V1344" s="7">
        <v>8188.1937477299998</v>
      </c>
      <c r="W1344" s="7">
        <v>7074.0105032499996</v>
      </c>
      <c r="X1344" s="7">
        <v>6424.9738453299997</v>
      </c>
      <c r="Y1344" s="7">
        <v>6304.3232540299996</v>
      </c>
      <c r="Z1344" s="7">
        <v>6145.6412606100002</v>
      </c>
      <c r="AA1344" s="7">
        <v>5918.0504120100004</v>
      </c>
      <c r="AB1344" s="7">
        <v>5803.66296332</v>
      </c>
      <c r="AC1344" s="7">
        <v>6680.3078158600001</v>
      </c>
      <c r="AD1344" s="7">
        <v>7043.5384655300004</v>
      </c>
      <c r="AE1344" s="7">
        <v>6909.3804029000003</v>
      </c>
      <c r="AF1344" s="7">
        <v>6924.4367869500002</v>
      </c>
      <c r="AG1344" s="9">
        <v>9824.9712696999995</v>
      </c>
      <c r="AH1344" s="13">
        <v>0.44076444378847274</v>
      </c>
      <c r="AI1344" s="9">
        <v>2890.5984181999993</v>
      </c>
      <c r="AJ1344" s="13">
        <v>0.12967702083190569</v>
      </c>
      <c r="AK1344" s="9">
        <v>2196.4290118000026</v>
      </c>
      <c r="AL1344" s="13">
        <v>8.7224430125005914E-2</v>
      </c>
      <c r="AM1344" s="9">
        <v>4737.9438396999976</v>
      </c>
      <c r="AN1344" s="13">
        <v>0.1730579979786169</v>
      </c>
      <c r="AO1344" s="9">
        <v>6934.3728515000003</v>
      </c>
      <c r="AP1344" s="13">
        <v>0.27537731335588211</v>
      </c>
      <c r="AQ1344" s="9">
        <v>22290.7528231</v>
      </c>
      <c r="AR1344" s="9">
        <v>23099.706165899999</v>
      </c>
      <c r="AS1344" s="9">
        <v>27079.270320799998</v>
      </c>
      <c r="AT1344" s="9">
        <v>22226.856275499998</v>
      </c>
      <c r="AU1344" s="9">
        <v>23908.236884900001</v>
      </c>
      <c r="AV1344" s="9">
        <v>24011.9533084</v>
      </c>
      <c r="AW1344" s="9">
        <v>25181.351241299999</v>
      </c>
      <c r="AX1344" s="9">
        <v>27848.502779400002</v>
      </c>
      <c r="AY1344" s="9">
        <v>28871.3992244</v>
      </c>
      <c r="AZ1344" s="9">
        <v>27377.780253100002</v>
      </c>
      <c r="BA1344" s="9">
        <v>26743.904619699999</v>
      </c>
      <c r="BB1344" s="9">
        <v>28917.8452425</v>
      </c>
      <c r="BC1344" s="9">
        <v>29506.665736700001</v>
      </c>
      <c r="BD1344" s="9">
        <v>29846.792003400002</v>
      </c>
      <c r="BE1344" s="9">
        <v>31794.9474261</v>
      </c>
      <c r="BF1344" s="9">
        <v>32115.724092799999</v>
      </c>
      <c r="BG1344" s="11">
        <v>14.75</v>
      </c>
      <c r="BH1344" s="13">
        <v>5.673076923076923E-2</v>
      </c>
      <c r="BI1344" s="6">
        <v>2</v>
      </c>
      <c r="BJ1344" s="13">
        <v>7.6923076923076927E-3</v>
      </c>
      <c r="BK1344" s="6">
        <v>3</v>
      </c>
      <c r="BL1344" s="13">
        <v>1.1450381679389313E-2</v>
      </c>
      <c r="BM1344" s="11">
        <v>9.75</v>
      </c>
      <c r="BN1344" s="13">
        <v>3.6792452830188678E-2</v>
      </c>
      <c r="BO1344" s="11">
        <v>12.75</v>
      </c>
      <c r="BP1344" s="13">
        <v>4.8664122137404578E-2</v>
      </c>
      <c r="BQ1344" s="6">
        <v>260</v>
      </c>
      <c r="BR1344" s="6">
        <v>266</v>
      </c>
      <c r="BS1344" s="6">
        <v>262</v>
      </c>
      <c r="BT1344" s="6">
        <v>262</v>
      </c>
      <c r="BU1344" s="6">
        <v>268</v>
      </c>
      <c r="BV1344" s="6">
        <v>264</v>
      </c>
      <c r="BW1344" s="6">
        <v>265</v>
      </c>
      <c r="BX1344" s="6">
        <v>268</v>
      </c>
      <c r="BY1344" s="6">
        <v>266</v>
      </c>
      <c r="BZ1344" s="6">
        <v>261</v>
      </c>
      <c r="CA1344" s="6">
        <v>261</v>
      </c>
      <c r="CB1344" s="6">
        <v>277</v>
      </c>
      <c r="CC1344" s="11">
        <v>274.75</v>
      </c>
      <c r="CD1344" s="11">
        <v>-1802.46</v>
      </c>
      <c r="CE1344" s="11">
        <v>-781.48900000000003</v>
      </c>
      <c r="CF1344" s="11">
        <v>936.96</v>
      </c>
      <c r="CG1344" s="11">
        <v>156</v>
      </c>
      <c r="CH1344" s="20">
        <v>0.29667399999999999</v>
      </c>
      <c r="CI1344" s="20">
        <v>0.28854099999999999</v>
      </c>
      <c r="CJ1344" s="20">
        <v>0.280912</v>
      </c>
      <c r="CK1344" s="20">
        <v>0.25640000000000002</v>
      </c>
      <c r="CL1344" s="20">
        <v>0.28934500000000002</v>
      </c>
      <c r="CM1344" s="20">
        <v>0.29124</v>
      </c>
      <c r="CN1344" s="20">
        <v>0.29474699999999998</v>
      </c>
      <c r="CO1344" s="20">
        <v>0.26116499999999998</v>
      </c>
      <c r="CP1344" s="20">
        <v>0.238784</v>
      </c>
      <c r="CQ1344" s="20">
        <v>0.236979</v>
      </c>
      <c r="CR1344" s="20">
        <v>0.231077</v>
      </c>
      <c r="CS1344" s="20">
        <v>0.220222</v>
      </c>
      <c r="CT1344" s="20">
        <v>0.21495400000000001</v>
      </c>
      <c r="CU1344" s="20">
        <v>0.24598400000000001</v>
      </c>
      <c r="CV1344" s="20">
        <v>0.25614599999999998</v>
      </c>
      <c r="CW1344" s="20">
        <v>0.25138700000000003</v>
      </c>
      <c r="CX1344" s="20">
        <v>0.25191599999999997</v>
      </c>
      <c r="CY1344" s="6"/>
      <c r="CZ1344" s="6"/>
      <c r="DA1344" s="6"/>
      <c r="DB1344" s="6"/>
      <c r="DC1344" s="6"/>
      <c r="DD1344" s="6"/>
      <c r="DE1344" s="6"/>
      <c r="DF1344" s="6"/>
      <c r="DG1344" s="6"/>
      <c r="DH1344" s="6"/>
      <c r="DI1344" s="6"/>
      <c r="DJ1344" s="6"/>
      <c r="DK1344" s="6"/>
      <c r="DL1344" s="6"/>
      <c r="DM1344" s="6"/>
      <c r="DN1344" s="6"/>
      <c r="DO1344" s="6"/>
      <c r="DP1344" s="6"/>
      <c r="DQ1344" s="6"/>
    </row>
    <row r="1345" spans="1:121" x14ac:dyDescent="0.2">
      <c r="A1345" s="6" t="s">
        <v>310</v>
      </c>
      <c r="B1345" s="6" t="s">
        <v>310</v>
      </c>
      <c r="C1345" s="6" t="s">
        <v>173</v>
      </c>
      <c r="D1345" s="6" t="s">
        <v>337</v>
      </c>
      <c r="E1345" s="6" t="s">
        <v>331</v>
      </c>
      <c r="F1345" s="11">
        <v>-309</v>
      </c>
      <c r="G1345" s="13">
        <v>-0.20156555773000001</v>
      </c>
      <c r="H1345" s="11">
        <v>181.60942734999981</v>
      </c>
      <c r="I1345" s="13">
        <v>0.11844104630509648</v>
      </c>
      <c r="J1345" s="11">
        <v>-465.55700210999998</v>
      </c>
      <c r="K1345" s="13">
        <v>-0.27147110588066725</v>
      </c>
      <c r="L1345" s="11">
        <v>-25.484318779999967</v>
      </c>
      <c r="M1345" s="13">
        <v>-2.0397502600596779E-2</v>
      </c>
      <c r="N1345" s="11">
        <v>-491.04132088999995</v>
      </c>
      <c r="O1345" s="13">
        <v>-0.28633127589307628</v>
      </c>
      <c r="P1345" s="7">
        <v>1533.3318390500001</v>
      </c>
      <c r="Q1345" s="7">
        <v>1480.2219877800001</v>
      </c>
      <c r="R1345" s="7">
        <v>1570.24755903</v>
      </c>
      <c r="S1345" s="7">
        <v>1495.10318979</v>
      </c>
      <c r="T1345" s="7">
        <v>1867.1494093900001</v>
      </c>
      <c r="U1345" s="7">
        <v>1807.1827496599999</v>
      </c>
      <c r="V1345" s="7">
        <v>1714.9412663999999</v>
      </c>
      <c r="W1345" s="7">
        <v>1283.4155470999999</v>
      </c>
      <c r="X1345" s="7">
        <v>1303.1034016000001</v>
      </c>
      <c r="Y1345" s="7">
        <v>1249.3842642899999</v>
      </c>
      <c r="Z1345" s="7">
        <v>1172.6056943399999</v>
      </c>
      <c r="AA1345" s="7">
        <v>1125.15532136</v>
      </c>
      <c r="AB1345" s="7">
        <v>1134.20289626</v>
      </c>
      <c r="AC1345" s="7">
        <v>1129.41253886</v>
      </c>
      <c r="AD1345" s="7">
        <v>1204.7143904300001</v>
      </c>
      <c r="AE1345" s="7">
        <v>1216.6813780699999</v>
      </c>
      <c r="AF1345" s="7">
        <v>1223.89994551</v>
      </c>
      <c r="AG1345" s="9">
        <v>26542.520452500001</v>
      </c>
      <c r="AH1345" s="13">
        <v>0.36310333112522847</v>
      </c>
      <c r="AI1345" s="9">
        <v>75242.877817600005</v>
      </c>
      <c r="AJ1345" s="13">
        <v>1.029327249758069</v>
      </c>
      <c r="AK1345" s="9">
        <v>-65082.2134486</v>
      </c>
      <c r="AL1345" s="13">
        <v>-0.43873097803894118</v>
      </c>
      <c r="AM1345" s="9">
        <v>16381.856083499995</v>
      </c>
      <c r="AN1345" s="13">
        <v>0.19675601534124007</v>
      </c>
      <c r="AO1345" s="9">
        <v>-48700.357365100004</v>
      </c>
      <c r="AP1345" s="13">
        <v>-0.32829792174340833</v>
      </c>
      <c r="AQ1345" s="9">
        <v>73099.082760399993</v>
      </c>
      <c r="AR1345" s="9">
        <v>78664.540612299999</v>
      </c>
      <c r="AS1345" s="9">
        <v>92790.815662599998</v>
      </c>
      <c r="AT1345" s="9">
        <v>79398.167822000003</v>
      </c>
      <c r="AU1345" s="9">
        <v>138403.02600899999</v>
      </c>
      <c r="AV1345" s="9">
        <v>158546.135251</v>
      </c>
      <c r="AW1345" s="9">
        <v>148341.960578</v>
      </c>
      <c r="AX1345" s="9">
        <v>118733.66364899999</v>
      </c>
      <c r="AY1345" s="9">
        <v>91807.589009899995</v>
      </c>
      <c r="AZ1345" s="9">
        <v>83259.747129399999</v>
      </c>
      <c r="BA1345" s="9">
        <v>98664.147955099994</v>
      </c>
      <c r="BB1345" s="9">
        <v>96570.757922399993</v>
      </c>
      <c r="BC1345" s="9">
        <v>91473.691942100006</v>
      </c>
      <c r="BD1345" s="9">
        <v>102076.467602</v>
      </c>
      <c r="BE1345" s="9">
        <v>101312.84465299999</v>
      </c>
      <c r="BF1345" s="9">
        <v>99641.603212899994</v>
      </c>
      <c r="BG1345" s="11">
        <v>2.25</v>
      </c>
      <c r="BH1345" s="13">
        <v>2.9605263157894735E-2</v>
      </c>
      <c r="BI1345" s="6">
        <v>10</v>
      </c>
      <c r="BJ1345" s="13">
        <v>0.13157894736842105</v>
      </c>
      <c r="BK1345" s="6">
        <v>1</v>
      </c>
      <c r="BL1345" s="13">
        <v>1.1627906976744186E-2</v>
      </c>
      <c r="BM1345" s="11">
        <v>-8.75</v>
      </c>
      <c r="BN1345" s="13">
        <v>-0.10057471264367816</v>
      </c>
      <c r="BO1345" s="11">
        <v>-7.75</v>
      </c>
      <c r="BP1345" s="13">
        <v>-9.0116279069767435E-2</v>
      </c>
      <c r="BQ1345" s="6">
        <v>76</v>
      </c>
      <c r="BR1345" s="6">
        <v>82</v>
      </c>
      <c r="BS1345" s="6">
        <v>79</v>
      </c>
      <c r="BT1345" s="6">
        <v>86</v>
      </c>
      <c r="BU1345" s="6">
        <v>87</v>
      </c>
      <c r="BV1345" s="6">
        <v>88</v>
      </c>
      <c r="BW1345" s="6">
        <v>87</v>
      </c>
      <c r="BX1345" s="6">
        <v>81</v>
      </c>
      <c r="BY1345" s="6">
        <v>80</v>
      </c>
      <c r="BZ1345" s="6">
        <v>77</v>
      </c>
      <c r="CA1345" s="6">
        <v>77</v>
      </c>
      <c r="CB1345" s="6">
        <v>79</v>
      </c>
      <c r="CC1345" s="11">
        <v>78.25</v>
      </c>
      <c r="CD1345" s="11">
        <v>-636.12300000000005</v>
      </c>
      <c r="CE1345" s="11">
        <v>159.08000000000001</v>
      </c>
      <c r="CF1345" s="11">
        <v>167.61199999999999</v>
      </c>
      <c r="CG1345" s="11">
        <v>327</v>
      </c>
      <c r="CH1345" s="20">
        <v>0.187055</v>
      </c>
      <c r="CI1345" s="20">
        <v>0.19094</v>
      </c>
      <c r="CJ1345" s="20">
        <v>0.20519000000000001</v>
      </c>
      <c r="CK1345" s="20">
        <v>0.19042000000000001</v>
      </c>
      <c r="CL1345" s="20">
        <v>0.221752</v>
      </c>
      <c r="CM1345" s="20">
        <v>0.19653699999999999</v>
      </c>
      <c r="CN1345" s="20">
        <v>0.175287</v>
      </c>
      <c r="CO1345" s="20">
        <v>0.121389</v>
      </c>
      <c r="CP1345" s="20">
        <v>0.136295</v>
      </c>
      <c r="CQ1345" s="20">
        <v>0.12961</v>
      </c>
      <c r="CR1345" s="20">
        <v>0.10953599999999999</v>
      </c>
      <c r="CS1345" s="20">
        <v>9.6528500000000003E-2</v>
      </c>
      <c r="CT1345" s="20">
        <v>9.6116800000000002E-2</v>
      </c>
      <c r="CU1345" s="20">
        <v>9.3380699999999997E-2</v>
      </c>
      <c r="CV1345" s="20">
        <v>0.111192</v>
      </c>
      <c r="CW1345" s="20">
        <v>0.132246</v>
      </c>
      <c r="CX1345" s="20">
        <v>0.131719</v>
      </c>
      <c r="CY1345" s="6"/>
      <c r="CZ1345" s="6"/>
      <c r="DA1345" s="6"/>
      <c r="DB1345" s="6"/>
      <c r="DC1345" s="6"/>
      <c r="DD1345" s="6"/>
      <c r="DE1345" s="6"/>
      <c r="DF1345" s="6"/>
      <c r="DG1345" s="6"/>
      <c r="DH1345" s="6"/>
      <c r="DI1345" s="6"/>
      <c r="DJ1345" s="6"/>
      <c r="DK1345" s="6"/>
      <c r="DL1345" s="6"/>
      <c r="DM1345" s="6"/>
      <c r="DN1345" s="6"/>
      <c r="DO1345" s="6"/>
      <c r="DP1345" s="6"/>
      <c r="DQ1345" s="6"/>
    </row>
    <row r="1346" spans="1:121" x14ac:dyDescent="0.2">
      <c r="A1346" s="6" t="s">
        <v>311</v>
      </c>
      <c r="B1346" s="6" t="s">
        <v>311</v>
      </c>
      <c r="C1346" s="6" t="s">
        <v>174</v>
      </c>
      <c r="D1346" s="6" t="s">
        <v>337</v>
      </c>
      <c r="E1346" s="6" t="s">
        <v>331</v>
      </c>
      <c r="F1346" s="11">
        <v>-949</v>
      </c>
      <c r="G1346" s="13">
        <v>-0.12866052060700001</v>
      </c>
      <c r="H1346" s="11">
        <v>-609.09310300000016</v>
      </c>
      <c r="I1346" s="13">
        <v>-8.2572109033657484E-2</v>
      </c>
      <c r="J1346" s="11">
        <v>161.7812814200006</v>
      </c>
      <c r="K1346" s="13">
        <v>2.390595113413254E-2</v>
      </c>
      <c r="L1346" s="11">
        <v>-501.80802293000033</v>
      </c>
      <c r="M1346" s="13">
        <v>-7.2419461271088795E-2</v>
      </c>
      <c r="N1346" s="11">
        <v>-340.02674150999974</v>
      </c>
      <c r="O1346" s="13">
        <v>-5.0244766239263113E-2</v>
      </c>
      <c r="P1346" s="7">
        <v>7376.4992819999998</v>
      </c>
      <c r="Q1346" s="7">
        <v>7292.0426040000002</v>
      </c>
      <c r="R1346" s="7">
        <v>6752.72397</v>
      </c>
      <c r="S1346" s="7">
        <v>6403.5162819999996</v>
      </c>
      <c r="T1346" s="7">
        <v>6406.8046599999998</v>
      </c>
      <c r="U1346" s="7">
        <v>6533.7445079999998</v>
      </c>
      <c r="V1346" s="7">
        <v>6767.4061789999996</v>
      </c>
      <c r="W1346" s="7">
        <v>6876.5130390000004</v>
      </c>
      <c r="X1346" s="7">
        <v>6869.9667710000003</v>
      </c>
      <c r="Y1346" s="7">
        <v>6929.1874604200002</v>
      </c>
      <c r="Z1346" s="7">
        <v>6867.7090300299997</v>
      </c>
      <c r="AA1346" s="7">
        <v>6757.2563580599999</v>
      </c>
      <c r="AB1346" s="7">
        <v>6664.75411824</v>
      </c>
      <c r="AC1346" s="7">
        <v>6594.1138838999996</v>
      </c>
      <c r="AD1346" s="7">
        <v>6533.35331606</v>
      </c>
      <c r="AE1346" s="7">
        <v>6472.65090358</v>
      </c>
      <c r="AF1346" s="7">
        <v>6427.3794374899999</v>
      </c>
      <c r="AG1346" s="9">
        <v>27001.794839499998</v>
      </c>
      <c r="AH1346" s="13">
        <v>0.28008081503116306</v>
      </c>
      <c r="AI1346" s="9">
        <v>1476.4530767999968</v>
      </c>
      <c r="AJ1346" s="13">
        <v>1.5314766428062713E-2</v>
      </c>
      <c r="AK1346" s="9">
        <v>13300.865602700011</v>
      </c>
      <c r="AL1346" s="13">
        <v>0.13588450326094031</v>
      </c>
      <c r="AM1346" s="9">
        <v>12224.476159999991</v>
      </c>
      <c r="AN1346" s="13">
        <v>0.10994769000308272</v>
      </c>
      <c r="AO1346" s="9">
        <v>25525.341762700002</v>
      </c>
      <c r="AP1346" s="13">
        <v>0.26077238050477974</v>
      </c>
      <c r="AQ1346" s="9">
        <v>96407.156043499999</v>
      </c>
      <c r="AR1346" s="9">
        <v>109549.732022</v>
      </c>
      <c r="AS1346" s="9">
        <v>80247.714087800006</v>
      </c>
      <c r="AT1346" s="9">
        <v>87300.006338399995</v>
      </c>
      <c r="AU1346" s="9">
        <v>88138.157269899995</v>
      </c>
      <c r="AV1346" s="9">
        <v>97711.162846399995</v>
      </c>
      <c r="AW1346" s="9">
        <v>97883.609120299996</v>
      </c>
      <c r="AX1346" s="9">
        <v>106809.258821</v>
      </c>
      <c r="AY1346" s="9">
        <v>104535.69098699999</v>
      </c>
      <c r="AZ1346" s="9">
        <v>111184.47472300001</v>
      </c>
      <c r="BA1346" s="9">
        <v>113756.64676</v>
      </c>
      <c r="BB1346" s="9">
        <v>108368.426184</v>
      </c>
      <c r="BC1346" s="9">
        <v>113946.00515300001</v>
      </c>
      <c r="BD1346" s="9">
        <v>118810.408578</v>
      </c>
      <c r="BE1346" s="9">
        <v>118065.450213</v>
      </c>
      <c r="BF1346" s="9">
        <v>123408.950883</v>
      </c>
      <c r="BG1346" s="11">
        <v>11.25</v>
      </c>
      <c r="BH1346" s="13">
        <v>9.375E-2</v>
      </c>
      <c r="BI1346" s="6">
        <v>-1</v>
      </c>
      <c r="BJ1346" s="13">
        <v>-8.3333333333333332E-3</v>
      </c>
      <c r="BK1346" s="6">
        <v>6</v>
      </c>
      <c r="BL1346" s="13">
        <v>5.0420168067226892E-2</v>
      </c>
      <c r="BM1346" s="11">
        <v>6.25</v>
      </c>
      <c r="BN1346" s="13">
        <v>0.05</v>
      </c>
      <c r="BO1346" s="11">
        <v>12.25</v>
      </c>
      <c r="BP1346" s="13">
        <v>0.10294117647058823</v>
      </c>
      <c r="BQ1346" s="6">
        <v>120</v>
      </c>
      <c r="BR1346" s="6">
        <v>120</v>
      </c>
      <c r="BS1346" s="6">
        <v>124</v>
      </c>
      <c r="BT1346" s="6">
        <v>119</v>
      </c>
      <c r="BU1346" s="6">
        <v>123</v>
      </c>
      <c r="BV1346" s="6">
        <v>125</v>
      </c>
      <c r="BW1346" s="6">
        <v>125</v>
      </c>
      <c r="BX1346" s="6">
        <v>126</v>
      </c>
      <c r="BY1346" s="6">
        <v>134</v>
      </c>
      <c r="BZ1346" s="6">
        <v>131</v>
      </c>
      <c r="CA1346" s="6">
        <v>136</v>
      </c>
      <c r="CB1346" s="6">
        <v>134</v>
      </c>
      <c r="CC1346" s="11">
        <v>131.25</v>
      </c>
      <c r="CD1346" s="11">
        <v>-554.24300000000005</v>
      </c>
      <c r="CE1346" s="11">
        <v>-1201.22</v>
      </c>
      <c r="CF1346" s="11">
        <v>806.34</v>
      </c>
      <c r="CG1346" s="11">
        <v>-395</v>
      </c>
      <c r="CH1346" s="20">
        <v>0.821322</v>
      </c>
      <c r="CI1346" s="20">
        <v>0.82461600000000002</v>
      </c>
      <c r="CJ1346" s="20">
        <v>0.78762399999999999</v>
      </c>
      <c r="CK1346" s="20">
        <v>0.77280300000000002</v>
      </c>
      <c r="CL1346" s="20">
        <v>0.79649400000000004</v>
      </c>
      <c r="CM1346" s="20">
        <v>0.82367400000000002</v>
      </c>
      <c r="CN1346" s="20">
        <v>0.852406</v>
      </c>
      <c r="CO1346" s="20">
        <v>0.85075500000000004</v>
      </c>
      <c r="CP1346" s="20">
        <v>0.84385600000000005</v>
      </c>
      <c r="CQ1346" s="20">
        <v>0.86990100000000004</v>
      </c>
      <c r="CR1346" s="20">
        <v>0.86981699999999995</v>
      </c>
      <c r="CS1346" s="20">
        <v>0.85811999999999999</v>
      </c>
      <c r="CT1346" s="20">
        <v>0.85284300000000002</v>
      </c>
      <c r="CU1346" s="20">
        <v>0.84517500000000001</v>
      </c>
      <c r="CV1346" s="20">
        <v>0.82823100000000005</v>
      </c>
      <c r="CW1346" s="20">
        <v>0.81988099999999997</v>
      </c>
      <c r="CX1346" s="20">
        <v>0.80917499999999998</v>
      </c>
      <c r="CY1346" s="6"/>
      <c r="CZ1346" s="6"/>
      <c r="DA1346" s="6"/>
      <c r="DB1346" s="6"/>
      <c r="DC1346" s="6"/>
      <c r="DD1346" s="6"/>
      <c r="DE1346" s="6"/>
      <c r="DF1346" s="6"/>
      <c r="DG1346" s="6"/>
      <c r="DH1346" s="6"/>
      <c r="DI1346" s="6"/>
      <c r="DJ1346" s="6"/>
      <c r="DK1346" s="6"/>
      <c r="DL1346" s="6"/>
      <c r="DM1346" s="6"/>
      <c r="DN1346" s="6"/>
      <c r="DO1346" s="6"/>
      <c r="DP1346" s="6"/>
      <c r="DQ1346" s="6"/>
    </row>
    <row r="1347" spans="1:121" x14ac:dyDescent="0.2">
      <c r="A1347" s="6" t="s">
        <v>312</v>
      </c>
      <c r="B1347" s="6" t="s">
        <v>312</v>
      </c>
      <c r="C1347" s="6" t="s">
        <v>175</v>
      </c>
      <c r="D1347" s="6" t="s">
        <v>337</v>
      </c>
      <c r="E1347" s="6" t="s">
        <v>331</v>
      </c>
      <c r="F1347" s="11">
        <v>-17312</v>
      </c>
      <c r="G1347" s="13">
        <v>-0.13576229051800001</v>
      </c>
      <c r="H1347" s="11">
        <v>7458.3794320000015</v>
      </c>
      <c r="I1347" s="13">
        <v>5.8489187118756496E-2</v>
      </c>
      <c r="J1347" s="11">
        <v>-34350.112252999999</v>
      </c>
      <c r="K1347" s="13">
        <v>-0.25449124525223316</v>
      </c>
      <c r="L1347" s="11">
        <v>9579.8306829999929</v>
      </c>
      <c r="M1347" s="13">
        <v>9.5202810957831091E-2</v>
      </c>
      <c r="N1347" s="11">
        <v>-24770.281570000006</v>
      </c>
      <c r="O1347" s="13">
        <v>-0.18351671620657348</v>
      </c>
      <c r="P1347" s="7">
        <v>127517.235226</v>
      </c>
      <c r="Q1347" s="7">
        <v>126291.51257599999</v>
      </c>
      <c r="R1347" s="7">
        <v>128551.429713</v>
      </c>
      <c r="S1347" s="7">
        <v>131844.28415799999</v>
      </c>
      <c r="T1347" s="7">
        <v>134740.34302199999</v>
      </c>
      <c r="U1347" s="7">
        <v>136158.29881000001</v>
      </c>
      <c r="V1347" s="7">
        <v>134975.61465800001</v>
      </c>
      <c r="W1347" s="7">
        <v>129090.80715199999</v>
      </c>
      <c r="X1347" s="7">
        <v>112143.04790799999</v>
      </c>
      <c r="Y1347" s="7">
        <v>100625.50240500001</v>
      </c>
      <c r="Z1347" s="7">
        <v>97475.610025400005</v>
      </c>
      <c r="AA1347" s="7">
        <v>98225.680437400006</v>
      </c>
      <c r="AB1347" s="7">
        <v>99644.052330899998</v>
      </c>
      <c r="AC1347" s="7">
        <v>101147.013129</v>
      </c>
      <c r="AD1347" s="7">
        <v>106303.46467299999</v>
      </c>
      <c r="AE1347" s="7">
        <v>110407.847633</v>
      </c>
      <c r="AF1347" s="7">
        <v>110205.333088</v>
      </c>
      <c r="AG1347" s="9">
        <v>17520.391070699996</v>
      </c>
      <c r="AH1347" s="13">
        <v>0.37848330621131232</v>
      </c>
      <c r="AI1347" s="9">
        <v>6601.465426499999</v>
      </c>
      <c r="AJ1347" s="13">
        <v>0.14260780198221715</v>
      </c>
      <c r="AK1347" s="9">
        <v>2698.142947100001</v>
      </c>
      <c r="AL1347" s="13">
        <v>5.1011806379991774E-2</v>
      </c>
      <c r="AM1347" s="9">
        <v>8220.7826970999959</v>
      </c>
      <c r="AN1347" s="13">
        <v>0.14788064008049692</v>
      </c>
      <c r="AO1347" s="9">
        <v>10918.925644199997</v>
      </c>
      <c r="AP1347" s="13">
        <v>0.20643610503962423</v>
      </c>
      <c r="AQ1347" s="9">
        <v>46291.053748400001</v>
      </c>
      <c r="AR1347" s="9">
        <v>46901.953538200003</v>
      </c>
      <c r="AS1347" s="9">
        <v>46776.8756708</v>
      </c>
      <c r="AT1347" s="9">
        <v>47400.302368299999</v>
      </c>
      <c r="AU1347" s="9">
        <v>48974.818672399997</v>
      </c>
      <c r="AV1347" s="9">
        <v>50428.8246315</v>
      </c>
      <c r="AW1347" s="9">
        <v>52892.519174900001</v>
      </c>
      <c r="AX1347" s="9">
        <v>55218.156353400002</v>
      </c>
      <c r="AY1347" s="9">
        <v>55340.044977500002</v>
      </c>
      <c r="AZ1347" s="9">
        <v>55590.662122000002</v>
      </c>
      <c r="BA1347" s="9">
        <v>55424.841896999998</v>
      </c>
      <c r="BB1347" s="9">
        <v>56994.108937700003</v>
      </c>
      <c r="BC1347" s="9">
        <v>57691.362201700002</v>
      </c>
      <c r="BD1347" s="9">
        <v>59958.866022900002</v>
      </c>
      <c r="BE1347" s="9">
        <v>62008.320309499999</v>
      </c>
      <c r="BF1347" s="9">
        <v>63811.444819099997</v>
      </c>
      <c r="BG1347" s="11">
        <v>-2226.75</v>
      </c>
      <c r="BH1347" s="13">
        <v>-0.1992439155332856</v>
      </c>
      <c r="BI1347" s="6">
        <v>437</v>
      </c>
      <c r="BJ1347" s="13">
        <v>3.9101646385110954E-2</v>
      </c>
      <c r="BK1347" s="6">
        <v>-1687</v>
      </c>
      <c r="BL1347" s="13">
        <v>-0.14526823387582882</v>
      </c>
      <c r="BM1347" s="11">
        <v>-976.75</v>
      </c>
      <c r="BN1347" s="13">
        <v>-9.840318355833165E-2</v>
      </c>
      <c r="BO1347" s="11">
        <v>-2663.75</v>
      </c>
      <c r="BP1347" s="13">
        <v>-0.22937656075088264</v>
      </c>
      <c r="BQ1347" s="6">
        <v>11176</v>
      </c>
      <c r="BR1347" s="6">
        <v>11438</v>
      </c>
      <c r="BS1347" s="6">
        <v>11591</v>
      </c>
      <c r="BT1347" s="6">
        <v>11613</v>
      </c>
      <c r="BU1347" s="6">
        <v>11257</v>
      </c>
      <c r="BV1347" s="6">
        <v>10506</v>
      </c>
      <c r="BW1347" s="6">
        <v>9926</v>
      </c>
      <c r="BX1347" s="6">
        <v>9440</v>
      </c>
      <c r="BY1347" s="6">
        <v>9199</v>
      </c>
      <c r="BZ1347" s="6">
        <v>9022</v>
      </c>
      <c r="CA1347" s="6">
        <v>8977</v>
      </c>
      <c r="CB1347" s="6">
        <v>9028</v>
      </c>
      <c r="CC1347" s="11">
        <v>8949.25</v>
      </c>
      <c r="CD1347" s="11">
        <v>-15805.5</v>
      </c>
      <c r="CE1347" s="11">
        <v>-15445.6</v>
      </c>
      <c r="CF1347" s="11">
        <v>13939.2</v>
      </c>
      <c r="CG1347" s="11">
        <v>-1507</v>
      </c>
      <c r="CH1347" s="20">
        <v>0.97888900000000001</v>
      </c>
      <c r="CI1347" s="20">
        <v>0.97783500000000001</v>
      </c>
      <c r="CJ1347" s="20">
        <v>0.98105200000000004</v>
      </c>
      <c r="CK1347" s="20">
        <v>0.97612399999999999</v>
      </c>
      <c r="CL1347" s="20">
        <v>0.95805499999999999</v>
      </c>
      <c r="CM1347" s="20">
        <v>0.93496500000000005</v>
      </c>
      <c r="CN1347" s="20">
        <v>0.93852800000000003</v>
      </c>
      <c r="CO1347" s="20">
        <v>0.94620499999999996</v>
      </c>
      <c r="CP1347" s="20">
        <v>0.94135100000000005</v>
      </c>
      <c r="CQ1347" s="20">
        <v>0.92359500000000005</v>
      </c>
      <c r="CR1347" s="20">
        <v>0.912103</v>
      </c>
      <c r="CS1347" s="20">
        <v>0.912906</v>
      </c>
      <c r="CT1347" s="20">
        <v>0.91057399999999999</v>
      </c>
      <c r="CU1347" s="20">
        <v>0.89771100000000004</v>
      </c>
      <c r="CV1347" s="20">
        <v>0.90731799999999996</v>
      </c>
      <c r="CW1347" s="20">
        <v>0.92217499999999997</v>
      </c>
      <c r="CX1347" s="20">
        <v>0.91617800000000005</v>
      </c>
      <c r="CY1347" s="6"/>
      <c r="CZ1347" s="6"/>
      <c r="DA1347" s="6"/>
      <c r="DB1347" s="6"/>
      <c r="DC1347" s="6"/>
      <c r="DD1347" s="6"/>
      <c r="DE1347" s="6"/>
      <c r="DF1347" s="6"/>
      <c r="DG1347" s="6"/>
      <c r="DH1347" s="6"/>
      <c r="DI1347" s="6"/>
      <c r="DJ1347" s="6"/>
      <c r="DK1347" s="6"/>
      <c r="DL1347" s="6"/>
      <c r="DM1347" s="6"/>
      <c r="DN1347" s="6"/>
      <c r="DO1347" s="6"/>
      <c r="DP1347" s="6"/>
      <c r="DQ1347" s="6"/>
    </row>
    <row r="1348" spans="1:121" x14ac:dyDescent="0.2">
      <c r="A1348" s="6" t="s">
        <v>792</v>
      </c>
      <c r="B1348" s="6" t="s">
        <v>176</v>
      </c>
      <c r="C1348" s="6" t="s">
        <v>177</v>
      </c>
      <c r="D1348" s="6" t="s">
        <v>337</v>
      </c>
      <c r="E1348" s="6" t="s">
        <v>331</v>
      </c>
      <c r="F1348" s="11">
        <v>-46511</v>
      </c>
      <c r="G1348" s="13">
        <v>-0.210941893583</v>
      </c>
      <c r="H1348" s="11">
        <v>-27435.948462</v>
      </c>
      <c r="I1348" s="13">
        <v>-0.12443057287719976</v>
      </c>
      <c r="J1348" s="11">
        <v>-38475.950397999986</v>
      </c>
      <c r="K1348" s="13">
        <v>-0.1992993534657185</v>
      </c>
      <c r="L1348" s="11">
        <v>19400.54697299999</v>
      </c>
      <c r="M1348" s="13">
        <v>0.12550479796835917</v>
      </c>
      <c r="N1348" s="11">
        <v>-19075.403424999997</v>
      </c>
      <c r="O1348" s="13">
        <v>-9.8807580589298921E-2</v>
      </c>
      <c r="P1348" s="7">
        <v>220492.020792</v>
      </c>
      <c r="Q1348" s="7">
        <v>208393.67670800001</v>
      </c>
      <c r="R1348" s="7">
        <v>202058.879189</v>
      </c>
      <c r="S1348" s="7">
        <v>201231.73158399999</v>
      </c>
      <c r="T1348" s="7">
        <v>195708.37187800001</v>
      </c>
      <c r="U1348" s="7">
        <v>195172.65104900001</v>
      </c>
      <c r="V1348" s="7">
        <v>193056.07233</v>
      </c>
      <c r="W1348" s="7">
        <v>186055.18597600001</v>
      </c>
      <c r="X1348" s="7">
        <v>166114.65459600001</v>
      </c>
      <c r="Y1348" s="7">
        <v>154580.12193200001</v>
      </c>
      <c r="Z1348" s="7">
        <v>156059.61069199999</v>
      </c>
      <c r="AA1348" s="7">
        <v>156860.15395800001</v>
      </c>
      <c r="AB1348" s="7">
        <v>162121.738641</v>
      </c>
      <c r="AC1348" s="7">
        <v>164801.38305</v>
      </c>
      <c r="AD1348" s="7">
        <v>170009.16568199999</v>
      </c>
      <c r="AE1348" s="7">
        <v>171539.48305400001</v>
      </c>
      <c r="AF1348" s="7">
        <v>173980.668905</v>
      </c>
      <c r="AG1348" s="9">
        <v>25231.878951199993</v>
      </c>
      <c r="AH1348" s="13">
        <v>0.45162740813210395</v>
      </c>
      <c r="AI1348" s="9">
        <v>12522.942905999997</v>
      </c>
      <c r="AJ1348" s="13">
        <v>0.22414915107042072</v>
      </c>
      <c r="AK1348" s="9">
        <v>3504.4745744999964</v>
      </c>
      <c r="AL1348" s="13">
        <v>5.1241198082716634E-2</v>
      </c>
      <c r="AM1348" s="9">
        <v>9204.4614707000001</v>
      </c>
      <c r="AN1348" s="13">
        <v>0.12802428931955592</v>
      </c>
      <c r="AO1348" s="9">
        <v>12708.936045199996</v>
      </c>
      <c r="AP1348" s="13">
        <v>0.18582560537069492</v>
      </c>
      <c r="AQ1348" s="9">
        <v>55868.794711900002</v>
      </c>
      <c r="AR1348" s="9">
        <v>57766.112022000001</v>
      </c>
      <c r="AS1348" s="9">
        <v>59839.091567800002</v>
      </c>
      <c r="AT1348" s="9">
        <v>61962.477420700001</v>
      </c>
      <c r="AU1348" s="9">
        <v>64169.578364300003</v>
      </c>
      <c r="AV1348" s="9">
        <v>66825.237698900004</v>
      </c>
      <c r="AW1348" s="9">
        <v>68391.737617899998</v>
      </c>
      <c r="AX1348" s="9">
        <v>72865.827497699996</v>
      </c>
      <c r="AY1348" s="9">
        <v>71718.212285100002</v>
      </c>
      <c r="AZ1348" s="9">
        <v>71896.212192399995</v>
      </c>
      <c r="BA1348" s="9">
        <v>72825.644594400001</v>
      </c>
      <c r="BB1348" s="9">
        <v>75952.857667799995</v>
      </c>
      <c r="BC1348" s="9">
        <v>76596.788180899995</v>
      </c>
      <c r="BD1348" s="9">
        <v>79381.225021200007</v>
      </c>
      <c r="BE1348" s="9">
        <v>80717.964859900007</v>
      </c>
      <c r="BF1348" s="9">
        <v>81100.673663099995</v>
      </c>
      <c r="BG1348" s="11">
        <v>-832</v>
      </c>
      <c r="BH1348" s="13">
        <v>-0.17501051745898191</v>
      </c>
      <c r="BI1348" s="6">
        <v>-176</v>
      </c>
      <c r="BJ1348" s="13">
        <v>-3.7021455616323098E-2</v>
      </c>
      <c r="BK1348" s="6">
        <v>-375</v>
      </c>
      <c r="BL1348" s="13">
        <v>-8.1913499344692012E-2</v>
      </c>
      <c r="BM1348" s="11">
        <v>-281</v>
      </c>
      <c r="BN1348" s="13">
        <v>-6.6857006899833454E-2</v>
      </c>
      <c r="BO1348" s="11">
        <v>-656</v>
      </c>
      <c r="BP1348" s="13">
        <v>-0.14329401485364787</v>
      </c>
      <c r="BQ1348" s="6">
        <v>4754</v>
      </c>
      <c r="BR1348" s="6">
        <v>4651</v>
      </c>
      <c r="BS1348" s="6">
        <v>4595</v>
      </c>
      <c r="BT1348" s="6">
        <v>4578</v>
      </c>
      <c r="BU1348" s="6">
        <v>4500</v>
      </c>
      <c r="BV1348" s="6">
        <v>4336</v>
      </c>
      <c r="BW1348" s="6">
        <v>4203</v>
      </c>
      <c r="BX1348" s="6">
        <v>4083</v>
      </c>
      <c r="BY1348" s="6">
        <v>4016</v>
      </c>
      <c r="BZ1348" s="6">
        <v>4021</v>
      </c>
      <c r="CA1348" s="6">
        <v>4004</v>
      </c>
      <c r="CB1348" s="6">
        <v>3993</v>
      </c>
      <c r="CC1348" s="11">
        <v>3922</v>
      </c>
      <c r="CD1348" s="11">
        <v>7214.98</v>
      </c>
      <c r="CE1348" s="11">
        <v>-77828.800000000003</v>
      </c>
      <c r="CF1348" s="11">
        <v>24102.400000000001</v>
      </c>
      <c r="CG1348" s="11">
        <v>-53727</v>
      </c>
      <c r="CH1348" s="20">
        <v>0.88412299999999999</v>
      </c>
      <c r="CI1348" s="20">
        <v>0.900667</v>
      </c>
      <c r="CJ1348" s="20">
        <v>0.92011299999999996</v>
      </c>
      <c r="CK1348" s="20">
        <v>0.94157400000000002</v>
      </c>
      <c r="CL1348" s="20">
        <v>0.92608699999999999</v>
      </c>
      <c r="CM1348" s="20">
        <v>0.934859</v>
      </c>
      <c r="CN1348" s="20">
        <v>0.94800099999999998</v>
      </c>
      <c r="CO1348" s="20">
        <v>0.94227700000000003</v>
      </c>
      <c r="CP1348" s="20">
        <v>0.949241</v>
      </c>
      <c r="CQ1348" s="20">
        <v>0.91370799999999996</v>
      </c>
      <c r="CR1348" s="20">
        <v>0.91240699999999997</v>
      </c>
      <c r="CS1348" s="20">
        <v>0.90434899999999996</v>
      </c>
      <c r="CT1348" s="20">
        <v>0.93349700000000002</v>
      </c>
      <c r="CU1348" s="20">
        <v>0.94420899999999996</v>
      </c>
      <c r="CV1348" s="20">
        <v>0.96295799999999998</v>
      </c>
      <c r="CW1348" s="20">
        <v>0.97156600000000004</v>
      </c>
      <c r="CX1348" s="20">
        <v>0.98709400000000003</v>
      </c>
      <c r="CY1348" s="6"/>
      <c r="CZ1348" s="6"/>
      <c r="DA1348" s="6"/>
      <c r="DB1348" s="6"/>
      <c r="DC1348" s="6"/>
      <c r="DD1348" s="6"/>
      <c r="DE1348" s="6"/>
      <c r="DF1348" s="6"/>
      <c r="DG1348" s="6"/>
      <c r="DH1348" s="6"/>
      <c r="DI1348" s="6"/>
      <c r="DJ1348" s="6"/>
      <c r="DK1348" s="6"/>
      <c r="DL1348" s="6"/>
      <c r="DM1348" s="6"/>
      <c r="DN1348" s="6"/>
      <c r="DO1348" s="6"/>
      <c r="DP1348" s="6"/>
      <c r="DQ1348" s="6"/>
    </row>
    <row r="1349" spans="1:121" x14ac:dyDescent="0.2">
      <c r="A1349" s="6" t="s">
        <v>313</v>
      </c>
      <c r="B1349" s="6" t="s">
        <v>313</v>
      </c>
      <c r="C1349" s="6" t="s">
        <v>178</v>
      </c>
      <c r="D1349" s="6" t="s">
        <v>337</v>
      </c>
      <c r="E1349" s="6" t="s">
        <v>331</v>
      </c>
      <c r="F1349" s="11">
        <v>-7027</v>
      </c>
      <c r="G1349" s="13">
        <v>-7.4553074107500006E-2</v>
      </c>
      <c r="H1349" s="11">
        <v>-723.74135140000726</v>
      </c>
      <c r="I1349" s="13">
        <v>-7.678559277408614E-3</v>
      </c>
      <c r="J1349" s="11">
        <v>-8691.5186677999882</v>
      </c>
      <c r="K1349" s="13">
        <v>-9.2926514203044527E-2</v>
      </c>
      <c r="L1349" s="11">
        <v>2388.0570613000018</v>
      </c>
      <c r="M1349" s="13">
        <v>2.8147913420461045E-2</v>
      </c>
      <c r="N1349" s="11">
        <v>-6303.4616064999864</v>
      </c>
      <c r="O1349" s="13">
        <v>-6.7394288258836019E-2</v>
      </c>
      <c r="P1349" s="7">
        <v>94254.8367803</v>
      </c>
      <c r="Q1349" s="7">
        <v>92813.346817099999</v>
      </c>
      <c r="R1349" s="7">
        <v>91143.425216699994</v>
      </c>
      <c r="S1349" s="7">
        <v>91386.710272199998</v>
      </c>
      <c r="T1349" s="7">
        <v>92583.714275399994</v>
      </c>
      <c r="U1349" s="7">
        <v>92562.123597900005</v>
      </c>
      <c r="V1349" s="7">
        <v>93531.095428899993</v>
      </c>
      <c r="W1349" s="7">
        <v>93535.550674800004</v>
      </c>
      <c r="X1349" s="7">
        <v>87241.197365600005</v>
      </c>
      <c r="Y1349" s="7">
        <v>84839.576761100005</v>
      </c>
      <c r="Z1349" s="7">
        <v>83382.285794700001</v>
      </c>
      <c r="AA1349" s="7">
        <v>84483.679881599994</v>
      </c>
      <c r="AB1349" s="7">
        <v>84191.212259699998</v>
      </c>
      <c r="AC1349" s="7">
        <v>85677.556024699996</v>
      </c>
      <c r="AD1349" s="7">
        <v>86285.625849300006</v>
      </c>
      <c r="AE1349" s="7">
        <v>86841.065378400002</v>
      </c>
      <c r="AF1349" s="7">
        <v>87227.633822400006</v>
      </c>
      <c r="AG1349" s="9">
        <v>23249.674937600001</v>
      </c>
      <c r="AH1349" s="13">
        <v>0.4435627895260375</v>
      </c>
      <c r="AI1349" s="9">
        <v>10756.797461599999</v>
      </c>
      <c r="AJ1349" s="13">
        <v>0.20522072249352591</v>
      </c>
      <c r="AK1349" s="9">
        <v>2097.230724400004</v>
      </c>
      <c r="AL1349" s="13">
        <v>3.3198452643189734E-2</v>
      </c>
      <c r="AM1349" s="9">
        <v>10395.646751599998</v>
      </c>
      <c r="AN1349" s="13">
        <v>0.15927198658202538</v>
      </c>
      <c r="AO1349" s="9">
        <v>12492.877476000001</v>
      </c>
      <c r="AP1349" s="13">
        <v>0.19775802272914525</v>
      </c>
      <c r="AQ1349" s="9">
        <v>52415.746962099998</v>
      </c>
      <c r="AR1349" s="9">
        <v>53028.358402099999</v>
      </c>
      <c r="AS1349" s="9">
        <v>53794.123432799999</v>
      </c>
      <c r="AT1349" s="9">
        <v>56041.068366699998</v>
      </c>
      <c r="AU1349" s="9">
        <v>58306.373979399999</v>
      </c>
      <c r="AV1349" s="9">
        <v>60600.198357699999</v>
      </c>
      <c r="AW1349" s="9">
        <v>63172.544423699997</v>
      </c>
      <c r="AX1349" s="9">
        <v>64914.6944343</v>
      </c>
      <c r="AY1349" s="9">
        <v>64256.074032700002</v>
      </c>
      <c r="AZ1349" s="9">
        <v>65269.775148100001</v>
      </c>
      <c r="BA1349" s="9">
        <v>66946.543424400006</v>
      </c>
      <c r="BB1349" s="9">
        <v>69538.369606599997</v>
      </c>
      <c r="BC1349" s="9">
        <v>69562.606045299995</v>
      </c>
      <c r="BD1349" s="9">
        <v>72513.674558500003</v>
      </c>
      <c r="BE1349" s="9">
        <v>74632.4022214</v>
      </c>
      <c r="BF1349" s="9">
        <v>75665.421899699999</v>
      </c>
      <c r="BG1349" s="11">
        <v>-1055.25</v>
      </c>
      <c r="BH1349" s="13">
        <v>-0.13535787583376091</v>
      </c>
      <c r="BI1349" s="6">
        <v>-446</v>
      </c>
      <c r="BJ1349" s="13">
        <v>-5.7208825038481272E-2</v>
      </c>
      <c r="BK1349" s="6">
        <v>-493</v>
      </c>
      <c r="BL1349" s="13">
        <v>-6.7074829931972793E-2</v>
      </c>
      <c r="BM1349" s="11">
        <v>-116.25</v>
      </c>
      <c r="BN1349" s="13">
        <v>-1.6953478197462447E-2</v>
      </c>
      <c r="BO1349" s="11">
        <v>-609.25</v>
      </c>
      <c r="BP1349" s="13">
        <v>-8.2891156462585033E-2</v>
      </c>
      <c r="BQ1349" s="6">
        <v>7796</v>
      </c>
      <c r="BR1349" s="6">
        <v>7568</v>
      </c>
      <c r="BS1349" s="6">
        <v>7427</v>
      </c>
      <c r="BT1349" s="6">
        <v>7350</v>
      </c>
      <c r="BU1349" s="6">
        <v>7287</v>
      </c>
      <c r="BV1349" s="6">
        <v>7018</v>
      </c>
      <c r="BW1349" s="6">
        <v>6857</v>
      </c>
      <c r="BX1349" s="6">
        <v>6767</v>
      </c>
      <c r="BY1349" s="6">
        <v>6847</v>
      </c>
      <c r="BZ1349" s="6">
        <v>6847</v>
      </c>
      <c r="CA1349" s="6">
        <v>6794</v>
      </c>
      <c r="CB1349" s="6">
        <v>6852</v>
      </c>
      <c r="CC1349" s="11">
        <v>6740.75</v>
      </c>
      <c r="CD1349" s="11">
        <v>-9623.41</v>
      </c>
      <c r="CE1349" s="11">
        <v>-7706.98</v>
      </c>
      <c r="CF1349" s="11">
        <v>10303.200000000001</v>
      </c>
      <c r="CG1349" s="11">
        <v>2596</v>
      </c>
      <c r="CH1349" s="20">
        <v>1.0613900000000001</v>
      </c>
      <c r="CI1349" s="20">
        <v>1.06993</v>
      </c>
      <c r="CJ1349" s="20">
        <v>1.0582100000000001</v>
      </c>
      <c r="CK1349" s="20">
        <v>1.0644499999999999</v>
      </c>
      <c r="CL1349" s="20">
        <v>1.0647200000000001</v>
      </c>
      <c r="CM1349" s="20">
        <v>1.04837</v>
      </c>
      <c r="CN1349" s="20">
        <v>1.0475699999999999</v>
      </c>
      <c r="CO1349" s="20">
        <v>1.0527899999999999</v>
      </c>
      <c r="CP1349" s="20">
        <v>1.0473300000000001</v>
      </c>
      <c r="CQ1349" s="20">
        <v>1.0430299999999999</v>
      </c>
      <c r="CR1349" s="20">
        <v>1.0184</v>
      </c>
      <c r="CS1349" s="20">
        <v>1.01633</v>
      </c>
      <c r="CT1349" s="20">
        <v>1.00579</v>
      </c>
      <c r="CU1349" s="20">
        <v>1.0197400000000001</v>
      </c>
      <c r="CV1349" s="20">
        <v>1.0159400000000001</v>
      </c>
      <c r="CW1349" s="20">
        <v>1.0250600000000001</v>
      </c>
      <c r="CX1349" s="20">
        <v>1.02301</v>
      </c>
      <c r="CY1349" s="6"/>
      <c r="CZ1349" s="6"/>
      <c r="DA1349" s="6"/>
      <c r="DB1349" s="6"/>
      <c r="DC1349" s="6"/>
      <c r="DD1349" s="6"/>
      <c r="DE1349" s="6"/>
      <c r="DF1349" s="6"/>
      <c r="DG1349" s="6"/>
      <c r="DH1349" s="6"/>
      <c r="DI1349" s="6"/>
      <c r="DJ1349" s="6"/>
      <c r="DK1349" s="6"/>
      <c r="DL1349" s="6"/>
      <c r="DM1349" s="6"/>
      <c r="DN1349" s="6"/>
      <c r="DO1349" s="6"/>
      <c r="DP1349" s="6"/>
      <c r="DQ1349" s="6"/>
    </row>
    <row r="1350" spans="1:121" x14ac:dyDescent="0.2">
      <c r="A1350" s="6" t="s">
        <v>793</v>
      </c>
      <c r="B1350" s="6" t="s">
        <v>179</v>
      </c>
      <c r="C1350" s="6" t="s">
        <v>180</v>
      </c>
      <c r="D1350" s="6" t="s">
        <v>337</v>
      </c>
      <c r="E1350" s="6" t="s">
        <v>331</v>
      </c>
      <c r="F1350" s="11">
        <v>3867</v>
      </c>
      <c r="G1350" s="13">
        <v>1.6938387546100001E-2</v>
      </c>
      <c r="H1350" s="11">
        <v>3442.4566329999943</v>
      </c>
      <c r="I1350" s="13">
        <v>1.5078768404184848E-2</v>
      </c>
      <c r="J1350" s="11">
        <v>-14200.991783999983</v>
      </c>
      <c r="K1350" s="13">
        <v>-6.1279656911513075E-2</v>
      </c>
      <c r="L1350" s="11">
        <v>14625.140310999996</v>
      </c>
      <c r="M1350" s="13">
        <v>6.7229744487962886E-2</v>
      </c>
      <c r="N1350" s="11">
        <v>424.14852700001211</v>
      </c>
      <c r="O1350" s="13">
        <v>1.830271899978758E-3</v>
      </c>
      <c r="P1350" s="7">
        <v>228298.262877</v>
      </c>
      <c r="Q1350" s="7">
        <v>230572.31681600001</v>
      </c>
      <c r="R1350" s="7">
        <v>229800.31538700001</v>
      </c>
      <c r="S1350" s="7">
        <v>229209.016539</v>
      </c>
      <c r="T1350" s="7">
        <v>231317.37413700001</v>
      </c>
      <c r="U1350" s="7">
        <v>230482.16699600001</v>
      </c>
      <c r="V1350" s="7">
        <v>231740.71951</v>
      </c>
      <c r="W1350" s="7">
        <v>227182.50334299999</v>
      </c>
      <c r="X1350" s="7">
        <v>219274.16612499999</v>
      </c>
      <c r="Y1350" s="7">
        <v>217539.72772600001</v>
      </c>
      <c r="Z1350" s="7">
        <v>220542.08126000001</v>
      </c>
      <c r="AA1350" s="7">
        <v>221812.464748</v>
      </c>
      <c r="AB1350" s="7">
        <v>220894.78683600001</v>
      </c>
      <c r="AC1350" s="7">
        <v>224142.72314700001</v>
      </c>
      <c r="AD1350" s="7">
        <v>228019.753559</v>
      </c>
      <c r="AE1350" s="7">
        <v>230543.952655</v>
      </c>
      <c r="AF1350" s="7">
        <v>232164.86803700001</v>
      </c>
      <c r="AG1350" s="9">
        <v>8623.189364599999</v>
      </c>
      <c r="AH1350" s="13">
        <v>0.34413391553756417</v>
      </c>
      <c r="AI1350" s="9">
        <v>4011.9754763000019</v>
      </c>
      <c r="AJ1350" s="13">
        <v>0.1601097658098162</v>
      </c>
      <c r="AK1350" s="9">
        <v>1375.4113563999999</v>
      </c>
      <c r="AL1350" s="13">
        <v>4.7314371528669186E-2</v>
      </c>
      <c r="AM1350" s="9">
        <v>3235.8025318999971</v>
      </c>
      <c r="AN1350" s="13">
        <v>0.10628339469047116</v>
      </c>
      <c r="AO1350" s="9">
        <v>4611.2138882999971</v>
      </c>
      <c r="AP1350" s="13">
        <v>0.15862649824285346</v>
      </c>
      <c r="AQ1350" s="9">
        <v>25057.6562648</v>
      </c>
      <c r="AR1350" s="9">
        <v>26093.7594422</v>
      </c>
      <c r="AS1350" s="9">
        <v>26958.101050699999</v>
      </c>
      <c r="AT1350" s="9">
        <v>27329.307442400001</v>
      </c>
      <c r="AU1350" s="9">
        <v>27885.546105900001</v>
      </c>
      <c r="AV1350" s="9">
        <v>28568.912014900001</v>
      </c>
      <c r="AW1350" s="9">
        <v>29069.631741100002</v>
      </c>
      <c r="AX1350" s="9">
        <v>29985.385985100002</v>
      </c>
      <c r="AY1350" s="9">
        <v>30237.689504400001</v>
      </c>
      <c r="AZ1350" s="9">
        <v>30445.043097500002</v>
      </c>
      <c r="BA1350" s="9">
        <v>30639.9883424</v>
      </c>
      <c r="BB1350" s="9">
        <v>31075.765648600001</v>
      </c>
      <c r="BC1350" s="9">
        <v>31613.650587399999</v>
      </c>
      <c r="BD1350" s="9">
        <v>31921.517649500001</v>
      </c>
      <c r="BE1350" s="9">
        <v>32950.492816099999</v>
      </c>
      <c r="BF1350" s="9">
        <v>33680.845629399999</v>
      </c>
      <c r="BG1350" s="11">
        <v>-724.25</v>
      </c>
      <c r="BH1350" s="13">
        <v>-5.4336409333033235E-2</v>
      </c>
      <c r="BI1350" s="6">
        <v>-214</v>
      </c>
      <c r="BJ1350" s="13">
        <v>-1.6055217945832395E-2</v>
      </c>
      <c r="BK1350" s="6">
        <v>-471</v>
      </c>
      <c r="BL1350" s="13">
        <v>-3.591307662981319E-2</v>
      </c>
      <c r="BM1350" s="11">
        <v>-39.25</v>
      </c>
      <c r="BN1350" s="13">
        <v>-3.104239164821259E-3</v>
      </c>
      <c r="BO1350" s="11">
        <v>-510.25</v>
      </c>
      <c r="BP1350" s="13">
        <v>-3.8905833015630956E-2</v>
      </c>
      <c r="BQ1350" s="6">
        <v>13329</v>
      </c>
      <c r="BR1350" s="6">
        <v>13252</v>
      </c>
      <c r="BS1350" s="6">
        <v>13162</v>
      </c>
      <c r="BT1350" s="6">
        <v>13115</v>
      </c>
      <c r="BU1350" s="6">
        <v>13123</v>
      </c>
      <c r="BV1350" s="6">
        <v>12860</v>
      </c>
      <c r="BW1350" s="6">
        <v>12644</v>
      </c>
      <c r="BX1350" s="6">
        <v>12444</v>
      </c>
      <c r="BY1350" s="6">
        <v>12422</v>
      </c>
      <c r="BZ1350" s="6">
        <v>12419</v>
      </c>
      <c r="CA1350" s="6">
        <v>12578</v>
      </c>
      <c r="CB1350" s="6">
        <v>12691</v>
      </c>
      <c r="CC1350" s="11">
        <v>12604.75</v>
      </c>
      <c r="CD1350" s="11">
        <v>-6456.53</v>
      </c>
      <c r="CE1350" s="11">
        <v>-14632.6</v>
      </c>
      <c r="CF1350" s="11">
        <v>24955.7</v>
      </c>
      <c r="CG1350" s="11">
        <v>10323</v>
      </c>
      <c r="CH1350" s="20">
        <v>0.95803099999999997</v>
      </c>
      <c r="CI1350" s="20">
        <v>0.97346699999999997</v>
      </c>
      <c r="CJ1350" s="20">
        <v>0.98186700000000005</v>
      </c>
      <c r="CK1350" s="20">
        <v>0.98400200000000004</v>
      </c>
      <c r="CL1350" s="20">
        <v>0.98709899999999995</v>
      </c>
      <c r="CM1350" s="20">
        <v>0.98256299999999996</v>
      </c>
      <c r="CN1350" s="20">
        <v>0.98529500000000003</v>
      </c>
      <c r="CO1350" s="20">
        <v>0.97781200000000001</v>
      </c>
      <c r="CP1350" s="20">
        <v>0.989653</v>
      </c>
      <c r="CQ1350" s="20">
        <v>0.993954</v>
      </c>
      <c r="CR1350" s="20">
        <v>1.0026999999999999</v>
      </c>
      <c r="CS1350" s="20">
        <v>0.99917199999999995</v>
      </c>
      <c r="CT1350" s="20">
        <v>0.98886799999999997</v>
      </c>
      <c r="CU1350" s="20">
        <v>0.99487300000000001</v>
      </c>
      <c r="CV1350" s="20">
        <v>0.99281699999999995</v>
      </c>
      <c r="CW1350" s="20">
        <v>0.99567700000000003</v>
      </c>
      <c r="CX1350" s="20">
        <v>0.99751199999999995</v>
      </c>
      <c r="CY1350" s="6"/>
      <c r="CZ1350" s="6"/>
      <c r="DA1350" s="6"/>
      <c r="DB1350" s="6"/>
      <c r="DC1350" s="6"/>
      <c r="DD1350" s="6"/>
      <c r="DE1350" s="6"/>
      <c r="DF1350" s="6"/>
      <c r="DG1350" s="6"/>
      <c r="DH1350" s="6"/>
      <c r="DI1350" s="6"/>
      <c r="DJ1350" s="6"/>
      <c r="DK1350" s="6"/>
      <c r="DL1350" s="6"/>
      <c r="DM1350" s="6"/>
      <c r="DN1350" s="6"/>
      <c r="DO1350" s="6"/>
      <c r="DP1350" s="6"/>
      <c r="DQ1350" s="6"/>
    </row>
    <row r="1351" spans="1:121" x14ac:dyDescent="0.2">
      <c r="A1351" s="6" t="s">
        <v>794</v>
      </c>
      <c r="B1351" s="6" t="s">
        <v>181</v>
      </c>
      <c r="C1351" s="6" t="s">
        <v>182</v>
      </c>
      <c r="D1351" s="6" t="s">
        <v>337</v>
      </c>
      <c r="E1351" s="6" t="s">
        <v>331</v>
      </c>
      <c r="F1351" s="11">
        <v>-5819</v>
      </c>
      <c r="G1351" s="13">
        <v>-7.0127866758300003E-2</v>
      </c>
      <c r="H1351" s="11">
        <v>-5572.2492090000014</v>
      </c>
      <c r="I1351" s="13">
        <v>-6.7154034675057928E-2</v>
      </c>
      <c r="J1351" s="11">
        <v>-10771.812856600009</v>
      </c>
      <c r="K1351" s="13">
        <v>-0.13916192943709507</v>
      </c>
      <c r="L1351" s="11">
        <v>10525.055912000011</v>
      </c>
      <c r="M1351" s="13">
        <v>0.15795544014659912</v>
      </c>
      <c r="N1351" s="11">
        <v>-246.75694459999795</v>
      </c>
      <c r="O1351" s="13">
        <v>-3.187873106382284E-3</v>
      </c>
      <c r="P1351" s="7">
        <v>82977.132140500005</v>
      </c>
      <c r="Q1351" s="7">
        <v>80451.331188600001</v>
      </c>
      <c r="R1351" s="7">
        <v>76522.428744100005</v>
      </c>
      <c r="S1351" s="7">
        <v>75127.690910300007</v>
      </c>
      <c r="T1351" s="7">
        <v>74838.261394200003</v>
      </c>
      <c r="U1351" s="7">
        <v>76505.310403399999</v>
      </c>
      <c r="V1351" s="7">
        <v>77404.882931500004</v>
      </c>
      <c r="W1351" s="7">
        <v>75854.727315800003</v>
      </c>
      <c r="X1351" s="7">
        <v>70792.371669999993</v>
      </c>
      <c r="Y1351" s="7">
        <v>66633.070074899995</v>
      </c>
      <c r="Z1351" s="7">
        <v>66796.881758999996</v>
      </c>
      <c r="AA1351" s="7">
        <v>69210.1209905</v>
      </c>
      <c r="AB1351" s="7">
        <v>71506.572097600001</v>
      </c>
      <c r="AC1351" s="7">
        <v>73183.596476999999</v>
      </c>
      <c r="AD1351" s="7">
        <v>75758.865082699995</v>
      </c>
      <c r="AE1351" s="7">
        <v>76547.236832499999</v>
      </c>
      <c r="AF1351" s="7">
        <v>77158.125986900006</v>
      </c>
      <c r="AG1351" s="9">
        <v>13990.364397799996</v>
      </c>
      <c r="AH1351" s="13">
        <v>0.32359527441669766</v>
      </c>
      <c r="AI1351" s="9">
        <v>7680.8560472999961</v>
      </c>
      <c r="AJ1351" s="13">
        <v>0.17765718245137635</v>
      </c>
      <c r="AK1351" s="9">
        <v>1512.5212284000008</v>
      </c>
      <c r="AL1351" s="13">
        <v>2.9706790808002172E-2</v>
      </c>
      <c r="AM1351" s="9">
        <v>4796.9871220999994</v>
      </c>
      <c r="AN1351" s="13">
        <v>9.1497501474805926E-2</v>
      </c>
      <c r="AO1351" s="9">
        <v>6309.5083505000002</v>
      </c>
      <c r="AP1351" s="13">
        <v>0.12392238941857502</v>
      </c>
      <c r="AQ1351" s="9">
        <v>43234.1430913</v>
      </c>
      <c r="AR1351" s="9">
        <v>47146.898969000002</v>
      </c>
      <c r="AS1351" s="9">
        <v>47670.6430798</v>
      </c>
      <c r="AT1351" s="9">
        <v>47182.380277700002</v>
      </c>
      <c r="AU1351" s="9">
        <v>48291.147885099999</v>
      </c>
      <c r="AV1351" s="9">
        <v>49361.204373</v>
      </c>
      <c r="AW1351" s="9">
        <v>50914.999138599997</v>
      </c>
      <c r="AX1351" s="9">
        <v>51607.967791499999</v>
      </c>
      <c r="AY1351" s="9">
        <v>51085.969982199997</v>
      </c>
      <c r="AZ1351" s="9">
        <v>52427.520366999997</v>
      </c>
      <c r="BA1351" s="9">
        <v>52671.053702600002</v>
      </c>
      <c r="BB1351" s="9">
        <v>53719.839932700001</v>
      </c>
      <c r="BC1351" s="9">
        <v>54422.778783399997</v>
      </c>
      <c r="BD1351" s="9">
        <v>54335.808803200001</v>
      </c>
      <c r="BE1351" s="9">
        <v>55991.879555</v>
      </c>
      <c r="BF1351" s="9">
        <v>57224.507489099997</v>
      </c>
      <c r="BG1351" s="11">
        <v>-239.75</v>
      </c>
      <c r="BH1351" s="13">
        <v>-7.7388637830858614E-2</v>
      </c>
      <c r="BI1351" s="6">
        <v>-35</v>
      </c>
      <c r="BJ1351" s="13">
        <v>-1.1297611362169141E-2</v>
      </c>
      <c r="BK1351" s="6">
        <v>-231</v>
      </c>
      <c r="BL1351" s="13">
        <v>-7.5416258570029385E-2</v>
      </c>
      <c r="BM1351" s="11">
        <v>26.25</v>
      </c>
      <c r="BN1351" s="13">
        <v>9.2690677966101691E-3</v>
      </c>
      <c r="BO1351" s="11">
        <v>-204.75</v>
      </c>
      <c r="BP1351" s="13">
        <v>-6.6846229187071504E-2</v>
      </c>
      <c r="BQ1351" s="6">
        <v>3098</v>
      </c>
      <c r="BR1351" s="6">
        <v>3053</v>
      </c>
      <c r="BS1351" s="6">
        <v>3059</v>
      </c>
      <c r="BT1351" s="6">
        <v>3063</v>
      </c>
      <c r="BU1351" s="6">
        <v>3022</v>
      </c>
      <c r="BV1351" s="6">
        <v>2918</v>
      </c>
      <c r="BW1351" s="6">
        <v>2832</v>
      </c>
      <c r="BX1351" s="6">
        <v>2753</v>
      </c>
      <c r="BY1351" s="6">
        <v>2748</v>
      </c>
      <c r="BZ1351" s="6">
        <v>2735</v>
      </c>
      <c r="CA1351" s="6">
        <v>2771</v>
      </c>
      <c r="CB1351" s="6">
        <v>2878</v>
      </c>
      <c r="CC1351" s="11">
        <v>2858.25</v>
      </c>
      <c r="CD1351" s="11">
        <v>-20119.5</v>
      </c>
      <c r="CE1351" s="11">
        <v>5230.08</v>
      </c>
      <c r="CF1351" s="11">
        <v>9070.4</v>
      </c>
      <c r="CG1351" s="11">
        <v>14300</v>
      </c>
      <c r="CH1351" s="20">
        <v>1.18038</v>
      </c>
      <c r="CI1351" s="20">
        <v>1.1815199999999999</v>
      </c>
      <c r="CJ1351" s="20">
        <v>1.13426</v>
      </c>
      <c r="CK1351" s="20">
        <v>1.1064000000000001</v>
      </c>
      <c r="CL1351" s="20">
        <v>1.08165</v>
      </c>
      <c r="CM1351" s="20">
        <v>1.08589</v>
      </c>
      <c r="CN1351" s="20">
        <v>1.0841000000000001</v>
      </c>
      <c r="CO1351" s="20">
        <v>1.06776</v>
      </c>
      <c r="CP1351" s="20">
        <v>1.05975</v>
      </c>
      <c r="CQ1351" s="20">
        <v>1.01535</v>
      </c>
      <c r="CR1351" s="20">
        <v>0.99807299999999999</v>
      </c>
      <c r="CS1351" s="20">
        <v>1.0145999999999999</v>
      </c>
      <c r="CT1351" s="20">
        <v>1.0347500000000001</v>
      </c>
      <c r="CU1351" s="20">
        <v>1.03156</v>
      </c>
      <c r="CV1351" s="20">
        <v>1.0202199999999999</v>
      </c>
      <c r="CW1351" s="20">
        <v>1.00702</v>
      </c>
      <c r="CX1351" s="20">
        <v>1.0019400000000001</v>
      </c>
      <c r="CY1351" s="6"/>
      <c r="CZ1351" s="6"/>
      <c r="DA1351" s="6"/>
      <c r="DB1351" s="6"/>
      <c r="DC1351" s="6"/>
      <c r="DD1351" s="6"/>
      <c r="DE1351" s="6"/>
      <c r="DF1351" s="6"/>
      <c r="DG1351" s="6"/>
      <c r="DH1351" s="6"/>
      <c r="DI1351" s="6"/>
      <c r="DJ1351" s="6"/>
      <c r="DK1351" s="6"/>
      <c r="DL1351" s="6"/>
      <c r="DM1351" s="6"/>
      <c r="DN1351" s="6"/>
      <c r="DO1351" s="6"/>
      <c r="DP1351" s="6"/>
      <c r="DQ1351" s="6"/>
    </row>
    <row r="1352" spans="1:121" x14ac:dyDescent="0.2">
      <c r="A1352" s="6" t="s">
        <v>314</v>
      </c>
      <c r="B1352" s="6" t="s">
        <v>314</v>
      </c>
      <c r="C1352" s="6" t="s">
        <v>183</v>
      </c>
      <c r="D1352" s="6" t="s">
        <v>337</v>
      </c>
      <c r="E1352" s="6" t="s">
        <v>331</v>
      </c>
      <c r="F1352" s="11">
        <v>-23334</v>
      </c>
      <c r="G1352" s="13">
        <v>-0.357335375191</v>
      </c>
      <c r="H1352" s="11">
        <v>-9564.7608144999977</v>
      </c>
      <c r="I1352" s="13">
        <v>-0.14647383625313282</v>
      </c>
      <c r="J1352" s="11">
        <v>-5532.4045131000021</v>
      </c>
      <c r="K1352" s="13">
        <v>-9.9262002099868837E-2</v>
      </c>
      <c r="L1352" s="11">
        <v>-8237.4228072999977</v>
      </c>
      <c r="M1352" s="13">
        <v>-0.16408239161881386</v>
      </c>
      <c r="N1352" s="11">
        <v>-13769.8273204</v>
      </c>
      <c r="O1352" s="13">
        <v>-0.24705724701726448</v>
      </c>
      <c r="P1352" s="7">
        <v>65300.131813100001</v>
      </c>
      <c r="Q1352" s="7">
        <v>61642.0594136</v>
      </c>
      <c r="R1352" s="7">
        <v>59048.686300699999</v>
      </c>
      <c r="S1352" s="7">
        <v>56904.367038299999</v>
      </c>
      <c r="T1352" s="7">
        <v>55391.093230300001</v>
      </c>
      <c r="U1352" s="7">
        <v>55076.216828800003</v>
      </c>
      <c r="V1352" s="7">
        <v>55735.370998600003</v>
      </c>
      <c r="W1352" s="7">
        <v>56963.1228605</v>
      </c>
      <c r="X1352" s="7">
        <v>53212.662864899998</v>
      </c>
      <c r="Y1352" s="7">
        <v>50202.966485500001</v>
      </c>
      <c r="Z1352" s="7">
        <v>47716.480637599998</v>
      </c>
      <c r="AA1352" s="7">
        <v>45360.791893100002</v>
      </c>
      <c r="AB1352" s="7">
        <v>44937.154537399998</v>
      </c>
      <c r="AC1352" s="7">
        <v>44889.171894599996</v>
      </c>
      <c r="AD1352" s="7">
        <v>43097.197237100001</v>
      </c>
      <c r="AE1352" s="7">
        <v>42735.848675399997</v>
      </c>
      <c r="AF1352" s="7">
        <v>41965.543678200003</v>
      </c>
      <c r="AG1352" s="9">
        <v>39588.556738500003</v>
      </c>
      <c r="AH1352" s="13">
        <v>0.71117893829093715</v>
      </c>
      <c r="AI1352" s="9">
        <v>17224.937823500004</v>
      </c>
      <c r="AJ1352" s="13">
        <v>0.30943317975345541</v>
      </c>
      <c r="AK1352" s="9">
        <v>12673.877924999993</v>
      </c>
      <c r="AL1352" s="13">
        <v>0.17387430041643637</v>
      </c>
      <c r="AM1352" s="9">
        <v>9689.7409900000057</v>
      </c>
      <c r="AN1352" s="13">
        <v>0.11324432554719024</v>
      </c>
      <c r="AO1352" s="9">
        <v>22363.618914999999</v>
      </c>
      <c r="AP1352" s="13">
        <v>0.3068089038442755</v>
      </c>
      <c r="AQ1352" s="9">
        <v>55666.098371300002</v>
      </c>
      <c r="AR1352" s="9">
        <v>56434.169931999997</v>
      </c>
      <c r="AS1352" s="9">
        <v>60110.348681099997</v>
      </c>
      <c r="AT1352" s="9">
        <v>63800.855023900003</v>
      </c>
      <c r="AU1352" s="9">
        <v>65552.802240899997</v>
      </c>
      <c r="AV1352" s="9">
        <v>69938.856356499993</v>
      </c>
      <c r="AW1352" s="9">
        <v>72891.036194800006</v>
      </c>
      <c r="AX1352" s="9">
        <v>74393.688749499997</v>
      </c>
      <c r="AY1352" s="9">
        <v>80572.207212599998</v>
      </c>
      <c r="AZ1352" s="9">
        <v>85564.9141198</v>
      </c>
      <c r="BA1352" s="9">
        <v>88879.077170499993</v>
      </c>
      <c r="BB1352" s="9">
        <v>91819.627499199996</v>
      </c>
      <c r="BC1352" s="9">
        <v>89301.707544000004</v>
      </c>
      <c r="BD1352" s="9">
        <v>90614.782332000002</v>
      </c>
      <c r="BE1352" s="9">
        <v>93751.077660199997</v>
      </c>
      <c r="BF1352" s="9">
        <v>95254.655109800005</v>
      </c>
      <c r="BG1352" s="11">
        <v>-351</v>
      </c>
      <c r="BH1352" s="13">
        <v>-0.19201312910284463</v>
      </c>
      <c r="BI1352" s="6">
        <v>-64</v>
      </c>
      <c r="BJ1352" s="13">
        <v>-3.5010940919037198E-2</v>
      </c>
      <c r="BK1352" s="6">
        <v>-160</v>
      </c>
      <c r="BL1352" s="13">
        <v>-9.0702947845804988E-2</v>
      </c>
      <c r="BM1352" s="11">
        <v>-127</v>
      </c>
      <c r="BN1352" s="13">
        <v>-7.9177057356608474E-2</v>
      </c>
      <c r="BO1352" s="11">
        <v>-287</v>
      </c>
      <c r="BP1352" s="13">
        <v>-0.1626984126984127</v>
      </c>
      <c r="BQ1352" s="6">
        <v>1828</v>
      </c>
      <c r="BR1352" s="6">
        <v>1731</v>
      </c>
      <c r="BS1352" s="6">
        <v>1727</v>
      </c>
      <c r="BT1352" s="6">
        <v>1764</v>
      </c>
      <c r="BU1352" s="6">
        <v>1714</v>
      </c>
      <c r="BV1352" s="6">
        <v>1655</v>
      </c>
      <c r="BW1352" s="6">
        <v>1604</v>
      </c>
      <c r="BX1352" s="6">
        <v>1524</v>
      </c>
      <c r="BY1352" s="6">
        <v>1514</v>
      </c>
      <c r="BZ1352" s="6">
        <v>1513</v>
      </c>
      <c r="CA1352" s="6">
        <v>1558</v>
      </c>
      <c r="CB1352" s="6">
        <v>1477</v>
      </c>
      <c r="CC1352" s="11">
        <v>1477</v>
      </c>
      <c r="CD1352" s="11">
        <v>-10471.9</v>
      </c>
      <c r="CE1352" s="11">
        <v>-20000.8</v>
      </c>
      <c r="CF1352" s="11">
        <v>7138.09</v>
      </c>
      <c r="CG1352" s="11">
        <v>-12863</v>
      </c>
      <c r="CH1352" s="20">
        <v>1.17961</v>
      </c>
      <c r="CI1352" s="20">
        <v>1.1820200000000001</v>
      </c>
      <c r="CJ1352" s="20">
        <v>1.19329</v>
      </c>
      <c r="CK1352" s="20">
        <v>1.19086</v>
      </c>
      <c r="CL1352" s="20">
        <v>1.1807799999999999</v>
      </c>
      <c r="CM1352" s="20">
        <v>1.1873499999999999</v>
      </c>
      <c r="CN1352" s="20">
        <v>1.21279</v>
      </c>
      <c r="CO1352" s="20">
        <v>1.2565900000000001</v>
      </c>
      <c r="CP1352" s="20">
        <v>1.2424599999999999</v>
      </c>
      <c r="CQ1352" s="20">
        <v>1.2238800000000001</v>
      </c>
      <c r="CR1352" s="20">
        <v>1.1831199999999999</v>
      </c>
      <c r="CS1352" s="20">
        <v>1.1257600000000001</v>
      </c>
      <c r="CT1352" s="20">
        <v>1.11229</v>
      </c>
      <c r="CU1352" s="20">
        <v>1.1055299999999999</v>
      </c>
      <c r="CV1352" s="20">
        <v>1.05108</v>
      </c>
      <c r="CW1352" s="20">
        <v>1.02928</v>
      </c>
      <c r="CX1352" s="20">
        <v>1.0102800000000001</v>
      </c>
      <c r="CY1352" s="6"/>
      <c r="CZ1352" s="6"/>
      <c r="DA1352" s="6"/>
      <c r="DB1352" s="6"/>
      <c r="DC1352" s="6"/>
      <c r="DD1352" s="6"/>
      <c r="DE1352" s="6"/>
      <c r="DF1352" s="6"/>
      <c r="DG1352" s="6"/>
      <c r="DH1352" s="6"/>
      <c r="DI1352" s="6"/>
      <c r="DJ1352" s="6"/>
      <c r="DK1352" s="6"/>
      <c r="DL1352" s="6"/>
      <c r="DM1352" s="6"/>
      <c r="DN1352" s="6"/>
      <c r="DO1352" s="6"/>
      <c r="DP1352" s="6"/>
      <c r="DQ1352" s="6"/>
    </row>
    <row r="1353" spans="1:121" x14ac:dyDescent="0.2">
      <c r="A1353" s="6" t="s">
        <v>315</v>
      </c>
      <c r="B1353" s="6" t="s">
        <v>315</v>
      </c>
      <c r="C1353" s="6" t="s">
        <v>184</v>
      </c>
      <c r="D1353" s="6" t="s">
        <v>337</v>
      </c>
      <c r="E1353" s="6" t="s">
        <v>331</v>
      </c>
      <c r="F1353" s="11">
        <v>2414</v>
      </c>
      <c r="G1353" s="13">
        <v>2.3949838284000002E-2</v>
      </c>
      <c r="H1353" s="11">
        <v>689.79899599999771</v>
      </c>
      <c r="I1353" s="13">
        <v>6.8436397094928589E-3</v>
      </c>
      <c r="J1353" s="11">
        <v>-2674.8966739999887</v>
      </c>
      <c r="K1353" s="13">
        <v>-2.6357824347937559E-2</v>
      </c>
      <c r="L1353" s="11">
        <v>4398.4516929999954</v>
      </c>
      <c r="M1353" s="13">
        <v>4.4514653498073736E-2</v>
      </c>
      <c r="N1353" s="11">
        <v>1723.5550190000067</v>
      </c>
      <c r="O1353" s="13">
        <v>1.6983519732324641E-2</v>
      </c>
      <c r="P1353" s="7">
        <v>100794.17171</v>
      </c>
      <c r="Q1353" s="7">
        <v>99808.663496399997</v>
      </c>
      <c r="R1353" s="7">
        <v>100874.614736</v>
      </c>
      <c r="S1353" s="7">
        <v>99447.322306999995</v>
      </c>
      <c r="T1353" s="7">
        <v>99461.1106402</v>
      </c>
      <c r="U1353" s="7">
        <v>100957.534185</v>
      </c>
      <c r="V1353" s="7">
        <v>101483.97070599999</v>
      </c>
      <c r="W1353" s="7">
        <v>100096.958383</v>
      </c>
      <c r="X1353" s="7">
        <v>97743.490252000003</v>
      </c>
      <c r="Y1353" s="7">
        <v>98809.074032000004</v>
      </c>
      <c r="Z1353" s="7">
        <v>99668.189865099994</v>
      </c>
      <c r="AA1353" s="7">
        <v>102712.815105</v>
      </c>
      <c r="AB1353" s="7">
        <v>101865.606329</v>
      </c>
      <c r="AC1353" s="7">
        <v>100981.518314</v>
      </c>
      <c r="AD1353" s="7">
        <v>101454.24413599999</v>
      </c>
      <c r="AE1353" s="7">
        <v>102164.390015</v>
      </c>
      <c r="AF1353" s="7">
        <v>103207.525725</v>
      </c>
      <c r="AG1353" s="9">
        <v>37025.615917100004</v>
      </c>
      <c r="AH1353" s="13">
        <v>0.65236419781667809</v>
      </c>
      <c r="AI1353" s="9">
        <v>13709.0708438</v>
      </c>
      <c r="AJ1353" s="13">
        <v>0.24154377401449784</v>
      </c>
      <c r="AK1353" s="9">
        <v>4354.0982676999993</v>
      </c>
      <c r="AL1353" s="13">
        <v>6.1790828306093809E-2</v>
      </c>
      <c r="AM1353" s="9">
        <v>18962.446805600004</v>
      </c>
      <c r="AN1353" s="13">
        <v>0.25344352274655252</v>
      </c>
      <c r="AO1353" s="9">
        <v>23316.545073300003</v>
      </c>
      <c r="AP1353" s="13">
        <v>0.33089483625197014</v>
      </c>
      <c r="AQ1353" s="9">
        <v>56756.051360600002</v>
      </c>
      <c r="AR1353" s="9">
        <v>58056.385007600002</v>
      </c>
      <c r="AS1353" s="9">
        <v>59701.800420300002</v>
      </c>
      <c r="AT1353" s="9">
        <v>61429.007357499999</v>
      </c>
      <c r="AU1353" s="9">
        <v>64993.615086999998</v>
      </c>
      <c r="AV1353" s="9">
        <v>67585.507651099993</v>
      </c>
      <c r="AW1353" s="9">
        <v>70465.122204400002</v>
      </c>
      <c r="AX1353" s="9">
        <v>72685.938144800006</v>
      </c>
      <c r="AY1353" s="9">
        <v>71344.846997100001</v>
      </c>
      <c r="AZ1353" s="9">
        <v>74819.220472100002</v>
      </c>
      <c r="BA1353" s="9">
        <v>79032.784749300001</v>
      </c>
      <c r="BB1353" s="9">
        <v>83274.050593799999</v>
      </c>
      <c r="BC1353" s="9">
        <v>84288.561102299995</v>
      </c>
      <c r="BD1353" s="9">
        <v>86929.207569799997</v>
      </c>
      <c r="BE1353" s="9">
        <v>91561.968954900003</v>
      </c>
      <c r="BF1353" s="9">
        <v>93781.667277700006</v>
      </c>
      <c r="BG1353" s="11">
        <v>162.5</v>
      </c>
      <c r="BH1353" s="13">
        <v>2.2714565278166062E-2</v>
      </c>
      <c r="BI1353" s="6">
        <v>336</v>
      </c>
      <c r="BJ1353" s="13">
        <v>4.6966731898238745E-2</v>
      </c>
      <c r="BK1353" s="6">
        <v>-385</v>
      </c>
      <c r="BL1353" s="13">
        <v>-5.1401869158878503E-2</v>
      </c>
      <c r="BM1353" s="11">
        <v>211.5</v>
      </c>
      <c r="BN1353" s="13">
        <v>2.976776917663617E-2</v>
      </c>
      <c r="BO1353" s="11">
        <v>-173.5</v>
      </c>
      <c r="BP1353" s="13">
        <v>-2.3164218958611482E-2</v>
      </c>
      <c r="BQ1353" s="6">
        <v>7154</v>
      </c>
      <c r="BR1353" s="6">
        <v>7240</v>
      </c>
      <c r="BS1353" s="6">
        <v>7305</v>
      </c>
      <c r="BT1353" s="6">
        <v>7490</v>
      </c>
      <c r="BU1353" s="6">
        <v>7331</v>
      </c>
      <c r="BV1353" s="6">
        <v>7221</v>
      </c>
      <c r="BW1353" s="6">
        <v>7105</v>
      </c>
      <c r="BX1353" s="6">
        <v>7085</v>
      </c>
      <c r="BY1353" s="6">
        <v>7131</v>
      </c>
      <c r="BZ1353" s="6">
        <v>7135</v>
      </c>
      <c r="CA1353" s="6">
        <v>7193</v>
      </c>
      <c r="CB1353" s="6">
        <v>7345</v>
      </c>
      <c r="CC1353" s="11">
        <v>7316.5</v>
      </c>
      <c r="CD1353" s="11">
        <v>-587.47500000000002</v>
      </c>
      <c r="CE1353" s="11">
        <v>-8017.19</v>
      </c>
      <c r="CF1353" s="11">
        <v>11018</v>
      </c>
      <c r="CG1353" s="11">
        <v>3001</v>
      </c>
      <c r="CH1353" s="20">
        <v>1.1162399999999999</v>
      </c>
      <c r="CI1353" s="20">
        <v>1.11192</v>
      </c>
      <c r="CJ1353" s="20">
        <v>1.1049199999999999</v>
      </c>
      <c r="CK1353" s="20">
        <v>1.0966899999999999</v>
      </c>
      <c r="CL1353" s="20">
        <v>1.0845800000000001</v>
      </c>
      <c r="CM1353" s="20">
        <v>1.08877</v>
      </c>
      <c r="CN1353" s="20">
        <v>1.10371</v>
      </c>
      <c r="CO1353" s="20">
        <v>1.1133900000000001</v>
      </c>
      <c r="CP1353" s="20">
        <v>1.1299699999999999</v>
      </c>
      <c r="CQ1353" s="20">
        <v>1.1745099999999999</v>
      </c>
      <c r="CR1353" s="20">
        <v>1.1866300000000001</v>
      </c>
      <c r="CS1353" s="20">
        <v>1.21529</v>
      </c>
      <c r="CT1353" s="20">
        <v>1.2063600000000001</v>
      </c>
      <c r="CU1353" s="20">
        <v>1.20136</v>
      </c>
      <c r="CV1353" s="20">
        <v>1.18577</v>
      </c>
      <c r="CW1353" s="20">
        <v>1.18296</v>
      </c>
      <c r="CX1353" s="20">
        <v>1.1878</v>
      </c>
      <c r="CY1353" s="6"/>
      <c r="CZ1353" s="6"/>
      <c r="DA1353" s="6"/>
      <c r="DB1353" s="6"/>
      <c r="DC1353" s="6"/>
      <c r="DD1353" s="6"/>
      <c r="DE1353" s="6"/>
      <c r="DF1353" s="6"/>
      <c r="DG1353" s="6"/>
      <c r="DH1353" s="6"/>
      <c r="DI1353" s="6"/>
      <c r="DJ1353" s="6"/>
      <c r="DK1353" s="6"/>
      <c r="DL1353" s="6"/>
      <c r="DM1353" s="6"/>
      <c r="DN1353" s="6"/>
      <c r="DO1353" s="6"/>
      <c r="DP1353" s="6"/>
      <c r="DQ1353" s="6"/>
    </row>
    <row r="1354" spans="1:121" x14ac:dyDescent="0.2">
      <c r="A1354" s="6" t="s">
        <v>316</v>
      </c>
      <c r="B1354" s="6" t="s">
        <v>316</v>
      </c>
      <c r="C1354" s="6" t="s">
        <v>185</v>
      </c>
      <c r="D1354" s="6" t="s">
        <v>337</v>
      </c>
      <c r="E1354" s="6" t="s">
        <v>331</v>
      </c>
      <c r="F1354" s="11">
        <v>-1258</v>
      </c>
      <c r="G1354" s="13">
        <v>-3.4527240290899999E-2</v>
      </c>
      <c r="H1354" s="11">
        <v>2793.6159925999964</v>
      </c>
      <c r="I1354" s="13">
        <v>7.6673181790281764E-2</v>
      </c>
      <c r="J1354" s="11">
        <v>-3580.9052473999982</v>
      </c>
      <c r="K1354" s="13">
        <v>-9.1282118696663028E-2</v>
      </c>
      <c r="L1354" s="11">
        <v>-470.81219640000199</v>
      </c>
      <c r="M1354" s="13">
        <v>-1.3207223063821097E-2</v>
      </c>
      <c r="N1354" s="11">
        <v>-4051.7174438000002</v>
      </c>
      <c r="O1354" s="13">
        <v>-0.1032837584571191</v>
      </c>
      <c r="P1354" s="7">
        <v>36435.373195300002</v>
      </c>
      <c r="Q1354" s="7">
        <v>37935.149442100002</v>
      </c>
      <c r="R1354" s="7">
        <v>38745.528011100003</v>
      </c>
      <c r="S1354" s="7">
        <v>39086.191915900003</v>
      </c>
      <c r="T1354" s="7">
        <v>39810.578824900003</v>
      </c>
      <c r="U1354" s="7">
        <v>39159.120227200001</v>
      </c>
      <c r="V1354" s="7">
        <v>39228.989187899999</v>
      </c>
      <c r="W1354" s="7">
        <v>38963.274719499997</v>
      </c>
      <c r="X1354" s="7">
        <v>37002.648741700003</v>
      </c>
      <c r="Y1354" s="7">
        <v>35648.083940500001</v>
      </c>
      <c r="Z1354" s="7">
        <v>34382.317530400003</v>
      </c>
      <c r="AA1354" s="7">
        <v>34224.399544100001</v>
      </c>
      <c r="AB1354" s="7">
        <v>33564.3318487</v>
      </c>
      <c r="AC1354" s="7">
        <v>34653.982159200001</v>
      </c>
      <c r="AD1354" s="7">
        <v>35047.942544099998</v>
      </c>
      <c r="AE1354" s="7">
        <v>35244.677105100003</v>
      </c>
      <c r="AF1354" s="7">
        <v>35177.271744099999</v>
      </c>
      <c r="AG1354" s="9">
        <v>16633.519218199999</v>
      </c>
      <c r="AH1354" s="13">
        <v>0.50898587789670846</v>
      </c>
      <c r="AI1354" s="9">
        <v>5368.134128200003</v>
      </c>
      <c r="AJ1354" s="13">
        <v>0.164264965583443</v>
      </c>
      <c r="AK1354" s="9">
        <v>1958.6069308000006</v>
      </c>
      <c r="AL1354" s="13">
        <v>5.1477452474781429E-2</v>
      </c>
      <c r="AM1354" s="9">
        <v>9306.7781591999956</v>
      </c>
      <c r="AN1354" s="13">
        <v>0.23263184070542467</v>
      </c>
      <c r="AO1354" s="9">
        <v>11265.385089999996</v>
      </c>
      <c r="AP1354" s="13">
        <v>0.29608458770424051</v>
      </c>
      <c r="AQ1354" s="9">
        <v>32679.726374599999</v>
      </c>
      <c r="AR1354" s="9">
        <v>34372.471552199997</v>
      </c>
      <c r="AS1354" s="9">
        <v>34232.547725199998</v>
      </c>
      <c r="AT1354" s="9">
        <v>35473.876302500001</v>
      </c>
      <c r="AU1354" s="9">
        <v>36111.792258399997</v>
      </c>
      <c r="AV1354" s="9">
        <v>36568.585116000002</v>
      </c>
      <c r="AW1354" s="9">
        <v>38047.860502800002</v>
      </c>
      <c r="AX1354" s="9">
        <v>38507.843507700003</v>
      </c>
      <c r="AY1354" s="9">
        <v>39698.102970799999</v>
      </c>
      <c r="AZ1354" s="9">
        <v>40006.467433600003</v>
      </c>
      <c r="BA1354" s="9">
        <v>40654.178181800002</v>
      </c>
      <c r="BB1354" s="9">
        <v>43503.339280200002</v>
      </c>
      <c r="BC1354" s="9">
        <v>44303.880209199997</v>
      </c>
      <c r="BD1354" s="9">
        <v>45518.9759156</v>
      </c>
      <c r="BE1354" s="9">
        <v>48957.938590600002</v>
      </c>
      <c r="BF1354" s="9">
        <v>49313.245592799998</v>
      </c>
      <c r="BG1354" s="11">
        <v>-208</v>
      </c>
      <c r="BH1354" s="13">
        <v>-4.4721565254783914E-2</v>
      </c>
      <c r="BI1354" s="6">
        <v>86</v>
      </c>
      <c r="BJ1354" s="13">
        <v>1.8490647172651042E-2</v>
      </c>
      <c r="BK1354" s="6">
        <v>-371</v>
      </c>
      <c r="BL1354" s="13">
        <v>-7.831961156850327E-2</v>
      </c>
      <c r="BM1354" s="11">
        <v>77</v>
      </c>
      <c r="BN1354" s="13">
        <v>1.7636280348144753E-2</v>
      </c>
      <c r="BO1354" s="11">
        <v>-294</v>
      </c>
      <c r="BP1354" s="13">
        <v>-6.2064597846738442E-2</v>
      </c>
      <c r="BQ1354" s="6">
        <v>4651</v>
      </c>
      <c r="BR1354" s="6">
        <v>4658</v>
      </c>
      <c r="BS1354" s="6">
        <v>4718</v>
      </c>
      <c r="BT1354" s="6">
        <v>4737</v>
      </c>
      <c r="BU1354" s="6">
        <v>4597</v>
      </c>
      <c r="BV1354" s="6">
        <v>4517</v>
      </c>
      <c r="BW1354" s="6">
        <v>4366</v>
      </c>
      <c r="BX1354" s="6">
        <v>4267</v>
      </c>
      <c r="BY1354" s="6">
        <v>4271</v>
      </c>
      <c r="BZ1354" s="6">
        <v>4310</v>
      </c>
      <c r="CA1354" s="6">
        <v>4368</v>
      </c>
      <c r="CB1354" s="6">
        <v>4406</v>
      </c>
      <c r="CC1354" s="11">
        <v>4443</v>
      </c>
      <c r="CD1354" s="11">
        <v>-3392.89</v>
      </c>
      <c r="CE1354" s="11">
        <v>-1848.04</v>
      </c>
      <c r="CF1354" s="11">
        <v>3982.83</v>
      </c>
      <c r="CG1354" s="11">
        <v>2135</v>
      </c>
      <c r="CH1354" s="20">
        <v>0.98059600000000002</v>
      </c>
      <c r="CI1354" s="20">
        <v>1.01831</v>
      </c>
      <c r="CJ1354" s="20">
        <v>1.01972</v>
      </c>
      <c r="CK1354" s="20">
        <v>1.0131300000000001</v>
      </c>
      <c r="CL1354" s="20">
        <v>1.0017400000000001</v>
      </c>
      <c r="CM1354" s="20">
        <v>0.97798300000000005</v>
      </c>
      <c r="CN1354" s="20">
        <v>0.99193299999999995</v>
      </c>
      <c r="CO1354" s="20">
        <v>1.0106900000000001</v>
      </c>
      <c r="CP1354" s="20">
        <v>1.0156799999999999</v>
      </c>
      <c r="CQ1354" s="20">
        <v>1.0264599999999999</v>
      </c>
      <c r="CR1354" s="20">
        <v>1.0051300000000001</v>
      </c>
      <c r="CS1354" s="20">
        <v>0.99184799999999995</v>
      </c>
      <c r="CT1354" s="20">
        <v>0.96446600000000005</v>
      </c>
      <c r="CU1354" s="20">
        <v>0.97766200000000003</v>
      </c>
      <c r="CV1354" s="20">
        <v>0.96572800000000003</v>
      </c>
      <c r="CW1354" s="20">
        <v>0.96350499999999994</v>
      </c>
      <c r="CX1354" s="20">
        <v>0.95708899999999997</v>
      </c>
      <c r="CY1354" s="6"/>
      <c r="CZ1354" s="6"/>
      <c r="DA1354" s="6"/>
      <c r="DB1354" s="6"/>
      <c r="DC1354" s="6"/>
      <c r="DD1354" s="6"/>
      <c r="DE1354" s="6"/>
      <c r="DF1354" s="6"/>
      <c r="DG1354" s="6"/>
      <c r="DH1354" s="6"/>
      <c r="DI1354" s="6"/>
      <c r="DJ1354" s="6"/>
      <c r="DK1354" s="6"/>
      <c r="DL1354" s="6"/>
      <c r="DM1354" s="6"/>
      <c r="DN1354" s="6"/>
      <c r="DO1354" s="6"/>
      <c r="DP1354" s="6"/>
      <c r="DQ1354" s="6"/>
    </row>
    <row r="1355" spans="1:121" x14ac:dyDescent="0.2">
      <c r="A1355" s="6" t="s">
        <v>317</v>
      </c>
      <c r="B1355" s="6" t="s">
        <v>317</v>
      </c>
      <c r="C1355" s="6" t="s">
        <v>186</v>
      </c>
      <c r="D1355" s="6" t="s">
        <v>337</v>
      </c>
      <c r="E1355" s="6" t="s">
        <v>331</v>
      </c>
      <c r="F1355" s="11">
        <v>28955</v>
      </c>
      <c r="G1355" s="13">
        <v>0.255680062165</v>
      </c>
      <c r="H1355" s="11">
        <v>8487.6810779999942</v>
      </c>
      <c r="I1355" s="13">
        <v>7.4948644083298502E-2</v>
      </c>
      <c r="J1355" s="11">
        <v>-6714.5400479999953</v>
      </c>
      <c r="K1355" s="13">
        <v>-5.5157335677377455E-2</v>
      </c>
      <c r="L1355" s="11">
        <v>27181.848937999996</v>
      </c>
      <c r="M1355" s="13">
        <v>0.23632328252024087</v>
      </c>
      <c r="N1355" s="11">
        <v>20467.30889</v>
      </c>
      <c r="O1355" s="13">
        <v>0.16813098422051478</v>
      </c>
      <c r="P1355" s="7">
        <v>113246.626164</v>
      </c>
      <c r="Q1355" s="7">
        <v>110997.593121</v>
      </c>
      <c r="R1355" s="7">
        <v>110892.37390000001</v>
      </c>
      <c r="S1355" s="7">
        <v>111677.096745</v>
      </c>
      <c r="T1355" s="7">
        <v>116319.464098</v>
      </c>
      <c r="U1355" s="7">
        <v>119616.358997</v>
      </c>
      <c r="V1355" s="7">
        <v>121734.307242</v>
      </c>
      <c r="W1355" s="7">
        <v>123313.808519</v>
      </c>
      <c r="X1355" s="7">
        <v>117898.733389</v>
      </c>
      <c r="Y1355" s="7">
        <v>115019.767194</v>
      </c>
      <c r="Z1355" s="7">
        <v>117299.77832500001</v>
      </c>
      <c r="AA1355" s="7">
        <v>122019.595829</v>
      </c>
      <c r="AB1355" s="7">
        <v>123453.815227</v>
      </c>
      <c r="AC1355" s="7">
        <v>126383.628541</v>
      </c>
      <c r="AD1355" s="7">
        <v>134342.76190099999</v>
      </c>
      <c r="AE1355" s="7">
        <v>139129.578637</v>
      </c>
      <c r="AF1355" s="7">
        <v>142201.616132</v>
      </c>
      <c r="AG1355" s="9">
        <v>26055.415790899999</v>
      </c>
      <c r="AH1355" s="13">
        <v>0.43873862699550087</v>
      </c>
      <c r="AI1355" s="9">
        <v>14241.230364700001</v>
      </c>
      <c r="AJ1355" s="13">
        <v>0.23980342156417728</v>
      </c>
      <c r="AK1355" s="9">
        <v>3002.407927399996</v>
      </c>
      <c r="AL1355" s="13">
        <v>4.0777888246998829E-2</v>
      </c>
      <c r="AM1355" s="9">
        <v>8811.7774988000019</v>
      </c>
      <c r="AN1355" s="13">
        <v>0.11499011249624312</v>
      </c>
      <c r="AO1355" s="9">
        <v>11814.185426199998</v>
      </c>
      <c r="AP1355" s="13">
        <v>0.16045705470012361</v>
      </c>
      <c r="AQ1355" s="9">
        <v>59387.102451699997</v>
      </c>
      <c r="AR1355" s="9">
        <v>60489.914267200002</v>
      </c>
      <c r="AS1355" s="9">
        <v>62484.410069799997</v>
      </c>
      <c r="AT1355" s="9">
        <v>64193.016331300001</v>
      </c>
      <c r="AU1355" s="9">
        <v>66872.499887600003</v>
      </c>
      <c r="AV1355" s="9">
        <v>70416.646551500002</v>
      </c>
      <c r="AW1355" s="9">
        <v>73628.332816399998</v>
      </c>
      <c r="AX1355" s="9">
        <v>76839.744798300002</v>
      </c>
      <c r="AY1355" s="9">
        <v>77634.209476300006</v>
      </c>
      <c r="AZ1355" s="9">
        <v>76630.740743799994</v>
      </c>
      <c r="BA1355" s="9">
        <v>77003.394756399997</v>
      </c>
      <c r="BB1355" s="9">
        <v>79322.370762999999</v>
      </c>
      <c r="BC1355" s="9">
        <v>79372.522826200002</v>
      </c>
      <c r="BD1355" s="9">
        <v>80257.324715499999</v>
      </c>
      <c r="BE1355" s="9">
        <v>85108.502870800003</v>
      </c>
      <c r="BF1355" s="9">
        <v>85442.518242599996</v>
      </c>
      <c r="BG1355" s="11">
        <v>1677</v>
      </c>
      <c r="BH1355" s="13">
        <v>0.15915345923887256</v>
      </c>
      <c r="BI1355" s="6">
        <v>730</v>
      </c>
      <c r="BJ1355" s="13">
        <v>6.9279681123659481E-2</v>
      </c>
      <c r="BK1355" s="6">
        <v>-207</v>
      </c>
      <c r="BL1355" s="13">
        <v>-1.8372237507766044E-2</v>
      </c>
      <c r="BM1355" s="11">
        <v>1154</v>
      </c>
      <c r="BN1355" s="13">
        <v>0.10433996383363472</v>
      </c>
      <c r="BO1355" s="11">
        <v>947</v>
      </c>
      <c r="BP1355" s="13">
        <v>8.4050767728765421E-2</v>
      </c>
      <c r="BQ1355" s="6">
        <v>10537</v>
      </c>
      <c r="BR1355" s="6">
        <v>10835</v>
      </c>
      <c r="BS1355" s="6">
        <v>11096</v>
      </c>
      <c r="BT1355" s="6">
        <v>11267</v>
      </c>
      <c r="BU1355" s="6">
        <v>11371</v>
      </c>
      <c r="BV1355" s="6">
        <v>11256</v>
      </c>
      <c r="BW1355" s="6">
        <v>11060</v>
      </c>
      <c r="BX1355" s="6">
        <v>10953</v>
      </c>
      <c r="BY1355" s="6">
        <v>11121</v>
      </c>
      <c r="BZ1355" s="6">
        <v>11384</v>
      </c>
      <c r="CA1355" s="6">
        <v>11411</v>
      </c>
      <c r="CB1355" s="6">
        <v>12186</v>
      </c>
      <c r="CC1355" s="11">
        <v>12214</v>
      </c>
      <c r="CD1355" s="11">
        <v>-6085.1</v>
      </c>
      <c r="CE1355" s="11">
        <v>22660.9</v>
      </c>
      <c r="CF1355" s="11">
        <v>12379.2</v>
      </c>
      <c r="CG1355" s="11">
        <v>35040</v>
      </c>
      <c r="CH1355" s="20">
        <v>0.95788499999999999</v>
      </c>
      <c r="CI1355" s="20">
        <v>0.96032399999999996</v>
      </c>
      <c r="CJ1355" s="20">
        <v>0.95925400000000005</v>
      </c>
      <c r="CK1355" s="20">
        <v>0.95909100000000003</v>
      </c>
      <c r="CL1355" s="20">
        <v>0.96430000000000005</v>
      </c>
      <c r="CM1355" s="20">
        <v>0.957372</v>
      </c>
      <c r="CN1355" s="20">
        <v>0.95002500000000001</v>
      </c>
      <c r="CO1355" s="20">
        <v>0.943963</v>
      </c>
      <c r="CP1355" s="20">
        <v>0.93373399999999995</v>
      </c>
      <c r="CQ1355" s="20">
        <v>0.92161599999999999</v>
      </c>
      <c r="CR1355" s="20">
        <v>0.92273400000000005</v>
      </c>
      <c r="CS1355" s="20">
        <v>0.93581599999999998</v>
      </c>
      <c r="CT1355" s="20">
        <v>0.92964599999999997</v>
      </c>
      <c r="CU1355" s="20">
        <v>0.93413000000000002</v>
      </c>
      <c r="CV1355" s="20">
        <v>0.96235000000000004</v>
      </c>
      <c r="CW1355" s="20">
        <v>0.97914000000000001</v>
      </c>
      <c r="CX1355" s="20">
        <v>0.98303099999999999</v>
      </c>
      <c r="CY1355" s="6"/>
      <c r="CZ1355" s="6"/>
      <c r="DA1355" s="6"/>
      <c r="DB1355" s="6"/>
      <c r="DC1355" s="6"/>
      <c r="DD1355" s="6"/>
      <c r="DE1355" s="6"/>
      <c r="DF1355" s="6"/>
      <c r="DG1355" s="6"/>
      <c r="DH1355" s="6"/>
      <c r="DI1355" s="6"/>
      <c r="DJ1355" s="6"/>
      <c r="DK1355" s="6"/>
      <c r="DL1355" s="6"/>
      <c r="DM1355" s="6"/>
      <c r="DN1355" s="6"/>
      <c r="DO1355" s="6"/>
      <c r="DP1355" s="6"/>
      <c r="DQ1355" s="6"/>
    </row>
    <row r="1356" spans="1:121" x14ac:dyDescent="0.2">
      <c r="A1356" s="6" t="s">
        <v>318</v>
      </c>
      <c r="B1356" s="6" t="s">
        <v>318</v>
      </c>
      <c r="C1356" s="6" t="s">
        <v>187</v>
      </c>
      <c r="D1356" s="6" t="s">
        <v>337</v>
      </c>
      <c r="E1356" s="6" t="s">
        <v>331</v>
      </c>
      <c r="F1356" s="11">
        <v>-6894</v>
      </c>
      <c r="G1356" s="13">
        <v>-0.10304932735400001</v>
      </c>
      <c r="H1356" s="11">
        <v>-5912.2402080000029</v>
      </c>
      <c r="I1356" s="13">
        <v>-8.8374809605963126E-2</v>
      </c>
      <c r="J1356" s="11">
        <v>-7421.4468520000009</v>
      </c>
      <c r="K1356" s="13">
        <v>-0.12168826101406092</v>
      </c>
      <c r="L1356" s="11">
        <v>6440.160068600002</v>
      </c>
      <c r="M1356" s="13">
        <v>0.12022867964326184</v>
      </c>
      <c r="N1356" s="11">
        <v>-981.28678339999897</v>
      </c>
      <c r="O1356" s="13">
        <v>-1.6090000320604238E-2</v>
      </c>
      <c r="P1356" s="7">
        <v>66899.608999000004</v>
      </c>
      <c r="Q1356" s="7">
        <v>63150.022353</v>
      </c>
      <c r="R1356" s="7">
        <v>61019.521845000003</v>
      </c>
      <c r="S1356" s="7">
        <v>58868.210212999998</v>
      </c>
      <c r="T1356" s="7">
        <v>62830.706379000003</v>
      </c>
      <c r="U1356" s="7">
        <v>62809.219111999999</v>
      </c>
      <c r="V1356" s="7">
        <v>60987.368791000001</v>
      </c>
      <c r="W1356" s="7">
        <v>60380.318127999999</v>
      </c>
      <c r="X1356" s="7">
        <v>54017.090959000001</v>
      </c>
      <c r="Y1356" s="7">
        <v>53565.921939</v>
      </c>
      <c r="Z1356" s="7">
        <v>54997.116090000003</v>
      </c>
      <c r="AA1356" s="7">
        <v>55976.425066999996</v>
      </c>
      <c r="AB1356" s="7">
        <v>58580.622670999997</v>
      </c>
      <c r="AC1356" s="7">
        <v>60879.110886000002</v>
      </c>
      <c r="AD1356" s="7">
        <v>60439.423132999997</v>
      </c>
      <c r="AE1356" s="7">
        <v>60103.462640700003</v>
      </c>
      <c r="AF1356" s="7">
        <v>60006.082007600002</v>
      </c>
      <c r="AG1356" s="9">
        <v>38999.937189699995</v>
      </c>
      <c r="AH1356" s="13">
        <v>0.48830782310016085</v>
      </c>
      <c r="AI1356" s="9">
        <v>21331.124689699995</v>
      </c>
      <c r="AJ1356" s="13">
        <v>0.26708132915292071</v>
      </c>
      <c r="AK1356" s="9">
        <v>6345.4796709999937</v>
      </c>
      <c r="AL1356" s="13">
        <v>6.2703205039381552E-2</v>
      </c>
      <c r="AM1356" s="9">
        <v>11323.332829000006</v>
      </c>
      <c r="AN1356" s="13">
        <v>0.10529010661430496</v>
      </c>
      <c r="AO1356" s="9">
        <v>17668.8125</v>
      </c>
      <c r="AP1356" s="13">
        <v>0.17459533879734165</v>
      </c>
      <c r="AQ1356" s="9">
        <v>79867.524837300007</v>
      </c>
      <c r="AR1356" s="9">
        <v>82002.142859800006</v>
      </c>
      <c r="AS1356" s="9">
        <v>83948.313292899998</v>
      </c>
      <c r="AT1356" s="9">
        <v>90730.633299099994</v>
      </c>
      <c r="AU1356" s="9">
        <v>94665.823927599995</v>
      </c>
      <c r="AV1356" s="9">
        <v>96374.661413399997</v>
      </c>
      <c r="AW1356" s="9">
        <v>101198.649527</v>
      </c>
      <c r="AX1356" s="9">
        <v>122028.229596</v>
      </c>
      <c r="AY1356" s="9">
        <v>95844.270465099995</v>
      </c>
      <c r="AZ1356" s="9">
        <v>107544.129198</v>
      </c>
      <c r="BA1356" s="9">
        <v>107729.718016</v>
      </c>
      <c r="BB1356" s="9">
        <v>114205.18565499999</v>
      </c>
      <c r="BC1356" s="9">
        <v>118221.305055</v>
      </c>
      <c r="BD1356" s="9">
        <v>121219.011562</v>
      </c>
      <c r="BE1356" s="9">
        <v>118274.300671</v>
      </c>
      <c r="BF1356" s="9">
        <v>118867.462027</v>
      </c>
      <c r="BG1356" s="11">
        <v>-30.25</v>
      </c>
      <c r="BH1356" s="13">
        <v>-2.7777777777777776E-2</v>
      </c>
      <c r="BI1356" s="6">
        <v>26</v>
      </c>
      <c r="BJ1356" s="13">
        <v>2.3875114784205693E-2</v>
      </c>
      <c r="BK1356" s="6">
        <v>-69</v>
      </c>
      <c r="BL1356" s="13">
        <v>-6.1883408071748879E-2</v>
      </c>
      <c r="BM1356" s="11">
        <v>12.75</v>
      </c>
      <c r="BN1356" s="13">
        <v>1.2189292543021032E-2</v>
      </c>
      <c r="BO1356" s="11">
        <v>-56.25</v>
      </c>
      <c r="BP1356" s="13">
        <v>-5.0448430493273543E-2</v>
      </c>
      <c r="BQ1356" s="6">
        <v>1089</v>
      </c>
      <c r="BR1356" s="6">
        <v>1125</v>
      </c>
      <c r="BS1356" s="6">
        <v>1113</v>
      </c>
      <c r="BT1356" s="6">
        <v>1115</v>
      </c>
      <c r="BU1356" s="6">
        <v>1095</v>
      </c>
      <c r="BV1356" s="6">
        <v>1056</v>
      </c>
      <c r="BW1356" s="6">
        <v>1046</v>
      </c>
      <c r="BX1356" s="6">
        <v>1052</v>
      </c>
      <c r="BY1356" s="6">
        <v>1072</v>
      </c>
      <c r="BZ1356" s="6">
        <v>1061</v>
      </c>
      <c r="CA1356" s="6">
        <v>1090</v>
      </c>
      <c r="CB1356" s="6">
        <v>1082</v>
      </c>
      <c r="CC1356" s="11">
        <v>1058.75</v>
      </c>
      <c r="CD1356" s="11">
        <v>-28530.2</v>
      </c>
      <c r="CE1356" s="11">
        <v>14323.7</v>
      </c>
      <c r="CF1356" s="11">
        <v>7312.93</v>
      </c>
      <c r="CG1356" s="11">
        <v>21637</v>
      </c>
      <c r="CH1356" s="20">
        <v>2.60385</v>
      </c>
      <c r="CI1356" s="20">
        <v>2.4940099999999998</v>
      </c>
      <c r="CJ1356" s="20">
        <v>2.4688500000000002</v>
      </c>
      <c r="CK1356" s="20">
        <v>2.3615300000000001</v>
      </c>
      <c r="CL1356" s="20">
        <v>2.46713</v>
      </c>
      <c r="CM1356" s="20">
        <v>2.42395</v>
      </c>
      <c r="CN1356" s="20">
        <v>2.2947500000000001</v>
      </c>
      <c r="CO1356" s="20">
        <v>2.1991200000000002</v>
      </c>
      <c r="CP1356" s="20">
        <v>2.0054400000000001</v>
      </c>
      <c r="CQ1356" s="20">
        <v>1.99946</v>
      </c>
      <c r="CR1356" s="20">
        <v>2.0021300000000002</v>
      </c>
      <c r="CS1356" s="20">
        <v>1.9535199999999999</v>
      </c>
      <c r="CT1356" s="20">
        <v>1.97387</v>
      </c>
      <c r="CU1356" s="20">
        <v>2.0045600000000001</v>
      </c>
      <c r="CV1356" s="20">
        <v>1.94902</v>
      </c>
      <c r="CW1356" s="20">
        <v>1.9187399999999999</v>
      </c>
      <c r="CX1356" s="20">
        <v>1.8886000000000001</v>
      </c>
      <c r="CY1356" s="6"/>
      <c r="CZ1356" s="6"/>
      <c r="DA1356" s="6"/>
      <c r="DB1356" s="6"/>
      <c r="DC1356" s="6"/>
      <c r="DD1356" s="6"/>
      <c r="DE1356" s="6"/>
      <c r="DF1356" s="6"/>
      <c r="DG1356" s="6"/>
      <c r="DH1356" s="6"/>
      <c r="DI1356" s="6"/>
      <c r="DJ1356" s="6"/>
      <c r="DK1356" s="6"/>
      <c r="DL1356" s="6"/>
      <c r="DM1356" s="6"/>
      <c r="DN1356" s="6"/>
      <c r="DO1356" s="6"/>
      <c r="DP1356" s="6"/>
      <c r="DQ1356" s="6"/>
    </row>
    <row r="1357" spans="1:121" x14ac:dyDescent="0.2">
      <c r="A1357" s="6" t="s">
        <v>319</v>
      </c>
      <c r="B1357" s="6" t="s">
        <v>319</v>
      </c>
      <c r="C1357" s="6" t="s">
        <v>188</v>
      </c>
      <c r="D1357" s="6" t="s">
        <v>337</v>
      </c>
      <c r="E1357" s="6" t="s">
        <v>331</v>
      </c>
      <c r="F1357" s="11">
        <v>14345</v>
      </c>
      <c r="G1357" s="13">
        <v>0.125030505875</v>
      </c>
      <c r="H1357" s="11">
        <v>3577.9973440000031</v>
      </c>
      <c r="I1357" s="13">
        <v>3.1185699546499305E-2</v>
      </c>
      <c r="J1357" s="11">
        <v>-4995.5451109999995</v>
      </c>
      <c r="K1357" s="13">
        <v>-4.2224204873449085E-2</v>
      </c>
      <c r="L1357" s="11">
        <v>15762.698198999991</v>
      </c>
      <c r="M1357" s="13">
        <v>0.13910581914991479</v>
      </c>
      <c r="N1357" s="11">
        <v>10767.153087999992</v>
      </c>
      <c r="O1357" s="13">
        <v>9.1007981669590746E-2</v>
      </c>
      <c r="P1357" s="7">
        <v>114731.989214</v>
      </c>
      <c r="Q1357" s="7">
        <v>109031.051288</v>
      </c>
      <c r="R1357" s="7">
        <v>107085.467504</v>
      </c>
      <c r="S1357" s="7">
        <v>105743.305417</v>
      </c>
      <c r="T1357" s="7">
        <v>109868.232452</v>
      </c>
      <c r="U1357" s="7">
        <v>113928.509693</v>
      </c>
      <c r="V1357" s="7">
        <v>118309.986558</v>
      </c>
      <c r="W1357" s="7">
        <v>121028.309633</v>
      </c>
      <c r="X1357" s="7">
        <v>110080.16156199999</v>
      </c>
      <c r="Y1357" s="7">
        <v>113314.441447</v>
      </c>
      <c r="Z1357" s="7">
        <v>117371.06782</v>
      </c>
      <c r="AA1357" s="7">
        <v>117443.132732</v>
      </c>
      <c r="AB1357" s="7">
        <v>119440.32666599999</v>
      </c>
      <c r="AC1357" s="7">
        <v>122486.749089</v>
      </c>
      <c r="AD1357" s="7">
        <v>127143.49505100001</v>
      </c>
      <c r="AE1357" s="7">
        <v>126908.859942</v>
      </c>
      <c r="AF1357" s="7">
        <v>129077.139646</v>
      </c>
      <c r="AG1357" s="9">
        <v>13919.536930099999</v>
      </c>
      <c r="AH1357" s="13">
        <v>0.54678516948152156</v>
      </c>
      <c r="AI1357" s="9">
        <v>5040.4355778999998</v>
      </c>
      <c r="AJ1357" s="13">
        <v>0.19799763710264051</v>
      </c>
      <c r="AK1357" s="9">
        <v>3514.4671292999992</v>
      </c>
      <c r="AL1357" s="13">
        <v>0.11523793393043494</v>
      </c>
      <c r="AM1357" s="9">
        <v>5364.6342229000002</v>
      </c>
      <c r="AN1357" s="13">
        <v>0.15772791419155874</v>
      </c>
      <c r="AO1357" s="9">
        <v>8879.1013521999994</v>
      </c>
      <c r="AP1357" s="13">
        <v>0.29114208707658584</v>
      </c>
      <c r="AQ1357" s="9">
        <v>25457.049142899999</v>
      </c>
      <c r="AR1357" s="9">
        <v>26395.0386115</v>
      </c>
      <c r="AS1357" s="9">
        <v>27051.046258999999</v>
      </c>
      <c r="AT1357" s="9">
        <v>28315.998312399999</v>
      </c>
      <c r="AU1357" s="9">
        <v>29077.7708733</v>
      </c>
      <c r="AV1357" s="9">
        <v>29231.117907100001</v>
      </c>
      <c r="AW1357" s="9">
        <v>30497.484720799999</v>
      </c>
      <c r="AX1357" s="9">
        <v>32249.324121900001</v>
      </c>
      <c r="AY1357" s="9">
        <v>33215.661295799997</v>
      </c>
      <c r="AZ1357" s="9">
        <v>34011.951850099998</v>
      </c>
      <c r="BA1357" s="9">
        <v>35030.805364699998</v>
      </c>
      <c r="BB1357" s="9">
        <v>35310.6254357</v>
      </c>
      <c r="BC1357" s="9">
        <v>36018.711301299998</v>
      </c>
      <c r="BD1357" s="9">
        <v>37066.990803100001</v>
      </c>
      <c r="BE1357" s="9">
        <v>38205.5051093</v>
      </c>
      <c r="BF1357" s="9">
        <v>39376.586072999999</v>
      </c>
      <c r="BG1357" s="11">
        <v>981.5</v>
      </c>
      <c r="BH1357" s="13">
        <v>0.1727384723688842</v>
      </c>
      <c r="BI1357" s="6">
        <v>338</v>
      </c>
      <c r="BJ1357" s="13">
        <v>5.9486096444913761E-2</v>
      </c>
      <c r="BK1357" s="6">
        <v>28</v>
      </c>
      <c r="BL1357" s="13">
        <v>4.6511627906976744E-3</v>
      </c>
      <c r="BM1357" s="11">
        <v>615.5</v>
      </c>
      <c r="BN1357" s="13">
        <v>0.1017691798941799</v>
      </c>
      <c r="BO1357" s="11">
        <v>643.5</v>
      </c>
      <c r="BP1357" s="13">
        <v>0.1068936877076412</v>
      </c>
      <c r="BQ1357" s="6">
        <v>5682</v>
      </c>
      <c r="BR1357" s="6">
        <v>5754</v>
      </c>
      <c r="BS1357" s="6">
        <v>5796</v>
      </c>
      <c r="BT1357" s="6">
        <v>6020</v>
      </c>
      <c r="BU1357" s="6">
        <v>6141</v>
      </c>
      <c r="BV1357" s="6">
        <v>6061</v>
      </c>
      <c r="BW1357" s="6">
        <v>6048</v>
      </c>
      <c r="BX1357" s="6">
        <v>6117</v>
      </c>
      <c r="BY1357" s="6">
        <v>6268</v>
      </c>
      <c r="BZ1357" s="6">
        <v>6390</v>
      </c>
      <c r="CA1357" s="6">
        <v>6475</v>
      </c>
      <c r="CB1357" s="6">
        <v>6722</v>
      </c>
      <c r="CC1357" s="11">
        <v>6663.5</v>
      </c>
      <c r="CD1357" s="11">
        <v>-8519.17</v>
      </c>
      <c r="CE1357" s="11">
        <v>10322.700000000001</v>
      </c>
      <c r="CF1357" s="11">
        <v>12541.6</v>
      </c>
      <c r="CG1357" s="11">
        <v>22865</v>
      </c>
      <c r="CH1357" s="20">
        <v>0.91036700000000004</v>
      </c>
      <c r="CI1357" s="20">
        <v>0.86927399999999999</v>
      </c>
      <c r="CJ1357" s="20">
        <v>0.85911899999999997</v>
      </c>
      <c r="CK1357" s="20">
        <v>0.83129500000000001</v>
      </c>
      <c r="CL1357" s="20">
        <v>0.83947700000000003</v>
      </c>
      <c r="CM1357" s="20">
        <v>0.85165599999999997</v>
      </c>
      <c r="CN1357" s="20">
        <v>0.88038700000000003</v>
      </c>
      <c r="CO1357" s="20">
        <v>0.939361</v>
      </c>
      <c r="CP1357" s="20">
        <v>0.93756899999999999</v>
      </c>
      <c r="CQ1357" s="20">
        <v>0.94319699999999995</v>
      </c>
      <c r="CR1357" s="20">
        <v>0.94759899999999997</v>
      </c>
      <c r="CS1357" s="20">
        <v>0.92065900000000001</v>
      </c>
      <c r="CT1357" s="20">
        <v>0.91431700000000005</v>
      </c>
      <c r="CU1357" s="20">
        <v>0.915103</v>
      </c>
      <c r="CV1357" s="20">
        <v>0.92776199999999998</v>
      </c>
      <c r="CW1357" s="20">
        <v>0.91262699999999997</v>
      </c>
      <c r="CX1357" s="20">
        <v>0.91392499999999999</v>
      </c>
      <c r="CY1357" s="6"/>
      <c r="CZ1357" s="6"/>
      <c r="DA1357" s="6"/>
      <c r="DB1357" s="6"/>
      <c r="DC1357" s="6"/>
      <c r="DD1357" s="6"/>
      <c r="DE1357" s="6"/>
      <c r="DF1357" s="6"/>
      <c r="DG1357" s="6"/>
      <c r="DH1357" s="6"/>
      <c r="DI1357" s="6"/>
      <c r="DJ1357" s="6"/>
      <c r="DK1357" s="6"/>
      <c r="DL1357" s="6"/>
      <c r="DM1357" s="6"/>
      <c r="DN1357" s="6"/>
      <c r="DO1357" s="6"/>
      <c r="DP1357" s="6"/>
      <c r="DQ1357" s="6"/>
    </row>
    <row r="1358" spans="1:121" x14ac:dyDescent="0.2">
      <c r="A1358" s="6" t="s">
        <v>320</v>
      </c>
      <c r="B1358" s="6" t="s">
        <v>320</v>
      </c>
      <c r="C1358" s="6" t="s">
        <v>189</v>
      </c>
      <c r="D1358" s="6" t="s">
        <v>337</v>
      </c>
      <c r="E1358" s="6" t="s">
        <v>331</v>
      </c>
      <c r="F1358" s="11">
        <v>6549</v>
      </c>
      <c r="G1358" s="13">
        <v>0.104706935695</v>
      </c>
      <c r="H1358" s="11">
        <v>536.62114320000546</v>
      </c>
      <c r="I1358" s="13">
        <v>8.5796559761547805E-3</v>
      </c>
      <c r="J1358" s="11">
        <v>4486.8914500000028</v>
      </c>
      <c r="K1358" s="13">
        <v>7.1127485046073996E-2</v>
      </c>
      <c r="L1358" s="11">
        <v>1525.2307569999975</v>
      </c>
      <c r="M1358" s="13">
        <v>2.2572844048649662E-2</v>
      </c>
      <c r="N1358" s="11">
        <v>6012.1222070000003</v>
      </c>
      <c r="O1358" s="13">
        <v>9.5305878722241347E-2</v>
      </c>
      <c r="P1358" s="7">
        <v>62545.764619399997</v>
      </c>
      <c r="Q1358" s="7">
        <v>66541.361733099999</v>
      </c>
      <c r="R1358" s="7">
        <v>68498.917700899998</v>
      </c>
      <c r="S1358" s="7">
        <v>68733.234740900007</v>
      </c>
      <c r="T1358" s="7">
        <v>69806.621673799993</v>
      </c>
      <c r="U1358" s="7">
        <v>68854.049129799998</v>
      </c>
      <c r="V1358" s="7">
        <v>63082.385762600003</v>
      </c>
      <c r="W1358" s="7">
        <v>63758.188607900003</v>
      </c>
      <c r="X1358" s="7">
        <v>65735.354444500001</v>
      </c>
      <c r="Y1358" s="7">
        <v>67569.277212600005</v>
      </c>
      <c r="Z1358" s="7">
        <v>70124.004000700006</v>
      </c>
      <c r="AA1358" s="7">
        <v>71713.788547200005</v>
      </c>
      <c r="AB1358" s="7">
        <v>70683.420503600006</v>
      </c>
      <c r="AC1358" s="7">
        <v>68569.673808499996</v>
      </c>
      <c r="AD1358" s="7">
        <v>68746.766411899996</v>
      </c>
      <c r="AE1358" s="7">
        <v>68866.457389300005</v>
      </c>
      <c r="AF1358" s="7">
        <v>69094.507969600003</v>
      </c>
      <c r="AG1358" s="9">
        <v>14147.177261799996</v>
      </c>
      <c r="AH1358" s="13">
        <v>0.40588734546757754</v>
      </c>
      <c r="AI1358" s="9">
        <v>8952.9791025000013</v>
      </c>
      <c r="AJ1358" s="13">
        <v>0.25686402698527194</v>
      </c>
      <c r="AK1358" s="9">
        <v>1059.9095234999986</v>
      </c>
      <c r="AL1358" s="13">
        <v>2.4194475637737845E-2</v>
      </c>
      <c r="AM1358" s="9">
        <v>4134.288635799996</v>
      </c>
      <c r="AN1358" s="13">
        <v>9.2143729117001125E-2</v>
      </c>
      <c r="AO1358" s="9">
        <v>5194.1981592999946</v>
      </c>
      <c r="AP1358" s="13">
        <v>0.11856757396403056</v>
      </c>
      <c r="AQ1358" s="9">
        <v>34854.935537600002</v>
      </c>
      <c r="AR1358" s="9">
        <v>35358.0912045</v>
      </c>
      <c r="AS1358" s="9">
        <v>36548.188962799999</v>
      </c>
      <c r="AT1358" s="9">
        <v>39015.177922299998</v>
      </c>
      <c r="AU1358" s="9">
        <v>40391.842072799998</v>
      </c>
      <c r="AV1358" s="9">
        <v>43878.491059100001</v>
      </c>
      <c r="AW1358" s="9">
        <v>43807.914640100003</v>
      </c>
      <c r="AX1358" s="9">
        <v>44215.714855899998</v>
      </c>
      <c r="AY1358" s="9">
        <v>46634.926338800004</v>
      </c>
      <c r="AZ1358" s="9">
        <v>44867.824163600002</v>
      </c>
      <c r="BA1358" s="9">
        <v>46648.253650600003</v>
      </c>
      <c r="BB1358" s="9">
        <v>46535.259470600002</v>
      </c>
      <c r="BC1358" s="9">
        <v>44629.348136799999</v>
      </c>
      <c r="BD1358" s="9">
        <v>47688.269870399999</v>
      </c>
      <c r="BE1358" s="9">
        <v>48527.168399499998</v>
      </c>
      <c r="BF1358" s="9">
        <v>49002.112799399998</v>
      </c>
      <c r="BG1358" s="11">
        <v>316.75</v>
      </c>
      <c r="BH1358" s="13">
        <v>0.33447729672650472</v>
      </c>
      <c r="BI1358" s="6">
        <v>100</v>
      </c>
      <c r="BJ1358" s="13">
        <v>0.10559662090813093</v>
      </c>
      <c r="BK1358" s="6">
        <v>35</v>
      </c>
      <c r="BL1358" s="13">
        <v>3.3428844317096466E-2</v>
      </c>
      <c r="BM1358" s="11">
        <v>181.75</v>
      </c>
      <c r="BN1358" s="13">
        <v>0.16797597042513862</v>
      </c>
      <c r="BO1358" s="11">
        <v>216.75</v>
      </c>
      <c r="BP1358" s="13">
        <v>0.20702005730659026</v>
      </c>
      <c r="BQ1358" s="6">
        <v>947</v>
      </c>
      <c r="BR1358" s="6">
        <v>978</v>
      </c>
      <c r="BS1358" s="6">
        <v>1009</v>
      </c>
      <c r="BT1358" s="6">
        <v>1047</v>
      </c>
      <c r="BU1358" s="6">
        <v>1072</v>
      </c>
      <c r="BV1358" s="6">
        <v>1072</v>
      </c>
      <c r="BW1358" s="6">
        <v>1082</v>
      </c>
      <c r="BX1358" s="6">
        <v>1101</v>
      </c>
      <c r="BY1358" s="6">
        <v>1165</v>
      </c>
      <c r="BZ1358" s="6">
        <v>1190</v>
      </c>
      <c r="CA1358" s="6">
        <v>1219</v>
      </c>
      <c r="CB1358" s="6">
        <v>1268</v>
      </c>
      <c r="CC1358" s="11">
        <v>1263.75</v>
      </c>
      <c r="CD1358" s="11">
        <v>-22936.400000000001</v>
      </c>
      <c r="CE1358" s="11">
        <v>22648.1</v>
      </c>
      <c r="CF1358" s="11">
        <v>6837.01</v>
      </c>
      <c r="CG1358" s="11">
        <v>29485</v>
      </c>
      <c r="CH1358" s="20">
        <v>1.48753</v>
      </c>
      <c r="CI1358" s="20">
        <v>1.5195700000000001</v>
      </c>
      <c r="CJ1358" s="20">
        <v>1.5286599999999999</v>
      </c>
      <c r="CK1358" s="20">
        <v>1.4973099999999999</v>
      </c>
      <c r="CL1358" s="20">
        <v>1.5111000000000001</v>
      </c>
      <c r="CM1358" s="20">
        <v>1.4653700000000001</v>
      </c>
      <c r="CN1358" s="20">
        <v>1.31558</v>
      </c>
      <c r="CO1358" s="20">
        <v>1.2889999999999999</v>
      </c>
      <c r="CP1358" s="20">
        <v>1.2910900000000001</v>
      </c>
      <c r="CQ1358" s="20">
        <v>1.3067</v>
      </c>
      <c r="CR1358" s="20">
        <v>1.32498</v>
      </c>
      <c r="CS1358" s="20">
        <v>1.3283799999999999</v>
      </c>
      <c r="CT1358" s="20">
        <v>1.2952399999999999</v>
      </c>
      <c r="CU1358" s="20">
        <v>1.2410000000000001</v>
      </c>
      <c r="CV1358" s="20">
        <v>1.2283599999999999</v>
      </c>
      <c r="CW1358" s="20">
        <v>1.21424</v>
      </c>
      <c r="CX1358" s="20">
        <v>1.1951700000000001</v>
      </c>
      <c r="CY1358" s="6"/>
      <c r="CZ1358" s="6"/>
      <c r="DA1358" s="6"/>
      <c r="DB1358" s="6"/>
      <c r="DC1358" s="6"/>
      <c r="DD1358" s="6"/>
      <c r="DE1358" s="6"/>
      <c r="DF1358" s="6"/>
      <c r="DG1358" s="6"/>
      <c r="DH1358" s="6"/>
      <c r="DI1358" s="6"/>
      <c r="DJ1358" s="6"/>
      <c r="DK1358" s="6"/>
      <c r="DL1358" s="6"/>
      <c r="DM1358" s="6"/>
      <c r="DN1358" s="6"/>
      <c r="DO1358" s="6"/>
      <c r="DP1358" s="6"/>
      <c r="DQ1358" s="6"/>
    </row>
    <row r="1359" spans="1:121" x14ac:dyDescent="0.2">
      <c r="A1359" s="6" t="s">
        <v>321</v>
      </c>
      <c r="B1359" s="6" t="s">
        <v>321</v>
      </c>
      <c r="C1359" s="6" t="s">
        <v>190</v>
      </c>
      <c r="D1359" s="6" t="s">
        <v>337</v>
      </c>
      <c r="E1359" s="6" t="s">
        <v>331</v>
      </c>
      <c r="F1359" s="11">
        <v>98760</v>
      </c>
      <c r="G1359" s="13">
        <v>0.43619018174599999</v>
      </c>
      <c r="H1359" s="11">
        <v>27530.303607999987</v>
      </c>
      <c r="I1359" s="13">
        <v>0.12159220026565661</v>
      </c>
      <c r="J1359" s="11">
        <v>22832.392869000003</v>
      </c>
      <c r="K1359" s="13">
        <v>8.991065562117527E-2</v>
      </c>
      <c r="L1359" s="11">
        <v>48397.179476000019</v>
      </c>
      <c r="M1359" s="13">
        <v>0.17485936208214822</v>
      </c>
      <c r="N1359" s="11">
        <v>71229.572345000022</v>
      </c>
      <c r="O1359" s="13">
        <v>0.28049173758962986</v>
      </c>
      <c r="P1359" s="7">
        <v>226415.045931</v>
      </c>
      <c r="Q1359" s="7">
        <v>231905.370261</v>
      </c>
      <c r="R1359" s="7">
        <v>234910.09996200001</v>
      </c>
      <c r="S1359" s="7">
        <v>236817.57236699999</v>
      </c>
      <c r="T1359" s="7">
        <v>241588.94753400001</v>
      </c>
      <c r="U1359" s="7">
        <v>249306.88871500001</v>
      </c>
      <c r="V1359" s="7">
        <v>253945.34953899999</v>
      </c>
      <c r="W1359" s="7">
        <v>259042.51590100001</v>
      </c>
      <c r="X1359" s="7">
        <v>264718.08599599998</v>
      </c>
      <c r="Y1359" s="7">
        <v>276777.74240799999</v>
      </c>
      <c r="Z1359" s="7">
        <v>281655.179076</v>
      </c>
      <c r="AA1359" s="7">
        <v>297277.12288500002</v>
      </c>
      <c r="AB1359" s="7">
        <v>301744.93900800002</v>
      </c>
      <c r="AC1359" s="7">
        <v>302956.17629799998</v>
      </c>
      <c r="AD1359" s="7">
        <v>311632.26053199999</v>
      </c>
      <c r="AE1359" s="7">
        <v>316645.51607299998</v>
      </c>
      <c r="AF1359" s="7">
        <v>325174.92188400001</v>
      </c>
      <c r="AG1359" s="9">
        <v>17539.445758599999</v>
      </c>
      <c r="AH1359" s="13">
        <v>0.44576443935398857</v>
      </c>
      <c r="AI1359" s="9">
        <v>8630.0655264000015</v>
      </c>
      <c r="AJ1359" s="13">
        <v>0.2193328326282841</v>
      </c>
      <c r="AK1359" s="9">
        <v>5020.0993718000027</v>
      </c>
      <c r="AL1359" s="13">
        <v>0.10463563160057918</v>
      </c>
      <c r="AM1359" s="9">
        <v>3889.2808603999947</v>
      </c>
      <c r="AN1359" s="13">
        <v>7.338673135348181E-2</v>
      </c>
      <c r="AO1359" s="9">
        <v>8909.3802321999974</v>
      </c>
      <c r="AP1359" s="13">
        <v>0.18570122994033456</v>
      </c>
      <c r="AQ1359" s="9">
        <v>39346.893134899998</v>
      </c>
      <c r="AR1359" s="9">
        <v>40628.171914999999</v>
      </c>
      <c r="AS1359" s="9">
        <v>42127.500891000003</v>
      </c>
      <c r="AT1359" s="9">
        <v>44188.226536299997</v>
      </c>
      <c r="AU1359" s="9">
        <v>45332.323728299998</v>
      </c>
      <c r="AV1359" s="9">
        <v>46595.363022999998</v>
      </c>
      <c r="AW1359" s="9">
        <v>47976.958661299999</v>
      </c>
      <c r="AX1359" s="9">
        <v>49555.989327800002</v>
      </c>
      <c r="AY1359" s="9">
        <v>50988.423616200002</v>
      </c>
      <c r="AZ1359" s="9">
        <v>52997.058033100002</v>
      </c>
      <c r="BA1359" s="9">
        <v>53119.077429999998</v>
      </c>
      <c r="BB1359" s="9">
        <v>52748.9778744</v>
      </c>
      <c r="BC1359" s="9">
        <v>54214.706456200001</v>
      </c>
      <c r="BD1359" s="9">
        <v>54297.945014099998</v>
      </c>
      <c r="BE1359" s="9">
        <v>55934.036068000001</v>
      </c>
      <c r="BF1359" s="9">
        <v>56886.338893499997</v>
      </c>
      <c r="BG1359" s="11">
        <v>17885.5</v>
      </c>
      <c r="BH1359" s="13">
        <v>1.9758616880247459</v>
      </c>
      <c r="BI1359" s="6">
        <v>398</v>
      </c>
      <c r="BJ1359" s="13">
        <v>4.3968183826778612E-2</v>
      </c>
      <c r="BK1359" s="6">
        <v>278</v>
      </c>
      <c r="BL1359" s="13">
        <v>2.9417989417989419E-2</v>
      </c>
      <c r="BM1359" s="11">
        <v>17209.5</v>
      </c>
      <c r="BN1359" s="13">
        <v>1.769068667763158</v>
      </c>
      <c r="BO1359" s="11">
        <v>17487.5</v>
      </c>
      <c r="BP1359" s="13">
        <v>1.8505291005291005</v>
      </c>
      <c r="BQ1359" s="6">
        <v>9052</v>
      </c>
      <c r="BR1359" s="6">
        <v>9111</v>
      </c>
      <c r="BS1359" s="6">
        <v>9262</v>
      </c>
      <c r="BT1359" s="6">
        <v>9450</v>
      </c>
      <c r="BU1359" s="6">
        <v>9546</v>
      </c>
      <c r="BV1359" s="6">
        <v>9625</v>
      </c>
      <c r="BW1359" s="6">
        <v>9728</v>
      </c>
      <c r="BX1359" s="6">
        <v>9831</v>
      </c>
      <c r="BY1359" s="6">
        <v>10122</v>
      </c>
      <c r="BZ1359" s="6">
        <v>19002</v>
      </c>
      <c r="CA1359" s="6">
        <v>21715</v>
      </c>
      <c r="CB1359" s="6">
        <v>25072</v>
      </c>
      <c r="CC1359" s="11">
        <v>26937.5</v>
      </c>
      <c r="CD1359" s="11">
        <v>-8442.7999999999993</v>
      </c>
      <c r="CE1359" s="11">
        <v>82452.800000000003</v>
      </c>
      <c r="CF1359" s="11">
        <v>24749.9</v>
      </c>
      <c r="CG1359" s="11">
        <v>107203</v>
      </c>
      <c r="CH1359" s="20">
        <v>1.0903400000000001</v>
      </c>
      <c r="CI1359" s="20">
        <v>1.08012</v>
      </c>
      <c r="CJ1359" s="20">
        <v>1.06735</v>
      </c>
      <c r="CK1359" s="20">
        <v>1.06741</v>
      </c>
      <c r="CL1359" s="20">
        <v>1.0703400000000001</v>
      </c>
      <c r="CM1359" s="20">
        <v>1.0824800000000001</v>
      </c>
      <c r="CN1359" s="20">
        <v>1.0781000000000001</v>
      </c>
      <c r="CO1359" s="20">
        <v>1.06969</v>
      </c>
      <c r="CP1359" s="20">
        <v>1.07013</v>
      </c>
      <c r="CQ1359" s="20">
        <v>1.1086</v>
      </c>
      <c r="CR1359" s="20">
        <v>1.12192</v>
      </c>
      <c r="CS1359" s="20">
        <v>1.14175</v>
      </c>
      <c r="CT1359" s="20">
        <v>1.1404399999999999</v>
      </c>
      <c r="CU1359" s="20">
        <v>1.1332100000000001</v>
      </c>
      <c r="CV1359" s="20">
        <v>1.13934</v>
      </c>
      <c r="CW1359" s="20">
        <v>1.1355</v>
      </c>
      <c r="CX1359" s="20">
        <v>1.13731</v>
      </c>
      <c r="CY1359" s="6"/>
      <c r="CZ1359" s="6"/>
      <c r="DA1359" s="6"/>
      <c r="DB1359" s="6"/>
      <c r="DC1359" s="6"/>
      <c r="DD1359" s="6"/>
      <c r="DE1359" s="6"/>
      <c r="DF1359" s="6"/>
      <c r="DG1359" s="6"/>
      <c r="DH1359" s="6"/>
      <c r="DI1359" s="6"/>
      <c r="DJ1359" s="6"/>
      <c r="DK1359" s="6"/>
      <c r="DL1359" s="6"/>
      <c r="DM1359" s="6"/>
      <c r="DN1359" s="6"/>
      <c r="DO1359" s="6"/>
      <c r="DP1359" s="6"/>
      <c r="DQ1359" s="6"/>
    </row>
    <row r="1360" spans="1:121" x14ac:dyDescent="0.2">
      <c r="A1360" s="6" t="s">
        <v>322</v>
      </c>
      <c r="B1360" s="6" t="s">
        <v>322</v>
      </c>
      <c r="C1360" s="6" t="s">
        <v>191</v>
      </c>
      <c r="D1360" s="6" t="s">
        <v>337</v>
      </c>
      <c r="E1360" s="6" t="s">
        <v>331</v>
      </c>
      <c r="F1360" s="11">
        <v>795</v>
      </c>
      <c r="G1360" s="13">
        <v>2.2028262676600002E-2</v>
      </c>
      <c r="H1360" s="11">
        <v>3168.7177647999997</v>
      </c>
      <c r="I1360" s="13">
        <v>8.7801433540012505E-2</v>
      </c>
      <c r="J1360" s="11">
        <v>-1477.0580773000038</v>
      </c>
      <c r="K1360" s="13">
        <v>-3.7624089010914102E-2</v>
      </c>
      <c r="L1360" s="11">
        <v>-896.59854600000108</v>
      </c>
      <c r="M1360" s="13">
        <v>-2.3731309740615852E-2</v>
      </c>
      <c r="N1360" s="11">
        <v>-2373.6566233000049</v>
      </c>
      <c r="O1360" s="13">
        <v>-6.0462529841503451E-2</v>
      </c>
      <c r="P1360" s="7">
        <v>36089.590306700004</v>
      </c>
      <c r="Q1360" s="7">
        <v>36516.543534999997</v>
      </c>
      <c r="R1360" s="7">
        <v>36720.747990399999</v>
      </c>
      <c r="S1360" s="7">
        <v>38042.256546299999</v>
      </c>
      <c r="T1360" s="7">
        <v>38372.598042600002</v>
      </c>
      <c r="U1360" s="7">
        <v>39164.726442400002</v>
      </c>
      <c r="V1360" s="7">
        <v>39258.308071500003</v>
      </c>
      <c r="W1360" s="7">
        <v>39356.901240400002</v>
      </c>
      <c r="X1360" s="7">
        <v>37863.989268600002</v>
      </c>
      <c r="Y1360" s="7">
        <v>37781.249994199999</v>
      </c>
      <c r="Z1360" s="7">
        <v>36858.896173100002</v>
      </c>
      <c r="AA1360" s="7">
        <v>37188.977479100002</v>
      </c>
      <c r="AB1360" s="7">
        <v>37502.519175599999</v>
      </c>
      <c r="AC1360" s="7">
        <v>38118.957791399996</v>
      </c>
      <c r="AD1360" s="7">
        <v>35994.104699000003</v>
      </c>
      <c r="AE1360" s="7">
        <v>36715.609688299999</v>
      </c>
      <c r="AF1360" s="7">
        <v>36884.651448199998</v>
      </c>
      <c r="AG1360" s="9">
        <v>18256.209779100001</v>
      </c>
      <c r="AH1360" s="13">
        <v>0.60149924590815129</v>
      </c>
      <c r="AI1360" s="9">
        <v>7649.9608533000028</v>
      </c>
      <c r="AJ1360" s="13">
        <v>0.25204824770115414</v>
      </c>
      <c r="AK1360" s="9">
        <v>859.99558629999956</v>
      </c>
      <c r="AL1360" s="13">
        <v>2.263078544813342E-2</v>
      </c>
      <c r="AM1360" s="9">
        <v>9746.2533394999991</v>
      </c>
      <c r="AN1360" s="13">
        <v>0.25079694289524662</v>
      </c>
      <c r="AO1360" s="9">
        <v>10606.248925799999</v>
      </c>
      <c r="AP1360" s="13">
        <v>0.2791034601490901</v>
      </c>
      <c r="AQ1360" s="9">
        <v>30351.1765032</v>
      </c>
      <c r="AR1360" s="9">
        <v>33405.8153466</v>
      </c>
      <c r="AS1360" s="9">
        <v>34022.459376600003</v>
      </c>
      <c r="AT1360" s="9">
        <v>33907.154669000003</v>
      </c>
      <c r="AU1360" s="9">
        <v>33988.556580099998</v>
      </c>
      <c r="AV1360" s="9">
        <v>37015.2484233</v>
      </c>
      <c r="AW1360" s="9">
        <v>38001.137356500003</v>
      </c>
      <c r="AX1360" s="9">
        <v>37630.118893699997</v>
      </c>
      <c r="AY1360" s="9">
        <v>39140.235221399998</v>
      </c>
      <c r="AZ1360" s="9">
        <v>38861.132942800003</v>
      </c>
      <c r="BA1360" s="9">
        <v>40927.008733299997</v>
      </c>
      <c r="BB1360" s="9">
        <v>41437.163856699997</v>
      </c>
      <c r="BC1360" s="9">
        <v>44300.035728900002</v>
      </c>
      <c r="BD1360" s="9">
        <v>44942.273503600001</v>
      </c>
      <c r="BE1360" s="9">
        <v>47341.710080299999</v>
      </c>
      <c r="BF1360" s="9">
        <v>48607.386282300002</v>
      </c>
      <c r="BG1360" s="11">
        <v>44.75</v>
      </c>
      <c r="BH1360" s="13">
        <v>3.512558869701727E-2</v>
      </c>
      <c r="BI1360" s="6">
        <v>9</v>
      </c>
      <c r="BJ1360" s="13">
        <v>7.0643642072213504E-3</v>
      </c>
      <c r="BK1360" s="6">
        <v>-49</v>
      </c>
      <c r="BL1360" s="13">
        <v>-3.8191738113795788E-2</v>
      </c>
      <c r="BM1360" s="11">
        <v>84.75</v>
      </c>
      <c r="BN1360" s="13">
        <v>6.8679092382495949E-2</v>
      </c>
      <c r="BO1360" s="11">
        <v>35.75</v>
      </c>
      <c r="BP1360" s="13">
        <v>2.7864380358534686E-2</v>
      </c>
      <c r="BQ1360" s="6">
        <v>1274</v>
      </c>
      <c r="BR1360" s="6">
        <v>1314</v>
      </c>
      <c r="BS1360" s="6">
        <v>1301</v>
      </c>
      <c r="BT1360" s="6">
        <v>1283</v>
      </c>
      <c r="BU1360" s="6">
        <v>1288</v>
      </c>
      <c r="BV1360" s="6">
        <v>1263</v>
      </c>
      <c r="BW1360" s="6">
        <v>1234</v>
      </c>
      <c r="BX1360" s="6">
        <v>1235</v>
      </c>
      <c r="BY1360" s="6">
        <v>1251</v>
      </c>
      <c r="BZ1360" s="6">
        <v>1281</v>
      </c>
      <c r="CA1360" s="6">
        <v>1279</v>
      </c>
      <c r="CB1360" s="6">
        <v>1306</v>
      </c>
      <c r="CC1360" s="11">
        <v>1318.75</v>
      </c>
      <c r="CD1360" s="11">
        <v>-9715.26</v>
      </c>
      <c r="CE1360" s="11">
        <v>6565.3</v>
      </c>
      <c r="CF1360" s="11">
        <v>3945.03</v>
      </c>
      <c r="CG1360" s="11">
        <v>10510</v>
      </c>
      <c r="CH1360" s="20">
        <v>1.13463</v>
      </c>
      <c r="CI1360" s="20">
        <v>1.13059</v>
      </c>
      <c r="CJ1360" s="20">
        <v>1.12578</v>
      </c>
      <c r="CK1360" s="20">
        <v>1.1546799999999999</v>
      </c>
      <c r="CL1360" s="20">
        <v>1.1533100000000001</v>
      </c>
      <c r="CM1360" s="20">
        <v>1.16422</v>
      </c>
      <c r="CN1360" s="20">
        <v>1.14394</v>
      </c>
      <c r="CO1360" s="20">
        <v>1.1364000000000001</v>
      </c>
      <c r="CP1360" s="20">
        <v>1.1144400000000001</v>
      </c>
      <c r="CQ1360" s="20">
        <v>1.1284000000000001</v>
      </c>
      <c r="CR1360" s="20">
        <v>1.09599</v>
      </c>
      <c r="CS1360" s="20">
        <v>1.0805400000000001</v>
      </c>
      <c r="CT1360" s="20">
        <v>1.0735300000000001</v>
      </c>
      <c r="CU1360" s="20">
        <v>1.06592</v>
      </c>
      <c r="CV1360" s="20">
        <v>0.97567000000000004</v>
      </c>
      <c r="CW1360" s="20">
        <v>0.97127300000000005</v>
      </c>
      <c r="CX1360" s="20">
        <v>0.96109500000000003</v>
      </c>
      <c r="CY1360" s="6"/>
      <c r="CZ1360" s="6"/>
      <c r="DA1360" s="6"/>
      <c r="DB1360" s="6"/>
      <c r="DC1360" s="6"/>
      <c r="DD1360" s="6"/>
      <c r="DE1360" s="6"/>
      <c r="DF1360" s="6"/>
      <c r="DG1360" s="6"/>
      <c r="DH1360" s="6"/>
      <c r="DI1360" s="6"/>
      <c r="DJ1360" s="6"/>
      <c r="DK1360" s="6"/>
      <c r="DL1360" s="6"/>
      <c r="DM1360" s="6"/>
      <c r="DN1360" s="6"/>
      <c r="DO1360" s="6"/>
      <c r="DP1360" s="6"/>
      <c r="DQ1360" s="6"/>
    </row>
    <row r="1361" spans="1:121" x14ac:dyDescent="0.2">
      <c r="A1361" s="6" t="s">
        <v>323</v>
      </c>
      <c r="B1361" s="6" t="s">
        <v>323</v>
      </c>
      <c r="C1361" s="6" t="s">
        <v>324</v>
      </c>
      <c r="D1361" s="6" t="s">
        <v>337</v>
      </c>
      <c r="E1361" s="6" t="s">
        <v>331</v>
      </c>
      <c r="F1361" s="11">
        <v>37059</v>
      </c>
      <c r="G1361" s="13">
        <v>0.231364249326</v>
      </c>
      <c r="H1361" s="11">
        <v>16365.089230999991</v>
      </c>
      <c r="I1361" s="13">
        <v>0.1021694138309996</v>
      </c>
      <c r="J1361" s="11">
        <v>-5699.0474669999967</v>
      </c>
      <c r="K1361" s="13">
        <v>-3.2281703439627794E-2</v>
      </c>
      <c r="L1361" s="11">
        <v>26393.057503000018</v>
      </c>
      <c r="M1361" s="13">
        <v>0.15448806051582475</v>
      </c>
      <c r="N1361" s="11">
        <v>20694.010036000022</v>
      </c>
      <c r="O1361" s="13">
        <v>0.11721921932166184</v>
      </c>
      <c r="P1361" s="7">
        <v>160176.011757</v>
      </c>
      <c r="Q1361" s="7">
        <v>162371.545255</v>
      </c>
      <c r="R1361" s="7">
        <v>163967.64903199999</v>
      </c>
      <c r="S1361" s="7">
        <v>167017.24623799999</v>
      </c>
      <c r="T1361" s="7">
        <v>170759.07847499999</v>
      </c>
      <c r="U1361" s="7">
        <v>174821.41623800001</v>
      </c>
      <c r="V1361" s="7">
        <v>176541.10098799999</v>
      </c>
      <c r="W1361" s="7">
        <v>177160.49060700001</v>
      </c>
      <c r="X1361" s="7">
        <v>172620.389906</v>
      </c>
      <c r="Y1361" s="7">
        <v>170842.05352099999</v>
      </c>
      <c r="Z1361" s="7">
        <v>171526.64833699999</v>
      </c>
      <c r="AA1361" s="7">
        <v>175967.658119</v>
      </c>
      <c r="AB1361" s="7">
        <v>179441.65207400001</v>
      </c>
      <c r="AC1361" s="7">
        <v>183492.02530000001</v>
      </c>
      <c r="AD1361" s="7">
        <v>191045.118353</v>
      </c>
      <c r="AE1361" s="7">
        <v>194719.84945000001</v>
      </c>
      <c r="AF1361" s="7">
        <v>197235.11102400001</v>
      </c>
      <c r="AG1361" s="9">
        <v>5877.1486756999984</v>
      </c>
      <c r="AH1361" s="13">
        <v>0.40520672510980288</v>
      </c>
      <c r="AI1361" s="9">
        <v>2330.2912709000011</v>
      </c>
      <c r="AJ1361" s="13">
        <v>0.16066459205592329</v>
      </c>
      <c r="AK1361" s="9">
        <v>805.2881899999993</v>
      </c>
      <c r="AL1361" s="13">
        <v>4.7835967426884285E-2</v>
      </c>
      <c r="AM1361" s="9">
        <v>2741.569214799998</v>
      </c>
      <c r="AN1361" s="13">
        <v>0.15542080159667501</v>
      </c>
      <c r="AO1361" s="9">
        <v>3546.8574047999973</v>
      </c>
      <c r="AP1361" s="13">
        <v>0.21069147342619807</v>
      </c>
      <c r="AQ1361" s="9">
        <v>14504.0748623</v>
      </c>
      <c r="AR1361" s="9">
        <v>14883.916219799999</v>
      </c>
      <c r="AS1361" s="9">
        <v>15275.069914199999</v>
      </c>
      <c r="AT1361" s="9">
        <v>15489.8613511</v>
      </c>
      <c r="AU1361" s="9">
        <v>15974.481130599999</v>
      </c>
      <c r="AV1361" s="9">
        <v>16010.572839799999</v>
      </c>
      <c r="AW1361" s="9">
        <v>16834.366133200001</v>
      </c>
      <c r="AX1361" s="9">
        <v>17243.851734200001</v>
      </c>
      <c r="AY1361" s="9">
        <v>17325.5593797</v>
      </c>
      <c r="AZ1361" s="9">
        <v>17639.6543232</v>
      </c>
      <c r="BA1361" s="9">
        <v>17682.318086899999</v>
      </c>
      <c r="BB1361" s="9">
        <v>18153.597048399999</v>
      </c>
      <c r="BC1361" s="9">
        <v>18272.520709500001</v>
      </c>
      <c r="BD1361" s="9">
        <v>18702.127080599999</v>
      </c>
      <c r="BE1361" s="9">
        <v>19813.438479699998</v>
      </c>
      <c r="BF1361" s="9">
        <v>20381.223537999998</v>
      </c>
      <c r="BG1361" s="11">
        <v>969.75</v>
      </c>
      <c r="BH1361" s="13">
        <v>0.13064125016839553</v>
      </c>
      <c r="BI1361" s="6">
        <v>314</v>
      </c>
      <c r="BJ1361" s="13">
        <v>4.2300956486595716E-2</v>
      </c>
      <c r="BK1361" s="6">
        <v>284</v>
      </c>
      <c r="BL1361" s="13">
        <v>3.6706733876179398E-2</v>
      </c>
      <c r="BM1361" s="11">
        <v>371.75</v>
      </c>
      <c r="BN1361" s="13">
        <v>4.6347088891659394E-2</v>
      </c>
      <c r="BO1361" s="11">
        <v>655.75</v>
      </c>
      <c r="BP1361" s="13">
        <v>8.4755073025720565E-2</v>
      </c>
      <c r="BQ1361" s="6">
        <v>7423</v>
      </c>
      <c r="BR1361" s="6">
        <v>7572</v>
      </c>
      <c r="BS1361" s="6">
        <v>7634</v>
      </c>
      <c r="BT1361" s="6">
        <v>7737</v>
      </c>
      <c r="BU1361" s="6">
        <v>7852</v>
      </c>
      <c r="BV1361" s="6">
        <v>7932</v>
      </c>
      <c r="BW1361" s="6">
        <v>8021</v>
      </c>
      <c r="BX1361" s="6">
        <v>8078</v>
      </c>
      <c r="BY1361" s="6">
        <v>8160</v>
      </c>
      <c r="BZ1361" s="6">
        <v>8193</v>
      </c>
      <c r="CA1361" s="6">
        <v>8203</v>
      </c>
      <c r="CB1361" s="6">
        <v>8352</v>
      </c>
      <c r="CC1361" s="11">
        <v>8392.75</v>
      </c>
      <c r="CD1361" s="11">
        <v>-16875</v>
      </c>
      <c r="CE1361" s="11">
        <v>36424.9</v>
      </c>
      <c r="CF1361" s="11">
        <v>17509.2</v>
      </c>
      <c r="CG1361" s="11">
        <v>53934</v>
      </c>
      <c r="CH1361" s="20">
        <v>1.03939</v>
      </c>
      <c r="CI1361" s="20">
        <v>1.04497</v>
      </c>
      <c r="CJ1361" s="20">
        <v>1.0420199999999999</v>
      </c>
      <c r="CK1361" s="20">
        <v>1.04742</v>
      </c>
      <c r="CL1361" s="20">
        <v>1.05183</v>
      </c>
      <c r="CM1361" s="20">
        <v>1.05952</v>
      </c>
      <c r="CN1361" s="20">
        <v>1.0520099999999999</v>
      </c>
      <c r="CO1361" s="20">
        <v>1.05037</v>
      </c>
      <c r="CP1361" s="20">
        <v>1.05159</v>
      </c>
      <c r="CQ1361" s="20">
        <v>1.0446899999999999</v>
      </c>
      <c r="CR1361" s="20">
        <v>1.0316700000000001</v>
      </c>
      <c r="CS1361" s="20">
        <v>1.0268200000000001</v>
      </c>
      <c r="CT1361" s="20">
        <v>1.0194000000000001</v>
      </c>
      <c r="CU1361" s="20">
        <v>1.0207999999999999</v>
      </c>
      <c r="CV1361" s="20">
        <v>1.02887</v>
      </c>
      <c r="CW1361" s="20">
        <v>1.02616</v>
      </c>
      <c r="CX1361" s="20">
        <v>1.0246500000000001</v>
      </c>
      <c r="CY1361" s="6"/>
      <c r="CZ1361" s="6"/>
      <c r="DA1361" s="6"/>
      <c r="DB1361" s="6"/>
      <c r="DC1361" s="6"/>
      <c r="DD1361" s="6"/>
      <c r="DE1361" s="6"/>
      <c r="DF1361" s="6"/>
      <c r="DG1361" s="6"/>
      <c r="DH1361" s="6"/>
      <c r="DI1361" s="6"/>
      <c r="DJ1361" s="6"/>
      <c r="DK1361" s="6"/>
      <c r="DL1361" s="6"/>
      <c r="DM1361" s="6"/>
      <c r="DN1361" s="6"/>
      <c r="DO1361" s="6"/>
      <c r="DP1361" s="6"/>
      <c r="DQ1361" s="6"/>
    </row>
    <row r="1362" spans="1:121" x14ac:dyDescent="0.2">
      <c r="A1362" s="6" t="s">
        <v>325</v>
      </c>
      <c r="B1362" s="6" t="s">
        <v>325</v>
      </c>
      <c r="C1362" s="6" t="s">
        <v>326</v>
      </c>
      <c r="D1362" s="6" t="s">
        <v>337</v>
      </c>
      <c r="E1362" s="6" t="s">
        <v>331</v>
      </c>
      <c r="F1362" s="11">
        <v>-1047</v>
      </c>
      <c r="G1362" s="13">
        <v>-9.4635513173999992E-3</v>
      </c>
      <c r="H1362" s="11">
        <v>2339.8492839999963</v>
      </c>
      <c r="I1362" s="13">
        <v>2.1149266363814149E-2</v>
      </c>
      <c r="J1362" s="11">
        <v>-2880.7639880000061</v>
      </c>
      <c r="K1362" s="13">
        <v>-2.5499159904313593E-2</v>
      </c>
      <c r="L1362" s="11">
        <v>-505.77738699999463</v>
      </c>
      <c r="M1362" s="13">
        <v>-4.5940464669924075E-3</v>
      </c>
      <c r="N1362" s="11">
        <v>-3386.5413750000007</v>
      </c>
      <c r="O1362" s="13">
        <v>-2.9976062045836315E-2</v>
      </c>
      <c r="P1362" s="7">
        <v>110635.009449</v>
      </c>
      <c r="Q1362" s="7">
        <v>109377.10094800001</v>
      </c>
      <c r="R1362" s="7">
        <v>111039.476543</v>
      </c>
      <c r="S1362" s="7">
        <v>111756.74105300001</v>
      </c>
      <c r="T1362" s="7">
        <v>111864.21344799999</v>
      </c>
      <c r="U1362" s="7">
        <v>112992.085706</v>
      </c>
      <c r="V1362" s="7">
        <v>112974.858733</v>
      </c>
      <c r="W1362" s="7">
        <v>111927.98848499999</v>
      </c>
      <c r="X1362" s="7">
        <v>109992.404157</v>
      </c>
      <c r="Y1362" s="7">
        <v>110094.09474499999</v>
      </c>
      <c r="Z1362" s="7">
        <v>111656.366352</v>
      </c>
      <c r="AA1362" s="7">
        <v>113035.197581</v>
      </c>
      <c r="AB1362" s="7">
        <v>107667.300875</v>
      </c>
      <c r="AC1362" s="7">
        <v>107121.349307</v>
      </c>
      <c r="AD1362" s="7">
        <v>107754.60750100001</v>
      </c>
      <c r="AE1362" s="7">
        <v>109397.547026</v>
      </c>
      <c r="AF1362" s="7">
        <v>109588.317358</v>
      </c>
      <c r="AG1362" s="9">
        <v>7387.806616599999</v>
      </c>
      <c r="AH1362" s="13">
        <v>0.33136432575856412</v>
      </c>
      <c r="AI1362" s="9">
        <v>2776.8156424999979</v>
      </c>
      <c r="AJ1362" s="13">
        <v>0.12454814952320852</v>
      </c>
      <c r="AK1362" s="9">
        <v>398.60357490000024</v>
      </c>
      <c r="AL1362" s="13">
        <v>1.5898398052798111E-2</v>
      </c>
      <c r="AM1362" s="9">
        <v>4212.3873992000008</v>
      </c>
      <c r="AN1362" s="13">
        <v>0.16538274896676464</v>
      </c>
      <c r="AO1362" s="9">
        <v>4610.990974100001</v>
      </c>
      <c r="AP1362" s="13">
        <v>0.18391046779370235</v>
      </c>
      <c r="AQ1362" s="9">
        <v>22295.117616200001</v>
      </c>
      <c r="AR1362" s="9">
        <v>22657.529381699998</v>
      </c>
      <c r="AS1362" s="9">
        <v>22817.1615944</v>
      </c>
      <c r="AT1362" s="9">
        <v>23391.8653481</v>
      </c>
      <c r="AU1362" s="9">
        <v>23824.4034846</v>
      </c>
      <c r="AV1362" s="9">
        <v>24315.653308199999</v>
      </c>
      <c r="AW1362" s="9">
        <v>25071.933258699999</v>
      </c>
      <c r="AX1362" s="9">
        <v>26005.490629899999</v>
      </c>
      <c r="AY1362" s="9">
        <v>25763.399543899999</v>
      </c>
      <c r="AZ1362" s="9">
        <v>25470.536833599999</v>
      </c>
      <c r="BA1362" s="9">
        <v>25529.945176599998</v>
      </c>
      <c r="BB1362" s="9">
        <v>25994.303748999999</v>
      </c>
      <c r="BC1362" s="9">
        <v>27196.662681500002</v>
      </c>
      <c r="BD1362" s="9">
        <v>28041.940879599999</v>
      </c>
      <c r="BE1362" s="9">
        <v>29060.578865399999</v>
      </c>
      <c r="BF1362" s="9">
        <v>29682.9242328</v>
      </c>
      <c r="BG1362" s="11">
        <v>-2350</v>
      </c>
      <c r="BH1362" s="13">
        <v>-0.20249892287806981</v>
      </c>
      <c r="BI1362" s="6">
        <v>582</v>
      </c>
      <c r="BJ1362" s="13">
        <v>5.0150797070228348E-2</v>
      </c>
      <c r="BK1362" s="6">
        <v>994</v>
      </c>
      <c r="BL1362" s="13">
        <v>8.1562320505456629E-2</v>
      </c>
      <c r="BM1362" s="11">
        <v>-3926</v>
      </c>
      <c r="BN1362" s="13">
        <v>-0.29785297018435625</v>
      </c>
      <c r="BO1362" s="11">
        <v>-2932</v>
      </c>
      <c r="BP1362" s="13">
        <v>-0.24058422909657831</v>
      </c>
      <c r="BQ1362" s="6">
        <v>11605</v>
      </c>
      <c r="BR1362" s="6">
        <v>11771</v>
      </c>
      <c r="BS1362" s="6">
        <v>11933</v>
      </c>
      <c r="BT1362" s="6">
        <v>12187</v>
      </c>
      <c r="BU1362" s="6">
        <v>12209</v>
      </c>
      <c r="BV1362" s="6">
        <v>12335</v>
      </c>
      <c r="BW1362" s="6">
        <v>13181</v>
      </c>
      <c r="BX1362" s="6">
        <v>14550</v>
      </c>
      <c r="BY1362" s="6">
        <v>15764</v>
      </c>
      <c r="BZ1362" s="6">
        <v>9035</v>
      </c>
      <c r="CA1362" s="6">
        <v>9126</v>
      </c>
      <c r="CB1362" s="6">
        <v>9248</v>
      </c>
      <c r="CC1362" s="11">
        <v>9255</v>
      </c>
      <c r="CD1362" s="11">
        <v>-12121.6</v>
      </c>
      <c r="CE1362" s="11">
        <v>-1018.84</v>
      </c>
      <c r="CF1362" s="11">
        <v>12093.7</v>
      </c>
      <c r="CG1362" s="11">
        <v>11075</v>
      </c>
      <c r="CH1362" s="20">
        <v>1.05691</v>
      </c>
      <c r="CI1362" s="20">
        <v>1.032</v>
      </c>
      <c r="CJ1362" s="20">
        <v>1.04051</v>
      </c>
      <c r="CK1362" s="20">
        <v>1.0521400000000001</v>
      </c>
      <c r="CL1362" s="20">
        <v>1.0515600000000001</v>
      </c>
      <c r="CM1362" s="20">
        <v>1.0548500000000001</v>
      </c>
      <c r="CN1362" s="20">
        <v>1.0421400000000001</v>
      </c>
      <c r="CO1362" s="20">
        <v>1.0262899999999999</v>
      </c>
      <c r="CP1362" s="20">
        <v>1.0151399999999999</v>
      </c>
      <c r="CQ1362" s="20">
        <v>1.0274799999999999</v>
      </c>
      <c r="CR1362" s="20">
        <v>1.03993</v>
      </c>
      <c r="CS1362" s="20">
        <v>1.0292699999999999</v>
      </c>
      <c r="CT1362" s="20">
        <v>1.04118</v>
      </c>
      <c r="CU1362" s="20">
        <v>1.02522</v>
      </c>
      <c r="CV1362" s="20">
        <v>1.0180899999999999</v>
      </c>
      <c r="CW1362" s="20">
        <v>1.0221899999999999</v>
      </c>
      <c r="CX1362" s="20">
        <v>1.0184200000000001</v>
      </c>
      <c r="CY1362" s="6"/>
      <c r="CZ1362" s="6"/>
      <c r="DA1362" s="6"/>
      <c r="DB1362" s="6"/>
      <c r="DC1362" s="6"/>
      <c r="DD1362" s="6"/>
      <c r="DE1362" s="6"/>
      <c r="DF1362" s="6"/>
      <c r="DG1362" s="6"/>
      <c r="DH1362" s="6"/>
      <c r="DI1362" s="6"/>
      <c r="DJ1362" s="6"/>
      <c r="DK1362" s="6"/>
      <c r="DL1362" s="6"/>
      <c r="DM1362" s="6"/>
      <c r="DN1362" s="6"/>
      <c r="DO1362" s="6"/>
      <c r="DP1362" s="6"/>
      <c r="DQ1362" s="6"/>
    </row>
    <row r="1363" spans="1:121" x14ac:dyDescent="0.2">
      <c r="A1363" s="6" t="s">
        <v>327</v>
      </c>
      <c r="B1363" s="6" t="s">
        <v>327</v>
      </c>
      <c r="C1363" s="6" t="s">
        <v>194</v>
      </c>
      <c r="D1363" s="6" t="s">
        <v>337</v>
      </c>
      <c r="E1363" s="6" t="s">
        <v>331</v>
      </c>
      <c r="F1363" s="11">
        <v>-1343</v>
      </c>
      <c r="G1363" s="13">
        <v>-4.4262370722899999E-3</v>
      </c>
      <c r="H1363" s="11">
        <v>8432.5681820000173</v>
      </c>
      <c r="I1363" s="13">
        <v>2.7791901939342351E-2</v>
      </c>
      <c r="J1363" s="11">
        <v>2708.4509749999852</v>
      </c>
      <c r="K1363" s="13">
        <v>8.6850874313490721E-3</v>
      </c>
      <c r="L1363" s="11">
        <v>-12484.393477000005</v>
      </c>
      <c r="M1363" s="13">
        <v>-3.9688534579045934E-2</v>
      </c>
      <c r="N1363" s="11">
        <v>-9775.9425020000199</v>
      </c>
      <c r="O1363" s="13">
        <v>-3.1348145540537997E-2</v>
      </c>
      <c r="P1363" s="7">
        <v>303418.17556800001</v>
      </c>
      <c r="Q1363" s="7">
        <v>306054.13388600003</v>
      </c>
      <c r="R1363" s="7">
        <v>306853.801278</v>
      </c>
      <c r="S1363" s="7">
        <v>305855.47583200003</v>
      </c>
      <c r="T1363" s="7">
        <v>306753.46481199999</v>
      </c>
      <c r="U1363" s="7">
        <v>307531.18700899999</v>
      </c>
      <c r="V1363" s="7">
        <v>311850.74375000002</v>
      </c>
      <c r="W1363" s="7">
        <v>316244.92384100001</v>
      </c>
      <c r="X1363" s="7">
        <v>320311.21157400002</v>
      </c>
      <c r="Y1363" s="7">
        <v>314559.19472500001</v>
      </c>
      <c r="Z1363" s="7">
        <v>308798.28450000001</v>
      </c>
      <c r="AA1363" s="7">
        <v>306021.80424500001</v>
      </c>
      <c r="AB1363" s="7">
        <v>304917.42397399998</v>
      </c>
      <c r="AC1363" s="7">
        <v>304268.37771899998</v>
      </c>
      <c r="AD1363" s="7">
        <v>302574.921798</v>
      </c>
      <c r="AE1363" s="7">
        <v>303073.30298600002</v>
      </c>
      <c r="AF1363" s="7">
        <v>302074.801248</v>
      </c>
      <c r="AG1363" s="9">
        <v>20818.486305799997</v>
      </c>
      <c r="AH1363" s="13">
        <v>0.47492540389270155</v>
      </c>
      <c r="AI1363" s="9">
        <v>11046.187965899997</v>
      </c>
      <c r="AJ1363" s="13">
        <v>0.25199311823733295</v>
      </c>
      <c r="AK1363" s="9">
        <v>5388.0604372000016</v>
      </c>
      <c r="AL1363" s="13">
        <v>9.8176324345344179E-2</v>
      </c>
      <c r="AM1363" s="9">
        <v>4384.2379026999988</v>
      </c>
      <c r="AN1363" s="13">
        <v>7.2743860577015609E-2</v>
      </c>
      <c r="AO1363" s="9">
        <v>9772.2983399000004</v>
      </c>
      <c r="AP1363" s="13">
        <v>0.17806190977250136</v>
      </c>
      <c r="AQ1363" s="9">
        <v>43835.276309000001</v>
      </c>
      <c r="AR1363" s="9">
        <v>45618.440086000002</v>
      </c>
      <c r="AS1363" s="9">
        <v>47511.834298399997</v>
      </c>
      <c r="AT1363" s="9">
        <v>49993.406857299997</v>
      </c>
      <c r="AU1363" s="9">
        <v>51419.921861299998</v>
      </c>
      <c r="AV1363" s="9">
        <v>53322.476512599998</v>
      </c>
      <c r="AW1363" s="9">
        <v>54881.464274899998</v>
      </c>
      <c r="AX1363" s="9">
        <v>56414.808451500001</v>
      </c>
      <c r="AY1363" s="9">
        <v>58089.654585999997</v>
      </c>
      <c r="AZ1363" s="9">
        <v>60269.524712099999</v>
      </c>
      <c r="BA1363" s="9">
        <v>60632.329858999998</v>
      </c>
      <c r="BB1363" s="9">
        <v>61005.135410000003</v>
      </c>
      <c r="BC1363" s="9">
        <v>61873.455948199997</v>
      </c>
      <c r="BD1363" s="9">
        <v>62099.075992099999</v>
      </c>
      <c r="BE1363" s="9">
        <v>64036.575635699999</v>
      </c>
      <c r="BF1363" s="9">
        <v>64653.762614799998</v>
      </c>
      <c r="BG1363" s="11">
        <v>11.5</v>
      </c>
      <c r="BH1363" s="13">
        <v>3.0295047418335088E-3</v>
      </c>
      <c r="BI1363" s="6">
        <v>104</v>
      </c>
      <c r="BJ1363" s="13">
        <v>2.7397260273972601E-2</v>
      </c>
      <c r="BK1363" s="6">
        <v>16</v>
      </c>
      <c r="BL1363" s="13">
        <v>4.1025641025641026E-3</v>
      </c>
      <c r="BM1363" s="11">
        <v>-108.5</v>
      </c>
      <c r="BN1363" s="13">
        <v>-2.7706843718079674E-2</v>
      </c>
      <c r="BO1363" s="11">
        <v>-92.5</v>
      </c>
      <c r="BP1363" s="13">
        <v>-2.3717948717948717E-2</v>
      </c>
      <c r="BQ1363" s="6">
        <v>3796</v>
      </c>
      <c r="BR1363" s="6">
        <v>3791</v>
      </c>
      <c r="BS1363" s="6">
        <v>3775</v>
      </c>
      <c r="BT1363" s="6">
        <v>3900</v>
      </c>
      <c r="BU1363" s="6">
        <v>3917</v>
      </c>
      <c r="BV1363" s="6">
        <v>3930</v>
      </c>
      <c r="BW1363" s="6">
        <v>3916</v>
      </c>
      <c r="BX1363" s="6">
        <v>3909</v>
      </c>
      <c r="BY1363" s="6">
        <v>3870</v>
      </c>
      <c r="BZ1363" s="6">
        <v>3851</v>
      </c>
      <c r="CA1363" s="6">
        <v>3838</v>
      </c>
      <c r="CB1363" s="6">
        <v>3822</v>
      </c>
      <c r="CC1363" s="11">
        <v>3807.5</v>
      </c>
      <c r="CD1363" s="11">
        <v>-16722.900000000001</v>
      </c>
      <c r="CE1363" s="11">
        <v>-17787.8</v>
      </c>
      <c r="CF1363" s="11">
        <v>33167.300000000003</v>
      </c>
      <c r="CG1363" s="11">
        <v>15379</v>
      </c>
      <c r="CH1363" s="20">
        <v>0.87260000000000004</v>
      </c>
      <c r="CI1363" s="20">
        <v>0.86760499999999996</v>
      </c>
      <c r="CJ1363" s="20">
        <v>0.870286</v>
      </c>
      <c r="CK1363" s="20">
        <v>0.87783599999999995</v>
      </c>
      <c r="CL1363" s="20">
        <v>0.881108</v>
      </c>
      <c r="CM1363" s="20">
        <v>0.88304899999999997</v>
      </c>
      <c r="CN1363" s="20">
        <v>0.89114899999999997</v>
      </c>
      <c r="CO1363" s="20">
        <v>0.88929400000000003</v>
      </c>
      <c r="CP1363" s="20">
        <v>0.89648700000000003</v>
      </c>
      <c r="CQ1363" s="20">
        <v>0.88516499999999998</v>
      </c>
      <c r="CR1363" s="20">
        <v>0.88753199999999999</v>
      </c>
      <c r="CS1363" s="20">
        <v>0.88908600000000004</v>
      </c>
      <c r="CT1363" s="20">
        <v>0.89360300000000004</v>
      </c>
      <c r="CU1363" s="20">
        <v>0.89919400000000005</v>
      </c>
      <c r="CV1363" s="20">
        <v>0.89034199999999997</v>
      </c>
      <c r="CW1363" s="20">
        <v>0.886405</v>
      </c>
      <c r="CX1363" s="20">
        <v>0.88484300000000005</v>
      </c>
      <c r="CY1363" s="6"/>
      <c r="CZ1363" s="6"/>
      <c r="DA1363" s="6"/>
      <c r="DB1363" s="6"/>
      <c r="DC1363" s="6"/>
      <c r="DD1363" s="6"/>
      <c r="DE1363" s="6"/>
      <c r="DF1363" s="6"/>
      <c r="DG1363" s="6"/>
      <c r="DH1363" s="6"/>
      <c r="DI1363" s="6"/>
      <c r="DJ1363" s="6"/>
      <c r="DK1363" s="6"/>
      <c r="DL1363" s="6"/>
      <c r="DM1363" s="6"/>
      <c r="DN1363" s="6"/>
      <c r="DO1363" s="6"/>
      <c r="DP1363" s="6"/>
      <c r="DQ1363" s="6"/>
    </row>
    <row r="1364" spans="1:121" x14ac:dyDescent="0.2">
      <c r="A1364" s="32" t="s">
        <v>791</v>
      </c>
      <c r="B1364" s="32" t="s">
        <v>791</v>
      </c>
      <c r="C1364" s="32" t="s">
        <v>329</v>
      </c>
      <c r="D1364" s="4" t="s">
        <v>72</v>
      </c>
      <c r="E1364" s="4" t="s">
        <v>213</v>
      </c>
      <c r="F1364" s="1">
        <v>-30</v>
      </c>
      <c r="G1364" s="2">
        <v>-1.9696671262599999E-3</v>
      </c>
      <c r="H1364" s="1">
        <v>-863.24015310000141</v>
      </c>
      <c r="I1364" s="2">
        <v>-5.6677676881798221E-2</v>
      </c>
      <c r="J1364" s="1">
        <v>1144.2924417000013</v>
      </c>
      <c r="K1364" s="2">
        <v>7.964478153912391E-2</v>
      </c>
      <c r="L1364" s="1">
        <v>-310.31864190000124</v>
      </c>
      <c r="M1364" s="2">
        <v>-2.0005401504222284E-2</v>
      </c>
      <c r="N1364" s="1">
        <v>833.97379980000005</v>
      </c>
      <c r="O1364" s="2">
        <v>5.8046054202495388E-2</v>
      </c>
      <c r="P1364" s="1">
        <v>15230.690469200001</v>
      </c>
      <c r="Q1364" s="1">
        <v>15211.293364499999</v>
      </c>
      <c r="R1364" s="1">
        <v>15206.2128894</v>
      </c>
      <c r="S1364" s="1">
        <v>14951.230815200001</v>
      </c>
      <c r="T1364" s="1">
        <v>14988.0658884</v>
      </c>
      <c r="U1364" s="1">
        <v>14977.7511598</v>
      </c>
      <c r="V1364" s="1">
        <v>14367.450316099999</v>
      </c>
      <c r="W1364" s="1">
        <v>14604.1692597</v>
      </c>
      <c r="X1364" s="1">
        <v>14482.391899300001</v>
      </c>
      <c r="Y1364" s="1">
        <v>15511.742757800001</v>
      </c>
      <c r="Z1364" s="1">
        <v>15431.3692156</v>
      </c>
      <c r="AA1364" s="1">
        <v>15739.2855046</v>
      </c>
      <c r="AB1364" s="1">
        <v>14731.0029282</v>
      </c>
      <c r="AC1364" s="1">
        <v>14775.342074300001</v>
      </c>
      <c r="AD1364" s="1">
        <v>15069.377674900001</v>
      </c>
      <c r="AE1364" s="1">
        <v>14974.3216152</v>
      </c>
      <c r="AF1364" s="1">
        <v>15201.424115899999</v>
      </c>
      <c r="AG1364" s="1">
        <v>12292.620768800003</v>
      </c>
      <c r="AH1364" s="2">
        <v>0.41627949779925622</v>
      </c>
      <c r="AI1364" s="1">
        <v>5138.0200124000003</v>
      </c>
      <c r="AJ1364" s="2">
        <v>0.17399482426668839</v>
      </c>
      <c r="AK1364" s="1">
        <v>3901.1812740000023</v>
      </c>
      <c r="AL1364" s="2">
        <v>0.11253056175518059</v>
      </c>
      <c r="AM1364" s="1">
        <v>3253.4194824000006</v>
      </c>
      <c r="AN1364" s="2">
        <v>8.4353376049246198E-2</v>
      </c>
      <c r="AO1364" s="1">
        <v>7154.6007564000029</v>
      </c>
      <c r="AP1364" s="2">
        <v>0.20637627059719446</v>
      </c>
      <c r="AQ1364" s="3">
        <v>29529.729025299999</v>
      </c>
      <c r="AR1364" s="3">
        <v>30260.924344999999</v>
      </c>
      <c r="AS1364" s="3">
        <v>31523.3739527</v>
      </c>
      <c r="AT1364" s="3">
        <v>32167.234060399998</v>
      </c>
      <c r="AU1364" s="3">
        <v>33356.728868300001</v>
      </c>
      <c r="AV1364" s="3">
        <v>34586.184173299996</v>
      </c>
      <c r="AW1364" s="3">
        <v>34667.749037699999</v>
      </c>
      <c r="AX1364" s="3">
        <v>35517.874841500001</v>
      </c>
      <c r="AY1364" s="3">
        <v>36334.194154700002</v>
      </c>
      <c r="AZ1364" s="3">
        <v>38568.930311700002</v>
      </c>
      <c r="BA1364" s="3">
        <v>38680.388973100002</v>
      </c>
      <c r="BB1364" s="3">
        <v>39048.857425000002</v>
      </c>
      <c r="BC1364" s="3">
        <v>38749.811706</v>
      </c>
      <c r="BD1364" s="3">
        <v>39500.604846599999</v>
      </c>
      <c r="BE1364" s="3">
        <v>40257.490812800002</v>
      </c>
      <c r="BF1364" s="3">
        <v>41822.349794100002</v>
      </c>
      <c r="BG1364" s="1">
        <v>-44.47705290600004</v>
      </c>
      <c r="BH1364" s="2">
        <v>-4.5098187861451075E-2</v>
      </c>
      <c r="BI1364" s="1">
        <v>-26.174795280000012</v>
      </c>
      <c r="BJ1364" s="2">
        <v>-2.6540333894587258E-2</v>
      </c>
      <c r="BK1364" s="1">
        <v>-18.052257626000028</v>
      </c>
      <c r="BL1364" s="2">
        <v>-1.8803411462871122E-2</v>
      </c>
      <c r="BM1364" s="1">
        <v>-0.25</v>
      </c>
      <c r="BN1364" s="2">
        <v>-2.6539278131634819E-4</v>
      </c>
      <c r="BO1364" s="1">
        <v>-18.302257626000028</v>
      </c>
      <c r="BP1364" s="2">
        <v>-1.9063813954521103E-2</v>
      </c>
      <c r="BQ1364" s="1">
        <v>986.22705290600004</v>
      </c>
      <c r="BR1364" s="1">
        <v>955.08727719199999</v>
      </c>
      <c r="BS1364" s="1">
        <v>953.29532509299997</v>
      </c>
      <c r="BT1364" s="1">
        <v>960.05225762600003</v>
      </c>
      <c r="BU1364" s="1">
        <v>947</v>
      </c>
      <c r="BV1364" s="1">
        <v>954</v>
      </c>
      <c r="BW1364" s="1">
        <v>942</v>
      </c>
      <c r="BX1364" s="1">
        <v>948</v>
      </c>
      <c r="BY1364" s="1">
        <v>971</v>
      </c>
      <c r="BZ1364" s="1">
        <v>985</v>
      </c>
      <c r="CA1364" s="1">
        <v>966</v>
      </c>
      <c r="CB1364" s="1">
        <v>968</v>
      </c>
      <c r="CC1364" s="1">
        <v>941.75</v>
      </c>
      <c r="CD1364" s="1">
        <v>-1694.16</v>
      </c>
      <c r="CE1364" s="27">
        <v>0</v>
      </c>
      <c r="CF1364" s="27">
        <v>1664.9</v>
      </c>
      <c r="CG1364" s="27">
        <v>1665</v>
      </c>
      <c r="CH1364" s="27"/>
      <c r="CI1364" s="27"/>
      <c r="CJ1364" s="27"/>
      <c r="CK1364" s="27"/>
      <c r="CL1364" s="27"/>
      <c r="CM1364" s="27"/>
      <c r="CN1364" s="27"/>
      <c r="CO1364" s="27"/>
      <c r="CP1364" s="27"/>
      <c r="CQ1364" s="27"/>
      <c r="CR1364" s="27"/>
      <c r="CS1364" s="27"/>
      <c r="CT1364" s="27"/>
      <c r="CU1364" s="27"/>
      <c r="CV1364" s="27"/>
      <c r="CW1364" s="27"/>
      <c r="CX1364" s="27"/>
      <c r="CY1364" s="23" t="s">
        <v>595</v>
      </c>
      <c r="CZ1364" s="23" t="s">
        <v>596</v>
      </c>
      <c r="DA1364" s="24" t="s">
        <v>72</v>
      </c>
      <c r="DB1364" s="25"/>
      <c r="DC1364" s="25" t="s">
        <v>597</v>
      </c>
      <c r="DD1364" s="25" t="s">
        <v>573</v>
      </c>
      <c r="DE1364" s="25" t="s">
        <v>598</v>
      </c>
      <c r="DF1364" s="25" t="s">
        <v>363</v>
      </c>
      <c r="DG1364" s="25" t="s">
        <v>364</v>
      </c>
      <c r="DH1364" s="25" t="s">
        <v>365</v>
      </c>
      <c r="DI1364" s="25" t="s">
        <v>575</v>
      </c>
      <c r="DJ1364" s="25" t="s">
        <v>366</v>
      </c>
      <c r="DK1364" s="25" t="s">
        <v>599</v>
      </c>
      <c r="DL1364" s="25">
        <v>8</v>
      </c>
      <c r="DM1364" s="25" t="s">
        <v>368</v>
      </c>
      <c r="DN1364" s="25">
        <v>5</v>
      </c>
      <c r="DO1364" s="25" t="s">
        <v>429</v>
      </c>
      <c r="DP1364" s="6"/>
      <c r="DQ1364" s="6"/>
    </row>
    <row r="1365" spans="1:121" x14ac:dyDescent="0.2">
      <c r="A1365" s="6" t="s">
        <v>1</v>
      </c>
      <c r="B1365" s="6" t="s">
        <v>1</v>
      </c>
      <c r="C1365" s="6" t="s">
        <v>2</v>
      </c>
      <c r="D1365" s="6" t="s">
        <v>336</v>
      </c>
      <c r="E1365" s="6" t="s">
        <v>330</v>
      </c>
      <c r="F1365" s="11">
        <v>185</v>
      </c>
      <c r="G1365" s="13">
        <v>3.6048324240100002E-2</v>
      </c>
      <c r="H1365" s="11">
        <v>-435.55406768000012</v>
      </c>
      <c r="I1365" s="13">
        <v>-8.4871000964766755E-2</v>
      </c>
      <c r="J1365" s="11">
        <v>25.887418760000401</v>
      </c>
      <c r="K1365" s="13">
        <v>5.5121836877453411E-3</v>
      </c>
      <c r="L1365" s="11">
        <v>594.84720672999993</v>
      </c>
      <c r="M1365" s="13">
        <v>0.12596590809312905</v>
      </c>
      <c r="N1365" s="11">
        <v>620.73462549000033</v>
      </c>
      <c r="O1365" s="13">
        <v>0.13217243900467734</v>
      </c>
      <c r="P1365" s="7">
        <v>5131.9539386699998</v>
      </c>
      <c r="Q1365" s="7">
        <v>5158.4386694699997</v>
      </c>
      <c r="R1365" s="7">
        <v>5078.8275358999999</v>
      </c>
      <c r="S1365" s="7">
        <v>4767.6789482200002</v>
      </c>
      <c r="T1365" s="7">
        <v>4859.6456645500002</v>
      </c>
      <c r="U1365" s="7">
        <v>4796.4964352500001</v>
      </c>
      <c r="V1365" s="7">
        <v>4696.3998709899997</v>
      </c>
      <c r="W1365" s="7">
        <v>4707.6361625099998</v>
      </c>
      <c r="X1365" s="7">
        <v>4942.1347254000002</v>
      </c>
      <c r="Y1365" s="7">
        <v>4722.2872897500001</v>
      </c>
      <c r="Z1365" s="7">
        <v>4885.0428565599996</v>
      </c>
      <c r="AA1365" s="7">
        <v>5043.40603199</v>
      </c>
      <c r="AB1365" s="7">
        <v>4904.8242100300004</v>
      </c>
      <c r="AC1365" s="7">
        <v>5143.5984504899998</v>
      </c>
      <c r="AD1365" s="7">
        <v>5219.5365445500001</v>
      </c>
      <c r="AE1365" s="7">
        <v>5258.4920430399998</v>
      </c>
      <c r="AF1365" s="7">
        <v>5317.1344964800001</v>
      </c>
      <c r="AG1365" s="9">
        <v>9635.326480300002</v>
      </c>
      <c r="AH1365" s="13">
        <v>0.48650777504608533</v>
      </c>
      <c r="AI1365" s="9">
        <v>1951.8538896999999</v>
      </c>
      <c r="AJ1365" s="13">
        <v>9.8553182918554111E-2</v>
      </c>
      <c r="AK1365" s="9">
        <v>2928.4224691000018</v>
      </c>
      <c r="AL1365" s="13">
        <v>0.13459719032870346</v>
      </c>
      <c r="AM1365" s="9">
        <v>4755.0501215000004</v>
      </c>
      <c r="AN1365" s="13">
        <v>0.19262633387977263</v>
      </c>
      <c r="AO1365" s="9">
        <v>7683.4725906000021</v>
      </c>
      <c r="AP1365" s="13">
        <v>0.35315048753201228</v>
      </c>
      <c r="AQ1365" s="9">
        <v>19805.0822094</v>
      </c>
      <c r="AR1365" s="9">
        <v>19848.3690307</v>
      </c>
      <c r="AS1365" s="9">
        <v>19786.195265999999</v>
      </c>
      <c r="AT1365" s="9">
        <v>20636.060385100001</v>
      </c>
      <c r="AU1365" s="9">
        <v>21170.1324313</v>
      </c>
      <c r="AV1365" s="9">
        <v>21290.670600599999</v>
      </c>
      <c r="AW1365" s="9">
        <v>21756.936099099999</v>
      </c>
      <c r="AX1365" s="9">
        <v>23343.337330499999</v>
      </c>
      <c r="AY1365" s="9">
        <v>23885.965272199999</v>
      </c>
      <c r="AZ1365" s="9">
        <v>24685.358568200001</v>
      </c>
      <c r="BA1365" s="9">
        <v>25443.052123599999</v>
      </c>
      <c r="BB1365" s="9">
        <v>26609.715346199999</v>
      </c>
      <c r="BC1365" s="9">
        <v>27938.0401413</v>
      </c>
      <c r="BD1365" s="9">
        <v>28487.573511499999</v>
      </c>
      <c r="BE1365" s="9">
        <v>29126.303505100001</v>
      </c>
      <c r="BF1365" s="9">
        <v>29440.408689700002</v>
      </c>
      <c r="BG1365" s="11">
        <v>45.25</v>
      </c>
      <c r="BH1365" s="13">
        <v>0.18319838056680163</v>
      </c>
      <c r="BI1365" s="6">
        <v>17</v>
      </c>
      <c r="BJ1365" s="13">
        <v>6.8825910931174086E-2</v>
      </c>
      <c r="BK1365" s="6">
        <v>-11</v>
      </c>
      <c r="BL1365" s="13">
        <v>-4.1666666666666664E-2</v>
      </c>
      <c r="BM1365" s="11">
        <v>39.25</v>
      </c>
      <c r="BN1365" s="13">
        <v>0.15513833992094861</v>
      </c>
      <c r="BO1365" s="11">
        <v>28.25</v>
      </c>
      <c r="BP1365" s="13">
        <v>0.10700757575757576</v>
      </c>
      <c r="BQ1365" s="6">
        <v>247</v>
      </c>
      <c r="BR1365" s="6">
        <v>258</v>
      </c>
      <c r="BS1365" s="6">
        <v>253</v>
      </c>
      <c r="BT1365" s="6">
        <v>264</v>
      </c>
      <c r="BU1365" s="6">
        <v>265</v>
      </c>
      <c r="BV1365" s="6">
        <v>261</v>
      </c>
      <c r="BW1365" s="6">
        <v>253</v>
      </c>
      <c r="BX1365" s="6">
        <v>252</v>
      </c>
      <c r="BY1365" s="6">
        <v>265</v>
      </c>
      <c r="BZ1365" s="6">
        <v>273</v>
      </c>
      <c r="CA1365" s="6">
        <v>288</v>
      </c>
      <c r="CB1365" s="6">
        <v>290</v>
      </c>
      <c r="CC1365" s="11">
        <v>292.25</v>
      </c>
      <c r="CD1365" s="11">
        <v>92.095399999999998</v>
      </c>
      <c r="CE1365" s="11">
        <v>-467.899</v>
      </c>
      <c r="CF1365" s="11">
        <v>560.98400000000004</v>
      </c>
      <c r="CG1365" s="11">
        <v>93</v>
      </c>
      <c r="CH1365" s="20">
        <v>1.3701000000000001</v>
      </c>
      <c r="CI1365" s="20">
        <v>1.3720699999999999</v>
      </c>
      <c r="CJ1365" s="20">
        <v>1.3307800000000001</v>
      </c>
      <c r="CK1365" s="20">
        <v>1.2415</v>
      </c>
      <c r="CL1365" s="20">
        <v>1.25681</v>
      </c>
      <c r="CM1365" s="20">
        <v>1.24082</v>
      </c>
      <c r="CN1365" s="20">
        <v>1.2384200000000001</v>
      </c>
      <c r="CO1365" s="20">
        <v>1.27677</v>
      </c>
      <c r="CP1365" s="20">
        <v>1.3346199999999999</v>
      </c>
      <c r="CQ1365" s="20">
        <v>1.27153</v>
      </c>
      <c r="CR1365" s="20">
        <v>1.3178799999999999</v>
      </c>
      <c r="CS1365" s="20">
        <v>1.3640000000000001</v>
      </c>
      <c r="CT1365" s="20">
        <v>1.33707</v>
      </c>
      <c r="CU1365" s="20">
        <v>1.41242</v>
      </c>
      <c r="CV1365" s="20">
        <v>1.4292899999999999</v>
      </c>
      <c r="CW1365" s="20">
        <v>1.45556</v>
      </c>
      <c r="CX1365" s="20">
        <v>1.4688099999999999</v>
      </c>
      <c r="CY1365" s="6"/>
      <c r="CZ1365" s="6"/>
      <c r="DA1365" s="6"/>
      <c r="DB1365" s="6"/>
      <c r="DC1365" s="6"/>
      <c r="DD1365" s="6"/>
      <c r="DE1365" s="6"/>
      <c r="DF1365" s="6"/>
      <c r="DG1365" s="6"/>
      <c r="DH1365" s="6"/>
      <c r="DI1365" s="6"/>
      <c r="DJ1365" s="6"/>
      <c r="DK1365" s="6"/>
      <c r="DL1365" s="6"/>
      <c r="DM1365" s="6"/>
      <c r="DN1365" s="6"/>
      <c r="DO1365" s="6"/>
      <c r="DP1365" s="6"/>
      <c r="DQ1365" s="6"/>
    </row>
    <row r="1366" spans="1:121" x14ac:dyDescent="0.2">
      <c r="A1366" s="6" t="s">
        <v>310</v>
      </c>
      <c r="B1366" s="6" t="s">
        <v>310</v>
      </c>
      <c r="C1366" s="6" t="s">
        <v>173</v>
      </c>
      <c r="D1366" s="6" t="s">
        <v>336</v>
      </c>
      <c r="E1366" s="6" t="s">
        <v>330</v>
      </c>
      <c r="F1366" s="11">
        <v>-47</v>
      </c>
      <c r="G1366" s="13">
        <v>-0.13623188405799999</v>
      </c>
      <c r="H1366" s="11">
        <v>57.185260959999994</v>
      </c>
      <c r="I1366" s="13">
        <v>0.16569899821542727</v>
      </c>
      <c r="J1366" s="11">
        <v>-62.851725201999955</v>
      </c>
      <c r="K1366" s="13">
        <v>-0.15623076352533943</v>
      </c>
      <c r="L1366" s="11">
        <v>-41.739071044000013</v>
      </c>
      <c r="M1366" s="13">
        <v>-0.122961299459591</v>
      </c>
      <c r="N1366" s="11">
        <v>-104.59079624599997</v>
      </c>
      <c r="O1366" s="13">
        <v>-0.2599817252862906</v>
      </c>
      <c r="P1366" s="7">
        <v>345.11530893899999</v>
      </c>
      <c r="Q1366" s="7">
        <v>325.84190955000003</v>
      </c>
      <c r="R1366" s="7">
        <v>347.61260610599999</v>
      </c>
      <c r="S1366" s="7">
        <v>376.271208683</v>
      </c>
      <c r="T1366" s="7">
        <v>410.41447986899999</v>
      </c>
      <c r="U1366" s="7">
        <v>405.36164359100002</v>
      </c>
      <c r="V1366" s="7">
        <v>402.30056989899998</v>
      </c>
      <c r="W1366" s="7">
        <v>363.57953624100003</v>
      </c>
      <c r="X1366" s="7">
        <v>332.568971062</v>
      </c>
      <c r="Y1366" s="7">
        <v>339.44884469700003</v>
      </c>
      <c r="Z1366" s="7">
        <v>301.04376265600001</v>
      </c>
      <c r="AA1366" s="7">
        <v>284.62557834299997</v>
      </c>
      <c r="AB1366" s="7">
        <v>257.607320759</v>
      </c>
      <c r="AC1366" s="7">
        <v>283.25875773199999</v>
      </c>
      <c r="AD1366" s="7">
        <v>286.68691217100002</v>
      </c>
      <c r="AE1366" s="7">
        <v>293.47849228899997</v>
      </c>
      <c r="AF1366" s="7">
        <v>297.70977365300001</v>
      </c>
      <c r="AG1366" s="9">
        <v>14055.986219099999</v>
      </c>
      <c r="AH1366" s="13">
        <v>0.35820741878784662</v>
      </c>
      <c r="AI1366" s="9">
        <v>9148.1974327999997</v>
      </c>
      <c r="AJ1366" s="13">
        <v>0.2331357001838833</v>
      </c>
      <c r="AK1366" s="9">
        <v>2579.3650167000014</v>
      </c>
      <c r="AL1366" s="13">
        <v>5.3305888649201695E-2</v>
      </c>
      <c r="AM1366" s="9">
        <v>2328.4237695999982</v>
      </c>
      <c r="AN1366" s="13">
        <v>4.5684607118254193E-2</v>
      </c>
      <c r="AO1366" s="9">
        <v>4907.7887862999996</v>
      </c>
      <c r="AP1366" s="13">
        <v>0.10142575434748408</v>
      </c>
      <c r="AQ1366" s="9">
        <v>39239.796502999998</v>
      </c>
      <c r="AR1366" s="9">
        <v>37896.885538000002</v>
      </c>
      <c r="AS1366" s="9">
        <v>41190.969810900002</v>
      </c>
      <c r="AT1366" s="9">
        <v>41098.863892499998</v>
      </c>
      <c r="AU1366" s="9">
        <v>42495.370288799997</v>
      </c>
      <c r="AV1366" s="9">
        <v>47866.944442</v>
      </c>
      <c r="AW1366" s="9">
        <v>48387.993935799997</v>
      </c>
      <c r="AX1366" s="9">
        <v>48813.566707700003</v>
      </c>
      <c r="AY1366" s="9">
        <v>49580.302688399999</v>
      </c>
      <c r="AZ1366" s="9">
        <v>50967.358952499999</v>
      </c>
      <c r="BA1366" s="9">
        <v>49947.141240500001</v>
      </c>
      <c r="BB1366" s="9">
        <v>49366.170318099998</v>
      </c>
      <c r="BC1366" s="9">
        <v>47654.701180299999</v>
      </c>
      <c r="BD1366" s="9">
        <v>50510.705443999999</v>
      </c>
      <c r="BE1366" s="9">
        <v>53996.8967042</v>
      </c>
      <c r="BF1366" s="9">
        <v>53295.782722099997</v>
      </c>
      <c r="BG1366" s="11">
        <v>-14.5</v>
      </c>
      <c r="BH1366" s="13">
        <v>-0.29591836734693877</v>
      </c>
      <c r="BI1366" s="6">
        <v>-3</v>
      </c>
      <c r="BJ1366" s="13">
        <v>-6.1224489795918366E-2</v>
      </c>
      <c r="BK1366" s="6">
        <v>-7</v>
      </c>
      <c r="BL1366" s="13">
        <v>-0.15217391304347827</v>
      </c>
      <c r="BM1366" s="11">
        <v>-4.5</v>
      </c>
      <c r="BN1366" s="13">
        <v>-0.11538461538461539</v>
      </c>
      <c r="BO1366" s="11">
        <v>-11.5</v>
      </c>
      <c r="BP1366" s="13">
        <v>-0.25</v>
      </c>
      <c r="BQ1366" s="6">
        <v>49</v>
      </c>
      <c r="BR1366" s="6">
        <v>47</v>
      </c>
      <c r="BS1366" s="6">
        <v>45</v>
      </c>
      <c r="BT1366" s="6">
        <v>46</v>
      </c>
      <c r="BU1366" s="6">
        <v>44</v>
      </c>
      <c r="BV1366" s="6">
        <v>40</v>
      </c>
      <c r="BW1366" s="6">
        <v>39</v>
      </c>
      <c r="BX1366" s="6">
        <v>35</v>
      </c>
      <c r="BY1366" s="6">
        <v>38</v>
      </c>
      <c r="BZ1366" s="6">
        <v>36</v>
      </c>
      <c r="CA1366" s="6">
        <v>34</v>
      </c>
      <c r="CB1366" s="6">
        <v>34</v>
      </c>
      <c r="CC1366" s="11">
        <v>34.5</v>
      </c>
      <c r="CD1366" s="11">
        <v>-120.93600000000001</v>
      </c>
      <c r="CE1366" s="11">
        <v>35.805</v>
      </c>
      <c r="CF1366" s="11">
        <v>37.725299999999997</v>
      </c>
      <c r="CG1366" s="11">
        <v>74</v>
      </c>
      <c r="CH1366" s="20">
        <v>0.324743</v>
      </c>
      <c r="CI1366" s="20">
        <v>0.31908999999999998</v>
      </c>
      <c r="CJ1366" s="20">
        <v>0.34009400000000001</v>
      </c>
      <c r="CK1366" s="20">
        <v>0.35399900000000001</v>
      </c>
      <c r="CL1366" s="20">
        <v>0.35778599999999999</v>
      </c>
      <c r="CM1366" s="20">
        <v>0.32087399999999999</v>
      </c>
      <c r="CN1366" s="20">
        <v>0.30122599999999999</v>
      </c>
      <c r="CO1366" s="20">
        <v>0.25262099999999998</v>
      </c>
      <c r="CP1366" s="20">
        <v>0.25274999999999997</v>
      </c>
      <c r="CQ1366" s="20">
        <v>0.25224299999999999</v>
      </c>
      <c r="CR1366" s="20">
        <v>0.201768</v>
      </c>
      <c r="CS1366" s="20">
        <v>0.17747099999999999</v>
      </c>
      <c r="CT1366" s="20">
        <v>0.16067799999999999</v>
      </c>
      <c r="CU1366" s="20">
        <v>0.174652</v>
      </c>
      <c r="CV1366" s="20">
        <v>0.19924500000000001</v>
      </c>
      <c r="CW1366" s="20">
        <v>0.24268600000000001</v>
      </c>
      <c r="CX1366" s="20">
        <v>0.243283</v>
      </c>
      <c r="CY1366" s="6"/>
      <c r="CZ1366" s="6"/>
      <c r="DA1366" s="6"/>
      <c r="DB1366" s="6"/>
      <c r="DC1366" s="6"/>
      <c r="DD1366" s="6"/>
      <c r="DE1366" s="6"/>
      <c r="DF1366" s="6"/>
      <c r="DG1366" s="6"/>
      <c r="DH1366" s="6"/>
      <c r="DI1366" s="6"/>
      <c r="DJ1366" s="6"/>
      <c r="DK1366" s="6"/>
      <c r="DL1366" s="6"/>
      <c r="DM1366" s="6"/>
      <c r="DN1366" s="6"/>
      <c r="DO1366" s="6"/>
      <c r="DP1366" s="6"/>
      <c r="DQ1366" s="6"/>
    </row>
    <row r="1367" spans="1:121" x14ac:dyDescent="0.2">
      <c r="A1367" s="6" t="s">
        <v>311</v>
      </c>
      <c r="B1367" s="6" t="s">
        <v>311</v>
      </c>
      <c r="C1367" s="6" t="s">
        <v>174</v>
      </c>
      <c r="D1367" s="6" t="s">
        <v>336</v>
      </c>
      <c r="E1367" s="6" t="s">
        <v>330</v>
      </c>
      <c r="F1367" s="11">
        <v>30</v>
      </c>
      <c r="G1367" s="13">
        <v>2.0891364902500001E-2</v>
      </c>
      <c r="H1367" s="11">
        <v>-23.688138999999865</v>
      </c>
      <c r="I1367" s="13">
        <v>-1.6497227158179285E-2</v>
      </c>
      <c r="J1367" s="11">
        <v>-19.747289570000021</v>
      </c>
      <c r="K1367" s="13">
        <v>-1.3983372200771603E-2</v>
      </c>
      <c r="L1367" s="11">
        <v>73.138084059999983</v>
      </c>
      <c r="M1367" s="13">
        <v>5.2524722121852149E-2</v>
      </c>
      <c r="N1367" s="11">
        <v>53.390794489999962</v>
      </c>
      <c r="O1367" s="13">
        <v>3.7806877181908595E-2</v>
      </c>
      <c r="P1367" s="7">
        <v>1435.88609</v>
      </c>
      <c r="Q1367" s="7">
        <v>1444.6850469999999</v>
      </c>
      <c r="R1367" s="7">
        <v>1366.697694</v>
      </c>
      <c r="S1367" s="7">
        <v>1449.135749</v>
      </c>
      <c r="T1367" s="7">
        <v>1395.6906240000001</v>
      </c>
      <c r="U1367" s="7">
        <v>1335.9118289999999</v>
      </c>
      <c r="V1367" s="7">
        <v>1412.1979510000001</v>
      </c>
      <c r="W1367" s="7">
        <v>1379.2066199999999</v>
      </c>
      <c r="X1367" s="7">
        <v>1461.4227100000001</v>
      </c>
      <c r="Y1367" s="7">
        <v>1392.4506614300001</v>
      </c>
      <c r="Z1367" s="7">
        <v>1419.6076528900001</v>
      </c>
      <c r="AA1367" s="7">
        <v>1450.7860011400001</v>
      </c>
      <c r="AB1367" s="7">
        <v>1462.04515399</v>
      </c>
      <c r="AC1367" s="7">
        <v>1450.5499758799999</v>
      </c>
      <c r="AD1367" s="7">
        <v>1478.82906308</v>
      </c>
      <c r="AE1367" s="7">
        <v>1461.79918714</v>
      </c>
      <c r="AF1367" s="7">
        <v>1465.5887454900001</v>
      </c>
      <c r="AG1367" s="9">
        <v>31895.544879099994</v>
      </c>
      <c r="AH1367" s="13">
        <v>0.45099731018387046</v>
      </c>
      <c r="AI1367" s="9">
        <v>8528.480985999995</v>
      </c>
      <c r="AJ1367" s="13">
        <v>0.12059119852693402</v>
      </c>
      <c r="AK1367" s="9">
        <v>18135.521513200001</v>
      </c>
      <c r="AL1367" s="13">
        <v>0.2288372751321642</v>
      </c>
      <c r="AM1367" s="9">
        <v>5231.5423798999982</v>
      </c>
      <c r="AN1367" s="13">
        <v>5.3719515875072933E-2</v>
      </c>
      <c r="AO1367" s="9">
        <v>23367.063893099999</v>
      </c>
      <c r="AP1367" s="13">
        <v>0.29484981864150789</v>
      </c>
      <c r="AQ1367" s="9">
        <v>70722.250795900007</v>
      </c>
      <c r="AR1367" s="9">
        <v>72238.176502500006</v>
      </c>
      <c r="AS1367" s="9">
        <v>73885.570416799994</v>
      </c>
      <c r="AT1367" s="9">
        <v>70376.777249299994</v>
      </c>
      <c r="AU1367" s="9">
        <v>76271.719485399997</v>
      </c>
      <c r="AV1367" s="9">
        <v>82259.669520199997</v>
      </c>
      <c r="AW1367" s="9">
        <v>79250.731781900002</v>
      </c>
      <c r="AX1367" s="9">
        <v>91086.057000800007</v>
      </c>
      <c r="AY1367" s="9">
        <v>92732.606704100006</v>
      </c>
      <c r="AZ1367" s="9">
        <v>97386.253295100003</v>
      </c>
      <c r="BA1367" s="9">
        <v>98848.212488999998</v>
      </c>
      <c r="BB1367" s="9">
        <v>91830.925093099999</v>
      </c>
      <c r="BC1367" s="9">
        <v>97826.836209999994</v>
      </c>
      <c r="BD1367" s="9">
        <v>100265.394864</v>
      </c>
      <c r="BE1367" s="9">
        <v>100611.582132</v>
      </c>
      <c r="BF1367" s="9">
        <v>102617.795675</v>
      </c>
      <c r="BG1367" s="11">
        <v>0</v>
      </c>
      <c r="BH1367" s="13">
        <v>0</v>
      </c>
      <c r="BI1367" s="6">
        <v>-1</v>
      </c>
      <c r="BJ1367" s="13">
        <v>-1.6949152542372881E-2</v>
      </c>
      <c r="BK1367" s="6">
        <v>-1</v>
      </c>
      <c r="BL1367" s="13">
        <v>-1.7241379310344827E-2</v>
      </c>
      <c r="BM1367" s="11">
        <v>2</v>
      </c>
      <c r="BN1367" s="13">
        <v>3.5087719298245612E-2</v>
      </c>
      <c r="BO1367" s="11">
        <v>1</v>
      </c>
      <c r="BP1367" s="13">
        <v>1.7241379310344827E-2</v>
      </c>
      <c r="BQ1367" s="6">
        <v>59</v>
      </c>
      <c r="BR1367" s="6">
        <v>58</v>
      </c>
      <c r="BS1367" s="6">
        <v>58</v>
      </c>
      <c r="BT1367" s="6">
        <v>58</v>
      </c>
      <c r="BU1367" s="6">
        <v>59</v>
      </c>
      <c r="BV1367" s="6">
        <v>60</v>
      </c>
      <c r="BW1367" s="6">
        <v>57</v>
      </c>
      <c r="BX1367" s="6">
        <v>57</v>
      </c>
      <c r="BY1367" s="6">
        <v>55</v>
      </c>
      <c r="BZ1367" s="6">
        <v>56</v>
      </c>
      <c r="CA1367" s="6">
        <v>57</v>
      </c>
      <c r="CB1367" s="6">
        <v>59</v>
      </c>
      <c r="CC1367" s="11">
        <v>59</v>
      </c>
      <c r="CD1367" s="11">
        <v>106.568</v>
      </c>
      <c r="CE1367" s="11">
        <v>-233.82499999999999</v>
      </c>
      <c r="CF1367" s="11">
        <v>156.96</v>
      </c>
      <c r="CG1367" s="11">
        <v>-77</v>
      </c>
      <c r="CH1367" s="20">
        <v>1.2331799999999999</v>
      </c>
      <c r="CI1367" s="20">
        <v>1.2402599999999999</v>
      </c>
      <c r="CJ1367" s="20">
        <v>1.1935100000000001</v>
      </c>
      <c r="CK1367" s="20">
        <v>1.2918700000000001</v>
      </c>
      <c r="CL1367" s="20">
        <v>1.27363</v>
      </c>
      <c r="CM1367" s="20">
        <v>1.2258</v>
      </c>
      <c r="CN1367" s="20">
        <v>1.30305</v>
      </c>
      <c r="CO1367" s="20">
        <v>1.2535000000000001</v>
      </c>
      <c r="CP1367" s="20">
        <v>1.30436</v>
      </c>
      <c r="CQ1367" s="20">
        <v>1.2521899999999999</v>
      </c>
      <c r="CR1367" s="20">
        <v>1.29003</v>
      </c>
      <c r="CS1367" s="20">
        <v>1.3390299999999999</v>
      </c>
      <c r="CT1367" s="20">
        <v>1.377</v>
      </c>
      <c r="CU1367" s="20">
        <v>1.38646</v>
      </c>
      <c r="CV1367" s="20">
        <v>1.41164</v>
      </c>
      <c r="CW1367" s="20">
        <v>1.4087099999999999</v>
      </c>
      <c r="CX1367" s="20">
        <v>1.401</v>
      </c>
      <c r="CY1367" s="6"/>
      <c r="CZ1367" s="6"/>
      <c r="DA1367" s="6"/>
      <c r="DB1367" s="6"/>
      <c r="DC1367" s="6"/>
      <c r="DD1367" s="6"/>
      <c r="DE1367" s="6"/>
      <c r="DF1367" s="6"/>
      <c r="DG1367" s="6"/>
      <c r="DH1367" s="6"/>
      <c r="DI1367" s="6"/>
      <c r="DJ1367" s="6"/>
      <c r="DK1367" s="6"/>
      <c r="DL1367" s="6"/>
      <c r="DM1367" s="6"/>
      <c r="DN1367" s="6"/>
      <c r="DO1367" s="6"/>
      <c r="DP1367" s="6"/>
      <c r="DQ1367" s="6"/>
    </row>
    <row r="1368" spans="1:121" x14ac:dyDescent="0.2">
      <c r="A1368" s="6" t="s">
        <v>312</v>
      </c>
      <c r="B1368" s="6" t="s">
        <v>312</v>
      </c>
      <c r="C1368" s="6" t="s">
        <v>175</v>
      </c>
      <c r="D1368" s="6" t="s">
        <v>336</v>
      </c>
      <c r="E1368" s="6" t="s">
        <v>330</v>
      </c>
      <c r="F1368" s="11">
        <v>-2443</v>
      </c>
      <c r="G1368" s="13">
        <v>-0.17169161571399999</v>
      </c>
      <c r="H1368" s="11">
        <v>1764.5168649999996</v>
      </c>
      <c r="I1368" s="13">
        <v>0.12400807847262468</v>
      </c>
      <c r="J1368" s="11">
        <v>-3729.5894241999995</v>
      </c>
      <c r="K1368" s="13">
        <v>-0.23319313257115601</v>
      </c>
      <c r="L1368" s="11">
        <v>-477.55210520000037</v>
      </c>
      <c r="M1368" s="13">
        <v>-3.8939422114920283E-2</v>
      </c>
      <c r="N1368" s="11">
        <v>-4207.1415293999999</v>
      </c>
      <c r="O1368" s="13">
        <v>-0.26305214886258743</v>
      </c>
      <c r="P1368" s="7">
        <v>14229.0477099</v>
      </c>
      <c r="Q1368" s="7">
        <v>13770.077518100001</v>
      </c>
      <c r="R1368" s="7">
        <v>14344.952434500001</v>
      </c>
      <c r="S1368" s="7">
        <v>14906.7609882</v>
      </c>
      <c r="T1368" s="7">
        <v>15590.7161008</v>
      </c>
      <c r="U1368" s="7">
        <v>16132.8805201</v>
      </c>
      <c r="V1368" s="7">
        <v>15993.5645749</v>
      </c>
      <c r="W1368" s="7">
        <v>14959.3467666</v>
      </c>
      <c r="X1368" s="7">
        <v>13183.342329499999</v>
      </c>
      <c r="Y1368" s="7">
        <v>12263.9751507</v>
      </c>
      <c r="Z1368" s="7">
        <v>11733.1133224</v>
      </c>
      <c r="AA1368" s="7">
        <v>11759.8224909</v>
      </c>
      <c r="AB1368" s="7">
        <v>11885.427065</v>
      </c>
      <c r="AC1368" s="7">
        <v>11538.0113105</v>
      </c>
      <c r="AD1368" s="7">
        <v>11856.9355799</v>
      </c>
      <c r="AE1368" s="7">
        <v>11855.799821299999</v>
      </c>
      <c r="AF1368" s="7">
        <v>11786.4230455</v>
      </c>
      <c r="AG1368" s="9">
        <v>9348.7014572999979</v>
      </c>
      <c r="AH1368" s="13">
        <v>0.30323665562814889</v>
      </c>
      <c r="AI1368" s="9">
        <v>3817.6267165000027</v>
      </c>
      <c r="AJ1368" s="13">
        <v>0.12382942842229468</v>
      </c>
      <c r="AK1368" s="9">
        <v>765.27966059999744</v>
      </c>
      <c r="AL1368" s="13">
        <v>2.2087683860909299E-2</v>
      </c>
      <c r="AM1368" s="9">
        <v>4765.7950801999978</v>
      </c>
      <c r="AN1368" s="13">
        <v>0.13457897500679292</v>
      </c>
      <c r="AO1368" s="9">
        <v>5531.0747407999952</v>
      </c>
      <c r="AP1368" s="13">
        <v>0.15963919672197746</v>
      </c>
      <c r="AQ1368" s="9">
        <v>30829.720892199999</v>
      </c>
      <c r="AR1368" s="9">
        <v>30535.473563200001</v>
      </c>
      <c r="AS1368" s="9">
        <v>30807.418554600001</v>
      </c>
      <c r="AT1368" s="9">
        <v>31035.5138725</v>
      </c>
      <c r="AU1368" s="9">
        <v>31974.226976900001</v>
      </c>
      <c r="AV1368" s="9">
        <v>33530.965323800003</v>
      </c>
      <c r="AW1368" s="9">
        <v>34647.347608700002</v>
      </c>
      <c r="AX1368" s="9">
        <v>35452.5733702</v>
      </c>
      <c r="AY1368" s="9">
        <v>34287.006974700002</v>
      </c>
      <c r="AZ1368" s="9">
        <v>35412.627269299999</v>
      </c>
      <c r="BA1368" s="9">
        <v>36055.315804500002</v>
      </c>
      <c r="BB1368" s="9">
        <v>38201.9173151</v>
      </c>
      <c r="BC1368" s="9">
        <v>39819.8655383</v>
      </c>
      <c r="BD1368" s="9">
        <v>39561.042172000001</v>
      </c>
      <c r="BE1368" s="9">
        <v>39082.963624399999</v>
      </c>
      <c r="BF1368" s="9">
        <v>40178.422349499997</v>
      </c>
      <c r="BG1368" s="11">
        <v>-378.25</v>
      </c>
      <c r="BH1368" s="13">
        <v>-0.2381926952141058</v>
      </c>
      <c r="BI1368" s="6">
        <v>131</v>
      </c>
      <c r="BJ1368" s="13">
        <v>8.2493702770780858E-2</v>
      </c>
      <c r="BK1368" s="6">
        <v>-239</v>
      </c>
      <c r="BL1368" s="13">
        <v>-0.13903432228039558</v>
      </c>
      <c r="BM1368" s="11">
        <v>-270.25</v>
      </c>
      <c r="BN1368" s="13">
        <v>-0.18260135135135136</v>
      </c>
      <c r="BO1368" s="11">
        <v>-509.25</v>
      </c>
      <c r="BP1368" s="13">
        <v>-0.2962478184991274</v>
      </c>
      <c r="BQ1368" s="6">
        <v>1588</v>
      </c>
      <c r="BR1368" s="6">
        <v>1655</v>
      </c>
      <c r="BS1368" s="6">
        <v>1699</v>
      </c>
      <c r="BT1368" s="6">
        <v>1719</v>
      </c>
      <c r="BU1368" s="6">
        <v>1649</v>
      </c>
      <c r="BV1368" s="6">
        <v>1552</v>
      </c>
      <c r="BW1368" s="6">
        <v>1480</v>
      </c>
      <c r="BX1368" s="6">
        <v>1367</v>
      </c>
      <c r="BY1368" s="6">
        <v>1286</v>
      </c>
      <c r="BZ1368" s="6">
        <v>1269</v>
      </c>
      <c r="CA1368" s="6">
        <v>1249</v>
      </c>
      <c r="CB1368" s="6">
        <v>1240</v>
      </c>
      <c r="CC1368" s="11">
        <v>1209.75</v>
      </c>
      <c r="CD1368" s="11">
        <v>-2274.5300000000002</v>
      </c>
      <c r="CE1368" s="11">
        <v>-1723.5</v>
      </c>
      <c r="CF1368" s="11">
        <v>1555.41</v>
      </c>
      <c r="CG1368" s="11">
        <v>-169</v>
      </c>
      <c r="CH1368" s="20">
        <v>0.84252499999999997</v>
      </c>
      <c r="CI1368" s="20">
        <v>0.80940299999999998</v>
      </c>
      <c r="CJ1368" s="20">
        <v>0.81964999999999999</v>
      </c>
      <c r="CK1368" s="20">
        <v>0.81524200000000002</v>
      </c>
      <c r="CL1368" s="20">
        <v>0.81371199999999999</v>
      </c>
      <c r="CM1368" s="20">
        <v>0.80632999999999999</v>
      </c>
      <c r="CN1368" s="20">
        <v>0.81466300000000003</v>
      </c>
      <c r="CO1368" s="20">
        <v>0.80549400000000004</v>
      </c>
      <c r="CP1368" s="20">
        <v>0.80410499999999996</v>
      </c>
      <c r="CQ1368" s="20">
        <v>0.80631799999999998</v>
      </c>
      <c r="CR1368" s="20">
        <v>0.78773199999999999</v>
      </c>
      <c r="CS1368" s="20">
        <v>0.79435100000000003</v>
      </c>
      <c r="CT1368" s="20">
        <v>0.79940500000000003</v>
      </c>
      <c r="CU1368" s="20">
        <v>0.76366000000000001</v>
      </c>
      <c r="CV1368" s="20">
        <v>0.76203799999999999</v>
      </c>
      <c r="CW1368" s="20">
        <v>0.75337100000000001</v>
      </c>
      <c r="CX1368" s="20">
        <v>0.744004</v>
      </c>
      <c r="CY1368" s="6"/>
      <c r="CZ1368" s="6"/>
      <c r="DA1368" s="6"/>
      <c r="DB1368" s="6"/>
      <c r="DC1368" s="6"/>
      <c r="DD1368" s="6"/>
      <c r="DE1368" s="6"/>
      <c r="DF1368" s="6"/>
      <c r="DG1368" s="6"/>
      <c r="DH1368" s="6"/>
      <c r="DI1368" s="6"/>
      <c r="DJ1368" s="6"/>
      <c r="DK1368" s="6"/>
      <c r="DL1368" s="6"/>
      <c r="DM1368" s="6"/>
      <c r="DN1368" s="6"/>
      <c r="DO1368" s="6"/>
      <c r="DP1368" s="6"/>
      <c r="DQ1368" s="6"/>
    </row>
    <row r="1369" spans="1:121" x14ac:dyDescent="0.2">
      <c r="A1369" s="6" t="s">
        <v>792</v>
      </c>
      <c r="B1369" s="6" t="s">
        <v>176</v>
      </c>
      <c r="C1369" s="6" t="s">
        <v>177</v>
      </c>
      <c r="D1369" s="6" t="s">
        <v>336</v>
      </c>
      <c r="E1369" s="6" t="s">
        <v>330</v>
      </c>
      <c r="F1369" s="11">
        <v>-10420</v>
      </c>
      <c r="G1369" s="13">
        <v>-0.258061320521</v>
      </c>
      <c r="H1369" s="11">
        <v>-4395.3714627000008</v>
      </c>
      <c r="I1369" s="13">
        <v>-0.10885644020186444</v>
      </c>
      <c r="J1369" s="11">
        <v>-6287.0386632000009</v>
      </c>
      <c r="K1369" s="13">
        <v>-0.1747257857274257</v>
      </c>
      <c r="L1369" s="11">
        <v>262.83658279999872</v>
      </c>
      <c r="M1369" s="13">
        <v>8.851123640936074E-3</v>
      </c>
      <c r="N1369" s="11">
        <v>-6024.2020804000022</v>
      </c>
      <c r="O1369" s="13">
        <v>-0.16742118161922276</v>
      </c>
      <c r="P1369" s="7">
        <v>40377.688766500003</v>
      </c>
      <c r="Q1369" s="7">
        <v>38961.362175499999</v>
      </c>
      <c r="R1369" s="7">
        <v>37738.832628099997</v>
      </c>
      <c r="S1369" s="7">
        <v>37898.143568599997</v>
      </c>
      <c r="T1369" s="7">
        <v>39159.5394505</v>
      </c>
      <c r="U1369" s="7">
        <v>38271.879306399998</v>
      </c>
      <c r="V1369" s="7">
        <v>35982.317303800002</v>
      </c>
      <c r="W1369" s="7">
        <v>34245.588040800001</v>
      </c>
      <c r="X1369" s="7">
        <v>29339.496658200002</v>
      </c>
      <c r="Y1369" s="7">
        <v>29695.278640600001</v>
      </c>
      <c r="Z1369" s="7">
        <v>30127.7213821</v>
      </c>
      <c r="AA1369" s="7">
        <v>30512.406815300001</v>
      </c>
      <c r="AB1369" s="7">
        <v>29606.289691800001</v>
      </c>
      <c r="AC1369" s="7">
        <v>29506.101036799999</v>
      </c>
      <c r="AD1369" s="7">
        <v>29499.182585899998</v>
      </c>
      <c r="AE1369" s="7">
        <v>29483.8606999</v>
      </c>
      <c r="AF1369" s="7">
        <v>29958.1152234</v>
      </c>
      <c r="AG1369" s="9">
        <v>16456.856392400005</v>
      </c>
      <c r="AH1369" s="13">
        <v>0.47165008063436797</v>
      </c>
      <c r="AI1369" s="9">
        <v>8152.5820816999985</v>
      </c>
      <c r="AJ1369" s="13">
        <v>0.23365130645412063</v>
      </c>
      <c r="AK1369" s="9">
        <v>4901.7945050000053</v>
      </c>
      <c r="AL1369" s="13">
        <v>0.11387691971185944</v>
      </c>
      <c r="AM1369" s="9">
        <v>3402.4798057000007</v>
      </c>
      <c r="AN1369" s="13">
        <v>7.0964142900816332E-2</v>
      </c>
      <c r="AO1369" s="9">
        <v>8304.274310700006</v>
      </c>
      <c r="AP1369" s="13">
        <v>0.19292224061621296</v>
      </c>
      <c r="AQ1369" s="9">
        <v>34892.088580299998</v>
      </c>
      <c r="AR1369" s="9">
        <v>36629.225176</v>
      </c>
      <c r="AS1369" s="9">
        <v>38153.139363599999</v>
      </c>
      <c r="AT1369" s="9">
        <v>39544.592804899999</v>
      </c>
      <c r="AU1369" s="9">
        <v>41207.742717699999</v>
      </c>
      <c r="AV1369" s="9">
        <v>41639.289930699997</v>
      </c>
      <c r="AW1369" s="9">
        <v>43044.670661999997</v>
      </c>
      <c r="AX1369" s="9">
        <v>43591.620441400002</v>
      </c>
      <c r="AY1369" s="9">
        <v>44911.581388300001</v>
      </c>
      <c r="AZ1369" s="9">
        <v>47946.465167000002</v>
      </c>
      <c r="BA1369" s="9">
        <v>47351.935725399999</v>
      </c>
      <c r="BB1369" s="9">
        <v>47758.408674600003</v>
      </c>
      <c r="BC1369" s="9">
        <v>47421.748008199997</v>
      </c>
      <c r="BD1369" s="9">
        <v>48891.326965100001</v>
      </c>
      <c r="BE1369" s="9">
        <v>50236.058654100001</v>
      </c>
      <c r="BF1369" s="9">
        <v>51348.944972700003</v>
      </c>
      <c r="BG1369" s="11">
        <v>-92.75</v>
      </c>
      <c r="BH1369" s="13">
        <v>-0.1233377659574468</v>
      </c>
      <c r="BI1369" s="6">
        <v>2</v>
      </c>
      <c r="BJ1369" s="13">
        <v>2.6595744680851063E-3</v>
      </c>
      <c r="BK1369" s="6">
        <v>-43</v>
      </c>
      <c r="BL1369" s="13">
        <v>-5.7029177718832889E-2</v>
      </c>
      <c r="BM1369" s="11">
        <v>-51.75</v>
      </c>
      <c r="BN1369" s="13">
        <v>-7.2784810126582278E-2</v>
      </c>
      <c r="BO1369" s="11">
        <v>-94.75</v>
      </c>
      <c r="BP1369" s="13">
        <v>-0.12566312997347481</v>
      </c>
      <c r="BQ1369" s="6">
        <v>752</v>
      </c>
      <c r="BR1369" s="6">
        <v>762</v>
      </c>
      <c r="BS1369" s="6">
        <v>747</v>
      </c>
      <c r="BT1369" s="6">
        <v>754</v>
      </c>
      <c r="BU1369" s="6">
        <v>737</v>
      </c>
      <c r="BV1369" s="6">
        <v>723</v>
      </c>
      <c r="BW1369" s="6">
        <v>711</v>
      </c>
      <c r="BX1369" s="6">
        <v>698</v>
      </c>
      <c r="BY1369" s="6">
        <v>691</v>
      </c>
      <c r="BZ1369" s="6">
        <v>681</v>
      </c>
      <c r="CA1369" s="6">
        <v>680</v>
      </c>
      <c r="CB1369" s="6">
        <v>669</v>
      </c>
      <c r="CC1369" s="11">
        <v>659.25</v>
      </c>
      <c r="CD1369" s="11">
        <v>-580.91700000000003</v>
      </c>
      <c r="CE1369" s="11">
        <v>-14252.4</v>
      </c>
      <c r="CF1369" s="11">
        <v>4413.7700000000004</v>
      </c>
      <c r="CG1369" s="11">
        <v>-9838</v>
      </c>
      <c r="CH1369" s="20">
        <v>1.2488300000000001</v>
      </c>
      <c r="CI1369" s="20">
        <v>1.2783500000000001</v>
      </c>
      <c r="CJ1369" s="20">
        <v>1.28667</v>
      </c>
      <c r="CK1369" s="20">
        <v>1.30989</v>
      </c>
      <c r="CL1369" s="20">
        <v>1.3601700000000001</v>
      </c>
      <c r="CM1369" s="20">
        <v>1.3343100000000001</v>
      </c>
      <c r="CN1369" s="20">
        <v>1.29436</v>
      </c>
      <c r="CO1369" s="20">
        <v>1.2740899999999999</v>
      </c>
      <c r="CP1369" s="20">
        <v>1.2182299999999999</v>
      </c>
      <c r="CQ1369" s="20">
        <v>1.2573099999999999</v>
      </c>
      <c r="CR1369" s="20">
        <v>1.2638100000000001</v>
      </c>
      <c r="CS1369" s="20">
        <v>1.2785299999999999</v>
      </c>
      <c r="CT1369" s="20">
        <v>1.25471</v>
      </c>
      <c r="CU1369" s="20">
        <v>1.26068</v>
      </c>
      <c r="CV1369" s="20">
        <v>1.2581599999999999</v>
      </c>
      <c r="CW1369" s="20">
        <v>1.2704500000000001</v>
      </c>
      <c r="CX1369" s="20">
        <v>1.2905899999999999</v>
      </c>
      <c r="CY1369" s="6"/>
      <c r="CZ1369" s="6"/>
      <c r="DA1369" s="6"/>
      <c r="DB1369" s="6"/>
      <c r="DC1369" s="6"/>
      <c r="DD1369" s="6"/>
      <c r="DE1369" s="6"/>
      <c r="DF1369" s="6"/>
      <c r="DG1369" s="6"/>
      <c r="DH1369" s="6"/>
      <c r="DI1369" s="6"/>
      <c r="DJ1369" s="6"/>
      <c r="DK1369" s="6"/>
      <c r="DL1369" s="6"/>
      <c r="DM1369" s="6"/>
      <c r="DN1369" s="6"/>
      <c r="DO1369" s="6"/>
      <c r="DP1369" s="6"/>
      <c r="DQ1369" s="6"/>
    </row>
    <row r="1370" spans="1:121" x14ac:dyDescent="0.2">
      <c r="A1370" s="6" t="s">
        <v>313</v>
      </c>
      <c r="B1370" s="6" t="s">
        <v>313</v>
      </c>
      <c r="C1370" s="6" t="s">
        <v>178</v>
      </c>
      <c r="D1370" s="6" t="s">
        <v>336</v>
      </c>
      <c r="E1370" s="6" t="s">
        <v>330</v>
      </c>
      <c r="F1370" s="11">
        <v>1005</v>
      </c>
      <c r="G1370" s="13">
        <v>0.14208963664599999</v>
      </c>
      <c r="H1370" s="11">
        <v>166.06841369999984</v>
      </c>
      <c r="I1370" s="13">
        <v>2.3480771287322108E-2</v>
      </c>
      <c r="J1370" s="11">
        <v>-290.69185885000024</v>
      </c>
      <c r="K1370" s="13">
        <v>-4.015859429065384E-2</v>
      </c>
      <c r="L1370" s="11">
        <v>1130.5849554200004</v>
      </c>
      <c r="M1370" s="13">
        <v>0.16272315450283562</v>
      </c>
      <c r="N1370" s="11">
        <v>839.89309657000013</v>
      </c>
      <c r="O1370" s="13">
        <v>0.116029827068807</v>
      </c>
      <c r="P1370" s="7">
        <v>7072.5280557400001</v>
      </c>
      <c r="Q1370" s="7">
        <v>6963.6717300999999</v>
      </c>
      <c r="R1370" s="7">
        <v>6850.0127211099998</v>
      </c>
      <c r="S1370" s="7">
        <v>7136.3008157900003</v>
      </c>
      <c r="T1370" s="7">
        <v>7145.7020149999998</v>
      </c>
      <c r="U1370" s="7">
        <v>7464.9720645199995</v>
      </c>
      <c r="V1370" s="7">
        <v>7238.59646944</v>
      </c>
      <c r="W1370" s="7">
        <v>7103.14505904</v>
      </c>
      <c r="X1370" s="7">
        <v>6773.7628627100003</v>
      </c>
      <c r="Y1370" s="7">
        <v>6947.9046105899997</v>
      </c>
      <c r="Z1370" s="7">
        <v>7110.2149481699998</v>
      </c>
      <c r="AA1370" s="7">
        <v>7319.5272928499999</v>
      </c>
      <c r="AB1370" s="7">
        <v>7479.7104959899998</v>
      </c>
      <c r="AC1370" s="7">
        <v>7769.7600984299997</v>
      </c>
      <c r="AD1370" s="7">
        <v>7868.8641030099998</v>
      </c>
      <c r="AE1370" s="7">
        <v>7801.4826325699996</v>
      </c>
      <c r="AF1370" s="7">
        <v>8078.4895660100001</v>
      </c>
      <c r="AG1370" s="9">
        <v>20070.788053699998</v>
      </c>
      <c r="AH1370" s="13">
        <v>0.64522330863958965</v>
      </c>
      <c r="AI1370" s="9">
        <v>7888.9329362000026</v>
      </c>
      <c r="AJ1370" s="13">
        <v>0.25360854776165337</v>
      </c>
      <c r="AK1370" s="9">
        <v>3357.1756591999947</v>
      </c>
      <c r="AL1370" s="13">
        <v>8.6090998315999173E-2</v>
      </c>
      <c r="AM1370" s="9">
        <v>8824.679458300001</v>
      </c>
      <c r="AN1370" s="13">
        <v>0.2083609857551339</v>
      </c>
      <c r="AO1370" s="9">
        <v>12181.855117499996</v>
      </c>
      <c r="AP1370" s="13">
        <v>0.3123899893448982</v>
      </c>
      <c r="AQ1370" s="9">
        <v>31106.7312432</v>
      </c>
      <c r="AR1370" s="9">
        <v>32088.905341999998</v>
      </c>
      <c r="AS1370" s="9">
        <v>32609.032279899999</v>
      </c>
      <c r="AT1370" s="9">
        <v>34038.817340100002</v>
      </c>
      <c r="AU1370" s="9">
        <v>35046.786932800002</v>
      </c>
      <c r="AV1370" s="9">
        <v>36812.820691599998</v>
      </c>
      <c r="AW1370" s="9">
        <v>38995.664179400002</v>
      </c>
      <c r="AX1370" s="9">
        <v>38364.442513599999</v>
      </c>
      <c r="AY1370" s="9">
        <v>40881.868864199998</v>
      </c>
      <c r="AZ1370" s="9">
        <v>42352.839838599997</v>
      </c>
      <c r="BA1370" s="9">
        <v>43454.645390099999</v>
      </c>
      <c r="BB1370" s="9">
        <v>45093.735767799997</v>
      </c>
      <c r="BC1370" s="9">
        <v>46650.820627399997</v>
      </c>
      <c r="BD1370" s="9">
        <v>47852.977861300002</v>
      </c>
      <c r="BE1370" s="9">
        <v>49198.604625300002</v>
      </c>
      <c r="BF1370" s="9">
        <v>51177.519296899998</v>
      </c>
      <c r="BG1370" s="11">
        <v>-44.25</v>
      </c>
      <c r="BH1370" s="13">
        <v>-5.7994757536041941E-2</v>
      </c>
      <c r="BI1370" s="6">
        <v>-19</v>
      </c>
      <c r="BJ1370" s="13">
        <v>-2.4901703800786368E-2</v>
      </c>
      <c r="BK1370" s="6">
        <v>-36</v>
      </c>
      <c r="BL1370" s="13">
        <v>-4.8387096774193547E-2</v>
      </c>
      <c r="BM1370" s="11">
        <v>10.75</v>
      </c>
      <c r="BN1370" s="13">
        <v>1.518361581920904E-2</v>
      </c>
      <c r="BO1370" s="11">
        <v>-25.25</v>
      </c>
      <c r="BP1370" s="13">
        <v>-3.393817204301075E-2</v>
      </c>
      <c r="BQ1370" s="6">
        <v>763</v>
      </c>
      <c r="BR1370" s="6">
        <v>747</v>
      </c>
      <c r="BS1370" s="6">
        <v>747</v>
      </c>
      <c r="BT1370" s="6">
        <v>744</v>
      </c>
      <c r="BU1370" s="6">
        <v>750</v>
      </c>
      <c r="BV1370" s="6">
        <v>730</v>
      </c>
      <c r="BW1370" s="6">
        <v>708</v>
      </c>
      <c r="BX1370" s="6">
        <v>716</v>
      </c>
      <c r="BY1370" s="6">
        <v>742</v>
      </c>
      <c r="BZ1370" s="6">
        <v>747</v>
      </c>
      <c r="CA1370" s="6">
        <v>747</v>
      </c>
      <c r="CB1370" s="6">
        <v>744</v>
      </c>
      <c r="CC1370" s="11">
        <v>718.75</v>
      </c>
      <c r="CD1370" s="11">
        <v>811.15200000000004</v>
      </c>
      <c r="CE1370" s="11">
        <v>-578.303</v>
      </c>
      <c r="CF1370" s="11">
        <v>773.11199999999997</v>
      </c>
      <c r="CG1370" s="11">
        <v>195</v>
      </c>
      <c r="CH1370" s="20">
        <v>0.61431400000000003</v>
      </c>
      <c r="CI1370" s="20">
        <v>0.60942600000000002</v>
      </c>
      <c r="CJ1370" s="20">
        <v>0.59546200000000005</v>
      </c>
      <c r="CK1370" s="20">
        <v>0.61400699999999997</v>
      </c>
      <c r="CL1370" s="20">
        <v>0.60319599999999995</v>
      </c>
      <c r="CM1370" s="20">
        <v>0.61540499999999998</v>
      </c>
      <c r="CN1370" s="20">
        <v>0.593912</v>
      </c>
      <c r="CO1370" s="20">
        <v>0.58732300000000004</v>
      </c>
      <c r="CP1370" s="20">
        <v>0.59088099999999999</v>
      </c>
      <c r="CQ1370" s="20">
        <v>0.61186499999999999</v>
      </c>
      <c r="CR1370" s="20">
        <v>0.62308300000000005</v>
      </c>
      <c r="CS1370" s="20">
        <v>0.63996500000000001</v>
      </c>
      <c r="CT1370" s="20">
        <v>0.65768000000000004</v>
      </c>
      <c r="CU1370" s="20">
        <v>0.68962599999999996</v>
      </c>
      <c r="CV1370" s="20">
        <v>0.69764499999999996</v>
      </c>
      <c r="CW1370" s="20">
        <v>0.70059199999999999</v>
      </c>
      <c r="CX1370" s="20">
        <v>0.71940000000000004</v>
      </c>
      <c r="CY1370" s="6"/>
      <c r="CZ1370" s="6"/>
      <c r="DA1370" s="6"/>
      <c r="DB1370" s="6"/>
      <c r="DC1370" s="6"/>
      <c r="DD1370" s="6"/>
      <c r="DE1370" s="6"/>
      <c r="DF1370" s="6"/>
      <c r="DG1370" s="6"/>
      <c r="DH1370" s="6"/>
      <c r="DI1370" s="6"/>
      <c r="DJ1370" s="6"/>
      <c r="DK1370" s="6"/>
      <c r="DL1370" s="6"/>
      <c r="DM1370" s="6"/>
      <c r="DN1370" s="6"/>
      <c r="DO1370" s="6"/>
      <c r="DP1370" s="6"/>
      <c r="DQ1370" s="6"/>
    </row>
    <row r="1371" spans="1:121" x14ac:dyDescent="0.2">
      <c r="A1371" s="6" t="s">
        <v>793</v>
      </c>
      <c r="B1371" s="6" t="s">
        <v>179</v>
      </c>
      <c r="C1371" s="6" t="s">
        <v>180</v>
      </c>
      <c r="D1371" s="6" t="s">
        <v>336</v>
      </c>
      <c r="E1371" s="6" t="s">
        <v>330</v>
      </c>
      <c r="F1371" s="11">
        <v>1704</v>
      </c>
      <c r="G1371" s="13">
        <v>4.9079754601200003E-2</v>
      </c>
      <c r="H1371" s="11">
        <v>554.39958189999743</v>
      </c>
      <c r="I1371" s="13">
        <v>1.5968040716864567E-2</v>
      </c>
      <c r="J1371" s="11">
        <v>-861.88532749999285</v>
      </c>
      <c r="K1371" s="13">
        <v>-2.4434203026827316E-2</v>
      </c>
      <c r="L1371" s="11">
        <v>2010.730713799996</v>
      </c>
      <c r="M1371" s="13">
        <v>5.8431365665474119E-2</v>
      </c>
      <c r="N1371" s="11">
        <v>1148.8453863000032</v>
      </c>
      <c r="O1371" s="13">
        <v>3.256943878684182E-2</v>
      </c>
      <c r="P1371" s="7">
        <v>34719.324163199999</v>
      </c>
      <c r="Q1371" s="7">
        <v>35251.933917900002</v>
      </c>
      <c r="R1371" s="7">
        <v>35197.611851200003</v>
      </c>
      <c r="S1371" s="7">
        <v>35489.664564600003</v>
      </c>
      <c r="T1371" s="7">
        <v>36038.534726999998</v>
      </c>
      <c r="U1371" s="7">
        <v>36450.666667199999</v>
      </c>
      <c r="V1371" s="7">
        <v>35273.723745099996</v>
      </c>
      <c r="W1371" s="7">
        <v>35266.648208300001</v>
      </c>
      <c r="X1371" s="7">
        <v>34651.926897500001</v>
      </c>
      <c r="Y1371" s="7">
        <v>34411.838417600004</v>
      </c>
      <c r="Z1371" s="7">
        <v>34601.767442600001</v>
      </c>
      <c r="AA1371" s="7">
        <v>34511.5068531</v>
      </c>
      <c r="AB1371" s="7">
        <v>34342.759518699997</v>
      </c>
      <c r="AC1371" s="7">
        <v>34755.461480799997</v>
      </c>
      <c r="AD1371" s="7">
        <v>35691.779607099998</v>
      </c>
      <c r="AE1371" s="7">
        <v>35784.244767800003</v>
      </c>
      <c r="AF1371" s="7">
        <v>36422.5691314</v>
      </c>
      <c r="AG1371" s="9">
        <v>7878.1021150999986</v>
      </c>
      <c r="AH1371" s="13">
        <v>0.39658695211608846</v>
      </c>
      <c r="AI1371" s="9">
        <v>4112.4989854999985</v>
      </c>
      <c r="AJ1371" s="13">
        <v>0.20702491722135391</v>
      </c>
      <c r="AK1371" s="9">
        <v>1112.0792245000011</v>
      </c>
      <c r="AL1371" s="13">
        <v>4.6380594147988598E-2</v>
      </c>
      <c r="AM1371" s="9">
        <v>2653.523905099999</v>
      </c>
      <c r="AN1371" s="13">
        <v>0.10576303574380153</v>
      </c>
      <c r="AO1371" s="9">
        <v>3765.6031296000001</v>
      </c>
      <c r="AP1371" s="13">
        <v>0.15704898232848261</v>
      </c>
      <c r="AQ1371" s="9">
        <v>19864.7536765</v>
      </c>
      <c r="AR1371" s="9">
        <v>20480.829518400002</v>
      </c>
      <c r="AS1371" s="9">
        <v>21654.914772299999</v>
      </c>
      <c r="AT1371" s="9">
        <v>22131.6748181</v>
      </c>
      <c r="AU1371" s="9">
        <v>22780.2744666</v>
      </c>
      <c r="AV1371" s="9">
        <v>23319.471579000001</v>
      </c>
      <c r="AW1371" s="9">
        <v>23977.252661999999</v>
      </c>
      <c r="AX1371" s="9">
        <v>24725.530352099999</v>
      </c>
      <c r="AY1371" s="9">
        <v>24982.383515900001</v>
      </c>
      <c r="AZ1371" s="9">
        <v>25089.3318865</v>
      </c>
      <c r="BA1371" s="9">
        <v>25035.8075374</v>
      </c>
      <c r="BB1371" s="9">
        <v>25427.229195899999</v>
      </c>
      <c r="BC1371" s="9">
        <v>26388.296110399999</v>
      </c>
      <c r="BD1371" s="9">
        <v>26762.3588304</v>
      </c>
      <c r="BE1371" s="9">
        <v>27298.1689658</v>
      </c>
      <c r="BF1371" s="9">
        <v>27742.855791599999</v>
      </c>
      <c r="BG1371" s="11">
        <v>-345</v>
      </c>
      <c r="BH1371" s="13">
        <v>-0.11802942182689018</v>
      </c>
      <c r="BI1371" s="6">
        <v>-88</v>
      </c>
      <c r="BJ1371" s="13">
        <v>-3.0106055422511119E-2</v>
      </c>
      <c r="BK1371" s="6">
        <v>-118</v>
      </c>
      <c r="BL1371" s="13">
        <v>-4.1622574955908292E-2</v>
      </c>
      <c r="BM1371" s="11">
        <v>-139</v>
      </c>
      <c r="BN1371" s="13">
        <v>-5.1159366948840636E-2</v>
      </c>
      <c r="BO1371" s="11">
        <v>-257</v>
      </c>
      <c r="BP1371" s="13">
        <v>-9.0652557319223989E-2</v>
      </c>
      <c r="BQ1371" s="6">
        <v>2923</v>
      </c>
      <c r="BR1371" s="6">
        <v>2880</v>
      </c>
      <c r="BS1371" s="6">
        <v>2850</v>
      </c>
      <c r="BT1371" s="6">
        <v>2835</v>
      </c>
      <c r="BU1371" s="6">
        <v>2785</v>
      </c>
      <c r="BV1371" s="6">
        <v>2738</v>
      </c>
      <c r="BW1371" s="6">
        <v>2717</v>
      </c>
      <c r="BX1371" s="6">
        <v>2669</v>
      </c>
      <c r="BY1371" s="6">
        <v>2634</v>
      </c>
      <c r="BZ1371" s="6">
        <v>2638</v>
      </c>
      <c r="CA1371" s="6">
        <v>2634</v>
      </c>
      <c r="CB1371" s="6">
        <v>2655</v>
      </c>
      <c r="CC1371" s="11">
        <v>2578</v>
      </c>
      <c r="CD1371" s="11">
        <v>133.316</v>
      </c>
      <c r="CE1371" s="11">
        <v>-2225.31</v>
      </c>
      <c r="CF1371" s="11">
        <v>3795.24</v>
      </c>
      <c r="CG1371" s="11">
        <v>1570</v>
      </c>
      <c r="CH1371" s="20">
        <v>1.1237999999999999</v>
      </c>
      <c r="CI1371" s="20">
        <v>1.12988</v>
      </c>
      <c r="CJ1371" s="20">
        <v>1.12598</v>
      </c>
      <c r="CK1371" s="20">
        <v>1.1254500000000001</v>
      </c>
      <c r="CL1371" s="20">
        <v>1.1288400000000001</v>
      </c>
      <c r="CM1371" s="20">
        <v>1.13104</v>
      </c>
      <c r="CN1371" s="20">
        <v>1.0986400000000001</v>
      </c>
      <c r="CO1371" s="20">
        <v>1.1150800000000001</v>
      </c>
      <c r="CP1371" s="20">
        <v>1.1364000000000001</v>
      </c>
      <c r="CQ1371" s="20">
        <v>1.12626</v>
      </c>
      <c r="CR1371" s="20">
        <v>1.1287400000000001</v>
      </c>
      <c r="CS1371" s="20">
        <v>1.1298699999999999</v>
      </c>
      <c r="CT1371" s="20">
        <v>1.1315599999999999</v>
      </c>
      <c r="CU1371" s="20">
        <v>1.1504099999999999</v>
      </c>
      <c r="CV1371" s="20">
        <v>1.1701900000000001</v>
      </c>
      <c r="CW1371" s="20">
        <v>1.17577</v>
      </c>
      <c r="CX1371" s="20">
        <v>1.18825</v>
      </c>
      <c r="CY1371" s="6"/>
      <c r="CZ1371" s="6"/>
      <c r="DA1371" s="6"/>
      <c r="DB1371" s="6"/>
      <c r="DC1371" s="6"/>
      <c r="DD1371" s="6"/>
      <c r="DE1371" s="6"/>
      <c r="DF1371" s="6"/>
      <c r="DG1371" s="6"/>
      <c r="DH1371" s="6"/>
      <c r="DI1371" s="6"/>
      <c r="DJ1371" s="6"/>
      <c r="DK1371" s="6"/>
      <c r="DL1371" s="6"/>
      <c r="DM1371" s="6"/>
      <c r="DN1371" s="6"/>
      <c r="DO1371" s="6"/>
      <c r="DP1371" s="6"/>
      <c r="DQ1371" s="6"/>
    </row>
    <row r="1372" spans="1:121" x14ac:dyDescent="0.2">
      <c r="A1372" s="6" t="s">
        <v>794</v>
      </c>
      <c r="B1372" s="6" t="s">
        <v>181</v>
      </c>
      <c r="C1372" s="6" t="s">
        <v>182</v>
      </c>
      <c r="D1372" s="6" t="s">
        <v>336</v>
      </c>
      <c r="E1372" s="6" t="s">
        <v>330</v>
      </c>
      <c r="F1372" s="11">
        <v>1100</v>
      </c>
      <c r="G1372" s="13">
        <v>0.132370637786</v>
      </c>
      <c r="H1372" s="11">
        <v>1769.4539676599998</v>
      </c>
      <c r="I1372" s="13">
        <v>0.21293263979101801</v>
      </c>
      <c r="J1372" s="11">
        <v>-1564.9202379899998</v>
      </c>
      <c r="K1372" s="13">
        <v>-0.15525961084179976</v>
      </c>
      <c r="L1372" s="11">
        <v>895.47242625999934</v>
      </c>
      <c r="M1372" s="13">
        <v>0.10517081618444936</v>
      </c>
      <c r="N1372" s="11">
        <v>-669.44781173000047</v>
      </c>
      <c r="O1372" s="13">
        <v>-6.6417574650062441E-2</v>
      </c>
      <c r="P1372" s="7">
        <v>8309.92359554</v>
      </c>
      <c r="Q1372" s="7">
        <v>8466.42208966</v>
      </c>
      <c r="R1372" s="7">
        <v>8834.3365830799994</v>
      </c>
      <c r="S1372" s="7">
        <v>9031.2860754400008</v>
      </c>
      <c r="T1372" s="7">
        <v>9135.9001602699991</v>
      </c>
      <c r="U1372" s="7">
        <v>9890.7924164800006</v>
      </c>
      <c r="V1372" s="7">
        <v>10079.3775632</v>
      </c>
      <c r="W1372" s="7">
        <v>8567.5029512199999</v>
      </c>
      <c r="X1372" s="7">
        <v>8414.2205725700005</v>
      </c>
      <c r="Y1372" s="7">
        <v>8514.4573252099999</v>
      </c>
      <c r="Z1372" s="7">
        <v>8596.8630087199999</v>
      </c>
      <c r="AA1372" s="7">
        <v>8520.4398379100003</v>
      </c>
      <c r="AB1372" s="7">
        <v>8636.5884068100004</v>
      </c>
      <c r="AC1372" s="7">
        <v>8730.7404778100008</v>
      </c>
      <c r="AD1372" s="7">
        <v>8999.4693996200003</v>
      </c>
      <c r="AE1372" s="7">
        <v>9259.0397710300003</v>
      </c>
      <c r="AF1372" s="7">
        <v>9409.9297514699992</v>
      </c>
      <c r="AG1372" s="9">
        <v>16832.666738</v>
      </c>
      <c r="AH1372" s="13">
        <v>0.52174055892815008</v>
      </c>
      <c r="AI1372" s="9">
        <v>8367.9680788999976</v>
      </c>
      <c r="AJ1372" s="13">
        <v>0.25937116266444571</v>
      </c>
      <c r="AK1372" s="9">
        <v>3545.0450452000005</v>
      </c>
      <c r="AL1372" s="13">
        <v>8.7250854186076199E-2</v>
      </c>
      <c r="AM1372" s="9">
        <v>4919.6536139000018</v>
      </c>
      <c r="AN1372" s="13">
        <v>0.11136601963511804</v>
      </c>
      <c r="AO1372" s="9">
        <v>8464.6986591000023</v>
      </c>
      <c r="AP1372" s="13">
        <v>0.20833365416166161</v>
      </c>
      <c r="AQ1372" s="9">
        <v>32262.5229148</v>
      </c>
      <c r="AR1372" s="9">
        <v>33854.757538799997</v>
      </c>
      <c r="AS1372" s="9">
        <v>35616.1021501</v>
      </c>
      <c r="AT1372" s="9">
        <v>37717.6505254</v>
      </c>
      <c r="AU1372" s="9">
        <v>38959.669922599998</v>
      </c>
      <c r="AV1372" s="9">
        <v>39771.851807799998</v>
      </c>
      <c r="AW1372" s="9">
        <v>40630.490993699997</v>
      </c>
      <c r="AX1372" s="9">
        <v>41346.245464899999</v>
      </c>
      <c r="AY1372" s="9">
        <v>43210.512330099999</v>
      </c>
      <c r="AZ1372" s="9">
        <v>44175.536038899998</v>
      </c>
      <c r="BA1372" s="9">
        <v>45320.4791205</v>
      </c>
      <c r="BB1372" s="9">
        <v>46331.078254300002</v>
      </c>
      <c r="BC1372" s="9">
        <v>47191.557937999998</v>
      </c>
      <c r="BD1372" s="9">
        <v>48132.257241500003</v>
      </c>
      <c r="BE1372" s="9">
        <v>48767.8653634</v>
      </c>
      <c r="BF1372" s="9">
        <v>49095.1896528</v>
      </c>
      <c r="BG1372" s="11">
        <v>-94</v>
      </c>
      <c r="BH1372" s="13">
        <v>-0.14896988906497624</v>
      </c>
      <c r="BI1372" s="6">
        <v>-15</v>
      </c>
      <c r="BJ1372" s="13">
        <v>-2.3771790808240888E-2</v>
      </c>
      <c r="BK1372" s="6">
        <v>-58</v>
      </c>
      <c r="BL1372" s="13">
        <v>-9.4155844155844159E-2</v>
      </c>
      <c r="BM1372" s="11">
        <v>-21</v>
      </c>
      <c r="BN1372" s="13">
        <v>-3.7634408602150539E-2</v>
      </c>
      <c r="BO1372" s="11">
        <v>-79</v>
      </c>
      <c r="BP1372" s="13">
        <v>-0.12824675324675325</v>
      </c>
      <c r="BQ1372" s="6">
        <v>631</v>
      </c>
      <c r="BR1372" s="6">
        <v>620</v>
      </c>
      <c r="BS1372" s="6">
        <v>611</v>
      </c>
      <c r="BT1372" s="6">
        <v>616</v>
      </c>
      <c r="BU1372" s="6">
        <v>605</v>
      </c>
      <c r="BV1372" s="6">
        <v>595</v>
      </c>
      <c r="BW1372" s="6">
        <v>558</v>
      </c>
      <c r="BX1372" s="6">
        <v>561</v>
      </c>
      <c r="BY1372" s="6">
        <v>560</v>
      </c>
      <c r="BZ1372" s="6">
        <v>539</v>
      </c>
      <c r="CA1372" s="6">
        <v>536</v>
      </c>
      <c r="CB1372" s="6">
        <v>538</v>
      </c>
      <c r="CC1372" s="11">
        <v>537</v>
      </c>
      <c r="CD1372" s="11">
        <v>-332.14600000000002</v>
      </c>
      <c r="CE1372" s="11">
        <v>523.77800000000002</v>
      </c>
      <c r="CF1372" s="11">
        <v>908.375</v>
      </c>
      <c r="CG1372" s="11">
        <v>1432</v>
      </c>
      <c r="CH1372" s="20">
        <v>0.91181100000000004</v>
      </c>
      <c r="CI1372" s="20">
        <v>0.94393800000000005</v>
      </c>
      <c r="CJ1372" s="20">
        <v>0.98041599999999995</v>
      </c>
      <c r="CK1372" s="20">
        <v>0.98247300000000004</v>
      </c>
      <c r="CL1372" s="20">
        <v>0.96922900000000001</v>
      </c>
      <c r="CM1372" s="20">
        <v>1.02182</v>
      </c>
      <c r="CN1372" s="20">
        <v>1.03413</v>
      </c>
      <c r="CO1372" s="20">
        <v>0.885938</v>
      </c>
      <c r="CP1372" s="20">
        <v>0.91524700000000003</v>
      </c>
      <c r="CQ1372" s="20">
        <v>0.92935999999999996</v>
      </c>
      <c r="CR1372" s="20">
        <v>0.92164400000000002</v>
      </c>
      <c r="CS1372" s="20">
        <v>0.90781500000000004</v>
      </c>
      <c r="CT1372" s="20">
        <v>0.91985700000000004</v>
      </c>
      <c r="CU1372" s="20">
        <v>0.917736</v>
      </c>
      <c r="CV1372" s="20">
        <v>0.91257900000000003</v>
      </c>
      <c r="CW1372" s="20">
        <v>0.92669800000000002</v>
      </c>
      <c r="CX1372" s="20">
        <v>0.92782200000000004</v>
      </c>
      <c r="CY1372" s="6"/>
      <c r="CZ1372" s="6"/>
      <c r="DA1372" s="6"/>
      <c r="DB1372" s="6"/>
      <c r="DC1372" s="6"/>
      <c r="DD1372" s="6"/>
      <c r="DE1372" s="6"/>
      <c r="DF1372" s="6"/>
      <c r="DG1372" s="6"/>
      <c r="DH1372" s="6"/>
      <c r="DI1372" s="6"/>
      <c r="DJ1372" s="6"/>
      <c r="DK1372" s="6"/>
      <c r="DL1372" s="6"/>
      <c r="DM1372" s="6"/>
      <c r="DN1372" s="6"/>
      <c r="DO1372" s="6"/>
      <c r="DP1372" s="6"/>
      <c r="DQ1372" s="6"/>
    </row>
    <row r="1373" spans="1:121" x14ac:dyDescent="0.2">
      <c r="A1373" s="6" t="s">
        <v>314</v>
      </c>
      <c r="B1373" s="6" t="s">
        <v>314</v>
      </c>
      <c r="C1373" s="6" t="s">
        <v>183</v>
      </c>
      <c r="D1373" s="6" t="s">
        <v>336</v>
      </c>
      <c r="E1373" s="6" t="s">
        <v>330</v>
      </c>
      <c r="F1373" s="11">
        <v>-1328</v>
      </c>
      <c r="G1373" s="13">
        <v>-0.32895714639599999</v>
      </c>
      <c r="H1373" s="11">
        <v>-232.38398852</v>
      </c>
      <c r="I1373" s="13">
        <v>-5.7561087365210983E-2</v>
      </c>
      <c r="J1373" s="11">
        <v>-211.7377475799999</v>
      </c>
      <c r="K1373" s="13">
        <v>-5.5650345801615403E-2</v>
      </c>
      <c r="L1373" s="11">
        <v>-884.06346894000035</v>
      </c>
      <c r="M1373" s="13">
        <v>-0.24604820324847559</v>
      </c>
      <c r="N1373" s="11">
        <v>-1095.8012165200003</v>
      </c>
      <c r="O1373" s="13">
        <v>-0.2880058814554472</v>
      </c>
      <c r="P1373" s="7">
        <v>4037.1716233500001</v>
      </c>
      <c r="Q1373" s="7">
        <v>4258.4566062499998</v>
      </c>
      <c r="R1373" s="7">
        <v>4108.2674479899997</v>
      </c>
      <c r="S1373" s="7">
        <v>4056.8787911999998</v>
      </c>
      <c r="T1373" s="7">
        <v>3808.4491496300002</v>
      </c>
      <c r="U1373" s="7">
        <v>3840.4461656200001</v>
      </c>
      <c r="V1373" s="7">
        <v>3804.7876348300001</v>
      </c>
      <c r="W1373" s="7">
        <v>3759.9806858900001</v>
      </c>
      <c r="X1373" s="7">
        <v>3748.42557012</v>
      </c>
      <c r="Y1373" s="7">
        <v>3593.0498872500002</v>
      </c>
      <c r="Z1373" s="7">
        <v>3425.8086120900002</v>
      </c>
      <c r="AA1373" s="7">
        <v>3105.6789250900001</v>
      </c>
      <c r="AB1373" s="7">
        <v>2822.1048165900002</v>
      </c>
      <c r="AC1373" s="7">
        <v>2884.9419591599999</v>
      </c>
      <c r="AD1373" s="7">
        <v>2728.5749357</v>
      </c>
      <c r="AE1373" s="7">
        <v>2742.39394924</v>
      </c>
      <c r="AF1373" s="7">
        <v>2708.9864183099999</v>
      </c>
      <c r="AG1373" s="9">
        <v>12882.653356299998</v>
      </c>
      <c r="AH1373" s="13">
        <v>0.4317447896302643</v>
      </c>
      <c r="AI1373" s="9">
        <v>6490.5898390000002</v>
      </c>
      <c r="AJ1373" s="13">
        <v>0.21752338335215624</v>
      </c>
      <c r="AK1373" s="9">
        <v>1695.2058531000002</v>
      </c>
      <c r="AL1373" s="13">
        <v>4.6662383259465416E-2</v>
      </c>
      <c r="AM1373" s="9">
        <v>4696.8576641999971</v>
      </c>
      <c r="AN1373" s="13">
        <v>0.12352226780524744</v>
      </c>
      <c r="AO1373" s="9">
        <v>6392.0635172999973</v>
      </c>
      <c r="AP1373" s="13">
        <v>0.17594849446611965</v>
      </c>
      <c r="AQ1373" s="9">
        <v>29838.584427000002</v>
      </c>
      <c r="AR1373" s="9">
        <v>31159.847476999999</v>
      </c>
      <c r="AS1373" s="9">
        <v>31714.362401800001</v>
      </c>
      <c r="AT1373" s="9">
        <v>33043.075777600003</v>
      </c>
      <c r="AU1373" s="9">
        <v>33463.451779700001</v>
      </c>
      <c r="AV1373" s="9">
        <v>35308.3076114</v>
      </c>
      <c r="AW1373" s="9">
        <v>36329.174266000002</v>
      </c>
      <c r="AX1373" s="9">
        <v>35785.360598300002</v>
      </c>
      <c r="AY1373" s="9">
        <v>40541.170995699998</v>
      </c>
      <c r="AZ1373" s="9">
        <v>38024.380119100002</v>
      </c>
      <c r="BA1373" s="9">
        <v>39802.759724000003</v>
      </c>
      <c r="BB1373" s="9">
        <v>41999.594496500002</v>
      </c>
      <c r="BC1373" s="9">
        <v>41284.819757400001</v>
      </c>
      <c r="BD1373" s="9">
        <v>42050.302677599997</v>
      </c>
      <c r="BE1373" s="9">
        <v>41810.9464161</v>
      </c>
      <c r="BF1373" s="9">
        <v>42721.237783299999</v>
      </c>
      <c r="BG1373" s="11">
        <v>-73</v>
      </c>
      <c r="BH1373" s="13">
        <v>-0.24579124579124578</v>
      </c>
      <c r="BI1373" s="6">
        <v>-13</v>
      </c>
      <c r="BJ1373" s="13">
        <v>-4.3771043771043773E-2</v>
      </c>
      <c r="BK1373" s="6">
        <v>-31</v>
      </c>
      <c r="BL1373" s="13">
        <v>-0.10915492957746478</v>
      </c>
      <c r="BM1373" s="11">
        <v>-29</v>
      </c>
      <c r="BN1373" s="13">
        <v>-0.11462450592885376</v>
      </c>
      <c r="BO1373" s="11">
        <v>-60</v>
      </c>
      <c r="BP1373" s="13">
        <v>-0.21126760563380281</v>
      </c>
      <c r="BQ1373" s="6">
        <v>297</v>
      </c>
      <c r="BR1373" s="6">
        <v>282</v>
      </c>
      <c r="BS1373" s="6">
        <v>282</v>
      </c>
      <c r="BT1373" s="6">
        <v>284</v>
      </c>
      <c r="BU1373" s="6">
        <v>272</v>
      </c>
      <c r="BV1373" s="6">
        <v>265</v>
      </c>
      <c r="BW1373" s="6">
        <v>253</v>
      </c>
      <c r="BX1373" s="6">
        <v>247</v>
      </c>
      <c r="BY1373" s="6">
        <v>249</v>
      </c>
      <c r="BZ1373" s="6">
        <v>241</v>
      </c>
      <c r="CA1373" s="6">
        <v>238</v>
      </c>
      <c r="CB1373" s="6">
        <v>225</v>
      </c>
      <c r="CC1373" s="11">
        <v>224</v>
      </c>
      <c r="CD1373" s="11">
        <v>-532.95000000000005</v>
      </c>
      <c r="CE1373" s="11">
        <v>-1236.55</v>
      </c>
      <c r="CF1373" s="11">
        <v>441.31099999999998</v>
      </c>
      <c r="CG1373" s="11">
        <v>-796</v>
      </c>
      <c r="CH1373" s="20">
        <v>0.56252899999999995</v>
      </c>
      <c r="CI1373" s="20">
        <v>0.61992400000000003</v>
      </c>
      <c r="CJ1373" s="20">
        <v>0.62159500000000001</v>
      </c>
      <c r="CK1373" s="20">
        <v>0.62714499999999995</v>
      </c>
      <c r="CL1373" s="20">
        <v>0.59592199999999995</v>
      </c>
      <c r="CM1373" s="20">
        <v>0.60262199999999999</v>
      </c>
      <c r="CN1373" s="20">
        <v>0.60649299999999995</v>
      </c>
      <c r="CO1373" s="20">
        <v>0.60932200000000003</v>
      </c>
      <c r="CP1373" s="20">
        <v>0.63595100000000004</v>
      </c>
      <c r="CQ1373" s="20">
        <v>0.62744200000000006</v>
      </c>
      <c r="CR1373" s="20">
        <v>0.60945300000000002</v>
      </c>
      <c r="CS1373" s="20">
        <v>0.56018500000000004</v>
      </c>
      <c r="CT1373" s="20">
        <v>0.51413200000000003</v>
      </c>
      <c r="CU1373" s="20">
        <v>0.52984799999999999</v>
      </c>
      <c r="CV1373" s="20">
        <v>0.50108799999999998</v>
      </c>
      <c r="CW1373" s="20">
        <v>0.50249900000000003</v>
      </c>
      <c r="CX1373" s="20">
        <v>0.49519000000000002</v>
      </c>
      <c r="CY1373" s="6"/>
      <c r="CZ1373" s="6"/>
      <c r="DA1373" s="6"/>
      <c r="DB1373" s="6"/>
      <c r="DC1373" s="6"/>
      <c r="DD1373" s="6"/>
      <c r="DE1373" s="6"/>
      <c r="DF1373" s="6"/>
      <c r="DG1373" s="6"/>
      <c r="DH1373" s="6"/>
      <c r="DI1373" s="6"/>
      <c r="DJ1373" s="6"/>
      <c r="DK1373" s="6"/>
      <c r="DL1373" s="6"/>
      <c r="DM1373" s="6"/>
      <c r="DN1373" s="6"/>
      <c r="DO1373" s="6"/>
      <c r="DP1373" s="6"/>
      <c r="DQ1373" s="6"/>
    </row>
    <row r="1374" spans="1:121" x14ac:dyDescent="0.2">
      <c r="A1374" s="6" t="s">
        <v>315</v>
      </c>
      <c r="B1374" s="6" t="s">
        <v>315</v>
      </c>
      <c r="C1374" s="6" t="s">
        <v>184</v>
      </c>
      <c r="D1374" s="6" t="s">
        <v>336</v>
      </c>
      <c r="E1374" s="6" t="s">
        <v>330</v>
      </c>
      <c r="F1374" s="11">
        <v>414</v>
      </c>
      <c r="G1374" s="13">
        <v>6.2822458270099996E-2</v>
      </c>
      <c r="H1374" s="11">
        <v>812.71768094000072</v>
      </c>
      <c r="I1374" s="13">
        <v>0.12331773164310468</v>
      </c>
      <c r="J1374" s="11">
        <v>-114.43773407000026</v>
      </c>
      <c r="K1374" s="13">
        <v>-1.5457969822030815E-2</v>
      </c>
      <c r="L1374" s="11">
        <v>-285.14482447000046</v>
      </c>
      <c r="M1374" s="13">
        <v>-3.9121404455891177E-2</v>
      </c>
      <c r="N1374" s="11">
        <v>-399.58255854000072</v>
      </c>
      <c r="O1374" s="13">
        <v>-5.3974636788447369E-2</v>
      </c>
      <c r="P1374" s="7">
        <v>6590.4365099099996</v>
      </c>
      <c r="Q1374" s="7">
        <v>6702.8637299800002</v>
      </c>
      <c r="R1374" s="7">
        <v>6781.6998096300003</v>
      </c>
      <c r="S1374" s="7">
        <v>6999.3886006000002</v>
      </c>
      <c r="T1374" s="7">
        <v>7242.3374102199996</v>
      </c>
      <c r="U1374" s="7">
        <v>7285.3437729699999</v>
      </c>
      <c r="V1374" s="7">
        <v>7403.1541908500003</v>
      </c>
      <c r="W1374" s="7">
        <v>7342.7931035199999</v>
      </c>
      <c r="X1374" s="7">
        <v>7405.49722294</v>
      </c>
      <c r="Y1374" s="7">
        <v>7288.71645678</v>
      </c>
      <c r="Z1374" s="7">
        <v>7086.5988329000002</v>
      </c>
      <c r="AA1374" s="7">
        <v>6905.2568870499999</v>
      </c>
      <c r="AB1374" s="7">
        <v>6870.2753037599996</v>
      </c>
      <c r="AC1374" s="7">
        <v>7000.93711781</v>
      </c>
      <c r="AD1374" s="7">
        <v>6983.3471057999996</v>
      </c>
      <c r="AE1374" s="7">
        <v>6935.8502740000004</v>
      </c>
      <c r="AF1374" s="7">
        <v>7003.5716323099996</v>
      </c>
      <c r="AG1374" s="9">
        <v>20344.504542499999</v>
      </c>
      <c r="AH1374" s="13">
        <v>0.59982967555456956</v>
      </c>
      <c r="AI1374" s="9">
        <v>8247.9319525999963</v>
      </c>
      <c r="AJ1374" s="13">
        <v>0.2431789054773548</v>
      </c>
      <c r="AK1374" s="9">
        <v>4537.5528524000038</v>
      </c>
      <c r="AL1374" s="13">
        <v>0.10761402976130732</v>
      </c>
      <c r="AM1374" s="9">
        <v>7559.0197374999989</v>
      </c>
      <c r="AN1374" s="13">
        <v>0.16185429521976399</v>
      </c>
      <c r="AO1374" s="9">
        <v>12096.572589900003</v>
      </c>
      <c r="AP1374" s="13">
        <v>0.28688611792384638</v>
      </c>
      <c r="AQ1374" s="9">
        <v>33917.135766400002</v>
      </c>
      <c r="AR1374" s="9">
        <v>36076.045228700001</v>
      </c>
      <c r="AS1374" s="9">
        <v>36041.655897299999</v>
      </c>
      <c r="AT1374" s="9">
        <v>37889.343945699999</v>
      </c>
      <c r="AU1374" s="9">
        <v>40441.680388100001</v>
      </c>
      <c r="AV1374" s="9">
        <v>41175.303312399999</v>
      </c>
      <c r="AW1374" s="9">
        <v>42165.067718999999</v>
      </c>
      <c r="AX1374" s="9">
        <v>44253.048210100002</v>
      </c>
      <c r="AY1374" s="9">
        <v>45648.463958699998</v>
      </c>
      <c r="AZ1374" s="9">
        <v>46702.620571400003</v>
      </c>
      <c r="BA1374" s="9">
        <v>47842.7293135</v>
      </c>
      <c r="BB1374" s="9">
        <v>50579.108369599999</v>
      </c>
      <c r="BC1374" s="9">
        <v>49372.715339599999</v>
      </c>
      <c r="BD1374" s="9">
        <v>51243.9817291</v>
      </c>
      <c r="BE1374" s="9">
        <v>52907.682450799999</v>
      </c>
      <c r="BF1374" s="9">
        <v>54261.640308900001</v>
      </c>
      <c r="BG1374" s="11">
        <v>67.25</v>
      </c>
      <c r="BH1374" s="13">
        <v>7.2545846817691481E-2</v>
      </c>
      <c r="BI1374" s="6">
        <v>59</v>
      </c>
      <c r="BJ1374" s="13">
        <v>6.3646170442286945E-2</v>
      </c>
      <c r="BK1374" s="6">
        <v>-20</v>
      </c>
      <c r="BL1374" s="13">
        <v>-2.0283975659229209E-2</v>
      </c>
      <c r="BM1374" s="11">
        <v>28.25</v>
      </c>
      <c r="BN1374" s="13">
        <v>2.924430641821946E-2</v>
      </c>
      <c r="BO1374" s="11">
        <v>8.25</v>
      </c>
      <c r="BP1374" s="13">
        <v>8.3671399594320486E-3</v>
      </c>
      <c r="BQ1374" s="6">
        <v>927</v>
      </c>
      <c r="BR1374" s="6">
        <v>928</v>
      </c>
      <c r="BS1374" s="6">
        <v>947</v>
      </c>
      <c r="BT1374" s="6">
        <v>986</v>
      </c>
      <c r="BU1374" s="6">
        <v>970</v>
      </c>
      <c r="BV1374" s="6">
        <v>986</v>
      </c>
      <c r="BW1374" s="6">
        <v>966</v>
      </c>
      <c r="BX1374" s="6">
        <v>980</v>
      </c>
      <c r="BY1374" s="6">
        <v>982</v>
      </c>
      <c r="BZ1374" s="6">
        <v>985</v>
      </c>
      <c r="CA1374" s="6">
        <v>1002</v>
      </c>
      <c r="CB1374" s="6">
        <v>1011</v>
      </c>
      <c r="CC1374" s="11">
        <v>994.25</v>
      </c>
      <c r="CD1374" s="11">
        <v>216.92599999999999</v>
      </c>
      <c r="CE1374" s="11">
        <v>-524.20500000000004</v>
      </c>
      <c r="CF1374" s="11">
        <v>720.41399999999999</v>
      </c>
      <c r="CG1374" s="11">
        <v>196</v>
      </c>
      <c r="CH1374" s="20">
        <v>0.56296199999999996</v>
      </c>
      <c r="CI1374" s="20">
        <v>0.56689299999999998</v>
      </c>
      <c r="CJ1374" s="20">
        <v>0.55616500000000002</v>
      </c>
      <c r="CK1374" s="20">
        <v>0.57017899999999999</v>
      </c>
      <c r="CL1374" s="20">
        <v>0.57969499999999996</v>
      </c>
      <c r="CM1374" s="20">
        <v>0.57187100000000002</v>
      </c>
      <c r="CN1374" s="20">
        <v>0.58981600000000001</v>
      </c>
      <c r="CO1374" s="20">
        <v>0.599993</v>
      </c>
      <c r="CP1374" s="20">
        <v>0.62207199999999996</v>
      </c>
      <c r="CQ1374" s="20">
        <v>0.62060199999999999</v>
      </c>
      <c r="CR1374" s="20">
        <v>0.60536199999999996</v>
      </c>
      <c r="CS1374" s="20">
        <v>0.59380599999999994</v>
      </c>
      <c r="CT1374" s="20">
        <v>0.59884400000000004</v>
      </c>
      <c r="CU1374" s="20">
        <v>0.62111700000000003</v>
      </c>
      <c r="CV1374" s="20">
        <v>0.61459200000000003</v>
      </c>
      <c r="CW1374" s="20">
        <v>0.61099099999999995</v>
      </c>
      <c r="CX1374" s="20">
        <v>0.61202400000000001</v>
      </c>
      <c r="CY1374" s="6"/>
      <c r="CZ1374" s="6"/>
      <c r="DA1374" s="6"/>
      <c r="DB1374" s="6"/>
      <c r="DC1374" s="6"/>
      <c r="DD1374" s="6"/>
      <c r="DE1374" s="6"/>
      <c r="DF1374" s="6"/>
      <c r="DG1374" s="6"/>
      <c r="DH1374" s="6"/>
      <c r="DI1374" s="6"/>
      <c r="DJ1374" s="6"/>
      <c r="DK1374" s="6"/>
      <c r="DL1374" s="6"/>
      <c r="DM1374" s="6"/>
      <c r="DN1374" s="6"/>
      <c r="DO1374" s="6"/>
      <c r="DP1374" s="6"/>
      <c r="DQ1374" s="6"/>
    </row>
    <row r="1375" spans="1:121" x14ac:dyDescent="0.2">
      <c r="A1375" s="6" t="s">
        <v>316</v>
      </c>
      <c r="B1375" s="6" t="s">
        <v>316</v>
      </c>
      <c r="C1375" s="6" t="s">
        <v>185</v>
      </c>
      <c r="D1375" s="6" t="s">
        <v>336</v>
      </c>
      <c r="E1375" s="6" t="s">
        <v>330</v>
      </c>
      <c r="F1375" s="11">
        <v>-442</v>
      </c>
      <c r="G1375" s="13">
        <v>-0.120600272851</v>
      </c>
      <c r="H1375" s="11">
        <v>203.95506862000002</v>
      </c>
      <c r="I1375" s="13">
        <v>5.5654900976483256E-2</v>
      </c>
      <c r="J1375" s="11">
        <v>-533.72820782000008</v>
      </c>
      <c r="K1375" s="13">
        <v>-0.13796441998181583</v>
      </c>
      <c r="L1375" s="11">
        <v>-111.77119484000013</v>
      </c>
      <c r="M1375" s="13">
        <v>-3.3515958615483656E-2</v>
      </c>
      <c r="N1375" s="11">
        <v>-645.49940266000021</v>
      </c>
      <c r="O1375" s="13">
        <v>-0.16685636880677973</v>
      </c>
      <c r="P1375" s="7">
        <v>3664.6380649600001</v>
      </c>
      <c r="Q1375" s="7">
        <v>3614.3006850100001</v>
      </c>
      <c r="R1375" s="7">
        <v>3593.7774838199998</v>
      </c>
      <c r="S1375" s="7">
        <v>3341.2000998499998</v>
      </c>
      <c r="T1375" s="7">
        <v>3528.27756791</v>
      </c>
      <c r="U1375" s="7">
        <v>3585.1016062399999</v>
      </c>
      <c r="V1375" s="7">
        <v>3868.5931335800001</v>
      </c>
      <c r="W1375" s="7">
        <v>3939.1412076400002</v>
      </c>
      <c r="X1375" s="7">
        <v>3752.7656307500001</v>
      </c>
      <c r="Y1375" s="7">
        <v>3334.86492576</v>
      </c>
      <c r="Z1375" s="7">
        <v>3369.8677769699998</v>
      </c>
      <c r="AA1375" s="7">
        <v>3307.2598246699999</v>
      </c>
      <c r="AB1375" s="7">
        <v>3234.4675083299999</v>
      </c>
      <c r="AC1375" s="7">
        <v>3246.4511664800002</v>
      </c>
      <c r="AD1375" s="7">
        <v>3234.9868173899999</v>
      </c>
      <c r="AE1375" s="7">
        <v>3186.1694204999999</v>
      </c>
      <c r="AF1375" s="7">
        <v>3223.0937309199999</v>
      </c>
      <c r="AG1375" s="9">
        <v>9024.8537097999979</v>
      </c>
      <c r="AH1375" s="13">
        <v>0.33520963665281761</v>
      </c>
      <c r="AI1375" s="9">
        <v>2174.8365414</v>
      </c>
      <c r="AJ1375" s="13">
        <v>8.0779832035429266E-2</v>
      </c>
      <c r="AK1375" s="9">
        <v>1560.6705390999996</v>
      </c>
      <c r="AL1375" s="13">
        <v>5.3635251916558331E-2</v>
      </c>
      <c r="AM1375" s="9">
        <v>5289.3466292999983</v>
      </c>
      <c r="AN1375" s="13">
        <v>0.17252452038479851</v>
      </c>
      <c r="AO1375" s="9">
        <v>6850.0171683999979</v>
      </c>
      <c r="AP1375" s="13">
        <v>0.23541316841397891</v>
      </c>
      <c r="AQ1375" s="9">
        <v>26923.013908299999</v>
      </c>
      <c r="AR1375" s="9">
        <v>28501.341485699999</v>
      </c>
      <c r="AS1375" s="9">
        <v>28244.386674900001</v>
      </c>
      <c r="AT1375" s="9">
        <v>26073.351308500001</v>
      </c>
      <c r="AU1375" s="9">
        <v>28102.242440499998</v>
      </c>
      <c r="AV1375" s="9">
        <v>28442.324819099998</v>
      </c>
      <c r="AW1375" s="9">
        <v>29097.850449699999</v>
      </c>
      <c r="AX1375" s="9">
        <v>30490.280773099999</v>
      </c>
      <c r="AY1375" s="9">
        <v>32480.124386399999</v>
      </c>
      <c r="AZ1375" s="9">
        <v>30658.520988799999</v>
      </c>
      <c r="BA1375" s="9">
        <v>29481.268875599999</v>
      </c>
      <c r="BB1375" s="9">
        <v>31881.362136399999</v>
      </c>
      <c r="BC1375" s="9">
        <v>33259.1817907</v>
      </c>
      <c r="BD1375" s="9">
        <v>34003.816157300003</v>
      </c>
      <c r="BE1375" s="9">
        <v>36581.002303000001</v>
      </c>
      <c r="BF1375" s="9">
        <v>35947.867618099997</v>
      </c>
      <c r="BG1375" s="11">
        <v>-84</v>
      </c>
      <c r="BH1375" s="13">
        <v>-0.14165261382799327</v>
      </c>
      <c r="BI1375" s="6">
        <v>42</v>
      </c>
      <c r="BJ1375" s="13">
        <v>7.0826306913996634E-2</v>
      </c>
      <c r="BK1375" s="6">
        <v>-35</v>
      </c>
      <c r="BL1375" s="13">
        <v>-5.5118110236220472E-2</v>
      </c>
      <c r="BM1375" s="11">
        <v>-91</v>
      </c>
      <c r="BN1375" s="13">
        <v>-0.15166666666666667</v>
      </c>
      <c r="BO1375" s="11">
        <v>-126</v>
      </c>
      <c r="BP1375" s="13">
        <v>-0.1984251968503937</v>
      </c>
      <c r="BQ1375" s="6">
        <v>593</v>
      </c>
      <c r="BR1375" s="6">
        <v>619</v>
      </c>
      <c r="BS1375" s="6">
        <v>625</v>
      </c>
      <c r="BT1375" s="6">
        <v>635</v>
      </c>
      <c r="BU1375" s="6">
        <v>628</v>
      </c>
      <c r="BV1375" s="6">
        <v>608</v>
      </c>
      <c r="BW1375" s="6">
        <v>600</v>
      </c>
      <c r="BX1375" s="6">
        <v>551</v>
      </c>
      <c r="BY1375" s="6">
        <v>543</v>
      </c>
      <c r="BZ1375" s="6">
        <v>541</v>
      </c>
      <c r="CA1375" s="6">
        <v>513</v>
      </c>
      <c r="CB1375" s="6">
        <v>516</v>
      </c>
      <c r="CC1375" s="11">
        <v>509</v>
      </c>
      <c r="CD1375" s="11">
        <v>-656.26</v>
      </c>
      <c r="CE1375" s="11">
        <v>-185.874</v>
      </c>
      <c r="CF1375" s="11">
        <v>400.589</v>
      </c>
      <c r="CG1375" s="11">
        <v>215</v>
      </c>
      <c r="CH1375" s="20">
        <v>0.76074699999999995</v>
      </c>
      <c r="CI1375" s="20">
        <v>0.73654799999999998</v>
      </c>
      <c r="CJ1375" s="20">
        <v>0.70814699999999997</v>
      </c>
      <c r="CK1375" s="20">
        <v>0.639741</v>
      </c>
      <c r="CL1375" s="20">
        <v>0.65167900000000001</v>
      </c>
      <c r="CM1375" s="20">
        <v>0.65170300000000003</v>
      </c>
      <c r="CN1375" s="20">
        <v>0.71658699999999997</v>
      </c>
      <c r="CO1375" s="20">
        <v>0.75062399999999996</v>
      </c>
      <c r="CP1375" s="20">
        <v>0.74848599999999998</v>
      </c>
      <c r="CQ1375" s="20">
        <v>0.68783499999999997</v>
      </c>
      <c r="CR1375" s="20">
        <v>0.70682999999999996</v>
      </c>
      <c r="CS1375" s="20">
        <v>0.696608</v>
      </c>
      <c r="CT1375" s="20">
        <v>0.68406999999999996</v>
      </c>
      <c r="CU1375" s="20">
        <v>0.68301400000000001</v>
      </c>
      <c r="CV1375" s="20">
        <v>0.67120800000000003</v>
      </c>
      <c r="CW1375" s="20">
        <v>0.66266400000000003</v>
      </c>
      <c r="CX1375" s="20">
        <v>0.66585399999999995</v>
      </c>
      <c r="CY1375" s="6"/>
      <c r="CZ1375" s="6"/>
      <c r="DA1375" s="6"/>
      <c r="DB1375" s="6"/>
      <c r="DC1375" s="6"/>
      <c r="DD1375" s="6"/>
      <c r="DE1375" s="6"/>
      <c r="DF1375" s="6"/>
      <c r="DG1375" s="6"/>
      <c r="DH1375" s="6"/>
      <c r="DI1375" s="6"/>
      <c r="DJ1375" s="6"/>
      <c r="DK1375" s="6"/>
      <c r="DL1375" s="6"/>
      <c r="DM1375" s="6"/>
      <c r="DN1375" s="6"/>
      <c r="DO1375" s="6"/>
      <c r="DP1375" s="6"/>
      <c r="DQ1375" s="6"/>
    </row>
    <row r="1376" spans="1:121" x14ac:dyDescent="0.2">
      <c r="A1376" s="6" t="s">
        <v>317</v>
      </c>
      <c r="B1376" s="6" t="s">
        <v>317</v>
      </c>
      <c r="C1376" s="6" t="s">
        <v>186</v>
      </c>
      <c r="D1376" s="6" t="s">
        <v>336</v>
      </c>
      <c r="E1376" s="6" t="s">
        <v>330</v>
      </c>
      <c r="F1376" s="11">
        <v>1966</v>
      </c>
      <c r="G1376" s="13">
        <v>0.43256325632600001</v>
      </c>
      <c r="H1376" s="11">
        <v>1835.6416267599998</v>
      </c>
      <c r="I1376" s="13">
        <v>0.40392455246035341</v>
      </c>
      <c r="J1376" s="11">
        <v>-496.99399979000009</v>
      </c>
      <c r="K1376" s="13">
        <v>-7.7896820432106759E-2</v>
      </c>
      <c r="L1376" s="11">
        <v>627.58101088000058</v>
      </c>
      <c r="M1376" s="13">
        <v>0.10667406880841351</v>
      </c>
      <c r="N1376" s="11">
        <v>130.58701109000049</v>
      </c>
      <c r="O1376" s="13">
        <v>2.0467677593575598E-2</v>
      </c>
      <c r="P1376" s="7">
        <v>4544.5160874200001</v>
      </c>
      <c r="Q1376" s="7">
        <v>4810.74225768</v>
      </c>
      <c r="R1376" s="7">
        <v>4666.6191416399997</v>
      </c>
      <c r="S1376" s="7">
        <v>5072.6523087400001</v>
      </c>
      <c r="T1376" s="7">
        <v>5726.6545437200002</v>
      </c>
      <c r="U1376" s="7">
        <v>6078.6143223899999</v>
      </c>
      <c r="V1376" s="7">
        <v>6380.1577141799999</v>
      </c>
      <c r="W1376" s="7">
        <v>6113.0558898099998</v>
      </c>
      <c r="X1376" s="7">
        <v>6081.28413482</v>
      </c>
      <c r="Y1376" s="7">
        <v>5883.1637143899998</v>
      </c>
      <c r="Z1376" s="7">
        <v>5865.2272534800004</v>
      </c>
      <c r="AA1376" s="7">
        <v>5849.7017574499996</v>
      </c>
      <c r="AB1376" s="7">
        <v>5954.99880295</v>
      </c>
      <c r="AC1376" s="7">
        <v>6077.9415318199999</v>
      </c>
      <c r="AD1376" s="7">
        <v>6196.0247255599998</v>
      </c>
      <c r="AE1376" s="7">
        <v>6354.5498310599996</v>
      </c>
      <c r="AF1376" s="7">
        <v>6510.7447252700003</v>
      </c>
      <c r="AG1376" s="9">
        <v>15683.311546499997</v>
      </c>
      <c r="AH1376" s="13">
        <v>0.50582225023023064</v>
      </c>
      <c r="AI1376" s="9">
        <v>4544.8272211999974</v>
      </c>
      <c r="AJ1376" s="13">
        <v>0.14658095167713625</v>
      </c>
      <c r="AK1376" s="9">
        <v>6071.8063699000049</v>
      </c>
      <c r="AL1376" s="13">
        <v>0.17079429127415113</v>
      </c>
      <c r="AM1376" s="9">
        <v>5066.677955399995</v>
      </c>
      <c r="AN1376" s="13">
        <v>0.12173014567042607</v>
      </c>
      <c r="AO1376" s="9">
        <v>11138.4843253</v>
      </c>
      <c r="AP1376" s="13">
        <v>0.31331525090105683</v>
      </c>
      <c r="AQ1376" s="9">
        <v>31005.5786185</v>
      </c>
      <c r="AR1376" s="9">
        <v>32502.326839599998</v>
      </c>
      <c r="AS1376" s="9">
        <v>30755.835623499999</v>
      </c>
      <c r="AT1376" s="9">
        <v>32788.151181499998</v>
      </c>
      <c r="AU1376" s="9">
        <v>32885.197147300001</v>
      </c>
      <c r="AV1376" s="9">
        <v>34537.8237553</v>
      </c>
      <c r="AW1376" s="9">
        <v>35550.405839699997</v>
      </c>
      <c r="AX1376" s="9">
        <v>37082.973696300003</v>
      </c>
      <c r="AY1376" s="9">
        <v>40314.222758900003</v>
      </c>
      <c r="AZ1376" s="9">
        <v>41622.212209600002</v>
      </c>
      <c r="BA1376" s="9">
        <v>43040.305847600001</v>
      </c>
      <c r="BB1376" s="9">
        <v>44181.957197399999</v>
      </c>
      <c r="BC1376" s="9">
        <v>43170.402235100002</v>
      </c>
      <c r="BD1376" s="9">
        <v>43940.732064600001</v>
      </c>
      <c r="BE1376" s="9">
        <v>45861.734361900002</v>
      </c>
      <c r="BF1376" s="9">
        <v>46688.890164999997</v>
      </c>
      <c r="BG1376" s="11">
        <v>78.5</v>
      </c>
      <c r="BH1376" s="13">
        <v>9.022988505747126E-2</v>
      </c>
      <c r="BI1376" s="6">
        <v>95</v>
      </c>
      <c r="BJ1376" s="13">
        <v>0.10919540229885058</v>
      </c>
      <c r="BK1376" s="6">
        <v>-31</v>
      </c>
      <c r="BL1376" s="13">
        <v>-3.2124352331606217E-2</v>
      </c>
      <c r="BM1376" s="11">
        <v>14.5</v>
      </c>
      <c r="BN1376" s="13">
        <v>1.5524625267665952E-2</v>
      </c>
      <c r="BO1376" s="11">
        <v>-16.5</v>
      </c>
      <c r="BP1376" s="13">
        <v>-1.7098445595854921E-2</v>
      </c>
      <c r="BQ1376" s="6">
        <v>870</v>
      </c>
      <c r="BR1376" s="6">
        <v>907</v>
      </c>
      <c r="BS1376" s="6">
        <v>929</v>
      </c>
      <c r="BT1376" s="6">
        <v>965</v>
      </c>
      <c r="BU1376" s="6">
        <v>966</v>
      </c>
      <c r="BV1376" s="6">
        <v>947</v>
      </c>
      <c r="BW1376" s="6">
        <v>934</v>
      </c>
      <c r="BX1376" s="6">
        <v>918</v>
      </c>
      <c r="BY1376" s="6">
        <v>926</v>
      </c>
      <c r="BZ1376" s="6">
        <v>939</v>
      </c>
      <c r="CA1376" s="6">
        <v>928</v>
      </c>
      <c r="CB1376" s="6">
        <v>951</v>
      </c>
      <c r="CC1376" s="11">
        <v>948.5</v>
      </c>
      <c r="CD1376" s="11">
        <v>560.09199999999998</v>
      </c>
      <c r="CE1376" s="11">
        <v>909.36599999999999</v>
      </c>
      <c r="CF1376" s="11">
        <v>496.77</v>
      </c>
      <c r="CG1376" s="11">
        <v>1406</v>
      </c>
      <c r="CH1376" s="20">
        <v>0.29649599999999998</v>
      </c>
      <c r="CI1376" s="20">
        <v>0.31597500000000001</v>
      </c>
      <c r="CJ1376" s="20">
        <v>0.30223800000000001</v>
      </c>
      <c r="CK1376" s="20">
        <v>0.32180300000000001</v>
      </c>
      <c r="CL1376" s="20">
        <v>0.34847600000000001</v>
      </c>
      <c r="CM1376" s="20">
        <v>0.35411500000000001</v>
      </c>
      <c r="CN1376" s="20">
        <v>0.36474899999999999</v>
      </c>
      <c r="CO1376" s="20">
        <v>0.34376499999999999</v>
      </c>
      <c r="CP1376" s="20">
        <v>0.34995900000000002</v>
      </c>
      <c r="CQ1376" s="20">
        <v>0.33766800000000002</v>
      </c>
      <c r="CR1376" s="20">
        <v>0.33104099999999997</v>
      </c>
      <c r="CS1376" s="20">
        <v>0.32606600000000002</v>
      </c>
      <c r="CT1376" s="20">
        <v>0.33005299999999999</v>
      </c>
      <c r="CU1376" s="20">
        <v>0.335011</v>
      </c>
      <c r="CV1376" s="20">
        <v>0.33421400000000001</v>
      </c>
      <c r="CW1376" s="20">
        <v>0.34023100000000001</v>
      </c>
      <c r="CX1376" s="20">
        <v>0.34175100000000003</v>
      </c>
      <c r="CY1376" s="6"/>
      <c r="CZ1376" s="6"/>
      <c r="DA1376" s="6"/>
      <c r="DB1376" s="6"/>
      <c r="DC1376" s="6"/>
      <c r="DD1376" s="6"/>
      <c r="DE1376" s="6"/>
      <c r="DF1376" s="6"/>
      <c r="DG1376" s="6"/>
      <c r="DH1376" s="6"/>
      <c r="DI1376" s="6"/>
      <c r="DJ1376" s="6"/>
      <c r="DK1376" s="6"/>
      <c r="DL1376" s="6"/>
      <c r="DM1376" s="6"/>
      <c r="DN1376" s="6"/>
      <c r="DO1376" s="6"/>
      <c r="DP1376" s="6"/>
      <c r="DQ1376" s="6"/>
    </row>
    <row r="1377" spans="1:121" x14ac:dyDescent="0.2">
      <c r="A1377" s="6" t="s">
        <v>318</v>
      </c>
      <c r="B1377" s="6" t="s">
        <v>318</v>
      </c>
      <c r="C1377" s="6" t="s">
        <v>187</v>
      </c>
      <c r="D1377" s="6" t="s">
        <v>336</v>
      </c>
      <c r="E1377" s="6" t="s">
        <v>330</v>
      </c>
      <c r="F1377" s="11">
        <v>135</v>
      </c>
      <c r="G1377" s="13">
        <v>7.7720207253899998E-2</v>
      </c>
      <c r="H1377" s="11">
        <v>-139.34002299999997</v>
      </c>
      <c r="I1377" s="13">
        <v>-8.0211464117826509E-2</v>
      </c>
      <c r="J1377" s="11">
        <v>158.08496100000002</v>
      </c>
      <c r="K1377" s="13">
        <v>9.8938000671992515E-2</v>
      </c>
      <c r="L1377" s="11">
        <v>116.58202354000014</v>
      </c>
      <c r="M1377" s="13">
        <v>6.6394326744372581E-2</v>
      </c>
      <c r="N1377" s="11">
        <v>274.66698454000016</v>
      </c>
      <c r="O1377" s="13">
        <v>0.17190124936041634</v>
      </c>
      <c r="P1377" s="7">
        <v>1737.1584539999999</v>
      </c>
      <c r="Q1377" s="7">
        <v>1835.7852969999999</v>
      </c>
      <c r="R1377" s="7">
        <v>2045.743788</v>
      </c>
      <c r="S1377" s="7">
        <v>1566.347002</v>
      </c>
      <c r="T1377" s="7">
        <v>1475.1210309999999</v>
      </c>
      <c r="U1377" s="7">
        <v>1582.8400409999999</v>
      </c>
      <c r="V1377" s="7">
        <v>1597.8184309999999</v>
      </c>
      <c r="W1377" s="7">
        <v>1655.436367</v>
      </c>
      <c r="X1377" s="7">
        <v>1525.4946669999999</v>
      </c>
      <c r="Y1377" s="7">
        <v>1755.9033919999999</v>
      </c>
      <c r="Z1377" s="7">
        <v>1788.6523360000001</v>
      </c>
      <c r="AA1377" s="7">
        <v>1650.8909080000001</v>
      </c>
      <c r="AB1377" s="7">
        <v>1590.6601479999999</v>
      </c>
      <c r="AC1377" s="7">
        <v>1637.7499809999999</v>
      </c>
      <c r="AD1377" s="7">
        <v>1732.339547</v>
      </c>
      <c r="AE1377" s="7">
        <v>1843.6048444999999</v>
      </c>
      <c r="AF1377" s="7">
        <v>1872.4854155400001</v>
      </c>
      <c r="AG1377" s="9">
        <v>30711.783519600001</v>
      </c>
      <c r="AH1377" s="13">
        <v>0.86283981473178628</v>
      </c>
      <c r="AI1377" s="9">
        <v>14839.549806800002</v>
      </c>
      <c r="AJ1377" s="13">
        <v>0.41691341037979518</v>
      </c>
      <c r="AK1377" s="9">
        <v>1033.0441763999988</v>
      </c>
      <c r="AL1377" s="13">
        <v>2.048333756010582E-2</v>
      </c>
      <c r="AM1377" s="9">
        <v>14839.189536400001</v>
      </c>
      <c r="AN1377" s="13">
        <v>0.28832751725991379</v>
      </c>
      <c r="AO1377" s="9">
        <v>15872.2337128</v>
      </c>
      <c r="AP1377" s="13">
        <v>0.31471676468392168</v>
      </c>
      <c r="AQ1377" s="9">
        <v>35593.841400500001</v>
      </c>
      <c r="AR1377" s="9">
        <v>34640.397157599997</v>
      </c>
      <c r="AS1377" s="9">
        <v>34986.930273700003</v>
      </c>
      <c r="AT1377" s="9">
        <v>42781.6878277</v>
      </c>
      <c r="AU1377" s="9">
        <v>45928.325966800003</v>
      </c>
      <c r="AV1377" s="9">
        <v>49323.3078207</v>
      </c>
      <c r="AW1377" s="9">
        <v>50433.391207300003</v>
      </c>
      <c r="AX1377" s="9">
        <v>46859.322325000001</v>
      </c>
      <c r="AY1377" s="9">
        <v>49336.148639699997</v>
      </c>
      <c r="AZ1377" s="9">
        <v>51466.435383700002</v>
      </c>
      <c r="BA1377" s="9">
        <v>54023.4121543</v>
      </c>
      <c r="BB1377" s="9">
        <v>59285.339019500003</v>
      </c>
      <c r="BC1377" s="9">
        <v>60430.462004100002</v>
      </c>
      <c r="BD1377" s="9">
        <v>59884.885753800001</v>
      </c>
      <c r="BE1377" s="9">
        <v>67335.059187100007</v>
      </c>
      <c r="BF1377" s="9">
        <v>66305.624920100003</v>
      </c>
      <c r="BG1377" s="11">
        <v>11.75</v>
      </c>
      <c r="BH1377" s="13">
        <v>0.14873417721518986</v>
      </c>
      <c r="BI1377" s="6">
        <v>16</v>
      </c>
      <c r="BJ1377" s="13">
        <v>0.20253164556962025</v>
      </c>
      <c r="BK1377" s="6">
        <v>-6</v>
      </c>
      <c r="BL1377" s="13">
        <v>-6.3157894736842107E-2</v>
      </c>
      <c r="BM1377" s="11">
        <v>1.75</v>
      </c>
      <c r="BN1377" s="13">
        <v>1.9662921348314606E-2</v>
      </c>
      <c r="BO1377" s="11">
        <v>-4.25</v>
      </c>
      <c r="BP1377" s="13">
        <v>-4.4736842105263158E-2</v>
      </c>
      <c r="BQ1377" s="6">
        <v>79</v>
      </c>
      <c r="BR1377" s="6">
        <v>81</v>
      </c>
      <c r="BS1377" s="6">
        <v>87</v>
      </c>
      <c r="BT1377" s="6">
        <v>95</v>
      </c>
      <c r="BU1377" s="6">
        <v>93</v>
      </c>
      <c r="BV1377" s="6">
        <v>86</v>
      </c>
      <c r="BW1377" s="6">
        <v>89</v>
      </c>
      <c r="BX1377" s="6">
        <v>79</v>
      </c>
      <c r="BY1377" s="6">
        <v>86</v>
      </c>
      <c r="BZ1377" s="6">
        <v>84</v>
      </c>
      <c r="CA1377" s="6">
        <v>90</v>
      </c>
      <c r="CB1377" s="6">
        <v>94</v>
      </c>
      <c r="CC1377" s="11">
        <v>90.75</v>
      </c>
      <c r="CD1377" s="11">
        <v>-426.505</v>
      </c>
      <c r="CE1377" s="11">
        <v>371.94</v>
      </c>
      <c r="CF1377" s="11">
        <v>189.892</v>
      </c>
      <c r="CG1377" s="11">
        <v>562</v>
      </c>
      <c r="CH1377" s="20">
        <v>0.52152299999999996</v>
      </c>
      <c r="CI1377" s="20">
        <v>0.55040500000000003</v>
      </c>
      <c r="CJ1377" s="20">
        <v>0.61971399999999999</v>
      </c>
      <c r="CK1377" s="20">
        <v>0.46415099999999998</v>
      </c>
      <c r="CL1377" s="20">
        <v>0.42516799999999999</v>
      </c>
      <c r="CM1377" s="20">
        <v>0.44461800000000001</v>
      </c>
      <c r="CN1377" s="20">
        <v>0.440417</v>
      </c>
      <c r="CO1377" s="20">
        <v>0.44291999999999998</v>
      </c>
      <c r="CP1377" s="20">
        <v>0.41152499999999997</v>
      </c>
      <c r="CQ1377" s="20">
        <v>0.46949099999999999</v>
      </c>
      <c r="CR1377" s="20">
        <v>0.46719100000000002</v>
      </c>
      <c r="CS1377" s="20">
        <v>0.418738</v>
      </c>
      <c r="CT1377" s="20">
        <v>0.39448499999999997</v>
      </c>
      <c r="CU1377" s="20">
        <v>0.40214699999999998</v>
      </c>
      <c r="CV1377" s="20">
        <v>0.420651</v>
      </c>
      <c r="CW1377" s="20">
        <v>0.447764</v>
      </c>
      <c r="CX1377" s="20">
        <v>0.44748599999999999</v>
      </c>
      <c r="CY1377" s="6"/>
      <c r="CZ1377" s="6"/>
      <c r="DA1377" s="6"/>
      <c r="DB1377" s="6"/>
      <c r="DC1377" s="6"/>
      <c r="DD1377" s="6"/>
      <c r="DE1377" s="6"/>
      <c r="DF1377" s="6"/>
      <c r="DG1377" s="6"/>
      <c r="DH1377" s="6"/>
      <c r="DI1377" s="6"/>
      <c r="DJ1377" s="6"/>
      <c r="DK1377" s="6"/>
      <c r="DL1377" s="6"/>
      <c r="DM1377" s="6"/>
      <c r="DN1377" s="6"/>
      <c r="DO1377" s="6"/>
      <c r="DP1377" s="6"/>
      <c r="DQ1377" s="6"/>
    </row>
    <row r="1378" spans="1:121" x14ac:dyDescent="0.2">
      <c r="A1378" s="6" t="s">
        <v>319</v>
      </c>
      <c r="B1378" s="6" t="s">
        <v>319</v>
      </c>
      <c r="C1378" s="6" t="s">
        <v>188</v>
      </c>
      <c r="D1378" s="6" t="s">
        <v>336</v>
      </c>
      <c r="E1378" s="6" t="s">
        <v>330</v>
      </c>
      <c r="F1378" s="11">
        <v>4151</v>
      </c>
      <c r="G1378" s="13">
        <v>0.55838041431300001</v>
      </c>
      <c r="H1378" s="11">
        <v>2894.4065177299999</v>
      </c>
      <c r="I1378" s="13">
        <v>0.38937198795076727</v>
      </c>
      <c r="J1378" s="11">
        <v>-1629.1832150800001</v>
      </c>
      <c r="K1378" s="13">
        <v>-0.15774534981324267</v>
      </c>
      <c r="L1378" s="11">
        <v>2886.3190011799998</v>
      </c>
      <c r="M1378" s="13">
        <v>0.33180853223584467</v>
      </c>
      <c r="N1378" s="11">
        <v>1257.1357860999997</v>
      </c>
      <c r="O1378" s="13">
        <v>0.12172192943404006</v>
      </c>
      <c r="P1378" s="7">
        <v>7433.5252850699999</v>
      </c>
      <c r="Q1378" s="7">
        <v>8016.0950933300001</v>
      </c>
      <c r="R1378" s="7">
        <v>8694.8848467499993</v>
      </c>
      <c r="S1378" s="7">
        <v>8948.9699468899998</v>
      </c>
      <c r="T1378" s="7">
        <v>9024.1151547200006</v>
      </c>
      <c r="U1378" s="7">
        <v>9682.4360632799999</v>
      </c>
      <c r="V1378" s="7">
        <v>10327.9318028</v>
      </c>
      <c r="W1378" s="7">
        <v>9986.2044822799999</v>
      </c>
      <c r="X1378" s="7">
        <v>8340.5050503700004</v>
      </c>
      <c r="Y1378" s="7">
        <v>8698.7485877199997</v>
      </c>
      <c r="Z1378" s="7">
        <v>9640.9647201000007</v>
      </c>
      <c r="AA1378" s="7">
        <v>9668.4782070700003</v>
      </c>
      <c r="AB1378" s="7">
        <v>9816.4667019200006</v>
      </c>
      <c r="AC1378" s="7">
        <v>10605.4000712</v>
      </c>
      <c r="AD1378" s="7">
        <v>11229.497573099999</v>
      </c>
      <c r="AE1378" s="7">
        <v>11114.441218399999</v>
      </c>
      <c r="AF1378" s="7">
        <v>11585.067588899999</v>
      </c>
      <c r="AG1378" s="9">
        <v>9942.2417114999989</v>
      </c>
      <c r="AH1378" s="13">
        <v>0.49531328004403419</v>
      </c>
      <c r="AI1378" s="9">
        <v>1670.6170548000009</v>
      </c>
      <c r="AJ1378" s="13">
        <v>8.3228595433700203E-2</v>
      </c>
      <c r="AK1378" s="9">
        <v>4248.249108699998</v>
      </c>
      <c r="AL1378" s="13">
        <v>0.19538243315282725</v>
      </c>
      <c r="AM1378" s="9">
        <v>4023.375548</v>
      </c>
      <c r="AN1378" s="13">
        <v>0.15479582443787107</v>
      </c>
      <c r="AO1378" s="9">
        <v>8271.624656699998</v>
      </c>
      <c r="AP1378" s="13">
        <v>0.38042264241126744</v>
      </c>
      <c r="AQ1378" s="9">
        <v>20072.633042699999</v>
      </c>
      <c r="AR1378" s="9">
        <v>20481.1925682</v>
      </c>
      <c r="AS1378" s="9">
        <v>21103.492089300002</v>
      </c>
      <c r="AT1378" s="9">
        <v>20569.155928</v>
      </c>
      <c r="AU1378" s="9">
        <v>20827.415668900001</v>
      </c>
      <c r="AV1378" s="9">
        <v>20313.649400999999</v>
      </c>
      <c r="AW1378" s="9">
        <v>21743.2500975</v>
      </c>
      <c r="AX1378" s="9">
        <v>22293.4486053</v>
      </c>
      <c r="AY1378" s="9">
        <v>23193.962664899998</v>
      </c>
      <c r="AZ1378" s="9">
        <v>25991.499206199998</v>
      </c>
      <c r="BA1378" s="9">
        <v>25783.681748200001</v>
      </c>
      <c r="BB1378" s="9">
        <v>26273.724290900002</v>
      </c>
      <c r="BC1378" s="9">
        <v>27686.514001200001</v>
      </c>
      <c r="BD1378" s="9">
        <v>27405.650910600001</v>
      </c>
      <c r="BE1378" s="9">
        <v>28547.255381800001</v>
      </c>
      <c r="BF1378" s="9">
        <v>30014.874754199998</v>
      </c>
      <c r="BG1378" s="11">
        <v>80</v>
      </c>
      <c r="BH1378" s="13">
        <v>0.14311270125223613</v>
      </c>
      <c r="BI1378" s="6">
        <v>38</v>
      </c>
      <c r="BJ1378" s="13">
        <v>6.7978533094812166E-2</v>
      </c>
      <c r="BK1378" s="6">
        <v>8</v>
      </c>
      <c r="BL1378" s="13">
        <v>1.340033500837521E-2</v>
      </c>
      <c r="BM1378" s="11">
        <v>34</v>
      </c>
      <c r="BN1378" s="13">
        <v>5.6198347107438019E-2</v>
      </c>
      <c r="BO1378" s="11">
        <v>42</v>
      </c>
      <c r="BP1378" s="13">
        <v>7.0351758793969849E-2</v>
      </c>
      <c r="BQ1378" s="6">
        <v>559</v>
      </c>
      <c r="BR1378" s="6">
        <v>569</v>
      </c>
      <c r="BS1378" s="6">
        <v>581</v>
      </c>
      <c r="BT1378" s="6">
        <v>597</v>
      </c>
      <c r="BU1378" s="6">
        <v>599</v>
      </c>
      <c r="BV1378" s="6">
        <v>605</v>
      </c>
      <c r="BW1378" s="6">
        <v>605</v>
      </c>
      <c r="BX1378" s="6">
        <v>609</v>
      </c>
      <c r="BY1378" s="6">
        <v>605</v>
      </c>
      <c r="BZ1378" s="6">
        <v>620</v>
      </c>
      <c r="CA1378" s="6">
        <v>627</v>
      </c>
      <c r="CB1378" s="6">
        <v>655</v>
      </c>
      <c r="CC1378" s="11">
        <v>639</v>
      </c>
      <c r="CD1378" s="11">
        <v>2670.16</v>
      </c>
      <c r="CE1378" s="11">
        <v>668.81299999999999</v>
      </c>
      <c r="CF1378" s="11">
        <v>812.57399999999996</v>
      </c>
      <c r="CG1378" s="11">
        <v>1482</v>
      </c>
      <c r="CH1378" s="20">
        <v>0.45495600000000003</v>
      </c>
      <c r="CI1378" s="20">
        <v>0.485184</v>
      </c>
      <c r="CJ1378" s="20">
        <v>0.52227699999999999</v>
      </c>
      <c r="CK1378" s="20">
        <v>0.51967799999999997</v>
      </c>
      <c r="CL1378" s="20">
        <v>0.50612000000000001</v>
      </c>
      <c r="CM1378" s="20">
        <v>0.52682399999999996</v>
      </c>
      <c r="CN1378" s="20">
        <v>0.56299699999999997</v>
      </c>
      <c r="CO1378" s="20">
        <v>0.56938500000000003</v>
      </c>
      <c r="CP1378" s="20">
        <v>0.51617199999999996</v>
      </c>
      <c r="CQ1378" s="20">
        <v>0.51865099999999997</v>
      </c>
      <c r="CR1378" s="20">
        <v>0.55847199999999997</v>
      </c>
      <c r="CS1378" s="20">
        <v>0.55085799999999996</v>
      </c>
      <c r="CT1378" s="20">
        <v>0.55308199999999996</v>
      </c>
      <c r="CU1378" s="20">
        <v>0.59087199999999995</v>
      </c>
      <c r="CV1378" s="20">
        <v>0.61701399999999995</v>
      </c>
      <c r="CW1378" s="20">
        <v>0.60807</v>
      </c>
      <c r="CX1378" s="20">
        <v>0.62283900000000003</v>
      </c>
      <c r="CY1378" s="6"/>
      <c r="CZ1378" s="6"/>
      <c r="DA1378" s="6"/>
      <c r="DB1378" s="6"/>
      <c r="DC1378" s="6"/>
      <c r="DD1378" s="6"/>
      <c r="DE1378" s="6"/>
      <c r="DF1378" s="6"/>
      <c r="DG1378" s="6"/>
      <c r="DH1378" s="6"/>
      <c r="DI1378" s="6"/>
      <c r="DJ1378" s="6"/>
      <c r="DK1378" s="6"/>
      <c r="DL1378" s="6"/>
      <c r="DM1378" s="6"/>
      <c r="DN1378" s="6"/>
      <c r="DO1378" s="6"/>
      <c r="DP1378" s="6"/>
      <c r="DQ1378" s="6"/>
    </row>
    <row r="1379" spans="1:121" x14ac:dyDescent="0.2">
      <c r="A1379" s="6" t="s">
        <v>320</v>
      </c>
      <c r="B1379" s="6" t="s">
        <v>320</v>
      </c>
      <c r="C1379" s="6" t="s">
        <v>189</v>
      </c>
      <c r="D1379" s="6" t="s">
        <v>336</v>
      </c>
      <c r="E1379" s="6" t="s">
        <v>330</v>
      </c>
      <c r="F1379" s="11">
        <v>782</v>
      </c>
      <c r="G1379" s="13">
        <v>0.30158118010000001</v>
      </c>
      <c r="H1379" s="11">
        <v>487.60290351999993</v>
      </c>
      <c r="I1379" s="13">
        <v>0.18801664884939759</v>
      </c>
      <c r="J1379" s="11">
        <v>182.4276734</v>
      </c>
      <c r="K1379" s="13">
        <v>5.9210430285201419E-2</v>
      </c>
      <c r="L1379" s="11">
        <v>111.58778333000009</v>
      </c>
      <c r="M1379" s="13">
        <v>3.4193369513456966E-2</v>
      </c>
      <c r="N1379" s="11">
        <v>294.0154567300001</v>
      </c>
      <c r="O1379" s="13">
        <v>9.5428403920451058E-2</v>
      </c>
      <c r="P1379" s="7">
        <v>2593.4027997200001</v>
      </c>
      <c r="Q1379" s="7">
        <v>2644.1370846300001</v>
      </c>
      <c r="R1379" s="7">
        <v>2551.16517853</v>
      </c>
      <c r="S1379" s="7">
        <v>2540.0276826899999</v>
      </c>
      <c r="T1379" s="7">
        <v>2882.0425562400001</v>
      </c>
      <c r="U1379" s="7">
        <v>2939.0845278400002</v>
      </c>
      <c r="V1379" s="7">
        <v>3081.00570324</v>
      </c>
      <c r="W1379" s="7">
        <v>3270.3478487699999</v>
      </c>
      <c r="X1379" s="7">
        <v>3346.77302439</v>
      </c>
      <c r="Y1379" s="7">
        <v>3263.43337664</v>
      </c>
      <c r="Z1379" s="7">
        <v>3232.64723073</v>
      </c>
      <c r="AA1379" s="7">
        <v>3688.2027273200001</v>
      </c>
      <c r="AB1379" s="7">
        <v>3764.0498016000001</v>
      </c>
      <c r="AC1379" s="7">
        <v>3566.8161716899999</v>
      </c>
      <c r="AD1379" s="7">
        <v>3262.3403431800002</v>
      </c>
      <c r="AE1379" s="7">
        <v>3321.8916226800002</v>
      </c>
      <c r="AF1379" s="7">
        <v>3375.0211599700001</v>
      </c>
      <c r="AG1379" s="9">
        <v>10385.311298600001</v>
      </c>
      <c r="AH1379" s="13">
        <v>0.36925872847803654</v>
      </c>
      <c r="AI1379" s="9">
        <v>-201.76751850000073</v>
      </c>
      <c r="AJ1379" s="13">
        <v>-7.1740186872898655E-3</v>
      </c>
      <c r="AK1379" s="9">
        <v>3014.0063245999991</v>
      </c>
      <c r="AL1379" s="13">
        <v>0.10793996588843258</v>
      </c>
      <c r="AM1379" s="9">
        <v>7573.0724925000031</v>
      </c>
      <c r="AN1379" s="13">
        <v>0.24479018617783416</v>
      </c>
      <c r="AO1379" s="9">
        <v>10587.078817100002</v>
      </c>
      <c r="AP1379" s="13">
        <v>0.37915279641212529</v>
      </c>
      <c r="AQ1379" s="9">
        <v>28124.7550773</v>
      </c>
      <c r="AR1379" s="9">
        <v>29587.551298999999</v>
      </c>
      <c r="AS1379" s="9">
        <v>26515.304762299998</v>
      </c>
      <c r="AT1379" s="9">
        <v>28128.4036003</v>
      </c>
      <c r="AU1379" s="9">
        <v>29348.775655099998</v>
      </c>
      <c r="AV1379" s="9">
        <v>31041.866475899998</v>
      </c>
      <c r="AW1379" s="9">
        <v>27922.9875588</v>
      </c>
      <c r="AX1379" s="9">
        <v>30559.1986091</v>
      </c>
      <c r="AY1379" s="9">
        <v>30274.896063200002</v>
      </c>
      <c r="AZ1379" s="9">
        <v>30936.993883399999</v>
      </c>
      <c r="BA1379" s="9">
        <v>26458.074272499998</v>
      </c>
      <c r="BB1379" s="9">
        <v>31993.5567132</v>
      </c>
      <c r="BC1379" s="9">
        <v>32342.6430779</v>
      </c>
      <c r="BD1379" s="9">
        <v>34221.4055381</v>
      </c>
      <c r="BE1379" s="9">
        <v>36143.4763695</v>
      </c>
      <c r="BF1379" s="9">
        <v>38510.066375900002</v>
      </c>
      <c r="BG1379" s="11">
        <v>23.75</v>
      </c>
      <c r="BH1379" s="13">
        <v>0.296875</v>
      </c>
      <c r="BI1379" s="6">
        <v>16</v>
      </c>
      <c r="BJ1379" s="13">
        <v>0.2</v>
      </c>
      <c r="BK1379" s="6">
        <v>3</v>
      </c>
      <c r="BL1379" s="13">
        <v>3.125E-2</v>
      </c>
      <c r="BM1379" s="11">
        <v>4.75</v>
      </c>
      <c r="BN1379" s="13">
        <v>4.7979797979797977E-2</v>
      </c>
      <c r="BO1379" s="11">
        <v>7.75</v>
      </c>
      <c r="BP1379" s="13">
        <v>8.0729166666666671E-2</v>
      </c>
      <c r="BQ1379" s="6">
        <v>80</v>
      </c>
      <c r="BR1379" s="6">
        <v>85</v>
      </c>
      <c r="BS1379" s="6">
        <v>86</v>
      </c>
      <c r="BT1379" s="6">
        <v>96</v>
      </c>
      <c r="BU1379" s="6">
        <v>99</v>
      </c>
      <c r="BV1379" s="6">
        <v>96</v>
      </c>
      <c r="BW1379" s="6">
        <v>99</v>
      </c>
      <c r="BX1379" s="6">
        <v>106</v>
      </c>
      <c r="BY1379" s="6">
        <v>103</v>
      </c>
      <c r="BZ1379" s="6">
        <v>107</v>
      </c>
      <c r="CA1379" s="6">
        <v>109</v>
      </c>
      <c r="CB1379" s="6">
        <v>106</v>
      </c>
      <c r="CC1379" s="11">
        <v>103.75</v>
      </c>
      <c r="CD1379" s="11">
        <v>-440.95600000000002</v>
      </c>
      <c r="CE1379" s="11">
        <v>939.08399999999995</v>
      </c>
      <c r="CF1379" s="11">
        <v>283.49</v>
      </c>
      <c r="CG1379" s="11">
        <v>1222</v>
      </c>
      <c r="CH1379" s="20">
        <v>0.47575299999999998</v>
      </c>
      <c r="CI1379" s="20">
        <v>0.45840599999999998</v>
      </c>
      <c r="CJ1379" s="20">
        <v>0.42626500000000001</v>
      </c>
      <c r="CK1379" s="20">
        <v>0.40873599999999999</v>
      </c>
      <c r="CL1379" s="20">
        <v>0.45794099999999999</v>
      </c>
      <c r="CM1379" s="20">
        <v>0.45528000000000002</v>
      </c>
      <c r="CN1379" s="20">
        <v>0.47069699999999998</v>
      </c>
      <c r="CO1379" s="20">
        <v>0.48570099999999999</v>
      </c>
      <c r="CP1379" s="20">
        <v>0.47763</v>
      </c>
      <c r="CQ1379" s="20">
        <v>0.452067</v>
      </c>
      <c r="CR1379" s="20">
        <v>0.438245</v>
      </c>
      <c r="CS1379" s="20">
        <v>0.496529</v>
      </c>
      <c r="CT1379" s="20">
        <v>0.50766299999999998</v>
      </c>
      <c r="CU1379" s="20">
        <v>0.48139999999999999</v>
      </c>
      <c r="CV1379" s="20">
        <v>0.43892799999999998</v>
      </c>
      <c r="CW1379" s="20">
        <v>0.44560100000000002</v>
      </c>
      <c r="CX1379" s="20">
        <v>0.44327899999999998</v>
      </c>
      <c r="CY1379" s="6"/>
      <c r="CZ1379" s="6"/>
      <c r="DA1379" s="6"/>
      <c r="DB1379" s="6"/>
      <c r="DC1379" s="6"/>
      <c r="DD1379" s="6"/>
      <c r="DE1379" s="6"/>
      <c r="DF1379" s="6"/>
      <c r="DG1379" s="6"/>
      <c r="DH1379" s="6"/>
      <c r="DI1379" s="6"/>
      <c r="DJ1379" s="6"/>
      <c r="DK1379" s="6"/>
      <c r="DL1379" s="6"/>
      <c r="DM1379" s="6"/>
      <c r="DN1379" s="6"/>
      <c r="DO1379" s="6"/>
      <c r="DP1379" s="6"/>
      <c r="DQ1379" s="6"/>
    </row>
    <row r="1380" spans="1:121" x14ac:dyDescent="0.2">
      <c r="A1380" s="6" t="s">
        <v>321</v>
      </c>
      <c r="B1380" s="6" t="s">
        <v>321</v>
      </c>
      <c r="C1380" s="6" t="s">
        <v>190</v>
      </c>
      <c r="D1380" s="6" t="s">
        <v>336</v>
      </c>
      <c r="E1380" s="6" t="s">
        <v>330</v>
      </c>
      <c r="F1380" s="11">
        <v>10021</v>
      </c>
      <c r="G1380" s="13">
        <v>0.33873039480799999</v>
      </c>
      <c r="H1380" s="11">
        <v>4120.4567705000009</v>
      </c>
      <c r="I1380" s="13">
        <v>0.13928203475534451</v>
      </c>
      <c r="J1380" s="11">
        <v>1896.5726725999994</v>
      </c>
      <c r="K1380" s="13">
        <v>5.6271433663863946E-2</v>
      </c>
      <c r="L1380" s="11">
        <v>4004.2344759999978</v>
      </c>
      <c r="M1380" s="13">
        <v>0.112476671888372</v>
      </c>
      <c r="N1380" s="11">
        <v>5900.8071485999972</v>
      </c>
      <c r="O1380" s="13">
        <v>0.17507732913313465</v>
      </c>
      <c r="P1380" s="7">
        <v>29583.548070199999</v>
      </c>
      <c r="Q1380" s="7">
        <v>30314.2848362</v>
      </c>
      <c r="R1380" s="7">
        <v>31102.418579599998</v>
      </c>
      <c r="S1380" s="7">
        <v>32408.400440099998</v>
      </c>
      <c r="T1380" s="7">
        <v>32965.863815099998</v>
      </c>
      <c r="U1380" s="7">
        <v>33854.367662600001</v>
      </c>
      <c r="V1380" s="7">
        <v>33704.004840699999</v>
      </c>
      <c r="W1380" s="7">
        <v>33915.328137600001</v>
      </c>
      <c r="X1380" s="7">
        <v>34699.247408000003</v>
      </c>
      <c r="Y1380" s="7">
        <v>35600.577513299999</v>
      </c>
      <c r="Z1380" s="7">
        <v>35761.447782700001</v>
      </c>
      <c r="AA1380" s="7">
        <v>37470.651965199999</v>
      </c>
      <c r="AB1380" s="7">
        <v>38874.547845200002</v>
      </c>
      <c r="AC1380" s="7">
        <v>38586.189126700003</v>
      </c>
      <c r="AD1380" s="7">
        <v>38706.763729999999</v>
      </c>
      <c r="AE1380" s="7">
        <v>38742.353733999997</v>
      </c>
      <c r="AF1380" s="7">
        <v>39604.811989299997</v>
      </c>
      <c r="AG1380" s="9">
        <v>12052.364207600003</v>
      </c>
      <c r="AH1380" s="13">
        <v>0.43938996324279522</v>
      </c>
      <c r="AI1380" s="9">
        <v>6707.9597050000011</v>
      </c>
      <c r="AJ1380" s="13">
        <v>0.24455037347407055</v>
      </c>
      <c r="AK1380" s="9">
        <v>3399.199626499998</v>
      </c>
      <c r="AL1380" s="13">
        <v>9.9573111002990947E-2</v>
      </c>
      <c r="AM1380" s="9">
        <v>1945.2048761000042</v>
      </c>
      <c r="AN1380" s="13">
        <v>5.1821102011838517E-2</v>
      </c>
      <c r="AO1380" s="9">
        <v>5344.4045026000022</v>
      </c>
      <c r="AP1380" s="13">
        <v>0.15655420135775158</v>
      </c>
      <c r="AQ1380" s="9">
        <v>27429.766758099999</v>
      </c>
      <c r="AR1380" s="9">
        <v>28965.289887399998</v>
      </c>
      <c r="AS1380" s="9">
        <v>30141.004963899999</v>
      </c>
      <c r="AT1380" s="9">
        <v>31230.241254799999</v>
      </c>
      <c r="AU1380" s="9">
        <v>31733.319322700001</v>
      </c>
      <c r="AV1380" s="9">
        <v>32613.7753438</v>
      </c>
      <c r="AW1380" s="9">
        <v>34137.7264631</v>
      </c>
      <c r="AX1380" s="9">
        <v>35151.452831100003</v>
      </c>
      <c r="AY1380" s="9">
        <v>36518.579377299997</v>
      </c>
      <c r="AZ1380" s="9">
        <v>37536.926089599998</v>
      </c>
      <c r="BA1380" s="9">
        <v>38293.595481199998</v>
      </c>
      <c r="BB1380" s="9">
        <v>37098.528795400001</v>
      </c>
      <c r="BC1380" s="9">
        <v>37457.002122799997</v>
      </c>
      <c r="BD1380" s="9">
        <v>37305.136324200001</v>
      </c>
      <c r="BE1380" s="9">
        <v>38923.097207999999</v>
      </c>
      <c r="BF1380" s="9">
        <v>39482.130965700002</v>
      </c>
      <c r="BG1380" s="11">
        <v>3207.5</v>
      </c>
      <c r="BH1380" s="13">
        <v>2.0613753213367607</v>
      </c>
      <c r="BI1380" s="6">
        <v>22</v>
      </c>
      <c r="BJ1380" s="13">
        <v>1.4138817480719794E-2</v>
      </c>
      <c r="BK1380" s="6">
        <v>40</v>
      </c>
      <c r="BL1380" s="13">
        <v>2.5348542458808618E-2</v>
      </c>
      <c r="BM1380" s="11">
        <v>3145.5</v>
      </c>
      <c r="BN1380" s="13">
        <v>1.9440667490729295</v>
      </c>
      <c r="BO1380" s="11">
        <v>3185.5</v>
      </c>
      <c r="BP1380" s="13">
        <v>2.0186945500633713</v>
      </c>
      <c r="BQ1380" s="6">
        <v>1556</v>
      </c>
      <c r="BR1380" s="6">
        <v>1556</v>
      </c>
      <c r="BS1380" s="6">
        <v>1585</v>
      </c>
      <c r="BT1380" s="6">
        <v>1578</v>
      </c>
      <c r="BU1380" s="6">
        <v>1589</v>
      </c>
      <c r="BV1380" s="6">
        <v>1619</v>
      </c>
      <c r="BW1380" s="6">
        <v>1618</v>
      </c>
      <c r="BX1380" s="6">
        <v>1605</v>
      </c>
      <c r="BY1380" s="6">
        <v>1659</v>
      </c>
      <c r="BZ1380" s="6">
        <v>4570</v>
      </c>
      <c r="CA1380" s="6">
        <v>4657</v>
      </c>
      <c r="CB1380" s="6">
        <v>4791</v>
      </c>
      <c r="CC1380" s="11">
        <v>4763.5</v>
      </c>
      <c r="CD1380" s="11">
        <v>-3985.91</v>
      </c>
      <c r="CE1380" s="11">
        <v>10773.3</v>
      </c>
      <c r="CF1380" s="11">
        <v>3233.84</v>
      </c>
      <c r="CG1380" s="11">
        <v>14007</v>
      </c>
      <c r="CH1380" s="20">
        <v>1.09887</v>
      </c>
      <c r="CI1380" s="20">
        <v>1.0718799999999999</v>
      </c>
      <c r="CJ1380" s="20">
        <v>1.0580700000000001</v>
      </c>
      <c r="CK1380" s="20">
        <v>1.0790299999999999</v>
      </c>
      <c r="CL1380" s="20">
        <v>1.0720700000000001</v>
      </c>
      <c r="CM1380" s="20">
        <v>1.06992</v>
      </c>
      <c r="CN1380" s="20">
        <v>1.04819</v>
      </c>
      <c r="CO1380" s="20">
        <v>1.0288299999999999</v>
      </c>
      <c r="CP1380" s="20">
        <v>1.01925</v>
      </c>
      <c r="CQ1380" s="20">
        <v>1.02142</v>
      </c>
      <c r="CR1380" s="20">
        <v>1.02206</v>
      </c>
      <c r="CS1380" s="20">
        <v>1.0459499999999999</v>
      </c>
      <c r="CT1380" s="20">
        <v>1.0813999999999999</v>
      </c>
      <c r="CU1380" s="20">
        <v>1.07633</v>
      </c>
      <c r="CV1380" s="20">
        <v>1.06559</v>
      </c>
      <c r="CW1380" s="20">
        <v>1.05698</v>
      </c>
      <c r="CX1380" s="20">
        <v>1.0517799999999999</v>
      </c>
      <c r="CY1380" s="6"/>
      <c r="CZ1380" s="6"/>
      <c r="DA1380" s="6"/>
      <c r="DB1380" s="6"/>
      <c r="DC1380" s="6"/>
      <c r="DD1380" s="6"/>
      <c r="DE1380" s="6"/>
      <c r="DF1380" s="6"/>
      <c r="DG1380" s="6"/>
      <c r="DH1380" s="6"/>
      <c r="DI1380" s="6"/>
      <c r="DJ1380" s="6"/>
      <c r="DK1380" s="6"/>
      <c r="DL1380" s="6"/>
      <c r="DM1380" s="6"/>
      <c r="DN1380" s="6"/>
      <c r="DO1380" s="6"/>
      <c r="DP1380" s="6"/>
      <c r="DQ1380" s="6"/>
    </row>
    <row r="1381" spans="1:121" x14ac:dyDescent="0.2">
      <c r="A1381" s="6" t="s">
        <v>322</v>
      </c>
      <c r="B1381" s="6" t="s">
        <v>322</v>
      </c>
      <c r="C1381" s="6" t="s">
        <v>191</v>
      </c>
      <c r="D1381" s="6" t="s">
        <v>336</v>
      </c>
      <c r="E1381" s="6" t="s">
        <v>330</v>
      </c>
      <c r="F1381" s="11">
        <v>531</v>
      </c>
      <c r="G1381" s="13">
        <v>0.11781672953199999</v>
      </c>
      <c r="H1381" s="11">
        <v>5.7224194800000987</v>
      </c>
      <c r="I1381" s="13">
        <v>1.2697083108239658E-3</v>
      </c>
      <c r="J1381" s="11">
        <v>782.90920296999957</v>
      </c>
      <c r="K1381" s="13">
        <v>0.1734940528900876</v>
      </c>
      <c r="L1381" s="11">
        <v>-257.54565626000021</v>
      </c>
      <c r="M1381" s="13">
        <v>-4.8634732418857671E-2</v>
      </c>
      <c r="N1381" s="11">
        <v>525.36354670999935</v>
      </c>
      <c r="O1381" s="13">
        <v>0.11642148363265738</v>
      </c>
      <c r="P1381" s="7">
        <v>4506.8772341000004</v>
      </c>
      <c r="Q1381" s="7">
        <v>4248.9791692199997</v>
      </c>
      <c r="R1381" s="7">
        <v>4128.7727425900002</v>
      </c>
      <c r="S1381" s="7">
        <v>4109.24313299</v>
      </c>
      <c r="T1381" s="7">
        <v>4296.3583912100003</v>
      </c>
      <c r="U1381" s="7">
        <v>4208.76531798</v>
      </c>
      <c r="V1381" s="7">
        <v>4512.5996535800004</v>
      </c>
      <c r="W1381" s="7">
        <v>4630.2902529200001</v>
      </c>
      <c r="X1381" s="7">
        <v>4225.5781275199997</v>
      </c>
      <c r="Y1381" s="7">
        <v>5295.50885655</v>
      </c>
      <c r="Z1381" s="7">
        <v>5202.8509499900001</v>
      </c>
      <c r="AA1381" s="7">
        <v>5203.8177661999998</v>
      </c>
      <c r="AB1381" s="7">
        <v>5125.2550488099996</v>
      </c>
      <c r="AC1381" s="7">
        <v>5022.0136907100004</v>
      </c>
      <c r="AD1381" s="7">
        <v>4922.4557055400001</v>
      </c>
      <c r="AE1381" s="7">
        <v>4985.8116206100003</v>
      </c>
      <c r="AF1381" s="7">
        <v>5037.9632002899998</v>
      </c>
      <c r="AG1381" s="9">
        <v>3837.0442177999976</v>
      </c>
      <c r="AH1381" s="13">
        <v>0.20369442656507153</v>
      </c>
      <c r="AI1381" s="9">
        <v>1025.5677371999991</v>
      </c>
      <c r="AJ1381" s="13">
        <v>5.4443582162409326E-2</v>
      </c>
      <c r="AK1381" s="9">
        <v>1630.920874200001</v>
      </c>
      <c r="AL1381" s="13">
        <v>8.2109212252887545E-2</v>
      </c>
      <c r="AM1381" s="9">
        <v>1180.5556063999975</v>
      </c>
      <c r="AN1381" s="13">
        <v>5.4925541589826161E-2</v>
      </c>
      <c r="AO1381" s="9">
        <v>2811.4764805999985</v>
      </c>
      <c r="AP1381" s="13">
        <v>0.14154464679521755</v>
      </c>
      <c r="AQ1381" s="9">
        <v>18837.256779700001</v>
      </c>
      <c r="AR1381" s="9">
        <v>19383.709163299998</v>
      </c>
      <c r="AS1381" s="9">
        <v>18689.1237296</v>
      </c>
      <c r="AT1381" s="9">
        <v>18704.262560700001</v>
      </c>
      <c r="AU1381" s="9">
        <v>18660.9850601</v>
      </c>
      <c r="AV1381" s="9">
        <v>19102.081656900002</v>
      </c>
      <c r="AW1381" s="9">
        <v>19862.8245169</v>
      </c>
      <c r="AX1381" s="9">
        <v>20025.339010700001</v>
      </c>
      <c r="AY1381" s="9">
        <v>20242.630713400002</v>
      </c>
      <c r="AZ1381" s="9">
        <v>21493.745391100001</v>
      </c>
      <c r="BA1381" s="9">
        <v>21269.9245453</v>
      </c>
      <c r="BB1381" s="9">
        <v>21042.434298600001</v>
      </c>
      <c r="BC1381" s="9">
        <v>21769.091123599999</v>
      </c>
      <c r="BD1381" s="9">
        <v>21249.333023300002</v>
      </c>
      <c r="BE1381" s="9">
        <v>22323.330059899999</v>
      </c>
      <c r="BF1381" s="9">
        <v>22674.300997499999</v>
      </c>
      <c r="BG1381" s="11">
        <v>-18.5</v>
      </c>
      <c r="BH1381" s="13">
        <v>-6.7028985507246383E-2</v>
      </c>
      <c r="BI1381" s="6">
        <v>3</v>
      </c>
      <c r="BJ1381" s="13">
        <v>1.0869565217391304E-2</v>
      </c>
      <c r="BK1381" s="6">
        <v>-20</v>
      </c>
      <c r="BL1381" s="13">
        <v>-7.1684587813620068E-2</v>
      </c>
      <c r="BM1381" s="11">
        <v>-1.5</v>
      </c>
      <c r="BN1381" s="13">
        <v>-5.7915057915057912E-3</v>
      </c>
      <c r="BO1381" s="11">
        <v>-21.5</v>
      </c>
      <c r="BP1381" s="13">
        <v>-7.7060931899641583E-2</v>
      </c>
      <c r="BQ1381" s="6">
        <v>276</v>
      </c>
      <c r="BR1381" s="6">
        <v>283</v>
      </c>
      <c r="BS1381" s="6">
        <v>287</v>
      </c>
      <c r="BT1381" s="6">
        <v>279</v>
      </c>
      <c r="BU1381" s="6">
        <v>276</v>
      </c>
      <c r="BV1381" s="6">
        <v>269</v>
      </c>
      <c r="BW1381" s="6">
        <v>259</v>
      </c>
      <c r="BX1381" s="6">
        <v>251</v>
      </c>
      <c r="BY1381" s="6">
        <v>254</v>
      </c>
      <c r="BZ1381" s="6">
        <v>258</v>
      </c>
      <c r="CA1381" s="6">
        <v>266</v>
      </c>
      <c r="CB1381" s="6">
        <v>263</v>
      </c>
      <c r="CC1381" s="11">
        <v>257.5</v>
      </c>
      <c r="CD1381" s="11">
        <v>-781.44600000000003</v>
      </c>
      <c r="CE1381" s="11">
        <v>819.87599999999998</v>
      </c>
      <c r="CF1381" s="11">
        <v>492.65600000000001</v>
      </c>
      <c r="CG1381" s="11">
        <v>1313</v>
      </c>
      <c r="CH1381" s="20">
        <v>1.09293</v>
      </c>
      <c r="CI1381" s="20">
        <v>0.99870400000000004</v>
      </c>
      <c r="CJ1381" s="20">
        <v>0.94771399999999995</v>
      </c>
      <c r="CK1381" s="20">
        <v>0.92132999999999998</v>
      </c>
      <c r="CL1381" s="20">
        <v>0.94784800000000002</v>
      </c>
      <c r="CM1381" s="20">
        <v>0.910632</v>
      </c>
      <c r="CN1381" s="20">
        <v>0.96324600000000005</v>
      </c>
      <c r="CO1381" s="20">
        <v>0.98214699999999999</v>
      </c>
      <c r="CP1381" s="20">
        <v>0.90370399999999995</v>
      </c>
      <c r="CQ1381" s="20">
        <v>1.1329100000000001</v>
      </c>
      <c r="CR1381" s="20">
        <v>1.1100000000000001</v>
      </c>
      <c r="CS1381" s="20">
        <v>1.0989</v>
      </c>
      <c r="CT1381" s="20">
        <v>1.0798399999999999</v>
      </c>
      <c r="CU1381" s="20">
        <v>1.0472399999999999</v>
      </c>
      <c r="CV1381" s="20">
        <v>1.0047200000000001</v>
      </c>
      <c r="CW1381" s="20">
        <v>1.0034400000000001</v>
      </c>
      <c r="CX1381" s="20">
        <v>0.99676299999999995</v>
      </c>
      <c r="CY1381" s="6"/>
      <c r="CZ1381" s="6"/>
      <c r="DA1381" s="6"/>
      <c r="DB1381" s="6"/>
      <c r="DC1381" s="6"/>
      <c r="DD1381" s="6"/>
      <c r="DE1381" s="6"/>
      <c r="DF1381" s="6"/>
      <c r="DG1381" s="6"/>
      <c r="DH1381" s="6"/>
      <c r="DI1381" s="6"/>
      <c r="DJ1381" s="6"/>
      <c r="DK1381" s="6"/>
      <c r="DL1381" s="6"/>
      <c r="DM1381" s="6"/>
      <c r="DN1381" s="6"/>
      <c r="DO1381" s="6"/>
      <c r="DP1381" s="6"/>
      <c r="DQ1381" s="6"/>
    </row>
    <row r="1382" spans="1:121" x14ac:dyDescent="0.2">
      <c r="A1382" s="6" t="s">
        <v>323</v>
      </c>
      <c r="B1382" s="6" t="s">
        <v>323</v>
      </c>
      <c r="C1382" s="6" t="s">
        <v>324</v>
      </c>
      <c r="D1382" s="6" t="s">
        <v>336</v>
      </c>
      <c r="E1382" s="6" t="s">
        <v>330</v>
      </c>
      <c r="F1382" s="11">
        <v>5448</v>
      </c>
      <c r="G1382" s="13">
        <v>0.22438220757800001</v>
      </c>
      <c r="H1382" s="11">
        <v>3427.8302557999996</v>
      </c>
      <c r="I1382" s="13">
        <v>0.14117807843634833</v>
      </c>
      <c r="J1382" s="11">
        <v>-391.54621739999857</v>
      </c>
      <c r="K1382" s="13">
        <v>-1.4131152101872628E-2</v>
      </c>
      <c r="L1382" s="11">
        <v>2411.0897213999997</v>
      </c>
      <c r="M1382" s="13">
        <v>8.8265048899343834E-2</v>
      </c>
      <c r="N1382" s="11">
        <v>2019.5435040000011</v>
      </c>
      <c r="O1382" s="13">
        <v>7.2886609966195351E-2</v>
      </c>
      <c r="P1382" s="7">
        <v>24280.1877867</v>
      </c>
      <c r="Q1382" s="7">
        <v>24733.7948588</v>
      </c>
      <c r="R1382" s="7">
        <v>25823.283489099998</v>
      </c>
      <c r="S1382" s="7">
        <v>26371.059750799999</v>
      </c>
      <c r="T1382" s="7">
        <v>26723.500657500001</v>
      </c>
      <c r="U1382" s="7">
        <v>27194.3115134</v>
      </c>
      <c r="V1382" s="7">
        <v>27708.0180425</v>
      </c>
      <c r="W1382" s="7">
        <v>28005.880957900001</v>
      </c>
      <c r="X1382" s="7">
        <v>27207.4403007</v>
      </c>
      <c r="Y1382" s="7">
        <v>27316.471825100001</v>
      </c>
      <c r="Z1382" s="7">
        <v>27046.112812300002</v>
      </c>
      <c r="AA1382" s="7">
        <v>27115.913910700001</v>
      </c>
      <c r="AB1382" s="7">
        <v>27590.4785405</v>
      </c>
      <c r="AC1382" s="7">
        <v>28027.277679300001</v>
      </c>
      <c r="AD1382" s="7">
        <v>28820.4149579</v>
      </c>
      <c r="AE1382" s="7">
        <v>29419.3159247</v>
      </c>
      <c r="AF1382" s="7">
        <v>29727.561546500001</v>
      </c>
      <c r="AG1382" s="9">
        <v>6287.6493040999994</v>
      </c>
      <c r="AH1382" s="13">
        <v>0.50035432706224869</v>
      </c>
      <c r="AI1382" s="9">
        <v>3196.4899014000002</v>
      </c>
      <c r="AJ1382" s="13">
        <v>0.25436812331968989</v>
      </c>
      <c r="AK1382" s="9">
        <v>1457.857123400001</v>
      </c>
      <c r="AL1382" s="13">
        <v>9.2486704190915772E-2</v>
      </c>
      <c r="AM1382" s="9">
        <v>1633.3022792999982</v>
      </c>
      <c r="AN1382" s="13">
        <v>9.4845067096157212E-2</v>
      </c>
      <c r="AO1382" s="9">
        <v>3091.1594026999992</v>
      </c>
      <c r="AP1382" s="13">
        <v>0.19610367895156283</v>
      </c>
      <c r="AQ1382" s="9">
        <v>12566.3933817</v>
      </c>
      <c r="AR1382" s="9">
        <v>12847.133891699999</v>
      </c>
      <c r="AS1382" s="9">
        <v>13179.8281768</v>
      </c>
      <c r="AT1382" s="9">
        <v>14264.205348900001</v>
      </c>
      <c r="AU1382" s="9">
        <v>14445.1234236</v>
      </c>
      <c r="AV1382" s="9">
        <v>14217.322706999999</v>
      </c>
      <c r="AW1382" s="9">
        <v>15762.8832831</v>
      </c>
      <c r="AX1382" s="9">
        <v>16146.6047406</v>
      </c>
      <c r="AY1382" s="9">
        <v>16438.305112599999</v>
      </c>
      <c r="AZ1382" s="9">
        <v>17220.740406500001</v>
      </c>
      <c r="BA1382" s="9">
        <v>17272.5567515</v>
      </c>
      <c r="BB1382" s="9">
        <v>17689.803953999999</v>
      </c>
      <c r="BC1382" s="9">
        <v>17898.113656599999</v>
      </c>
      <c r="BD1382" s="9">
        <v>18147.344813</v>
      </c>
      <c r="BE1382" s="9">
        <v>18904.975281999999</v>
      </c>
      <c r="BF1382" s="9">
        <v>18854.042685799999</v>
      </c>
      <c r="BG1382" s="11">
        <v>34.25</v>
      </c>
      <c r="BH1382" s="13">
        <v>2.4516821760916248E-2</v>
      </c>
      <c r="BI1382" s="6">
        <v>37</v>
      </c>
      <c r="BJ1382" s="13">
        <v>2.6485325697924122E-2</v>
      </c>
      <c r="BK1382" s="6">
        <v>17</v>
      </c>
      <c r="BL1382" s="13">
        <v>1.1854951185495118E-2</v>
      </c>
      <c r="BM1382" s="11">
        <v>-19.75</v>
      </c>
      <c r="BN1382" s="13">
        <v>-1.3611302549965541E-2</v>
      </c>
      <c r="BO1382" s="11">
        <v>-2.75</v>
      </c>
      <c r="BP1382" s="13">
        <v>-1.9177126917712692E-3</v>
      </c>
      <c r="BQ1382" s="6">
        <v>1397</v>
      </c>
      <c r="BR1382" s="6">
        <v>1377</v>
      </c>
      <c r="BS1382" s="6">
        <v>1396</v>
      </c>
      <c r="BT1382" s="6">
        <v>1434</v>
      </c>
      <c r="BU1382" s="6">
        <v>1426</v>
      </c>
      <c r="BV1382" s="6">
        <v>1427</v>
      </c>
      <c r="BW1382" s="6">
        <v>1451</v>
      </c>
      <c r="BX1382" s="6">
        <v>1429</v>
      </c>
      <c r="BY1382" s="6">
        <v>1417</v>
      </c>
      <c r="BZ1382" s="6">
        <v>1424</v>
      </c>
      <c r="CA1382" s="6">
        <v>1420</v>
      </c>
      <c r="CB1382" s="6">
        <v>1448</v>
      </c>
      <c r="CC1382" s="11">
        <v>1431.25</v>
      </c>
      <c r="CD1382" s="11">
        <v>-2728.19</v>
      </c>
      <c r="CE1382" s="11">
        <v>5521.45</v>
      </c>
      <c r="CF1382" s="11">
        <v>2654.12</v>
      </c>
      <c r="CG1382" s="11">
        <v>8175</v>
      </c>
      <c r="CH1382" s="20">
        <v>1.2152700000000001</v>
      </c>
      <c r="CI1382" s="20">
        <v>1.20842</v>
      </c>
      <c r="CJ1382" s="20">
        <v>1.2286999999999999</v>
      </c>
      <c r="CK1382" s="20">
        <v>1.2216499999999999</v>
      </c>
      <c r="CL1382" s="20">
        <v>1.20827</v>
      </c>
      <c r="CM1382" s="20">
        <v>1.1996199999999999</v>
      </c>
      <c r="CN1382" s="20">
        <v>1.2095400000000001</v>
      </c>
      <c r="CO1382" s="20">
        <v>1.2197899999999999</v>
      </c>
      <c r="CP1382" s="20">
        <v>1.20434</v>
      </c>
      <c r="CQ1382" s="20">
        <v>1.19651</v>
      </c>
      <c r="CR1382" s="20">
        <v>1.16716</v>
      </c>
      <c r="CS1382" s="20">
        <v>1.1499900000000001</v>
      </c>
      <c r="CT1382" s="20">
        <v>1.15364</v>
      </c>
      <c r="CU1382" s="20">
        <v>1.16276</v>
      </c>
      <c r="CV1382" s="20">
        <v>1.16873</v>
      </c>
      <c r="CW1382" s="20">
        <v>1.1795100000000001</v>
      </c>
      <c r="CX1382" s="20">
        <v>1.1726399999999999</v>
      </c>
      <c r="CY1382" s="6"/>
      <c r="CZ1382" s="6"/>
      <c r="DA1382" s="6"/>
      <c r="DB1382" s="6"/>
      <c r="DC1382" s="6"/>
      <c r="DD1382" s="6"/>
      <c r="DE1382" s="6"/>
      <c r="DF1382" s="6"/>
      <c r="DG1382" s="6"/>
      <c r="DH1382" s="6"/>
      <c r="DI1382" s="6"/>
      <c r="DJ1382" s="6"/>
      <c r="DK1382" s="6"/>
      <c r="DL1382" s="6"/>
      <c r="DM1382" s="6"/>
      <c r="DN1382" s="6"/>
      <c r="DO1382" s="6"/>
      <c r="DP1382" s="6"/>
      <c r="DQ1382" s="6"/>
    </row>
    <row r="1383" spans="1:121" x14ac:dyDescent="0.2">
      <c r="A1383" s="6" t="s">
        <v>325</v>
      </c>
      <c r="B1383" s="6" t="s">
        <v>325</v>
      </c>
      <c r="C1383" s="6" t="s">
        <v>326</v>
      </c>
      <c r="D1383" s="6" t="s">
        <v>336</v>
      </c>
      <c r="E1383" s="6" t="s">
        <v>330</v>
      </c>
      <c r="F1383" s="11">
        <v>-744</v>
      </c>
      <c r="G1383" s="13">
        <v>-5.6885082957400003E-2</v>
      </c>
      <c r="H1383" s="11">
        <v>1815.9058958999995</v>
      </c>
      <c r="I1383" s="13">
        <v>0.13883929323041541</v>
      </c>
      <c r="J1383" s="11">
        <v>800.12807990000147</v>
      </c>
      <c r="K1383" s="13">
        <v>5.3717541036615454E-2</v>
      </c>
      <c r="L1383" s="11">
        <v>-3360.1397434999999</v>
      </c>
      <c r="M1383" s="13">
        <v>-0.21408672673093837</v>
      </c>
      <c r="N1383" s="11">
        <v>-2560.0116635999984</v>
      </c>
      <c r="O1383" s="13">
        <v>-0.17186939822288677</v>
      </c>
      <c r="P1383" s="7">
        <v>13079.192883</v>
      </c>
      <c r="Q1383" s="7">
        <v>13499.2795458</v>
      </c>
      <c r="R1383" s="7">
        <v>14044.983668000001</v>
      </c>
      <c r="S1383" s="7">
        <v>14241.1823322</v>
      </c>
      <c r="T1383" s="7">
        <v>14519.9086742</v>
      </c>
      <c r="U1383" s="7">
        <v>14679.3421022</v>
      </c>
      <c r="V1383" s="7">
        <v>14895.098778899999</v>
      </c>
      <c r="W1383" s="7">
        <v>14792.8108206</v>
      </c>
      <c r="X1383" s="7">
        <v>15463.169880900001</v>
      </c>
      <c r="Y1383" s="7">
        <v>15695.226858800001</v>
      </c>
      <c r="Z1383" s="7">
        <v>15836.281624499999</v>
      </c>
      <c r="AA1383" s="7">
        <v>16010.784890200001</v>
      </c>
      <c r="AB1383" s="7">
        <v>12636.9811986</v>
      </c>
      <c r="AC1383" s="7">
        <v>12474.8327113</v>
      </c>
      <c r="AD1383" s="7">
        <v>12529.1236685</v>
      </c>
      <c r="AE1383" s="7">
        <v>12352.356973399999</v>
      </c>
      <c r="AF1383" s="7">
        <v>12335.087115300001</v>
      </c>
      <c r="AG1383" s="9">
        <v>5829.6340180000007</v>
      </c>
      <c r="AH1383" s="13">
        <v>0.34307918423084044</v>
      </c>
      <c r="AI1383" s="9">
        <v>1125.140109699998</v>
      </c>
      <c r="AJ1383" s="13">
        <v>6.6215503372835161E-2</v>
      </c>
      <c r="AK1383" s="9">
        <v>-389.47087219999958</v>
      </c>
      <c r="AL1383" s="13">
        <v>-2.1497257965369283E-2</v>
      </c>
      <c r="AM1383" s="9">
        <v>5093.9647805000022</v>
      </c>
      <c r="AN1383" s="13">
        <v>0.28734389590102133</v>
      </c>
      <c r="AO1383" s="9">
        <v>4704.4939083000027</v>
      </c>
      <c r="AP1383" s="13">
        <v>0.2596695320806936</v>
      </c>
      <c r="AQ1383" s="9">
        <v>16992.0947873</v>
      </c>
      <c r="AR1383" s="9">
        <v>17032.3388337</v>
      </c>
      <c r="AS1383" s="9">
        <v>17075.773504699999</v>
      </c>
      <c r="AT1383" s="9">
        <v>17557.054068400001</v>
      </c>
      <c r="AU1383" s="9">
        <v>18002.204973799999</v>
      </c>
      <c r="AV1383" s="9">
        <v>17746.550873799999</v>
      </c>
      <c r="AW1383" s="9">
        <v>18117.234896999998</v>
      </c>
      <c r="AX1383" s="9">
        <v>18513.683736399998</v>
      </c>
      <c r="AY1383" s="9">
        <v>18086.287642499999</v>
      </c>
      <c r="AZ1383" s="9">
        <v>17727.764024799999</v>
      </c>
      <c r="BA1383" s="9">
        <v>18259.710131100001</v>
      </c>
      <c r="BB1383" s="9">
        <v>18041.9603231</v>
      </c>
      <c r="BC1383" s="9">
        <v>21027.5029369</v>
      </c>
      <c r="BD1383" s="9">
        <v>21954.874533300001</v>
      </c>
      <c r="BE1383" s="9">
        <v>22642.364317299998</v>
      </c>
      <c r="BF1383" s="9">
        <v>22821.728805300001</v>
      </c>
      <c r="BG1383" s="11">
        <v>-960.5</v>
      </c>
      <c r="BH1383" s="13">
        <v>-0.43898537477148081</v>
      </c>
      <c r="BI1383" s="6">
        <v>294</v>
      </c>
      <c r="BJ1383" s="13">
        <v>0.1343692870201097</v>
      </c>
      <c r="BK1383" s="6">
        <v>854</v>
      </c>
      <c r="BL1383" s="13">
        <v>0.34407735697018532</v>
      </c>
      <c r="BM1383" s="11">
        <v>-2108.5</v>
      </c>
      <c r="BN1383" s="13">
        <v>-0.6320443645083933</v>
      </c>
      <c r="BO1383" s="11">
        <v>-1254.5</v>
      </c>
      <c r="BP1383" s="13">
        <v>-0.50543916196615635</v>
      </c>
      <c r="BQ1383" s="6">
        <v>2188</v>
      </c>
      <c r="BR1383" s="6">
        <v>2216</v>
      </c>
      <c r="BS1383" s="6">
        <v>2311</v>
      </c>
      <c r="BT1383" s="6">
        <v>2482</v>
      </c>
      <c r="BU1383" s="6">
        <v>2661</v>
      </c>
      <c r="BV1383" s="6">
        <v>2952</v>
      </c>
      <c r="BW1383" s="6">
        <v>3336</v>
      </c>
      <c r="BX1383" s="6">
        <v>3689</v>
      </c>
      <c r="BY1383" s="6">
        <v>3877</v>
      </c>
      <c r="BZ1383" s="6">
        <v>1174</v>
      </c>
      <c r="CA1383" s="6">
        <v>1210</v>
      </c>
      <c r="CB1383" s="6">
        <v>1236</v>
      </c>
      <c r="CC1383" s="11">
        <v>1227.5</v>
      </c>
      <c r="CD1383" s="11">
        <v>-2053.37</v>
      </c>
      <c r="CE1383" s="11">
        <v>-120.447</v>
      </c>
      <c r="CF1383" s="11">
        <v>1429.71</v>
      </c>
      <c r="CG1383" s="11">
        <v>1310</v>
      </c>
      <c r="CH1383" s="20">
        <v>0.96376200000000001</v>
      </c>
      <c r="CI1383" s="20">
        <v>0.96694500000000005</v>
      </c>
      <c r="CJ1383" s="20">
        <v>0.98538099999999995</v>
      </c>
      <c r="CK1383" s="20">
        <v>0.99038800000000005</v>
      </c>
      <c r="CL1383" s="20">
        <v>1.0018899999999999</v>
      </c>
      <c r="CM1383" s="20">
        <v>0.99746699999999999</v>
      </c>
      <c r="CN1383" s="20">
        <v>1.00654</v>
      </c>
      <c r="CO1383" s="20">
        <v>0.996417</v>
      </c>
      <c r="CP1383" s="20">
        <v>1.03698</v>
      </c>
      <c r="CQ1383" s="20">
        <v>1.04925</v>
      </c>
      <c r="CR1383" s="20">
        <v>1.0582499999999999</v>
      </c>
      <c r="CS1383" s="20">
        <v>1.05959</v>
      </c>
      <c r="CT1383" s="20">
        <v>0.89944000000000002</v>
      </c>
      <c r="CU1383" s="20">
        <v>0.890347</v>
      </c>
      <c r="CV1383" s="20">
        <v>0.89138099999999998</v>
      </c>
      <c r="CW1383" s="20">
        <v>0.87808600000000003</v>
      </c>
      <c r="CX1383" s="20">
        <v>0.87040799999999996</v>
      </c>
      <c r="CY1383" s="6"/>
      <c r="CZ1383" s="6"/>
      <c r="DA1383" s="6"/>
      <c r="DB1383" s="6"/>
      <c r="DC1383" s="6"/>
      <c r="DD1383" s="6"/>
      <c r="DE1383" s="6"/>
      <c r="DF1383" s="6"/>
      <c r="DG1383" s="6"/>
      <c r="DH1383" s="6"/>
      <c r="DI1383" s="6"/>
      <c r="DJ1383" s="6"/>
      <c r="DK1383" s="6"/>
      <c r="DL1383" s="6"/>
      <c r="DM1383" s="6"/>
      <c r="DN1383" s="6"/>
      <c r="DO1383" s="6"/>
      <c r="DP1383" s="6"/>
      <c r="DQ1383" s="6"/>
    </row>
    <row r="1384" spans="1:121" x14ac:dyDescent="0.2">
      <c r="A1384" s="6" t="s">
        <v>327</v>
      </c>
      <c r="B1384" s="6" t="s">
        <v>327</v>
      </c>
      <c r="C1384" s="6" t="s">
        <v>194</v>
      </c>
      <c r="D1384" s="6" t="s">
        <v>336</v>
      </c>
      <c r="E1384" s="6" t="s">
        <v>330</v>
      </c>
      <c r="F1384" s="11">
        <v>2846</v>
      </c>
      <c r="G1384" s="13">
        <v>4.2249339390200001E-2</v>
      </c>
      <c r="H1384" s="11">
        <v>4938.2017250000063</v>
      </c>
      <c r="I1384" s="13">
        <v>7.330891438960449E-2</v>
      </c>
      <c r="J1384" s="11">
        <v>2466.4529460000049</v>
      </c>
      <c r="K1384" s="13">
        <v>3.4114268204754342E-2</v>
      </c>
      <c r="L1384" s="11">
        <v>-4557.8721462000103</v>
      </c>
      <c r="M1384" s="13">
        <v>-6.0961666836550195E-2</v>
      </c>
      <c r="N1384" s="11">
        <v>-2091.4192002000054</v>
      </c>
      <c r="O1384" s="13">
        <v>-2.8927061284466791E-2</v>
      </c>
      <c r="P1384" s="7">
        <v>67361.544855999993</v>
      </c>
      <c r="Q1384" s="7">
        <v>68297.643861000004</v>
      </c>
      <c r="R1384" s="7">
        <v>69069.357139</v>
      </c>
      <c r="S1384" s="7">
        <v>69524.126004000005</v>
      </c>
      <c r="T1384" s="7">
        <v>69496.395491000003</v>
      </c>
      <c r="U1384" s="7">
        <v>71425.612720000005</v>
      </c>
      <c r="V1384" s="7">
        <v>72299.746580999999</v>
      </c>
      <c r="W1384" s="7">
        <v>74817.806318000003</v>
      </c>
      <c r="X1384" s="7">
        <v>75677.312632999994</v>
      </c>
      <c r="Y1384" s="7">
        <v>74766.199527000004</v>
      </c>
      <c r="Z1384" s="7">
        <v>74329.873747999998</v>
      </c>
      <c r="AA1384" s="7">
        <v>72772.109267000007</v>
      </c>
      <c r="AB1384" s="7">
        <v>73322.118929999997</v>
      </c>
      <c r="AC1384" s="7">
        <v>71091.317523999998</v>
      </c>
      <c r="AD1384" s="7">
        <v>70976.742442999996</v>
      </c>
      <c r="AE1384" s="7">
        <v>70417.905257299994</v>
      </c>
      <c r="AF1384" s="7">
        <v>70208.327380799994</v>
      </c>
      <c r="AG1384" s="9">
        <v>19527.959633899998</v>
      </c>
      <c r="AH1384" s="13">
        <v>0.5623336846668322</v>
      </c>
      <c r="AI1384" s="9">
        <v>10939.4060187</v>
      </c>
      <c r="AJ1384" s="13">
        <v>0.31501481004103932</v>
      </c>
      <c r="AK1384" s="9">
        <v>4409.0353816999996</v>
      </c>
      <c r="AL1384" s="13">
        <v>9.6549531448863024E-2</v>
      </c>
      <c r="AM1384" s="9">
        <v>4179.518233499999</v>
      </c>
      <c r="AN1384" s="13">
        <v>8.346503062901782E-2</v>
      </c>
      <c r="AO1384" s="9">
        <v>8588.5536151999986</v>
      </c>
      <c r="AP1384" s="13">
        <v>0.1880730716774775</v>
      </c>
      <c r="AQ1384" s="9">
        <v>34726.640367400003</v>
      </c>
      <c r="AR1384" s="9">
        <v>36205.854153699998</v>
      </c>
      <c r="AS1384" s="9">
        <v>37775.7477296</v>
      </c>
      <c r="AT1384" s="9">
        <v>39899.219727600001</v>
      </c>
      <c r="AU1384" s="9">
        <v>42098.476373199999</v>
      </c>
      <c r="AV1384" s="9">
        <v>43900.508403300002</v>
      </c>
      <c r="AW1384" s="9">
        <v>45666.046386100003</v>
      </c>
      <c r="AX1384" s="9">
        <v>46852.268137699997</v>
      </c>
      <c r="AY1384" s="9">
        <v>48504.4573561</v>
      </c>
      <c r="AZ1384" s="9">
        <v>50075.081767800002</v>
      </c>
      <c r="BA1384" s="9">
        <v>50619.976896599997</v>
      </c>
      <c r="BB1384" s="9">
        <v>50985.550332699997</v>
      </c>
      <c r="BC1384" s="9">
        <v>51289.266093300001</v>
      </c>
      <c r="BD1384" s="9">
        <v>51877.517319999999</v>
      </c>
      <c r="BE1384" s="9">
        <v>52940.740500100001</v>
      </c>
      <c r="BF1384" s="9">
        <v>54254.600001300001</v>
      </c>
      <c r="BG1384" s="11">
        <v>17.25</v>
      </c>
      <c r="BH1384" s="13">
        <v>1.1538461538461539E-2</v>
      </c>
      <c r="BI1384" s="6">
        <v>54</v>
      </c>
      <c r="BJ1384" s="13">
        <v>3.6120401337792644E-2</v>
      </c>
      <c r="BK1384" s="6">
        <v>41</v>
      </c>
      <c r="BL1384" s="13">
        <v>2.6468689477081989E-2</v>
      </c>
      <c r="BM1384" s="11">
        <v>-77.75</v>
      </c>
      <c r="BN1384" s="13">
        <v>-4.8899371069182393E-2</v>
      </c>
      <c r="BO1384" s="11">
        <v>-36.75</v>
      </c>
      <c r="BP1384" s="13">
        <v>-2.3724983860555198E-2</v>
      </c>
      <c r="BQ1384" s="6">
        <v>1495</v>
      </c>
      <c r="BR1384" s="6">
        <v>1485</v>
      </c>
      <c r="BS1384" s="6">
        <v>1498</v>
      </c>
      <c r="BT1384" s="6">
        <v>1549</v>
      </c>
      <c r="BU1384" s="6">
        <v>1532</v>
      </c>
      <c r="BV1384" s="6">
        <v>1561</v>
      </c>
      <c r="BW1384" s="6">
        <v>1590</v>
      </c>
      <c r="BX1384" s="6">
        <v>1578</v>
      </c>
      <c r="BY1384" s="6">
        <v>1542</v>
      </c>
      <c r="BZ1384" s="6">
        <v>1532</v>
      </c>
      <c r="CA1384" s="6">
        <v>1515</v>
      </c>
      <c r="CB1384" s="6">
        <v>1522</v>
      </c>
      <c r="CC1384" s="11">
        <v>1512.25</v>
      </c>
      <c r="CD1384" s="11">
        <v>-567.59900000000005</v>
      </c>
      <c r="CE1384" s="11">
        <v>-3949.05</v>
      </c>
      <c r="CF1384" s="11">
        <v>7363.43</v>
      </c>
      <c r="CG1384" s="11">
        <v>3414</v>
      </c>
      <c r="CH1384" s="20">
        <v>1.49427</v>
      </c>
      <c r="CI1384" s="20">
        <v>1.46983</v>
      </c>
      <c r="CJ1384" s="20">
        <v>1.4666600000000001</v>
      </c>
      <c r="CK1384" s="20">
        <v>1.4739800000000001</v>
      </c>
      <c r="CL1384" s="20">
        <v>1.46526</v>
      </c>
      <c r="CM1384" s="20">
        <v>1.4927900000000001</v>
      </c>
      <c r="CN1384" s="20">
        <v>1.51349</v>
      </c>
      <c r="CO1384" s="20">
        <v>1.54556</v>
      </c>
      <c r="CP1384" s="20">
        <v>1.5390200000000001</v>
      </c>
      <c r="CQ1384" s="20">
        <v>1.50705</v>
      </c>
      <c r="CR1384" s="20">
        <v>1.53281</v>
      </c>
      <c r="CS1384" s="20">
        <v>1.5366200000000001</v>
      </c>
      <c r="CT1384" s="20">
        <v>1.5815600000000001</v>
      </c>
      <c r="CU1384" s="20">
        <v>1.5667500000000001</v>
      </c>
      <c r="CV1384" s="20">
        <v>1.5726500000000001</v>
      </c>
      <c r="CW1384" s="20">
        <v>1.56687</v>
      </c>
      <c r="CX1384" s="20">
        <v>1.56155</v>
      </c>
      <c r="CY1384" s="6"/>
      <c r="CZ1384" s="6"/>
      <c r="DA1384" s="6"/>
      <c r="DB1384" s="6"/>
      <c r="DC1384" s="6"/>
      <c r="DD1384" s="6"/>
      <c r="DE1384" s="6"/>
      <c r="DF1384" s="6"/>
      <c r="DG1384" s="6"/>
      <c r="DH1384" s="6"/>
      <c r="DI1384" s="6"/>
      <c r="DJ1384" s="6"/>
      <c r="DK1384" s="6"/>
      <c r="DL1384" s="6"/>
      <c r="DM1384" s="6"/>
      <c r="DN1384" s="6"/>
      <c r="DO1384" s="6"/>
      <c r="DP1384" s="6"/>
      <c r="DQ1384" s="6"/>
    </row>
    <row r="1385" spans="1:121" x14ac:dyDescent="0.2">
      <c r="A1385" s="32" t="s">
        <v>791</v>
      </c>
      <c r="B1385" s="32" t="s">
        <v>791</v>
      </c>
      <c r="C1385" s="32" t="s">
        <v>329</v>
      </c>
      <c r="D1385" s="4" t="s">
        <v>57</v>
      </c>
      <c r="E1385" s="4" t="s">
        <v>198</v>
      </c>
      <c r="F1385" s="1">
        <v>-186</v>
      </c>
      <c r="G1385" s="2">
        <v>-4.8921620199899998E-2</v>
      </c>
      <c r="H1385" s="1">
        <v>-348.97835226999996</v>
      </c>
      <c r="I1385" s="2">
        <v>-9.1799511499228978E-2</v>
      </c>
      <c r="J1385" s="1">
        <v>311.17224670999985</v>
      </c>
      <c r="K1385" s="2">
        <v>9.0128264160729485E-2</v>
      </c>
      <c r="L1385" s="1">
        <v>-147.66872633000003</v>
      </c>
      <c r="M1385" s="2">
        <v>-3.9234767227031946E-2</v>
      </c>
      <c r="N1385" s="1">
        <v>163.50352037999983</v>
      </c>
      <c r="O1385" s="2">
        <v>4.7357335468774873E-2</v>
      </c>
      <c r="P1385" s="1">
        <v>3801.52733463</v>
      </c>
      <c r="Q1385" s="1">
        <v>4398.3806176799999</v>
      </c>
      <c r="R1385" s="1">
        <v>4548.1784092099997</v>
      </c>
      <c r="S1385" s="1">
        <v>4874.8881068299997</v>
      </c>
      <c r="T1385" s="1">
        <v>5044.0269985799996</v>
      </c>
      <c r="U1385" s="1">
        <v>4568.2053168700004</v>
      </c>
      <c r="V1385" s="1">
        <v>3452.5489823600001</v>
      </c>
      <c r="W1385" s="1">
        <v>878.57894399899999</v>
      </c>
      <c r="X1385" s="1">
        <v>3581.4062101899999</v>
      </c>
      <c r="Y1385" s="1">
        <v>3763.7212290699999</v>
      </c>
      <c r="Z1385" s="1">
        <v>3654.4169064600001</v>
      </c>
      <c r="AA1385" s="1">
        <v>3708.2219865900001</v>
      </c>
      <c r="AB1385" s="1">
        <v>3631.6795812099999</v>
      </c>
      <c r="AC1385" s="1">
        <v>3582.9822912200002</v>
      </c>
      <c r="AD1385" s="1">
        <v>3599.3439916699999</v>
      </c>
      <c r="AE1385" s="1">
        <v>3602.3099210800001</v>
      </c>
      <c r="AF1385" s="1">
        <v>3616.0525027399999</v>
      </c>
      <c r="AG1385" s="1">
        <v>8780.6905365000021</v>
      </c>
      <c r="AH1385" s="2">
        <v>0.35510271513613301</v>
      </c>
      <c r="AI1385" s="1">
        <v>2580.0164646000012</v>
      </c>
      <c r="AJ1385" s="2">
        <v>0.10433927125287057</v>
      </c>
      <c r="AK1385" s="1">
        <v>702.44078319999971</v>
      </c>
      <c r="AL1385" s="2">
        <v>2.5723645966605625E-2</v>
      </c>
      <c r="AM1385" s="1">
        <v>5498.2332887000011</v>
      </c>
      <c r="AN1385" s="2">
        <v>0.19629787617824315</v>
      </c>
      <c r="AO1385" s="1">
        <v>6200.6740719000009</v>
      </c>
      <c r="AP1385" s="2">
        <v>0.22707101921565451</v>
      </c>
      <c r="AQ1385" s="3">
        <v>24727.185014999999</v>
      </c>
      <c r="AR1385" s="3">
        <v>24284.508320100002</v>
      </c>
      <c r="AS1385" s="3">
        <v>24134.5548308</v>
      </c>
      <c r="AT1385" s="3">
        <v>24245.0662729</v>
      </c>
      <c r="AU1385" s="3">
        <v>25941.333084000002</v>
      </c>
      <c r="AV1385" s="3">
        <v>25925.3760626</v>
      </c>
      <c r="AW1385" s="3">
        <v>27307.2014796</v>
      </c>
      <c r="AX1385" s="3">
        <v>31534.589922800002</v>
      </c>
      <c r="AY1385" s="3">
        <v>28181.242931199999</v>
      </c>
      <c r="AZ1385" s="3">
        <v>28009.6422628</v>
      </c>
      <c r="BA1385" s="3">
        <v>28973.9454424</v>
      </c>
      <c r="BB1385" s="3">
        <v>28857.519037599999</v>
      </c>
      <c r="BC1385" s="3">
        <v>30941.7332446</v>
      </c>
      <c r="BD1385" s="3">
        <v>32250.525926099999</v>
      </c>
      <c r="BE1385" s="3">
        <v>32745.070815200001</v>
      </c>
      <c r="BF1385" s="3">
        <v>33507.875551500001</v>
      </c>
      <c r="BG1385" s="1">
        <v>-22.500037367999994</v>
      </c>
      <c r="BH1385" s="2">
        <v>-0.18000024513400667</v>
      </c>
      <c r="BI1385" s="1">
        <v>-14.000037367999994</v>
      </c>
      <c r="BJ1385" s="2">
        <v>-0.11200026546219259</v>
      </c>
      <c r="BK1385" s="1">
        <v>-3</v>
      </c>
      <c r="BL1385" s="2">
        <v>-2.7027027027027029E-2</v>
      </c>
      <c r="BM1385" s="1">
        <v>-5.5</v>
      </c>
      <c r="BN1385" s="2">
        <v>-5.0925925925925923E-2</v>
      </c>
      <c r="BO1385" s="1">
        <v>-8.5</v>
      </c>
      <c r="BP1385" s="2">
        <v>-7.6576576576576572E-2</v>
      </c>
      <c r="BQ1385" s="1">
        <v>125.00003736799999</v>
      </c>
      <c r="BR1385" s="1">
        <v>122.00001041500001</v>
      </c>
      <c r="BS1385" s="1">
        <v>114.000008588</v>
      </c>
      <c r="BT1385" s="1">
        <v>111</v>
      </c>
      <c r="BU1385" s="1">
        <v>107</v>
      </c>
      <c r="BV1385" s="1">
        <v>107</v>
      </c>
      <c r="BW1385" s="1">
        <v>108</v>
      </c>
      <c r="BX1385" s="1">
        <v>105</v>
      </c>
      <c r="BY1385" s="1">
        <v>101</v>
      </c>
      <c r="BZ1385" s="1">
        <v>99</v>
      </c>
      <c r="CA1385" s="1">
        <v>104</v>
      </c>
      <c r="CB1385" s="1">
        <v>99</v>
      </c>
      <c r="CC1385" s="1">
        <v>102.5</v>
      </c>
      <c r="CD1385" s="1">
        <v>-601.02800000000002</v>
      </c>
      <c r="CE1385" s="27">
        <v>0</v>
      </c>
      <c r="CF1385" s="27">
        <v>415.553</v>
      </c>
      <c r="CG1385" s="27">
        <v>416</v>
      </c>
      <c r="CH1385" s="27"/>
      <c r="CI1385" s="27"/>
      <c r="CJ1385" s="27"/>
      <c r="CK1385" s="27"/>
      <c r="CL1385" s="27"/>
      <c r="CM1385" s="27"/>
      <c r="CN1385" s="27"/>
      <c r="CO1385" s="27"/>
      <c r="CP1385" s="27"/>
      <c r="CQ1385" s="27"/>
      <c r="CR1385" s="27"/>
      <c r="CS1385" s="27"/>
      <c r="CT1385" s="27"/>
      <c r="CU1385" s="27"/>
      <c r="CV1385" s="27"/>
      <c r="CW1385" s="27"/>
      <c r="CX1385" s="27"/>
      <c r="CY1385" s="23" t="s">
        <v>600</v>
      </c>
      <c r="CZ1385" s="23" t="s">
        <v>601</v>
      </c>
      <c r="DA1385" s="24" t="s">
        <v>57</v>
      </c>
      <c r="DB1385" s="25"/>
      <c r="DC1385" s="25"/>
      <c r="DD1385" s="25"/>
      <c r="DE1385" s="25"/>
      <c r="DF1385" s="25"/>
      <c r="DG1385" s="25"/>
      <c r="DH1385" s="25" t="s">
        <v>333</v>
      </c>
      <c r="DI1385" s="25"/>
      <c r="DJ1385" s="25"/>
      <c r="DK1385" s="25"/>
      <c r="DL1385" s="25">
        <v>12</v>
      </c>
      <c r="DM1385" s="25" t="s">
        <v>602</v>
      </c>
      <c r="DN1385" s="25">
        <v>9</v>
      </c>
      <c r="DO1385" s="25" t="s">
        <v>384</v>
      </c>
      <c r="DP1385" s="6"/>
      <c r="DQ1385" s="6"/>
    </row>
    <row r="1386" spans="1:121" x14ac:dyDescent="0.2">
      <c r="A1386" s="6" t="s">
        <v>1</v>
      </c>
      <c r="B1386" s="6" t="s">
        <v>1</v>
      </c>
      <c r="C1386" s="6" t="s">
        <v>2</v>
      </c>
      <c r="D1386" s="6" t="s">
        <v>338</v>
      </c>
      <c r="E1386" s="6" t="s">
        <v>332</v>
      </c>
      <c r="F1386" s="11">
        <v>-164</v>
      </c>
      <c r="G1386" s="13">
        <v>-0.154716981132</v>
      </c>
      <c r="H1386" s="11">
        <v>-318.69919478200006</v>
      </c>
      <c r="I1386" s="13">
        <v>-0.30063732487413491</v>
      </c>
      <c r="J1386" s="11">
        <v>156.44824430400001</v>
      </c>
      <c r="K1386" s="13">
        <v>0.21102318593838215</v>
      </c>
      <c r="L1386" s="11">
        <v>-1.6990922140000748</v>
      </c>
      <c r="M1386" s="13">
        <v>-1.892448080519402E-3</v>
      </c>
      <c r="N1386" s="11">
        <v>154.74915208999994</v>
      </c>
      <c r="O1386" s="13">
        <v>0.20873138743468855</v>
      </c>
      <c r="P1386" s="7">
        <v>1060.0786010700001</v>
      </c>
      <c r="Q1386" s="7">
        <v>973.90434994600002</v>
      </c>
      <c r="R1386" s="7">
        <v>1014.86172046</v>
      </c>
      <c r="S1386" s="7">
        <v>1074.78671143</v>
      </c>
      <c r="T1386" s="7">
        <v>705.32737059900001</v>
      </c>
      <c r="U1386" s="7">
        <v>683.85311835599998</v>
      </c>
      <c r="V1386" s="7">
        <v>741.37940628800004</v>
      </c>
      <c r="W1386" s="7">
        <v>713.22760467099999</v>
      </c>
      <c r="X1386" s="7">
        <v>853.787978673</v>
      </c>
      <c r="Y1386" s="7">
        <v>897.82765059200005</v>
      </c>
      <c r="Z1386" s="7">
        <v>874.772205934</v>
      </c>
      <c r="AA1386" s="7">
        <v>851.26055147700004</v>
      </c>
      <c r="AB1386" s="7">
        <v>825.84251891600002</v>
      </c>
      <c r="AC1386" s="7">
        <v>847.96941825900001</v>
      </c>
      <c r="AD1386" s="7">
        <v>888.47310515000004</v>
      </c>
      <c r="AE1386" s="7">
        <v>890.59945321199996</v>
      </c>
      <c r="AF1386" s="7">
        <v>896.12855837799998</v>
      </c>
      <c r="AG1386" s="9">
        <v>7295.2730295000001</v>
      </c>
      <c r="AH1386" s="13">
        <v>0.37678485002546758</v>
      </c>
      <c r="AI1386" s="9">
        <v>2138.0166434000021</v>
      </c>
      <c r="AJ1386" s="13">
        <v>0.1104238699604414</v>
      </c>
      <c r="AK1386" s="9">
        <v>2044.0014353000006</v>
      </c>
      <c r="AL1386" s="13">
        <v>9.5070174135567787E-2</v>
      </c>
      <c r="AM1386" s="9">
        <v>3113.2549507999975</v>
      </c>
      <c r="AN1386" s="13">
        <v>0.13223177567353536</v>
      </c>
      <c r="AO1386" s="9">
        <v>5157.2563860999981</v>
      </c>
      <c r="AP1386" s="13">
        <v>0.23987324774864149</v>
      </c>
      <c r="AQ1386" s="9">
        <v>19361.906480599999</v>
      </c>
      <c r="AR1386" s="9">
        <v>19619.1760067</v>
      </c>
      <c r="AS1386" s="9">
        <v>18946.138142200001</v>
      </c>
      <c r="AT1386" s="9">
        <v>19558.6788074</v>
      </c>
      <c r="AU1386" s="9">
        <v>19227.997873299999</v>
      </c>
      <c r="AV1386" s="9">
        <v>20614.841908499999</v>
      </c>
      <c r="AW1386" s="9">
        <v>21499.923124000001</v>
      </c>
      <c r="AX1386" s="9">
        <v>21498.066676099999</v>
      </c>
      <c r="AY1386" s="9">
        <v>22413.928139399999</v>
      </c>
      <c r="AZ1386" s="9">
        <v>23543.924559300001</v>
      </c>
      <c r="BA1386" s="9">
        <v>26958.426272799999</v>
      </c>
      <c r="BB1386" s="9">
        <v>25516.691483300001</v>
      </c>
      <c r="BC1386" s="9">
        <v>26188.448334699999</v>
      </c>
      <c r="BD1386" s="9">
        <v>24990.5585097</v>
      </c>
      <c r="BE1386" s="9">
        <v>26387.7022158</v>
      </c>
      <c r="BF1386" s="9">
        <v>26657.179510099999</v>
      </c>
      <c r="BG1386" s="11">
        <v>5.25</v>
      </c>
      <c r="BH1386" s="13">
        <v>0.29166666666666669</v>
      </c>
      <c r="BI1386" s="6">
        <v>0</v>
      </c>
      <c r="BJ1386" s="13">
        <v>0</v>
      </c>
      <c r="BK1386" s="6">
        <v>-3</v>
      </c>
      <c r="BL1386" s="13">
        <v>-0.16666666666666666</v>
      </c>
      <c r="BM1386" s="11">
        <v>8.25</v>
      </c>
      <c r="BN1386" s="13">
        <v>0.55000000000000004</v>
      </c>
      <c r="BO1386" s="11">
        <v>5.25</v>
      </c>
      <c r="BP1386" s="13">
        <v>0.29166666666666669</v>
      </c>
      <c r="BQ1386" s="6">
        <v>18</v>
      </c>
      <c r="BR1386" s="6">
        <v>20</v>
      </c>
      <c r="BS1386" s="6">
        <v>19</v>
      </c>
      <c r="BT1386" s="6">
        <v>18</v>
      </c>
      <c r="BU1386" s="6">
        <v>20</v>
      </c>
      <c r="BV1386" s="6">
        <v>17</v>
      </c>
      <c r="BW1386" s="6">
        <v>15</v>
      </c>
      <c r="BX1386" s="6">
        <v>15</v>
      </c>
      <c r="BY1386" s="6">
        <v>18</v>
      </c>
      <c r="BZ1386" s="6">
        <v>20</v>
      </c>
      <c r="CA1386" s="6">
        <v>20</v>
      </c>
      <c r="CB1386" s="6">
        <v>23</v>
      </c>
      <c r="CC1386" s="11">
        <v>23.25</v>
      </c>
      <c r="CD1386" s="11">
        <v>-183.178</v>
      </c>
      <c r="CE1386" s="11">
        <v>-96.651300000000006</v>
      </c>
      <c r="CF1386" s="11">
        <v>115.879</v>
      </c>
      <c r="CG1386" s="11">
        <v>19</v>
      </c>
      <c r="CH1386" s="20">
        <v>4.41744</v>
      </c>
      <c r="CI1386" s="20">
        <v>4.0909899999999997</v>
      </c>
      <c r="CJ1386" s="20">
        <v>4.1956600000000002</v>
      </c>
      <c r="CK1386" s="20">
        <v>4.3821099999999999</v>
      </c>
      <c r="CL1386" s="20">
        <v>2.96231</v>
      </c>
      <c r="CM1386" s="20">
        <v>2.9047399999999999</v>
      </c>
      <c r="CN1386" s="20">
        <v>3.0829800000000001</v>
      </c>
      <c r="CO1386" s="20">
        <v>3.00109</v>
      </c>
      <c r="CP1386" s="20">
        <v>3.6623700000000001</v>
      </c>
      <c r="CQ1386" s="20">
        <v>4.40611</v>
      </c>
      <c r="CR1386" s="20">
        <v>4.3638300000000001</v>
      </c>
      <c r="CS1386" s="20">
        <v>4.2659799999999999</v>
      </c>
      <c r="CT1386" s="20">
        <v>3.9336600000000002</v>
      </c>
      <c r="CU1386" s="20">
        <v>4.0697900000000002</v>
      </c>
      <c r="CV1386" s="20">
        <v>4.1903499999999996</v>
      </c>
      <c r="CW1386" s="20">
        <v>4.2065799999999998</v>
      </c>
      <c r="CX1386" s="20">
        <v>4.1726799999999997</v>
      </c>
      <c r="CY1386" s="6"/>
      <c r="CZ1386" s="6"/>
      <c r="DA1386" s="6"/>
      <c r="DB1386" s="6"/>
      <c r="DC1386" s="6"/>
      <c r="DD1386" s="6"/>
      <c r="DE1386" s="6"/>
      <c r="DF1386" s="6"/>
      <c r="DG1386" s="6"/>
      <c r="DH1386" s="6"/>
      <c r="DI1386" s="6"/>
      <c r="DJ1386" s="6"/>
      <c r="DK1386" s="6"/>
      <c r="DL1386" s="6"/>
      <c r="DM1386" s="6"/>
      <c r="DN1386" s="6"/>
      <c r="DO1386" s="6"/>
      <c r="DP1386" s="6"/>
      <c r="DQ1386" s="6"/>
    </row>
    <row r="1387" spans="1:121" x14ac:dyDescent="0.2">
      <c r="A1387" s="6" t="s">
        <v>310</v>
      </c>
      <c r="B1387" s="6" t="s">
        <v>310</v>
      </c>
      <c r="C1387" s="6" t="s">
        <v>173</v>
      </c>
      <c r="D1387" s="6" t="s">
        <v>338</v>
      </c>
      <c r="E1387" s="6" t="s">
        <v>332</v>
      </c>
      <c r="F1387" s="11">
        <v>-95</v>
      </c>
      <c r="G1387" s="13">
        <v>-0.85585585585599999</v>
      </c>
      <c r="H1387" s="11">
        <v>-53.076998118399992</v>
      </c>
      <c r="I1387" s="13">
        <v>-0.47762947076435458</v>
      </c>
      <c r="J1387" s="11">
        <v>10.345687118400001</v>
      </c>
      <c r="K1387" s="13">
        <v>0.17822369206282962</v>
      </c>
      <c r="L1387" s="11">
        <v>-52.579442189100007</v>
      </c>
      <c r="M1387" s="13">
        <v>-0.76876626821791061</v>
      </c>
      <c r="N1387" s="11">
        <v>-42.233755070699999</v>
      </c>
      <c r="O1387" s="13">
        <v>-0.72755493881024047</v>
      </c>
      <c r="P1387" s="7">
        <v>111.12588599999999</v>
      </c>
      <c r="Q1387" s="7">
        <v>114.58736026</v>
      </c>
      <c r="R1387" s="7">
        <v>105.178299665</v>
      </c>
      <c r="S1387" s="7">
        <v>93.224704540399998</v>
      </c>
      <c r="T1387" s="7">
        <v>104.947552487</v>
      </c>
      <c r="U1387" s="7">
        <v>109.16488185</v>
      </c>
      <c r="V1387" s="7">
        <v>58.048887881600002</v>
      </c>
      <c r="W1387" s="7">
        <v>52.656466826399999</v>
      </c>
      <c r="X1387" s="7">
        <v>31.912430000000001</v>
      </c>
      <c r="Y1387" s="7">
        <v>68.394575000000003</v>
      </c>
      <c r="Z1387" s="7">
        <v>59.866622999999997</v>
      </c>
      <c r="AA1387" s="7">
        <v>46.974764999999998</v>
      </c>
      <c r="AB1387" s="7">
        <v>37.145539999999997</v>
      </c>
      <c r="AC1387" s="7">
        <v>15.031141675700001</v>
      </c>
      <c r="AD1387" s="7">
        <v>14.638173</v>
      </c>
      <c r="AE1387" s="7">
        <v>17.376522999999999</v>
      </c>
      <c r="AF1387" s="7">
        <v>15.8151328109</v>
      </c>
      <c r="AG1387" s="9">
        <v>7765.1513188000026</v>
      </c>
      <c r="AH1387" s="13">
        <v>0.22122956854199519</v>
      </c>
      <c r="AI1387" s="9">
        <v>11877.230890400002</v>
      </c>
      <c r="AJ1387" s="13">
        <v>0.33838293131458369</v>
      </c>
      <c r="AK1387" s="9">
        <v>-6547.6487581999972</v>
      </c>
      <c r="AL1387" s="13">
        <v>-0.13937928550830769</v>
      </c>
      <c r="AM1387" s="9">
        <v>2435.5691865999979</v>
      </c>
      <c r="AN1387" s="13">
        <v>6.024229878784193E-2</v>
      </c>
      <c r="AO1387" s="9">
        <v>-4112.0795715999993</v>
      </c>
      <c r="AP1387" s="13">
        <v>-8.753351528289316E-2</v>
      </c>
      <c r="AQ1387" s="9">
        <v>35099.970451399997</v>
      </c>
      <c r="AR1387" s="9">
        <v>29993.906121700002</v>
      </c>
      <c r="AS1387" s="9">
        <v>39453.551457100002</v>
      </c>
      <c r="AT1387" s="9">
        <v>43762.279074700004</v>
      </c>
      <c r="AU1387" s="9">
        <v>41701.408356699998</v>
      </c>
      <c r="AV1387" s="9">
        <v>39105.182816799999</v>
      </c>
      <c r="AW1387" s="9">
        <v>46977.201341799999</v>
      </c>
      <c r="AX1387" s="9">
        <v>51512.548893599997</v>
      </c>
      <c r="AY1387" s="9">
        <v>58225.762514900001</v>
      </c>
      <c r="AZ1387" s="9">
        <v>40429.552583600002</v>
      </c>
      <c r="BA1387" s="9">
        <v>42363.614547600002</v>
      </c>
      <c r="BB1387" s="9">
        <v>34336.058886799998</v>
      </c>
      <c r="BC1387" s="9">
        <v>42843.265853899997</v>
      </c>
      <c r="BD1387" s="9">
        <v>40765.3618346</v>
      </c>
      <c r="BE1387" s="9">
        <v>46975.347318799999</v>
      </c>
      <c r="BF1387" s="9">
        <v>42865.121770199999</v>
      </c>
      <c r="BG1387" s="11">
        <v>4.25</v>
      </c>
      <c r="BH1387" s="13">
        <v>2.125</v>
      </c>
      <c r="BI1387" s="6">
        <v>2</v>
      </c>
      <c r="BJ1387" s="13">
        <v>1</v>
      </c>
      <c r="BK1387" s="6">
        <v>0</v>
      </c>
      <c r="BL1387" s="13">
        <v>0</v>
      </c>
      <c r="BM1387" s="11">
        <v>2.25</v>
      </c>
      <c r="BN1387" s="13">
        <v>0.5625</v>
      </c>
      <c r="BO1387" s="11">
        <v>2.25</v>
      </c>
      <c r="BP1387" s="13">
        <v>0.5625</v>
      </c>
      <c r="BQ1387" s="6">
        <v>2</v>
      </c>
      <c r="BR1387" s="6">
        <v>2</v>
      </c>
      <c r="BS1387" s="6">
        <v>4</v>
      </c>
      <c r="BT1387" s="6">
        <v>4</v>
      </c>
      <c r="BU1387" s="6">
        <v>4</v>
      </c>
      <c r="BV1387" s="6">
        <v>4</v>
      </c>
      <c r="BW1387" s="6">
        <v>4</v>
      </c>
      <c r="BX1387" s="6">
        <v>5</v>
      </c>
      <c r="BY1387" s="6">
        <v>5</v>
      </c>
      <c r="BZ1387" s="6">
        <v>4</v>
      </c>
      <c r="CA1387" s="6">
        <v>5</v>
      </c>
      <c r="CB1387" s="6">
        <v>5</v>
      </c>
      <c r="CC1387" s="11">
        <v>6.25</v>
      </c>
      <c r="CD1387" s="11">
        <v>-118.98699999999999</v>
      </c>
      <c r="CE1387" s="11">
        <v>11.5291</v>
      </c>
      <c r="CF1387" s="11">
        <v>12.147399999999999</v>
      </c>
      <c r="CG1387" s="11">
        <v>24</v>
      </c>
      <c r="CH1387" s="20">
        <v>1.6321300000000001</v>
      </c>
      <c r="CI1387" s="20">
        <v>1.77214</v>
      </c>
      <c r="CJ1387" s="20">
        <v>1.6235999999999999</v>
      </c>
      <c r="CK1387" s="20">
        <v>1.3732599999999999</v>
      </c>
      <c r="CL1387" s="20">
        <v>1.48576</v>
      </c>
      <c r="CM1387" s="20">
        <v>1.4188400000000001</v>
      </c>
      <c r="CN1387" s="20">
        <v>0.68543299999999996</v>
      </c>
      <c r="CO1387" s="20">
        <v>0.56762699999999999</v>
      </c>
      <c r="CP1387" s="20">
        <v>0.38524700000000001</v>
      </c>
      <c r="CQ1387" s="20">
        <v>0.92630800000000002</v>
      </c>
      <c r="CR1387" s="20">
        <v>0.74194700000000002</v>
      </c>
      <c r="CS1387" s="20">
        <v>0.54272900000000002</v>
      </c>
      <c r="CT1387" s="20">
        <v>0.40482899999999999</v>
      </c>
      <c r="CU1387" s="20">
        <v>0.16198599999999999</v>
      </c>
      <c r="CV1387" s="20">
        <v>0.17521999999999999</v>
      </c>
      <c r="CW1387" s="20">
        <v>0.245194</v>
      </c>
      <c r="CX1387" s="20">
        <v>0.21784600000000001</v>
      </c>
      <c r="CY1387" s="6"/>
      <c r="CZ1387" s="6"/>
      <c r="DA1387" s="6"/>
      <c r="DB1387" s="6"/>
      <c r="DC1387" s="6"/>
      <c r="DD1387" s="6"/>
      <c r="DE1387" s="6"/>
      <c r="DF1387" s="6"/>
      <c r="DG1387" s="6"/>
      <c r="DH1387" s="6"/>
      <c r="DI1387" s="6"/>
      <c r="DJ1387" s="6"/>
      <c r="DK1387" s="6"/>
      <c r="DL1387" s="6"/>
      <c r="DM1387" s="6"/>
      <c r="DN1387" s="6"/>
      <c r="DO1387" s="6"/>
      <c r="DP1387" s="6"/>
      <c r="DQ1387" s="6"/>
    </row>
    <row r="1388" spans="1:121" x14ac:dyDescent="0.2">
      <c r="A1388" s="6" t="s">
        <v>311</v>
      </c>
      <c r="B1388" s="6" t="s">
        <v>311</v>
      </c>
      <c r="C1388" s="6" t="s">
        <v>174</v>
      </c>
      <c r="D1388" s="6" t="s">
        <v>338</v>
      </c>
      <c r="E1388" s="6" t="s">
        <v>332</v>
      </c>
      <c r="F1388" s="11">
        <v>-4</v>
      </c>
      <c r="G1388" s="13">
        <v>-2.8776978417299998E-2</v>
      </c>
      <c r="H1388" s="11">
        <v>25.141715000000005</v>
      </c>
      <c r="I1388" s="13">
        <v>0.18114974920757079</v>
      </c>
      <c r="J1388" s="11">
        <v>8.8154460000000086</v>
      </c>
      <c r="K1388" s="13">
        <v>5.3775216242751271E-2</v>
      </c>
      <c r="L1388" s="11">
        <v>-37.676849269999991</v>
      </c>
      <c r="M1388" s="13">
        <v>-0.21810442335334909</v>
      </c>
      <c r="N1388" s="11">
        <v>-28.861403269999983</v>
      </c>
      <c r="O1388" s="13">
        <v>-0.17605781963992476</v>
      </c>
      <c r="P1388" s="7">
        <v>138.78967599999999</v>
      </c>
      <c r="Q1388" s="7">
        <v>143.88795500000001</v>
      </c>
      <c r="R1388" s="7">
        <v>132.51880800000001</v>
      </c>
      <c r="S1388" s="7">
        <v>138.65883700000001</v>
      </c>
      <c r="T1388" s="7">
        <v>170.295174</v>
      </c>
      <c r="U1388" s="7">
        <v>166.09975499999999</v>
      </c>
      <c r="V1388" s="7">
        <v>163.93139099999999</v>
      </c>
      <c r="W1388" s="7">
        <v>166.688547</v>
      </c>
      <c r="X1388" s="7">
        <v>167.22081600000001</v>
      </c>
      <c r="Y1388" s="7">
        <v>172.746837</v>
      </c>
      <c r="Z1388" s="7">
        <v>160.21938599999999</v>
      </c>
      <c r="AA1388" s="7">
        <v>149.063737</v>
      </c>
      <c r="AB1388" s="7">
        <v>154.06129371899999</v>
      </c>
      <c r="AC1388" s="7">
        <v>141.21125464599999</v>
      </c>
      <c r="AD1388" s="7">
        <v>135.79956406299999</v>
      </c>
      <c r="AE1388" s="7">
        <v>138.51950788400001</v>
      </c>
      <c r="AF1388" s="7">
        <v>135.06998773000001</v>
      </c>
      <c r="AG1388" s="9">
        <v>40178.942021800001</v>
      </c>
      <c r="AH1388" s="13">
        <v>0.72949452623324818</v>
      </c>
      <c r="AI1388" s="9">
        <v>12765.102509899996</v>
      </c>
      <c r="AJ1388" s="13">
        <v>0.23176499776240669</v>
      </c>
      <c r="AK1388" s="9">
        <v>9960.5795725000062</v>
      </c>
      <c r="AL1388" s="13">
        <v>0.14681833379246351</v>
      </c>
      <c r="AM1388" s="9">
        <v>17453.259939399999</v>
      </c>
      <c r="AN1388" s="13">
        <v>0.22432496641366381</v>
      </c>
      <c r="AO1388" s="9">
        <v>27413.839511900005</v>
      </c>
      <c r="AP1388" s="13">
        <v>0.40407831800303173</v>
      </c>
      <c r="AQ1388" s="9">
        <v>55077.7841052</v>
      </c>
      <c r="AR1388" s="9">
        <v>56976.099103200002</v>
      </c>
      <c r="AS1388" s="9">
        <v>60225.1357641</v>
      </c>
      <c r="AT1388" s="9">
        <v>64709.529213299997</v>
      </c>
      <c r="AU1388" s="9">
        <v>63409.3160756</v>
      </c>
      <c r="AV1388" s="9">
        <v>64374.3866395</v>
      </c>
      <c r="AW1388" s="9">
        <v>67842.886615099997</v>
      </c>
      <c r="AX1388" s="9">
        <v>69088.280807699994</v>
      </c>
      <c r="AY1388" s="9">
        <v>75397.033159700004</v>
      </c>
      <c r="AZ1388" s="9">
        <v>77803.466187600003</v>
      </c>
      <c r="BA1388" s="9">
        <v>81396.374746999994</v>
      </c>
      <c r="BB1388" s="9">
        <v>84928.147208299997</v>
      </c>
      <c r="BC1388" s="9">
        <v>81543.672512200006</v>
      </c>
      <c r="BD1388" s="9">
        <v>92582.310753700003</v>
      </c>
      <c r="BE1388" s="9">
        <v>93884.738843800005</v>
      </c>
      <c r="BF1388" s="9">
        <v>95256.726127000002</v>
      </c>
      <c r="BG1388" s="11">
        <v>-2</v>
      </c>
      <c r="BH1388" s="13">
        <v>-0.16666666666666666</v>
      </c>
      <c r="BI1388" s="6">
        <v>-2</v>
      </c>
      <c r="BJ1388" s="13">
        <v>-0.16666666666666666</v>
      </c>
      <c r="BK1388" s="6">
        <v>0</v>
      </c>
      <c r="BL1388" s="13">
        <v>0</v>
      </c>
      <c r="BM1388" s="11">
        <v>0</v>
      </c>
      <c r="BN1388" s="13">
        <v>0</v>
      </c>
      <c r="BO1388" s="11">
        <v>0</v>
      </c>
      <c r="BP1388" s="13">
        <v>0</v>
      </c>
      <c r="BQ1388" s="6">
        <v>12</v>
      </c>
      <c r="BR1388" s="6">
        <v>13</v>
      </c>
      <c r="BS1388" s="6">
        <v>11</v>
      </c>
      <c r="BT1388" s="6">
        <v>10</v>
      </c>
      <c r="BU1388" s="6">
        <v>10</v>
      </c>
      <c r="BV1388" s="6">
        <v>10</v>
      </c>
      <c r="BW1388" s="6">
        <v>10</v>
      </c>
      <c r="BX1388" s="6">
        <v>11</v>
      </c>
      <c r="BY1388" s="6">
        <v>11</v>
      </c>
      <c r="BZ1388" s="6">
        <v>11</v>
      </c>
      <c r="CA1388" s="6">
        <v>11</v>
      </c>
      <c r="CB1388" s="6">
        <v>10</v>
      </c>
      <c r="CC1388" s="11">
        <v>10</v>
      </c>
      <c r="CD1388" s="11">
        <v>3.7099600000000001</v>
      </c>
      <c r="CE1388" s="11">
        <v>-22.600999999999999</v>
      </c>
      <c r="CF1388" s="11">
        <v>15.1714</v>
      </c>
      <c r="CG1388" s="11">
        <v>-8</v>
      </c>
      <c r="CH1388" s="20">
        <v>1.86049</v>
      </c>
      <c r="CI1388" s="20">
        <v>1.9508300000000001</v>
      </c>
      <c r="CJ1388" s="20">
        <v>1.82592</v>
      </c>
      <c r="CK1388" s="20">
        <v>1.93543</v>
      </c>
      <c r="CL1388" s="20">
        <v>2.52366</v>
      </c>
      <c r="CM1388" s="20">
        <v>2.5024899999999999</v>
      </c>
      <c r="CN1388" s="20">
        <v>2.38537</v>
      </c>
      <c r="CO1388" s="20">
        <v>2.3504</v>
      </c>
      <c r="CP1388" s="20">
        <v>2.37073</v>
      </c>
      <c r="CQ1388" s="20">
        <v>2.8313100000000002</v>
      </c>
      <c r="CR1388" s="20">
        <v>2.69224</v>
      </c>
      <c r="CS1388" s="20">
        <v>2.5493199999999998</v>
      </c>
      <c r="CT1388" s="20">
        <v>2.5353300000000001</v>
      </c>
      <c r="CU1388" s="20">
        <v>2.35907</v>
      </c>
      <c r="CV1388" s="20">
        <v>2.2326600000000001</v>
      </c>
      <c r="CW1388" s="20">
        <v>2.2778399999999999</v>
      </c>
      <c r="CX1388" s="20">
        <v>2.1764100000000002</v>
      </c>
      <c r="CY1388" s="6"/>
      <c r="CZ1388" s="6"/>
      <c r="DA1388" s="6"/>
      <c r="DB1388" s="6"/>
      <c r="DC1388" s="6"/>
      <c r="DD1388" s="6"/>
      <c r="DE1388" s="6"/>
      <c r="DF1388" s="6"/>
      <c r="DG1388" s="6"/>
      <c r="DH1388" s="6"/>
      <c r="DI1388" s="6"/>
      <c r="DJ1388" s="6"/>
      <c r="DK1388" s="6"/>
      <c r="DL1388" s="6"/>
      <c r="DM1388" s="6"/>
      <c r="DN1388" s="6"/>
      <c r="DO1388" s="6"/>
      <c r="DP1388" s="6"/>
      <c r="DQ1388" s="6"/>
    </row>
    <row r="1389" spans="1:121" x14ac:dyDescent="0.2">
      <c r="A1389" s="6" t="s">
        <v>312</v>
      </c>
      <c r="B1389" s="6" t="s">
        <v>312</v>
      </c>
      <c r="C1389" s="6" t="s">
        <v>175</v>
      </c>
      <c r="D1389" s="6" t="s">
        <v>338</v>
      </c>
      <c r="E1389" s="6" t="s">
        <v>332</v>
      </c>
      <c r="F1389" s="11">
        <v>-72</v>
      </c>
      <c r="G1389" s="13">
        <v>-4.3795620437999998E-2</v>
      </c>
      <c r="H1389" s="11">
        <v>292.28061043999992</v>
      </c>
      <c r="I1389" s="13">
        <v>0.17775532663792687</v>
      </c>
      <c r="J1389" s="11">
        <v>-412.91019913000014</v>
      </c>
      <c r="K1389" s="13">
        <v>-0.21321764942301105</v>
      </c>
      <c r="L1389" s="11">
        <v>47.865257260000135</v>
      </c>
      <c r="M1389" s="13">
        <v>3.1414729842531054E-2</v>
      </c>
      <c r="N1389" s="11">
        <v>-365.04494187</v>
      </c>
      <c r="O1389" s="13">
        <v>-0.18850109443476337</v>
      </c>
      <c r="P1389" s="7">
        <v>1644.2860867700001</v>
      </c>
      <c r="Q1389" s="7">
        <v>1686.8472536500001</v>
      </c>
      <c r="R1389" s="7">
        <v>1824.9266550100001</v>
      </c>
      <c r="S1389" s="7">
        <v>1875.93270143</v>
      </c>
      <c r="T1389" s="7">
        <v>1967.6007182599999</v>
      </c>
      <c r="U1389" s="7">
        <v>1944.6046623</v>
      </c>
      <c r="V1389" s="7">
        <v>1936.56669721</v>
      </c>
      <c r="W1389" s="7">
        <v>1929.0581487300001</v>
      </c>
      <c r="X1389" s="7">
        <v>1689.6562516700001</v>
      </c>
      <c r="Y1389" s="7">
        <v>1523.6564980799999</v>
      </c>
      <c r="Z1389" s="7">
        <v>1430.6104983499999</v>
      </c>
      <c r="AA1389" s="7">
        <v>1466.51686189</v>
      </c>
      <c r="AB1389" s="7">
        <v>1386.06824858</v>
      </c>
      <c r="AC1389" s="7">
        <v>1420.3019892299999</v>
      </c>
      <c r="AD1389" s="7">
        <v>1555.1237747600001</v>
      </c>
      <c r="AE1389" s="7">
        <v>1557.8502910100001</v>
      </c>
      <c r="AF1389" s="7">
        <v>1571.52175534</v>
      </c>
      <c r="AG1389" s="9">
        <v>7641.621484700001</v>
      </c>
      <c r="AH1389" s="13">
        <v>0.30343500433231285</v>
      </c>
      <c r="AI1389" s="9">
        <v>3705.2133121000006</v>
      </c>
      <c r="AJ1389" s="13">
        <v>0.14712733673870854</v>
      </c>
      <c r="AK1389" s="9">
        <v>-1403.8913907999995</v>
      </c>
      <c r="AL1389" s="13">
        <v>-4.8596169618225965E-2</v>
      </c>
      <c r="AM1389" s="9">
        <v>5340.2995633999999</v>
      </c>
      <c r="AN1389" s="13">
        <v>0.1942984125179528</v>
      </c>
      <c r="AO1389" s="9">
        <v>3936.4081726000004</v>
      </c>
      <c r="AP1389" s="13">
        <v>0.13626008428845238</v>
      </c>
      <c r="AQ1389" s="9">
        <v>25183.717684499999</v>
      </c>
      <c r="AR1389" s="9">
        <v>25994.690004600001</v>
      </c>
      <c r="AS1389" s="9">
        <v>26195.3360445</v>
      </c>
      <c r="AT1389" s="9">
        <v>25196.584711</v>
      </c>
      <c r="AU1389" s="9">
        <v>25996.070807100001</v>
      </c>
      <c r="AV1389" s="9">
        <v>26476.854800900001</v>
      </c>
      <c r="AW1389" s="9">
        <v>28888.9309966</v>
      </c>
      <c r="AX1389" s="9">
        <v>28841.6007603</v>
      </c>
      <c r="AY1389" s="9">
        <v>27968.9984401</v>
      </c>
      <c r="AZ1389" s="9">
        <v>27485.039605800001</v>
      </c>
      <c r="BA1389" s="9">
        <v>27514.332684500001</v>
      </c>
      <c r="BB1389" s="9">
        <v>28956.631638399998</v>
      </c>
      <c r="BC1389" s="9">
        <v>28321.559631100001</v>
      </c>
      <c r="BD1389" s="9">
        <v>30347.473391700001</v>
      </c>
      <c r="BE1389" s="9">
        <v>31783.632006100001</v>
      </c>
      <c r="BF1389" s="9">
        <v>32825.3391692</v>
      </c>
      <c r="BG1389" s="11">
        <v>-64</v>
      </c>
      <c r="BH1389" s="13">
        <v>-0.27947598253275108</v>
      </c>
      <c r="BI1389" s="6">
        <v>22</v>
      </c>
      <c r="BJ1389" s="13">
        <v>9.606986899563319E-2</v>
      </c>
      <c r="BK1389" s="6">
        <v>-46</v>
      </c>
      <c r="BL1389" s="13">
        <v>-0.18326693227091634</v>
      </c>
      <c r="BM1389" s="11">
        <v>-40</v>
      </c>
      <c r="BN1389" s="13">
        <v>-0.1951219512195122</v>
      </c>
      <c r="BO1389" s="11">
        <v>-86</v>
      </c>
      <c r="BP1389" s="13">
        <v>-0.34262948207171312</v>
      </c>
      <c r="BQ1389" s="6">
        <v>229</v>
      </c>
      <c r="BR1389" s="6">
        <v>233</v>
      </c>
      <c r="BS1389" s="6">
        <v>247</v>
      </c>
      <c r="BT1389" s="6">
        <v>251</v>
      </c>
      <c r="BU1389" s="6">
        <v>241</v>
      </c>
      <c r="BV1389" s="6">
        <v>222</v>
      </c>
      <c r="BW1389" s="6">
        <v>205</v>
      </c>
      <c r="BX1389" s="6">
        <v>181</v>
      </c>
      <c r="BY1389" s="6">
        <v>174</v>
      </c>
      <c r="BZ1389" s="6">
        <v>173</v>
      </c>
      <c r="CA1389" s="6">
        <v>169</v>
      </c>
      <c r="CB1389" s="6">
        <v>168</v>
      </c>
      <c r="CC1389" s="11">
        <v>165</v>
      </c>
      <c r="CD1389" s="11">
        <v>-53.339700000000001</v>
      </c>
      <c r="CE1389" s="11">
        <v>-199.16499999999999</v>
      </c>
      <c r="CF1389" s="11">
        <v>179.74</v>
      </c>
      <c r="CG1389" s="11">
        <v>-19</v>
      </c>
      <c r="CH1389" s="20">
        <v>1.5196700000000001</v>
      </c>
      <c r="CI1389" s="20">
        <v>1.5658799999999999</v>
      </c>
      <c r="CJ1389" s="20">
        <v>1.6452199999999999</v>
      </c>
      <c r="CK1389" s="20">
        <v>1.6063499999999999</v>
      </c>
      <c r="CL1389" s="20">
        <v>1.6677</v>
      </c>
      <c r="CM1389" s="20">
        <v>1.59585</v>
      </c>
      <c r="CN1389" s="20">
        <v>1.55559</v>
      </c>
      <c r="CO1389" s="20">
        <v>1.6115200000000001</v>
      </c>
      <c r="CP1389" s="20">
        <v>1.6370199999999999</v>
      </c>
      <c r="CQ1389" s="20">
        <v>1.82579</v>
      </c>
      <c r="CR1389" s="20">
        <v>1.7760400000000001</v>
      </c>
      <c r="CS1389" s="20">
        <v>1.8355399999999999</v>
      </c>
      <c r="CT1389" s="20">
        <v>1.6289400000000001</v>
      </c>
      <c r="CU1389" s="20">
        <v>1.64303</v>
      </c>
      <c r="CV1389" s="20">
        <v>1.72142</v>
      </c>
      <c r="CW1389" s="20">
        <v>1.6892100000000001</v>
      </c>
      <c r="CX1389" s="20">
        <v>1.67214</v>
      </c>
      <c r="CY1389" s="6"/>
      <c r="CZ1389" s="6"/>
      <c r="DA1389" s="6"/>
      <c r="DB1389" s="6"/>
      <c r="DC1389" s="6"/>
      <c r="DD1389" s="6"/>
      <c r="DE1389" s="6"/>
      <c r="DF1389" s="6"/>
      <c r="DG1389" s="6"/>
      <c r="DH1389" s="6"/>
      <c r="DI1389" s="6"/>
      <c r="DJ1389" s="6"/>
      <c r="DK1389" s="6"/>
      <c r="DL1389" s="6"/>
      <c r="DM1389" s="6"/>
      <c r="DN1389" s="6"/>
      <c r="DO1389" s="6"/>
      <c r="DP1389" s="6"/>
      <c r="DQ1389" s="6"/>
    </row>
    <row r="1390" spans="1:121" x14ac:dyDescent="0.2">
      <c r="A1390" s="6" t="s">
        <v>792</v>
      </c>
      <c r="B1390" s="6" t="s">
        <v>176</v>
      </c>
      <c r="C1390" s="6" t="s">
        <v>177</v>
      </c>
      <c r="D1390" s="6" t="s">
        <v>338</v>
      </c>
      <c r="E1390" s="6" t="s">
        <v>332</v>
      </c>
      <c r="F1390" s="11">
        <v>771</v>
      </c>
      <c r="G1390" s="13">
        <v>0.43048576214399997</v>
      </c>
      <c r="H1390" s="11">
        <v>599.9864579099999</v>
      </c>
      <c r="I1390" s="13">
        <v>0.33491862470161726</v>
      </c>
      <c r="J1390" s="11">
        <v>-1195.4927227699998</v>
      </c>
      <c r="K1390" s="13">
        <v>-0.49990789484697207</v>
      </c>
      <c r="L1390" s="11">
        <v>1365.7134290299998</v>
      </c>
      <c r="M1390" s="13">
        <v>1.1419645964543352</v>
      </c>
      <c r="N1390" s="11">
        <v>170.22070626000004</v>
      </c>
      <c r="O1390" s="13">
        <v>7.1179584204104557E-2</v>
      </c>
      <c r="P1390" s="7">
        <v>1791.43951294</v>
      </c>
      <c r="Q1390" s="7">
        <v>1448.2122266900001</v>
      </c>
      <c r="R1390" s="7">
        <v>1307.81942555</v>
      </c>
      <c r="S1390" s="7">
        <v>1705.93202733</v>
      </c>
      <c r="T1390" s="7">
        <v>1814.1347843799999</v>
      </c>
      <c r="U1390" s="7">
        <v>1829.48524157</v>
      </c>
      <c r="V1390" s="7">
        <v>2391.4259708499999</v>
      </c>
      <c r="W1390" s="7">
        <v>2225.29728359</v>
      </c>
      <c r="X1390" s="7">
        <v>1760.84673782</v>
      </c>
      <c r="Y1390" s="7">
        <v>1195.9332480800001</v>
      </c>
      <c r="Z1390" s="7">
        <v>1266.254968</v>
      </c>
      <c r="AA1390" s="7">
        <v>1328.29148104</v>
      </c>
      <c r="AB1390" s="7">
        <v>2364.0458975800002</v>
      </c>
      <c r="AC1390" s="7">
        <v>2411.0514341100002</v>
      </c>
      <c r="AD1390" s="7">
        <v>2376.00736396</v>
      </c>
      <c r="AE1390" s="7">
        <v>2344.4230664900001</v>
      </c>
      <c r="AF1390" s="7">
        <v>2561.6466771099999</v>
      </c>
      <c r="AG1390" s="9">
        <v>22991.064190800003</v>
      </c>
      <c r="AH1390" s="13">
        <v>0.64514604054226776</v>
      </c>
      <c r="AI1390" s="9">
        <v>10273.326027199997</v>
      </c>
      <c r="AJ1390" s="13">
        <v>0.28827702600648003</v>
      </c>
      <c r="AK1390" s="9">
        <v>393.55929600000673</v>
      </c>
      <c r="AL1390" s="13">
        <v>8.5723496192506056E-3</v>
      </c>
      <c r="AM1390" s="9">
        <v>12324.1788676</v>
      </c>
      <c r="AN1390" s="13">
        <v>0.26615868085307065</v>
      </c>
      <c r="AO1390" s="9">
        <v>12717.738163600006</v>
      </c>
      <c r="AP1390" s="13">
        <v>0.27701263573879231</v>
      </c>
      <c r="AQ1390" s="9">
        <v>35636.991853</v>
      </c>
      <c r="AR1390" s="9">
        <v>35847.744258400002</v>
      </c>
      <c r="AS1390" s="9">
        <v>35363.774510299998</v>
      </c>
      <c r="AT1390" s="9">
        <v>37377.318353299997</v>
      </c>
      <c r="AU1390" s="9">
        <v>38948.769276899999</v>
      </c>
      <c r="AV1390" s="9">
        <v>40169.883875200001</v>
      </c>
      <c r="AW1390" s="9">
        <v>45910.317880199997</v>
      </c>
      <c r="AX1390" s="9">
        <v>44782.1492669</v>
      </c>
      <c r="AY1390" s="9">
        <v>47992.236308500003</v>
      </c>
      <c r="AZ1390" s="9">
        <v>46303.877176200003</v>
      </c>
      <c r="BA1390" s="9">
        <v>47049.556213800002</v>
      </c>
      <c r="BB1390" s="9">
        <v>49369.377524000003</v>
      </c>
      <c r="BC1390" s="9">
        <v>55866.672911000001</v>
      </c>
      <c r="BD1390" s="9">
        <v>57488.316767900003</v>
      </c>
      <c r="BE1390" s="9">
        <v>55474.0159126</v>
      </c>
      <c r="BF1390" s="9">
        <v>58628.056043800003</v>
      </c>
      <c r="BG1390" s="11">
        <v>-8.75</v>
      </c>
      <c r="BH1390" s="13">
        <v>-0.13059701492537312</v>
      </c>
      <c r="BI1390" s="6">
        <v>7</v>
      </c>
      <c r="BJ1390" s="13">
        <v>0.1044776119402985</v>
      </c>
      <c r="BK1390" s="6">
        <v>-7</v>
      </c>
      <c r="BL1390" s="13">
        <v>-9.45945945945946E-2</v>
      </c>
      <c r="BM1390" s="11">
        <v>-8.75</v>
      </c>
      <c r="BN1390" s="13">
        <v>-0.13059701492537312</v>
      </c>
      <c r="BO1390" s="11">
        <v>-15.75</v>
      </c>
      <c r="BP1390" s="13">
        <v>-0.21283783783783783</v>
      </c>
      <c r="BQ1390" s="6">
        <v>67</v>
      </c>
      <c r="BR1390" s="6">
        <v>70</v>
      </c>
      <c r="BS1390" s="6">
        <v>70</v>
      </c>
      <c r="BT1390" s="6">
        <v>74</v>
      </c>
      <c r="BU1390" s="6">
        <v>70</v>
      </c>
      <c r="BV1390" s="6">
        <v>66</v>
      </c>
      <c r="BW1390" s="6">
        <v>67</v>
      </c>
      <c r="BX1390" s="6">
        <v>68</v>
      </c>
      <c r="BY1390" s="6">
        <v>65</v>
      </c>
      <c r="BZ1390" s="6">
        <v>64</v>
      </c>
      <c r="CA1390" s="6">
        <v>56</v>
      </c>
      <c r="CB1390" s="6">
        <v>60</v>
      </c>
      <c r="CC1390" s="11">
        <v>58.25</v>
      </c>
      <c r="CD1390" s="11">
        <v>1206.72</v>
      </c>
      <c r="CE1390" s="11">
        <v>-632.33799999999997</v>
      </c>
      <c r="CF1390" s="11">
        <v>195.82599999999999</v>
      </c>
      <c r="CG1390" s="11">
        <v>-436</v>
      </c>
      <c r="CH1390" s="20">
        <v>0.86482599999999998</v>
      </c>
      <c r="CI1390" s="20">
        <v>0.75041999999999998</v>
      </c>
      <c r="CJ1390" s="20">
        <v>0.70351699999999995</v>
      </c>
      <c r="CK1390" s="20">
        <v>0.923207</v>
      </c>
      <c r="CL1390" s="20">
        <v>1.02329</v>
      </c>
      <c r="CM1390" s="20">
        <v>1.0472900000000001</v>
      </c>
      <c r="CN1390" s="20">
        <v>1.3566</v>
      </c>
      <c r="CO1390" s="20">
        <v>1.28447</v>
      </c>
      <c r="CP1390" s="20">
        <v>1.1613599999999999</v>
      </c>
      <c r="CQ1390" s="20">
        <v>0.92289299999999996</v>
      </c>
      <c r="CR1390" s="20">
        <v>0.98220399999999997</v>
      </c>
      <c r="CS1390" s="20">
        <v>1.03132</v>
      </c>
      <c r="CT1390" s="20">
        <v>1.7505900000000001</v>
      </c>
      <c r="CU1390" s="20">
        <v>1.8005100000000001</v>
      </c>
      <c r="CV1390" s="20">
        <v>1.74539</v>
      </c>
      <c r="CW1390" s="20">
        <v>1.7238</v>
      </c>
      <c r="CX1390" s="20">
        <v>1.86016</v>
      </c>
      <c r="CY1390" s="6"/>
      <c r="CZ1390" s="6"/>
      <c r="DA1390" s="6"/>
      <c r="DB1390" s="6"/>
      <c r="DC1390" s="6"/>
      <c r="DD1390" s="6"/>
      <c r="DE1390" s="6"/>
      <c r="DF1390" s="6"/>
      <c r="DG1390" s="6"/>
      <c r="DH1390" s="6"/>
      <c r="DI1390" s="6"/>
      <c r="DJ1390" s="6"/>
      <c r="DK1390" s="6"/>
      <c r="DL1390" s="6"/>
      <c r="DM1390" s="6"/>
      <c r="DN1390" s="6"/>
      <c r="DO1390" s="6"/>
      <c r="DP1390" s="6"/>
      <c r="DQ1390" s="6"/>
    </row>
    <row r="1391" spans="1:121" x14ac:dyDescent="0.2">
      <c r="A1391" s="6" t="s">
        <v>313</v>
      </c>
      <c r="B1391" s="6" t="s">
        <v>313</v>
      </c>
      <c r="C1391" s="6" t="s">
        <v>178</v>
      </c>
      <c r="D1391" s="6" t="s">
        <v>338</v>
      </c>
      <c r="E1391" s="6" t="s">
        <v>332</v>
      </c>
      <c r="F1391" s="11">
        <v>82</v>
      </c>
      <c r="G1391" s="13">
        <v>0.19951338199499999</v>
      </c>
      <c r="H1391" s="11">
        <v>49.498329949000038</v>
      </c>
      <c r="I1391" s="13">
        <v>0.1205352797631123</v>
      </c>
      <c r="J1391" s="11">
        <v>-4.8490188929999931</v>
      </c>
      <c r="K1391" s="13">
        <v>-1.0537849104249352E-2</v>
      </c>
      <c r="L1391" s="11">
        <v>37.244277408999949</v>
      </c>
      <c r="M1391" s="13">
        <v>8.1800972306658615E-2</v>
      </c>
      <c r="N1391" s="11">
        <v>32.395258515999956</v>
      </c>
      <c r="O1391" s="13">
        <v>7.040111689966079E-2</v>
      </c>
      <c r="P1391" s="7">
        <v>410.65429180799998</v>
      </c>
      <c r="Q1391" s="7">
        <v>418.79859155999998</v>
      </c>
      <c r="R1391" s="7">
        <v>394.92476265300002</v>
      </c>
      <c r="S1391" s="7">
        <v>393.51760219699997</v>
      </c>
      <c r="T1391" s="7">
        <v>423.98375163600002</v>
      </c>
      <c r="U1391" s="7">
        <v>484.43152093399999</v>
      </c>
      <c r="V1391" s="7">
        <v>460.15262175700002</v>
      </c>
      <c r="W1391" s="7">
        <v>431.10219804899998</v>
      </c>
      <c r="X1391" s="7">
        <v>394.69436796399998</v>
      </c>
      <c r="Y1391" s="7">
        <v>455.30360286400003</v>
      </c>
      <c r="Z1391" s="7">
        <v>459.62107823999997</v>
      </c>
      <c r="AA1391" s="7">
        <v>470.467935361</v>
      </c>
      <c r="AB1391" s="7">
        <v>454.537356058</v>
      </c>
      <c r="AC1391" s="7">
        <v>483.87579786600003</v>
      </c>
      <c r="AD1391" s="7">
        <v>504.62295826500002</v>
      </c>
      <c r="AE1391" s="7">
        <v>471.27176110400001</v>
      </c>
      <c r="AF1391" s="7">
        <v>492.54788027299998</v>
      </c>
      <c r="AG1391" s="9">
        <v>23417.746236599996</v>
      </c>
      <c r="AH1391" s="13">
        <v>0.71933010872550984</v>
      </c>
      <c r="AI1391" s="9">
        <v>7825.5414883999983</v>
      </c>
      <c r="AJ1391" s="13">
        <v>0.24037956312332345</v>
      </c>
      <c r="AK1391" s="9">
        <v>6979.6850801000037</v>
      </c>
      <c r="AL1391" s="13">
        <v>0.17284800413108478</v>
      </c>
      <c r="AM1391" s="9">
        <v>8612.5196680999943</v>
      </c>
      <c r="AN1391" s="13">
        <v>0.18185156159380805</v>
      </c>
      <c r="AO1391" s="9">
        <v>15592.204748199998</v>
      </c>
      <c r="AP1391" s="13">
        <v>0.38613224519450362</v>
      </c>
      <c r="AQ1391" s="9">
        <v>32554.936812100001</v>
      </c>
      <c r="AR1391" s="9">
        <v>35256.796505099999</v>
      </c>
      <c r="AS1391" s="9">
        <v>38022.669418999998</v>
      </c>
      <c r="AT1391" s="9">
        <v>38564.017804299998</v>
      </c>
      <c r="AU1391" s="9">
        <v>37378.062314399998</v>
      </c>
      <c r="AV1391" s="9">
        <v>40308.835392599998</v>
      </c>
      <c r="AW1391" s="9">
        <v>40380.478300499999</v>
      </c>
      <c r="AX1391" s="9">
        <v>44723.6735682</v>
      </c>
      <c r="AY1391" s="9">
        <v>45762.469216600002</v>
      </c>
      <c r="AZ1391" s="9">
        <v>47360.163380600003</v>
      </c>
      <c r="BA1391" s="9">
        <v>47575.518328600003</v>
      </c>
      <c r="BB1391" s="9">
        <v>47483.089333800002</v>
      </c>
      <c r="BC1391" s="9">
        <v>51107.667197100003</v>
      </c>
      <c r="BD1391" s="9">
        <v>52332.997064499999</v>
      </c>
      <c r="BE1391" s="9">
        <v>53893.520350699997</v>
      </c>
      <c r="BF1391" s="9">
        <v>55972.683048699997</v>
      </c>
      <c r="BG1391" s="11">
        <v>4</v>
      </c>
      <c r="BH1391" s="13">
        <v>6.1538461538461542E-2</v>
      </c>
      <c r="BI1391" s="6">
        <v>2</v>
      </c>
      <c r="BJ1391" s="13">
        <v>3.0769230769230771E-2</v>
      </c>
      <c r="BK1391" s="6">
        <v>0</v>
      </c>
      <c r="BL1391" s="13">
        <v>0</v>
      </c>
      <c r="BM1391" s="11">
        <v>2</v>
      </c>
      <c r="BN1391" s="13">
        <v>2.9850746268656716E-2</v>
      </c>
      <c r="BO1391" s="11">
        <v>2</v>
      </c>
      <c r="BP1391" s="13">
        <v>2.9850746268656716E-2</v>
      </c>
      <c r="BQ1391" s="6">
        <v>65</v>
      </c>
      <c r="BR1391" s="6">
        <v>68</v>
      </c>
      <c r="BS1391" s="6">
        <v>67</v>
      </c>
      <c r="BT1391" s="6">
        <v>67</v>
      </c>
      <c r="BU1391" s="6">
        <v>67</v>
      </c>
      <c r="BV1391" s="6">
        <v>67</v>
      </c>
      <c r="BW1391" s="6">
        <v>67</v>
      </c>
      <c r="BX1391" s="6">
        <v>69</v>
      </c>
      <c r="BY1391" s="6">
        <v>71</v>
      </c>
      <c r="BZ1391" s="6">
        <v>72</v>
      </c>
      <c r="CA1391" s="6">
        <v>76</v>
      </c>
      <c r="CB1391" s="6">
        <v>73</v>
      </c>
      <c r="CC1391" s="11">
        <v>69</v>
      </c>
      <c r="CD1391" s="11">
        <v>70.582300000000004</v>
      </c>
      <c r="CE1391" s="11">
        <v>-33.578200000000002</v>
      </c>
      <c r="CF1391" s="11">
        <v>44.889499999999998</v>
      </c>
      <c r="CG1391" s="11">
        <v>11</v>
      </c>
      <c r="CH1391" s="20">
        <v>0.55674500000000005</v>
      </c>
      <c r="CI1391" s="20">
        <v>0.57881899999999997</v>
      </c>
      <c r="CJ1391" s="20">
        <v>0.541659</v>
      </c>
      <c r="CK1391" s="20">
        <v>0.53013200000000005</v>
      </c>
      <c r="CL1391" s="20">
        <v>0.58121699999999998</v>
      </c>
      <c r="CM1391" s="20">
        <v>0.65573000000000004</v>
      </c>
      <c r="CN1391" s="20">
        <v>0.59538599999999997</v>
      </c>
      <c r="CO1391" s="20">
        <v>0.55302799999999996</v>
      </c>
      <c r="CP1391" s="20">
        <v>0.54689100000000002</v>
      </c>
      <c r="CQ1391" s="20">
        <v>0.73078900000000002</v>
      </c>
      <c r="CR1391" s="20">
        <v>0.74478</v>
      </c>
      <c r="CS1391" s="20">
        <v>0.76219800000000004</v>
      </c>
      <c r="CT1391" s="20">
        <v>0.69833999999999996</v>
      </c>
      <c r="CU1391" s="20">
        <v>0.75064699999999995</v>
      </c>
      <c r="CV1391" s="20">
        <v>0.77056100000000005</v>
      </c>
      <c r="CW1391" s="20">
        <v>0.72216800000000003</v>
      </c>
      <c r="CX1391" s="20">
        <v>0.739344</v>
      </c>
      <c r="CY1391" s="6"/>
      <c r="CZ1391" s="6"/>
      <c r="DA1391" s="6"/>
      <c r="DB1391" s="6"/>
      <c r="DC1391" s="6"/>
      <c r="DD1391" s="6"/>
      <c r="DE1391" s="6"/>
      <c r="DF1391" s="6"/>
      <c r="DG1391" s="6"/>
      <c r="DH1391" s="6"/>
      <c r="DI1391" s="6"/>
      <c r="DJ1391" s="6"/>
      <c r="DK1391" s="6"/>
      <c r="DL1391" s="6"/>
      <c r="DM1391" s="6"/>
      <c r="DN1391" s="6"/>
      <c r="DO1391" s="6"/>
      <c r="DP1391" s="6"/>
      <c r="DQ1391" s="6"/>
    </row>
    <row r="1392" spans="1:121" x14ac:dyDescent="0.2">
      <c r="A1392" s="6" t="s">
        <v>793</v>
      </c>
      <c r="B1392" s="6" t="s">
        <v>179</v>
      </c>
      <c r="C1392" s="6" t="s">
        <v>180</v>
      </c>
      <c r="D1392" s="6" t="s">
        <v>338</v>
      </c>
      <c r="E1392" s="6" t="s">
        <v>332</v>
      </c>
      <c r="F1392" s="11">
        <v>-220</v>
      </c>
      <c r="G1392" s="13">
        <v>-0.103237916471</v>
      </c>
      <c r="H1392" s="11">
        <v>78.08914913999979</v>
      </c>
      <c r="I1392" s="13">
        <v>3.6651396828055155E-2</v>
      </c>
      <c r="J1392" s="11">
        <v>-334.04133586000012</v>
      </c>
      <c r="K1392" s="13">
        <v>-0.15124022492498526</v>
      </c>
      <c r="L1392" s="11">
        <v>36.138378740000007</v>
      </c>
      <c r="M1392" s="13">
        <v>1.9277511853533276E-2</v>
      </c>
      <c r="N1392" s="11">
        <v>-297.90295712000011</v>
      </c>
      <c r="O1392" s="13">
        <v>-0.13487824830017445</v>
      </c>
      <c r="P1392" s="7">
        <v>2130.5913525300002</v>
      </c>
      <c r="Q1392" s="7">
        <v>2085.30401523</v>
      </c>
      <c r="R1392" s="7">
        <v>2071.4797948300002</v>
      </c>
      <c r="S1392" s="7">
        <v>2066.5857655999998</v>
      </c>
      <c r="T1392" s="7">
        <v>2035.1484304999999</v>
      </c>
      <c r="U1392" s="7">
        <v>2010.31923661</v>
      </c>
      <c r="V1392" s="7">
        <v>2208.68050167</v>
      </c>
      <c r="W1392" s="7">
        <v>2133.8614455500001</v>
      </c>
      <c r="X1392" s="7">
        <v>2029.66887395</v>
      </c>
      <c r="Y1392" s="7">
        <v>1874.6391658099999</v>
      </c>
      <c r="Z1392" s="7">
        <v>1844.8705231900001</v>
      </c>
      <c r="AA1392" s="7">
        <v>1836.25024351</v>
      </c>
      <c r="AB1392" s="7">
        <v>1851.2088257099999</v>
      </c>
      <c r="AC1392" s="7">
        <v>1842.6496268599999</v>
      </c>
      <c r="AD1392" s="7">
        <v>1824.8969259600001</v>
      </c>
      <c r="AE1392" s="7">
        <v>1896.39150475</v>
      </c>
      <c r="AF1392" s="7">
        <v>1910.7775445499999</v>
      </c>
      <c r="AG1392" s="9">
        <v>9286.1846074999994</v>
      </c>
      <c r="AH1392" s="13">
        <v>0.50524420408107318</v>
      </c>
      <c r="AI1392" s="9">
        <v>4213.2824330999974</v>
      </c>
      <c r="AJ1392" s="13">
        <v>0.22923693846890561</v>
      </c>
      <c r="AK1392" s="9">
        <v>1736.1689151999999</v>
      </c>
      <c r="AL1392" s="13">
        <v>7.6845846868686271E-2</v>
      </c>
      <c r="AM1392" s="9">
        <v>3336.7332592000021</v>
      </c>
      <c r="AN1392" s="13">
        <v>0.13715017863912857</v>
      </c>
      <c r="AO1392" s="9">
        <v>5072.902174400002</v>
      </c>
      <c r="AP1392" s="13">
        <v>0.22453544713353027</v>
      </c>
      <c r="AQ1392" s="9">
        <v>18379.596505000001</v>
      </c>
      <c r="AR1392" s="9">
        <v>19266.424321099999</v>
      </c>
      <c r="AS1392" s="9">
        <v>20367.820186500001</v>
      </c>
      <c r="AT1392" s="9">
        <v>20994.1291528</v>
      </c>
      <c r="AU1392" s="9">
        <v>21825.319292799999</v>
      </c>
      <c r="AV1392" s="9">
        <v>21719.559543200001</v>
      </c>
      <c r="AW1392" s="9">
        <v>22592.878938099999</v>
      </c>
      <c r="AX1392" s="9">
        <v>23294.887644300001</v>
      </c>
      <c r="AY1392" s="9">
        <v>24159.680865800001</v>
      </c>
      <c r="AZ1392" s="9">
        <v>24329.047853299999</v>
      </c>
      <c r="BA1392" s="9">
        <v>24811.869192300001</v>
      </c>
      <c r="BB1392" s="9">
        <v>25275.9610961</v>
      </c>
      <c r="BC1392" s="9">
        <v>25912.385104000001</v>
      </c>
      <c r="BD1392" s="9">
        <v>26117.638105800001</v>
      </c>
      <c r="BE1392" s="9">
        <v>27132.641798100001</v>
      </c>
      <c r="BF1392" s="9">
        <v>27665.781112500001</v>
      </c>
      <c r="BG1392" s="11">
        <v>-31.75</v>
      </c>
      <c r="BH1392" s="13">
        <v>-0.14366515837104071</v>
      </c>
      <c r="BI1392" s="6">
        <v>-6</v>
      </c>
      <c r="BJ1392" s="13">
        <v>-2.7149321266968326E-2</v>
      </c>
      <c r="BK1392" s="6">
        <v>-14</v>
      </c>
      <c r="BL1392" s="13">
        <v>-6.5116279069767441E-2</v>
      </c>
      <c r="BM1392" s="11">
        <v>-11.75</v>
      </c>
      <c r="BN1392" s="13">
        <v>-5.8457711442786067E-2</v>
      </c>
      <c r="BO1392" s="11">
        <v>-25.75</v>
      </c>
      <c r="BP1392" s="13">
        <v>-0.11976744186046512</v>
      </c>
      <c r="BQ1392" s="6">
        <v>221</v>
      </c>
      <c r="BR1392" s="6">
        <v>218</v>
      </c>
      <c r="BS1392" s="6">
        <v>206</v>
      </c>
      <c r="BT1392" s="6">
        <v>215</v>
      </c>
      <c r="BU1392" s="6">
        <v>215</v>
      </c>
      <c r="BV1392" s="6">
        <v>210</v>
      </c>
      <c r="BW1392" s="6">
        <v>201</v>
      </c>
      <c r="BX1392" s="6">
        <v>199</v>
      </c>
      <c r="BY1392" s="6">
        <v>202</v>
      </c>
      <c r="BZ1392" s="6">
        <v>199</v>
      </c>
      <c r="CA1392" s="6">
        <v>190</v>
      </c>
      <c r="CB1392" s="6">
        <v>191</v>
      </c>
      <c r="CC1392" s="11">
        <v>189.25</v>
      </c>
      <c r="CD1392" s="11">
        <v>-316.154</v>
      </c>
      <c r="CE1392" s="11">
        <v>-136.559</v>
      </c>
      <c r="CF1392" s="11">
        <v>232.899</v>
      </c>
      <c r="CG1392" s="11">
        <v>96</v>
      </c>
      <c r="CH1392" s="20">
        <v>1.07643</v>
      </c>
      <c r="CI1392" s="20">
        <v>1.0555399999999999</v>
      </c>
      <c r="CJ1392" s="20">
        <v>1.04555</v>
      </c>
      <c r="CK1392" s="20">
        <v>1.0261199999999999</v>
      </c>
      <c r="CL1392" s="20">
        <v>1.0352300000000001</v>
      </c>
      <c r="CM1392" s="20">
        <v>1.02423</v>
      </c>
      <c r="CN1392" s="20">
        <v>1.08484</v>
      </c>
      <c r="CO1392" s="20">
        <v>1.0467599999999999</v>
      </c>
      <c r="CP1392" s="20">
        <v>1.0572999999999999</v>
      </c>
      <c r="CQ1392" s="20">
        <v>1.1182399999999999</v>
      </c>
      <c r="CR1392" s="20">
        <v>1.1128199999999999</v>
      </c>
      <c r="CS1392" s="20">
        <v>1.1139399999999999</v>
      </c>
      <c r="CT1392" s="20">
        <v>1.0657700000000001</v>
      </c>
      <c r="CU1392" s="20">
        <v>1.06602</v>
      </c>
      <c r="CV1392" s="20">
        <v>1.0304899999999999</v>
      </c>
      <c r="CW1392" s="20">
        <v>1.06325</v>
      </c>
      <c r="CX1392" s="20">
        <v>1.05077</v>
      </c>
      <c r="CY1392" s="6"/>
      <c r="CZ1392" s="6"/>
      <c r="DA1392" s="6"/>
      <c r="DB1392" s="6"/>
      <c r="DC1392" s="6"/>
      <c r="DD1392" s="6"/>
      <c r="DE1392" s="6"/>
      <c r="DF1392" s="6"/>
      <c r="DG1392" s="6"/>
      <c r="DH1392" s="6"/>
      <c r="DI1392" s="6"/>
      <c r="DJ1392" s="6"/>
      <c r="DK1392" s="6"/>
      <c r="DL1392" s="6"/>
      <c r="DM1392" s="6"/>
      <c r="DN1392" s="6"/>
      <c r="DO1392" s="6"/>
      <c r="DP1392" s="6"/>
      <c r="DQ1392" s="6"/>
    </row>
    <row r="1393" spans="1:121" x14ac:dyDescent="0.2">
      <c r="A1393" s="6" t="s">
        <v>794</v>
      </c>
      <c r="B1393" s="6" t="s">
        <v>181</v>
      </c>
      <c r="C1393" s="6" t="s">
        <v>182</v>
      </c>
      <c r="D1393" s="6" t="s">
        <v>338</v>
      </c>
      <c r="E1393" s="6" t="s">
        <v>332</v>
      </c>
      <c r="F1393" s="11">
        <v>-26</v>
      </c>
      <c r="G1393" s="13">
        <v>-5.1587301587300002E-2</v>
      </c>
      <c r="H1393" s="11">
        <v>35.783049214999949</v>
      </c>
      <c r="I1393" s="13">
        <v>7.102067326334735E-2</v>
      </c>
      <c r="J1393" s="11">
        <v>-37.609132681999938</v>
      </c>
      <c r="K1393" s="13">
        <v>-6.9695205591697743E-2</v>
      </c>
      <c r="L1393" s="11">
        <v>-23.687666253000032</v>
      </c>
      <c r="M1393" s="13">
        <v>-4.7185287084792971E-2</v>
      </c>
      <c r="N1393" s="11">
        <v>-61.29679893499997</v>
      </c>
      <c r="O1393" s="13">
        <v>-0.1135919043922128</v>
      </c>
      <c r="P1393" s="7">
        <v>503.839904225</v>
      </c>
      <c r="Q1393" s="7">
        <v>526.42159111700005</v>
      </c>
      <c r="R1393" s="7">
        <v>545.67960803400001</v>
      </c>
      <c r="S1393" s="7">
        <v>614.39654662199996</v>
      </c>
      <c r="T1393" s="7">
        <v>542.01688136999996</v>
      </c>
      <c r="U1393" s="7">
        <v>521.59673843600001</v>
      </c>
      <c r="V1393" s="7">
        <v>539.62295343999995</v>
      </c>
      <c r="W1393" s="7">
        <v>732.15087097599996</v>
      </c>
      <c r="X1393" s="7">
        <v>680.40615817499997</v>
      </c>
      <c r="Y1393" s="7">
        <v>502.01382075800001</v>
      </c>
      <c r="Z1393" s="7">
        <v>490.031542726</v>
      </c>
      <c r="AA1393" s="7">
        <v>485.63568179200001</v>
      </c>
      <c r="AB1393" s="7">
        <v>465.52370854999998</v>
      </c>
      <c r="AC1393" s="7">
        <v>436.46098223199999</v>
      </c>
      <c r="AD1393" s="7">
        <v>459.18014161999997</v>
      </c>
      <c r="AE1393" s="7">
        <v>470.99296492100001</v>
      </c>
      <c r="AF1393" s="7">
        <v>478.32615450499998</v>
      </c>
      <c r="AG1393" s="9">
        <v>20990.1386948</v>
      </c>
      <c r="AH1393" s="13">
        <v>0.65137153751602794</v>
      </c>
      <c r="AI1393" s="9">
        <v>10044.812376000002</v>
      </c>
      <c r="AJ1393" s="13">
        <v>0.31171327529322407</v>
      </c>
      <c r="AK1393" s="9">
        <v>2716.9641625000004</v>
      </c>
      <c r="AL1393" s="13">
        <v>6.4277424288552015E-2</v>
      </c>
      <c r="AM1393" s="9">
        <v>8228.3621562999979</v>
      </c>
      <c r="AN1393" s="13">
        <v>0.18290816961393019</v>
      </c>
      <c r="AO1393" s="9">
        <v>10945.326318799998</v>
      </c>
      <c r="AP1393" s="13">
        <v>0.25894245992659926</v>
      </c>
      <c r="AQ1393" s="9">
        <v>32224.525460299999</v>
      </c>
      <c r="AR1393" s="9">
        <v>33990.575462599998</v>
      </c>
      <c r="AS1393" s="9">
        <v>35696.734685299998</v>
      </c>
      <c r="AT1393" s="9">
        <v>34786.821422599998</v>
      </c>
      <c r="AU1393" s="9">
        <v>38072.498565900001</v>
      </c>
      <c r="AV1393" s="9">
        <v>40367.327972400002</v>
      </c>
      <c r="AW1393" s="9">
        <v>42269.337836300001</v>
      </c>
      <c r="AX1393" s="9">
        <v>39458.603031500003</v>
      </c>
      <c r="AY1393" s="9">
        <v>38341.557662200001</v>
      </c>
      <c r="AZ1393" s="9">
        <v>44986.301998800001</v>
      </c>
      <c r="BA1393" s="9">
        <v>47659.943369300003</v>
      </c>
      <c r="BB1393" s="9">
        <v>50212.757193799996</v>
      </c>
      <c r="BC1393" s="9">
        <v>51892.179985100003</v>
      </c>
      <c r="BD1393" s="9">
        <v>53659.816874199998</v>
      </c>
      <c r="BE1393" s="9">
        <v>56616.757195699996</v>
      </c>
      <c r="BF1393" s="9">
        <v>53214.664155099999</v>
      </c>
      <c r="BG1393" s="11">
        <v>-10.5</v>
      </c>
      <c r="BH1393" s="13">
        <v>-0.16666666666666666</v>
      </c>
      <c r="BI1393" s="6">
        <v>-3</v>
      </c>
      <c r="BJ1393" s="13">
        <v>-4.7619047619047616E-2</v>
      </c>
      <c r="BK1393" s="6">
        <v>-4</v>
      </c>
      <c r="BL1393" s="13">
        <v>-6.6666666666666666E-2</v>
      </c>
      <c r="BM1393" s="11">
        <v>-3.5</v>
      </c>
      <c r="BN1393" s="13">
        <v>-6.25E-2</v>
      </c>
      <c r="BO1393" s="11">
        <v>-7.5</v>
      </c>
      <c r="BP1393" s="13">
        <v>-0.125</v>
      </c>
      <c r="BQ1393" s="6">
        <v>63</v>
      </c>
      <c r="BR1393" s="6">
        <v>65</v>
      </c>
      <c r="BS1393" s="6">
        <v>64</v>
      </c>
      <c r="BT1393" s="6">
        <v>60</v>
      </c>
      <c r="BU1393" s="6">
        <v>65</v>
      </c>
      <c r="BV1393" s="6">
        <v>59</v>
      </c>
      <c r="BW1393" s="6">
        <v>56</v>
      </c>
      <c r="BX1393" s="6">
        <v>52</v>
      </c>
      <c r="BY1393" s="6">
        <v>56</v>
      </c>
      <c r="BZ1393" s="6">
        <v>53</v>
      </c>
      <c r="CA1393" s="6">
        <v>50</v>
      </c>
      <c r="CB1393" s="6">
        <v>53</v>
      </c>
      <c r="CC1393" s="11">
        <v>52.5</v>
      </c>
      <c r="CD1393" s="11">
        <v>-112.34699999999999</v>
      </c>
      <c r="CE1393" s="11">
        <v>31.757200000000001</v>
      </c>
      <c r="CF1393" s="11">
        <v>55.075800000000001</v>
      </c>
      <c r="CG1393" s="11">
        <v>87</v>
      </c>
      <c r="CH1393" s="20">
        <v>0.86290800000000001</v>
      </c>
      <c r="CI1393" s="20">
        <v>0.92689999999999995</v>
      </c>
      <c r="CJ1393" s="20">
        <v>0.95548299999999997</v>
      </c>
      <c r="CK1393" s="20">
        <v>1.0465</v>
      </c>
      <c r="CL1393" s="20">
        <v>0.93381999999999998</v>
      </c>
      <c r="CM1393" s="20">
        <v>0.88478599999999996</v>
      </c>
      <c r="CN1393" s="20">
        <v>0.87309700000000001</v>
      </c>
      <c r="CO1393" s="20">
        <v>1.1746000000000001</v>
      </c>
      <c r="CP1393" s="20">
        <v>1.17561</v>
      </c>
      <c r="CQ1393" s="20">
        <v>0.99869200000000002</v>
      </c>
      <c r="CR1393" s="20">
        <v>0.97143199999999996</v>
      </c>
      <c r="CS1393" s="20">
        <v>0.95876099999999997</v>
      </c>
      <c r="CT1393" s="20">
        <v>0.86633899999999997</v>
      </c>
      <c r="CU1393" s="20">
        <v>0.80187799999999998</v>
      </c>
      <c r="CV1393" s="20">
        <v>0.80196199999999995</v>
      </c>
      <c r="CW1393" s="20">
        <v>0.80438699999999996</v>
      </c>
      <c r="CX1393" s="20">
        <v>0.794987</v>
      </c>
      <c r="CY1393" s="6"/>
      <c r="CZ1393" s="6"/>
      <c r="DA1393" s="6"/>
      <c r="DB1393" s="6"/>
      <c r="DC1393" s="6"/>
      <c r="DD1393" s="6"/>
      <c r="DE1393" s="6"/>
      <c r="DF1393" s="6"/>
      <c r="DG1393" s="6"/>
      <c r="DH1393" s="6"/>
      <c r="DI1393" s="6"/>
      <c r="DJ1393" s="6"/>
      <c r="DK1393" s="6"/>
      <c r="DL1393" s="6"/>
      <c r="DM1393" s="6"/>
      <c r="DN1393" s="6"/>
      <c r="DO1393" s="6"/>
      <c r="DP1393" s="6"/>
      <c r="DQ1393" s="6"/>
    </row>
    <row r="1394" spans="1:121" x14ac:dyDescent="0.2">
      <c r="A1394" s="6" t="s">
        <v>314</v>
      </c>
      <c r="B1394" s="6" t="s">
        <v>314</v>
      </c>
      <c r="C1394" s="6" t="s">
        <v>183</v>
      </c>
      <c r="D1394" s="6" t="s">
        <v>338</v>
      </c>
      <c r="E1394" s="6" t="s">
        <v>332</v>
      </c>
      <c r="F1394" s="11">
        <v>-2</v>
      </c>
      <c r="G1394" s="13">
        <v>-1.9801980197999999E-2</v>
      </c>
      <c r="H1394" s="11">
        <v>9.7732723459999988</v>
      </c>
      <c r="I1394" s="13">
        <v>9.6944622925262777E-2</v>
      </c>
      <c r="J1394" s="11">
        <v>-26.267609523199994</v>
      </c>
      <c r="K1394" s="13">
        <v>-0.23753060378210705</v>
      </c>
      <c r="L1394" s="11">
        <v>14.626676810099994</v>
      </c>
      <c r="M1394" s="13">
        <v>0.17346915762591297</v>
      </c>
      <c r="N1394" s="11">
        <v>-11.6409327131</v>
      </c>
      <c r="O1394" s="13">
        <v>-0.10526567990465067</v>
      </c>
      <c r="P1394" s="7">
        <v>100.812938883</v>
      </c>
      <c r="Q1394" s="7">
        <v>125.11633159900001</v>
      </c>
      <c r="R1394" s="7">
        <v>101.852693578</v>
      </c>
      <c r="S1394" s="7">
        <v>110.038498472</v>
      </c>
      <c r="T1394" s="7">
        <v>106.12673479599999</v>
      </c>
      <c r="U1394" s="7">
        <v>119.276938129</v>
      </c>
      <c r="V1394" s="7">
        <v>110.586211229</v>
      </c>
      <c r="W1394" s="7">
        <v>74.223648019500004</v>
      </c>
      <c r="X1394" s="7">
        <v>85.841057996700002</v>
      </c>
      <c r="Y1394" s="7">
        <v>84.318601705800006</v>
      </c>
      <c r="Z1394" s="7">
        <v>62.6032627449</v>
      </c>
      <c r="AA1394" s="7">
        <v>60.945264743499997</v>
      </c>
      <c r="AB1394" s="7">
        <v>59.0463891172</v>
      </c>
      <c r="AC1394" s="7">
        <v>73.0917768873</v>
      </c>
      <c r="AD1394" s="7">
        <v>84.359535817199998</v>
      </c>
      <c r="AE1394" s="7">
        <v>93.126468618399997</v>
      </c>
      <c r="AF1394" s="7">
        <v>98.9452785159</v>
      </c>
      <c r="AG1394" s="9">
        <v>15057.9768248</v>
      </c>
      <c r="AH1394" s="13">
        <v>0.5265929118969439</v>
      </c>
      <c r="AI1394" s="9">
        <v>-4279.4408288999985</v>
      </c>
      <c r="AJ1394" s="13">
        <v>-0.14965644014471063</v>
      </c>
      <c r="AK1394" s="9">
        <v>5398.3204698000009</v>
      </c>
      <c r="AL1394" s="13">
        <v>0.22201004279305556</v>
      </c>
      <c r="AM1394" s="9">
        <v>13939.097183899998</v>
      </c>
      <c r="AN1394" s="13">
        <v>0.46910906873286479</v>
      </c>
      <c r="AO1394" s="9">
        <v>19337.417653699998</v>
      </c>
      <c r="AP1394" s="13">
        <v>0.79526603594991407</v>
      </c>
      <c r="AQ1394" s="9">
        <v>28595.099714799999</v>
      </c>
      <c r="AR1394" s="9">
        <v>31394.019956100001</v>
      </c>
      <c r="AS1394" s="9">
        <v>37159.965293100002</v>
      </c>
      <c r="AT1394" s="9">
        <v>34244.9826455</v>
      </c>
      <c r="AU1394" s="9">
        <v>28146.307109699999</v>
      </c>
      <c r="AV1394" s="9">
        <v>24114.090966</v>
      </c>
      <c r="AW1394" s="9">
        <v>24315.6588859</v>
      </c>
      <c r="AX1394" s="9">
        <v>36475.116823600001</v>
      </c>
      <c r="AY1394" s="9">
        <v>31632.105081599999</v>
      </c>
      <c r="AZ1394" s="9">
        <v>29713.979355700001</v>
      </c>
      <c r="BA1394" s="9">
        <v>41185.928032600001</v>
      </c>
      <c r="BB1394" s="9">
        <v>45360.399959299997</v>
      </c>
      <c r="BC1394" s="9">
        <v>39914.680238499997</v>
      </c>
      <c r="BD1394" s="9">
        <v>41035.585534400001</v>
      </c>
      <c r="BE1394" s="9">
        <v>37738.1286263</v>
      </c>
      <c r="BF1394" s="9">
        <v>43653.076539599999</v>
      </c>
      <c r="BG1394" s="11">
        <v>-3</v>
      </c>
      <c r="BH1394" s="13">
        <v>-0.15789473684210525</v>
      </c>
      <c r="BI1394" s="6">
        <v>0</v>
      </c>
      <c r="BJ1394" s="13">
        <v>0</v>
      </c>
      <c r="BK1394" s="6">
        <v>0</v>
      </c>
      <c r="BL1394" s="13">
        <v>0</v>
      </c>
      <c r="BM1394" s="11">
        <v>-3</v>
      </c>
      <c r="BN1394" s="13">
        <v>-0.15789473684210525</v>
      </c>
      <c r="BO1394" s="11">
        <v>-3</v>
      </c>
      <c r="BP1394" s="13">
        <v>-0.15789473684210525</v>
      </c>
      <c r="BQ1394" s="6">
        <v>19</v>
      </c>
      <c r="BR1394" s="6">
        <v>19</v>
      </c>
      <c r="BS1394" s="6">
        <v>21</v>
      </c>
      <c r="BT1394" s="6">
        <v>19</v>
      </c>
      <c r="BU1394" s="6">
        <v>18</v>
      </c>
      <c r="BV1394" s="6">
        <v>20</v>
      </c>
      <c r="BW1394" s="6">
        <v>19</v>
      </c>
      <c r="BX1394" s="6">
        <v>18</v>
      </c>
      <c r="BY1394" s="6">
        <v>19</v>
      </c>
      <c r="BZ1394" s="6">
        <v>20</v>
      </c>
      <c r="CA1394" s="6">
        <v>18</v>
      </c>
      <c r="CB1394" s="6">
        <v>17</v>
      </c>
      <c r="CC1394" s="11">
        <v>16</v>
      </c>
      <c r="CD1394" s="11">
        <v>17.990300000000001</v>
      </c>
      <c r="CE1394" s="11">
        <v>-30.878</v>
      </c>
      <c r="CF1394" s="11">
        <v>11.020099999999999</v>
      </c>
      <c r="CG1394" s="11">
        <v>-20</v>
      </c>
      <c r="CH1394" s="20">
        <v>0.219254</v>
      </c>
      <c r="CI1394" s="20">
        <v>0.28764400000000001</v>
      </c>
      <c r="CJ1394" s="20">
        <v>0.243148</v>
      </c>
      <c r="CK1394" s="20">
        <v>0.26634200000000002</v>
      </c>
      <c r="CL1394" s="20">
        <v>0.269675</v>
      </c>
      <c r="CM1394" s="20">
        <v>0.30731199999999997</v>
      </c>
      <c r="CN1394" s="20">
        <v>0.27798699999999998</v>
      </c>
      <c r="CO1394" s="20">
        <v>0.186614</v>
      </c>
      <c r="CP1394" s="20">
        <v>0.23133400000000001</v>
      </c>
      <c r="CQ1394" s="20">
        <v>0.26836300000000002</v>
      </c>
      <c r="CR1394" s="20">
        <v>0.20594000000000001</v>
      </c>
      <c r="CS1394" s="20">
        <v>0.20369399999999999</v>
      </c>
      <c r="CT1394" s="20">
        <v>0.18795899999999999</v>
      </c>
      <c r="CU1394" s="20">
        <v>0.234627</v>
      </c>
      <c r="CV1394" s="20">
        <v>0.26682699999999998</v>
      </c>
      <c r="CW1394" s="20">
        <v>0.29117700000000002</v>
      </c>
      <c r="CX1394" s="20">
        <v>0.30487300000000001</v>
      </c>
      <c r="CY1394" s="6"/>
      <c r="CZ1394" s="6"/>
      <c r="DA1394" s="6"/>
      <c r="DB1394" s="6"/>
      <c r="DC1394" s="6"/>
      <c r="DD1394" s="6"/>
      <c r="DE1394" s="6"/>
      <c r="DF1394" s="6"/>
      <c r="DG1394" s="6"/>
      <c r="DH1394" s="6"/>
      <c r="DI1394" s="6"/>
      <c r="DJ1394" s="6"/>
      <c r="DK1394" s="6"/>
      <c r="DL1394" s="6"/>
      <c r="DM1394" s="6"/>
      <c r="DN1394" s="6"/>
      <c r="DO1394" s="6"/>
      <c r="DP1394" s="6"/>
      <c r="DQ1394" s="6"/>
    </row>
    <row r="1395" spans="1:121" x14ac:dyDescent="0.2">
      <c r="A1395" s="6" t="s">
        <v>315</v>
      </c>
      <c r="B1395" s="6" t="s">
        <v>315</v>
      </c>
      <c r="C1395" s="6" t="s">
        <v>184</v>
      </c>
      <c r="D1395" s="6" t="s">
        <v>338</v>
      </c>
      <c r="E1395" s="6" t="s">
        <v>332</v>
      </c>
      <c r="F1395" s="11">
        <v>-50</v>
      </c>
      <c r="G1395" s="13">
        <v>-0.106157112527</v>
      </c>
      <c r="H1395" s="11">
        <v>28.162613994000026</v>
      </c>
      <c r="I1395" s="13">
        <v>5.976758249067185E-2</v>
      </c>
      <c r="J1395" s="11">
        <v>-14.247394779999979</v>
      </c>
      <c r="K1395" s="13">
        <v>-2.8531036847946441E-2</v>
      </c>
      <c r="L1395" s="11">
        <v>-64.200095668000017</v>
      </c>
      <c r="M1395" s="13">
        <v>-0.13233930252823498</v>
      </c>
      <c r="N1395" s="11">
        <v>-78.447490447999996</v>
      </c>
      <c r="O1395" s="13">
        <v>-0.15709456185931683</v>
      </c>
      <c r="P1395" s="7">
        <v>471.20216044199998</v>
      </c>
      <c r="Q1395" s="7">
        <v>487.71957821500001</v>
      </c>
      <c r="R1395" s="7">
        <v>483.18563091300001</v>
      </c>
      <c r="S1395" s="7">
        <v>476.83900041099997</v>
      </c>
      <c r="T1395" s="7">
        <v>498.91917812299999</v>
      </c>
      <c r="U1395" s="7">
        <v>482.41428880799998</v>
      </c>
      <c r="V1395" s="7">
        <v>499.364774436</v>
      </c>
      <c r="W1395" s="7">
        <v>489.58298966799998</v>
      </c>
      <c r="X1395" s="7">
        <v>462.41111463099998</v>
      </c>
      <c r="Y1395" s="7">
        <v>485.11737965600003</v>
      </c>
      <c r="Z1395" s="7">
        <v>459.24632711300001</v>
      </c>
      <c r="AA1395" s="7">
        <v>439.38105970599997</v>
      </c>
      <c r="AB1395" s="7">
        <v>394.263482904</v>
      </c>
      <c r="AC1395" s="7">
        <v>395.33844526199999</v>
      </c>
      <c r="AD1395" s="7">
        <v>414.04747643600001</v>
      </c>
      <c r="AE1395" s="7">
        <v>421.86852038400002</v>
      </c>
      <c r="AF1395" s="7">
        <v>420.91728398800001</v>
      </c>
      <c r="AG1395" s="9">
        <v>15659.407060899997</v>
      </c>
      <c r="AH1395" s="13">
        <v>0.5464005416219887</v>
      </c>
      <c r="AI1395" s="9">
        <v>5648.2461524000028</v>
      </c>
      <c r="AJ1395" s="13">
        <v>0.19708311718849345</v>
      </c>
      <c r="AK1395" s="9">
        <v>1253.6158280999953</v>
      </c>
      <c r="AL1395" s="13">
        <v>3.6540624766903354E-2</v>
      </c>
      <c r="AM1395" s="9">
        <v>8757.5450803999993</v>
      </c>
      <c r="AN1395" s="13">
        <v>0.24626775729018449</v>
      </c>
      <c r="AO1395" s="9">
        <v>10011.160908499995</v>
      </c>
      <c r="AP1395" s="13">
        <v>0.29180715976841531</v>
      </c>
      <c r="AQ1395" s="9">
        <v>28659.2085257</v>
      </c>
      <c r="AR1395" s="9">
        <v>29152.033945800002</v>
      </c>
      <c r="AS1395" s="9">
        <v>28714.320102900001</v>
      </c>
      <c r="AT1395" s="9">
        <v>30417.698622</v>
      </c>
      <c r="AU1395" s="9">
        <v>32224.711752899999</v>
      </c>
      <c r="AV1395" s="9">
        <v>33958.319741799998</v>
      </c>
      <c r="AW1395" s="9">
        <v>34307.454678100003</v>
      </c>
      <c r="AX1395" s="9">
        <v>36285.635305900003</v>
      </c>
      <c r="AY1395" s="9">
        <v>36408.108132699999</v>
      </c>
      <c r="AZ1395" s="9">
        <v>35561.070506199998</v>
      </c>
      <c r="BA1395" s="9">
        <v>36139.551049399997</v>
      </c>
      <c r="BB1395" s="9">
        <v>37145.472732499999</v>
      </c>
      <c r="BC1395" s="9">
        <v>38444.507448199998</v>
      </c>
      <c r="BD1395" s="9">
        <v>39263.814167800003</v>
      </c>
      <c r="BE1395" s="9">
        <v>42106.809113199997</v>
      </c>
      <c r="BF1395" s="9">
        <v>44318.615586599997</v>
      </c>
      <c r="BG1395" s="11">
        <v>2.25</v>
      </c>
      <c r="BH1395" s="13">
        <v>3.0405405405405407E-2</v>
      </c>
      <c r="BI1395" s="6">
        <v>7</v>
      </c>
      <c r="BJ1395" s="13">
        <v>9.45945945945946E-2</v>
      </c>
      <c r="BK1395" s="6">
        <v>-1</v>
      </c>
      <c r="BL1395" s="13">
        <v>-1.2345679012345678E-2</v>
      </c>
      <c r="BM1395" s="11">
        <v>-3.75</v>
      </c>
      <c r="BN1395" s="13">
        <v>-4.6875E-2</v>
      </c>
      <c r="BO1395" s="11">
        <v>-4.75</v>
      </c>
      <c r="BP1395" s="13">
        <v>-5.8641975308641972E-2</v>
      </c>
      <c r="BQ1395" s="6">
        <v>74</v>
      </c>
      <c r="BR1395" s="6">
        <v>82</v>
      </c>
      <c r="BS1395" s="6">
        <v>82</v>
      </c>
      <c r="BT1395" s="6">
        <v>81</v>
      </c>
      <c r="BU1395" s="6">
        <v>80</v>
      </c>
      <c r="BV1395" s="6">
        <v>76</v>
      </c>
      <c r="BW1395" s="6">
        <v>80</v>
      </c>
      <c r="BX1395" s="6">
        <v>80</v>
      </c>
      <c r="BY1395" s="6">
        <v>81</v>
      </c>
      <c r="BZ1395" s="6">
        <v>83</v>
      </c>
      <c r="CA1395" s="6">
        <v>83</v>
      </c>
      <c r="CB1395" s="6">
        <v>78</v>
      </c>
      <c r="CC1395" s="11">
        <v>76.25</v>
      </c>
      <c r="CD1395" s="11">
        <v>-64.313400000000001</v>
      </c>
      <c r="CE1395" s="11">
        <v>-37.479500000000002</v>
      </c>
      <c r="CF1395" s="11">
        <v>51.508099999999999</v>
      </c>
      <c r="CG1395" s="11">
        <v>15</v>
      </c>
      <c r="CH1395" s="20">
        <v>0.62825600000000004</v>
      </c>
      <c r="CI1395" s="20">
        <v>0.65142699999999998</v>
      </c>
      <c r="CJ1395" s="20">
        <v>0.62521300000000002</v>
      </c>
      <c r="CK1395" s="20">
        <v>0.60819500000000004</v>
      </c>
      <c r="CL1395" s="20">
        <v>0.64852399999999999</v>
      </c>
      <c r="CM1395" s="20">
        <v>0.62176799999999999</v>
      </c>
      <c r="CN1395" s="20">
        <v>0.62740300000000004</v>
      </c>
      <c r="CO1395" s="20">
        <v>0.62065800000000004</v>
      </c>
      <c r="CP1395" s="20">
        <v>0.61699899999999996</v>
      </c>
      <c r="CQ1395" s="20">
        <v>0.75283199999999995</v>
      </c>
      <c r="CR1395" s="20">
        <v>0.72541800000000001</v>
      </c>
      <c r="CS1395" s="20">
        <v>0.70011800000000002</v>
      </c>
      <c r="CT1395" s="20">
        <v>0.60047399999999995</v>
      </c>
      <c r="CU1395" s="20">
        <v>0.61303099999999999</v>
      </c>
      <c r="CV1395" s="20">
        <v>0.62761199999999995</v>
      </c>
      <c r="CW1395" s="20">
        <v>0.63414800000000004</v>
      </c>
      <c r="CX1395" s="20">
        <v>0.62001799999999996</v>
      </c>
      <c r="CY1395" s="6"/>
      <c r="CZ1395" s="6"/>
      <c r="DA1395" s="6"/>
      <c r="DB1395" s="6"/>
      <c r="DC1395" s="6"/>
      <c r="DD1395" s="6"/>
      <c r="DE1395" s="6"/>
      <c r="DF1395" s="6"/>
      <c r="DG1395" s="6"/>
      <c r="DH1395" s="6"/>
      <c r="DI1395" s="6"/>
      <c r="DJ1395" s="6"/>
      <c r="DK1395" s="6"/>
      <c r="DL1395" s="6"/>
      <c r="DM1395" s="6"/>
      <c r="DN1395" s="6"/>
      <c r="DO1395" s="6"/>
      <c r="DP1395" s="6"/>
      <c r="DQ1395" s="6"/>
    </row>
    <row r="1396" spans="1:121" x14ac:dyDescent="0.2">
      <c r="A1396" s="6" t="s">
        <v>316</v>
      </c>
      <c r="B1396" s="6" t="s">
        <v>316</v>
      </c>
      <c r="C1396" s="6" t="s">
        <v>185</v>
      </c>
      <c r="D1396" s="6" t="s">
        <v>338</v>
      </c>
      <c r="E1396" s="6" t="s">
        <v>332</v>
      </c>
      <c r="F1396" s="11">
        <v>-35</v>
      </c>
      <c r="G1396" s="13">
        <v>-0.121527777778</v>
      </c>
      <c r="H1396" s="11">
        <v>154.68716258400002</v>
      </c>
      <c r="I1396" s="13">
        <v>0.53653345166075139</v>
      </c>
      <c r="J1396" s="11">
        <v>-93.103662573999998</v>
      </c>
      <c r="K1396" s="13">
        <v>-0.21016833194782367</v>
      </c>
      <c r="L1396" s="11">
        <v>-96.929650758000008</v>
      </c>
      <c r="M1396" s="13">
        <v>-0.27702733031254928</v>
      </c>
      <c r="N1396" s="11">
        <v>-190.03331333200001</v>
      </c>
      <c r="O1396" s="13">
        <v>-0.42897329034462567</v>
      </c>
      <c r="P1396" s="7">
        <v>288.30851479099999</v>
      </c>
      <c r="Q1396" s="7">
        <v>293.60426825399998</v>
      </c>
      <c r="R1396" s="7">
        <v>309.16268784900001</v>
      </c>
      <c r="S1396" s="7">
        <v>353.95756621300001</v>
      </c>
      <c r="T1396" s="7">
        <v>355.21801101099999</v>
      </c>
      <c r="U1396" s="7">
        <v>424.70559170000001</v>
      </c>
      <c r="V1396" s="7">
        <v>442.99567737500001</v>
      </c>
      <c r="W1396" s="7">
        <v>457.91431671100003</v>
      </c>
      <c r="X1396" s="7">
        <v>403.20674095800001</v>
      </c>
      <c r="Y1396" s="7">
        <v>349.89201480100002</v>
      </c>
      <c r="Z1396" s="7">
        <v>302.91242340600002</v>
      </c>
      <c r="AA1396" s="7">
        <v>174.742379419</v>
      </c>
      <c r="AB1396" s="7">
        <v>152.44003661599999</v>
      </c>
      <c r="AC1396" s="7">
        <v>156.63730048400001</v>
      </c>
      <c r="AD1396" s="7">
        <v>198.71047056699999</v>
      </c>
      <c r="AE1396" s="7">
        <v>245.708850181</v>
      </c>
      <c r="AF1396" s="7">
        <v>252.96236404300001</v>
      </c>
      <c r="AG1396" s="9">
        <v>11182.222274199998</v>
      </c>
      <c r="AH1396" s="13">
        <v>0.57469081817923651</v>
      </c>
      <c r="AI1396" s="9">
        <v>4192.5793247999973</v>
      </c>
      <c r="AJ1396" s="13">
        <v>0.21547030486147603</v>
      </c>
      <c r="AK1396" s="9">
        <v>1819.2693641000005</v>
      </c>
      <c r="AL1396" s="13">
        <v>7.6923456538298726E-2</v>
      </c>
      <c r="AM1396" s="9">
        <v>5170.3735852999998</v>
      </c>
      <c r="AN1396" s="13">
        <v>0.20300132493323592</v>
      </c>
      <c r="AO1396" s="9">
        <v>6989.6429494000004</v>
      </c>
      <c r="AP1396" s="13">
        <v>0.29554034506725352</v>
      </c>
      <c r="AQ1396" s="9">
        <v>19457.805693900002</v>
      </c>
      <c r="AR1396" s="9">
        <v>21862.380719799999</v>
      </c>
      <c r="AS1396" s="9">
        <v>22674.450223600001</v>
      </c>
      <c r="AT1396" s="9">
        <v>22227.225033399998</v>
      </c>
      <c r="AU1396" s="9">
        <v>24925.220850199999</v>
      </c>
      <c r="AV1396" s="9">
        <v>22339.568305500001</v>
      </c>
      <c r="AW1396" s="9">
        <v>23650.385018699999</v>
      </c>
      <c r="AX1396" s="9">
        <v>23875.753384700001</v>
      </c>
      <c r="AY1396" s="9">
        <v>23640.474643199999</v>
      </c>
      <c r="AZ1396" s="9">
        <v>25469.654382799999</v>
      </c>
      <c r="BA1396" s="9">
        <v>28054.376447800001</v>
      </c>
      <c r="BB1396" s="9">
        <v>24626.818528200001</v>
      </c>
      <c r="BC1396" s="9">
        <v>25058.565347100001</v>
      </c>
      <c r="BD1396" s="9">
        <v>26968.8173135</v>
      </c>
      <c r="BE1396" s="9">
        <v>30650.665839099998</v>
      </c>
      <c r="BF1396" s="9">
        <v>30640.027968099999</v>
      </c>
      <c r="BG1396" s="11">
        <v>-11.5</v>
      </c>
      <c r="BH1396" s="13">
        <v>-0.20909090909090908</v>
      </c>
      <c r="BI1396" s="6">
        <v>3</v>
      </c>
      <c r="BJ1396" s="13">
        <v>5.4545454545454543E-2</v>
      </c>
      <c r="BK1396" s="6">
        <v>-13</v>
      </c>
      <c r="BL1396" s="13">
        <v>-0.22413793103448276</v>
      </c>
      <c r="BM1396" s="11">
        <v>-1.5</v>
      </c>
      <c r="BN1396" s="13">
        <v>-3.3333333333333333E-2</v>
      </c>
      <c r="BO1396" s="11">
        <v>-14.5</v>
      </c>
      <c r="BP1396" s="13">
        <v>-0.25</v>
      </c>
      <c r="BQ1396" s="6">
        <v>55</v>
      </c>
      <c r="BR1396" s="6">
        <v>56</v>
      </c>
      <c r="BS1396" s="6">
        <v>59</v>
      </c>
      <c r="BT1396" s="6">
        <v>58</v>
      </c>
      <c r="BU1396" s="6">
        <v>56</v>
      </c>
      <c r="BV1396" s="6">
        <v>53</v>
      </c>
      <c r="BW1396" s="6">
        <v>45</v>
      </c>
      <c r="BX1396" s="6">
        <v>44</v>
      </c>
      <c r="BY1396" s="6">
        <v>41</v>
      </c>
      <c r="BZ1396" s="6">
        <v>42</v>
      </c>
      <c r="CA1396" s="6">
        <v>39</v>
      </c>
      <c r="CB1396" s="6">
        <v>42</v>
      </c>
      <c r="CC1396" s="11">
        <v>43.5</v>
      </c>
      <c r="CD1396" s="11">
        <v>-52.238500000000002</v>
      </c>
      <c r="CE1396" s="11">
        <v>-14.6233</v>
      </c>
      <c r="CF1396" s="11">
        <v>31.515599999999999</v>
      </c>
      <c r="CG1396" s="11">
        <v>17</v>
      </c>
      <c r="CH1396" s="20">
        <v>0.93418100000000004</v>
      </c>
      <c r="CI1396" s="20">
        <v>0.94491899999999995</v>
      </c>
      <c r="CJ1396" s="20">
        <v>0.96118800000000004</v>
      </c>
      <c r="CK1396" s="20">
        <v>1.06114</v>
      </c>
      <c r="CL1396" s="20">
        <v>1.0654699999999999</v>
      </c>
      <c r="CM1396" s="20">
        <v>1.2676400000000001</v>
      </c>
      <c r="CN1396" s="20">
        <v>1.29403</v>
      </c>
      <c r="CO1396" s="20">
        <v>1.3537699999999999</v>
      </c>
      <c r="CP1396" s="20">
        <v>1.2774099999999999</v>
      </c>
      <c r="CQ1396" s="20">
        <v>1.31531</v>
      </c>
      <c r="CR1396" s="20">
        <v>1.17486</v>
      </c>
      <c r="CS1396" s="20">
        <v>0.68199799999999999</v>
      </c>
      <c r="CT1396" s="20">
        <v>0.56333200000000005</v>
      </c>
      <c r="CU1396" s="20">
        <v>0.57598700000000003</v>
      </c>
      <c r="CV1396" s="20">
        <v>0.71010499999999999</v>
      </c>
      <c r="CW1396" s="20">
        <v>0.87201499999999998</v>
      </c>
      <c r="CX1396" s="20">
        <v>0.88088699999999998</v>
      </c>
      <c r="CY1396" s="6"/>
      <c r="CZ1396" s="6"/>
      <c r="DA1396" s="6"/>
      <c r="DB1396" s="6"/>
      <c r="DC1396" s="6"/>
      <c r="DD1396" s="6"/>
      <c r="DE1396" s="6"/>
      <c r="DF1396" s="6"/>
      <c r="DG1396" s="6"/>
      <c r="DH1396" s="6"/>
      <c r="DI1396" s="6"/>
      <c r="DJ1396" s="6"/>
      <c r="DK1396" s="6"/>
      <c r="DL1396" s="6"/>
      <c r="DM1396" s="6"/>
      <c r="DN1396" s="6"/>
      <c r="DO1396" s="6"/>
      <c r="DP1396" s="6"/>
      <c r="DQ1396" s="6"/>
    </row>
    <row r="1397" spans="1:121" x14ac:dyDescent="0.2">
      <c r="A1397" s="6" t="s">
        <v>317</v>
      </c>
      <c r="B1397" s="6" t="s">
        <v>317</v>
      </c>
      <c r="C1397" s="6" t="s">
        <v>186</v>
      </c>
      <c r="D1397" s="6" t="s">
        <v>338</v>
      </c>
      <c r="E1397" s="6" t="s">
        <v>332</v>
      </c>
      <c r="F1397" s="11">
        <v>196</v>
      </c>
      <c r="G1397" s="13">
        <v>1.1878787878799999</v>
      </c>
      <c r="H1397" s="11">
        <v>62.071305670000015</v>
      </c>
      <c r="I1397" s="13">
        <v>0.3758694612322675</v>
      </c>
      <c r="J1397" s="11">
        <v>16.236227532999976</v>
      </c>
      <c r="K1397" s="13">
        <v>7.1458526764038174E-2</v>
      </c>
      <c r="L1397" s="11">
        <v>117.90792945699999</v>
      </c>
      <c r="M1397" s="13">
        <v>0.48432465412019632</v>
      </c>
      <c r="N1397" s="11">
        <v>134.14415698999997</v>
      </c>
      <c r="O1397" s="13">
        <v>0.59039230714316604</v>
      </c>
      <c r="P1397" s="7">
        <v>165.140592871</v>
      </c>
      <c r="Q1397" s="7">
        <v>166.545297783</v>
      </c>
      <c r="R1397" s="7">
        <v>194.55401047699999</v>
      </c>
      <c r="S1397" s="7">
        <v>221.18366741899999</v>
      </c>
      <c r="T1397" s="7">
        <v>229.19086253399999</v>
      </c>
      <c r="U1397" s="7">
        <v>234.970712453</v>
      </c>
      <c r="V1397" s="7">
        <v>227.21189854100001</v>
      </c>
      <c r="W1397" s="7">
        <v>202.12441349400001</v>
      </c>
      <c r="X1397" s="7">
        <v>214.731586604</v>
      </c>
      <c r="Y1397" s="7">
        <v>243.44812607399999</v>
      </c>
      <c r="Z1397" s="7">
        <v>242.88951308</v>
      </c>
      <c r="AA1397" s="7">
        <v>271.99283857799998</v>
      </c>
      <c r="AB1397" s="7">
        <v>292.76210302800001</v>
      </c>
      <c r="AC1397" s="7">
        <v>304.76084006399998</v>
      </c>
      <c r="AD1397" s="7">
        <v>311.13667073300002</v>
      </c>
      <c r="AE1397" s="7">
        <v>342.721926172</v>
      </c>
      <c r="AF1397" s="7">
        <v>361.35605553099998</v>
      </c>
      <c r="AG1397" s="9">
        <v>2414.7376418999993</v>
      </c>
      <c r="AH1397" s="13">
        <v>8.155519337078361E-2</v>
      </c>
      <c r="AI1397" s="9">
        <v>2468.7445219000001</v>
      </c>
      <c r="AJ1397" s="13">
        <v>8.3379218252545559E-2</v>
      </c>
      <c r="AK1397" s="9">
        <v>1062.561890500001</v>
      </c>
      <c r="AL1397" s="13">
        <v>3.31249632183966E-2</v>
      </c>
      <c r="AM1397" s="9">
        <v>-1116.5687705000018</v>
      </c>
      <c r="AN1397" s="13">
        <v>-3.3692542937081973E-2</v>
      </c>
      <c r="AO1397" s="9">
        <v>-54.00688000000082</v>
      </c>
      <c r="AP1397" s="13">
        <v>-1.6836439642104635E-3</v>
      </c>
      <c r="AQ1397" s="9">
        <v>29608.631186999999</v>
      </c>
      <c r="AR1397" s="9">
        <v>32508.970646000002</v>
      </c>
      <c r="AS1397" s="9">
        <v>32167.701917099999</v>
      </c>
      <c r="AT1397" s="9">
        <v>31562.643107200001</v>
      </c>
      <c r="AU1397" s="9">
        <v>36863.240262500003</v>
      </c>
      <c r="AV1397" s="9">
        <v>35854.837144899997</v>
      </c>
      <c r="AW1397" s="9">
        <v>32077.375708899999</v>
      </c>
      <c r="AX1397" s="9">
        <v>32262.421021599999</v>
      </c>
      <c r="AY1397" s="9">
        <v>30406.894694499999</v>
      </c>
      <c r="AZ1397" s="9">
        <v>33139.9375994</v>
      </c>
      <c r="BA1397" s="9">
        <v>29338.486315999999</v>
      </c>
      <c r="BB1397" s="9">
        <v>31956.345567299999</v>
      </c>
      <c r="BC1397" s="9">
        <v>30468.612799899998</v>
      </c>
      <c r="BD1397" s="9">
        <v>30980.829517900002</v>
      </c>
      <c r="BE1397" s="9">
        <v>31873.9078138</v>
      </c>
      <c r="BF1397" s="9">
        <v>32023.368828899998</v>
      </c>
      <c r="BG1397" s="11">
        <v>13.25</v>
      </c>
      <c r="BH1397" s="13">
        <v>0.27604166666666669</v>
      </c>
      <c r="BI1397" s="6">
        <v>6</v>
      </c>
      <c r="BJ1397" s="13">
        <v>0.125</v>
      </c>
      <c r="BK1397" s="6">
        <v>1</v>
      </c>
      <c r="BL1397" s="13">
        <v>1.8518518518518517E-2</v>
      </c>
      <c r="BM1397" s="11">
        <v>6.25</v>
      </c>
      <c r="BN1397" s="13">
        <v>0.11363636363636363</v>
      </c>
      <c r="BO1397" s="11">
        <v>7.25</v>
      </c>
      <c r="BP1397" s="13">
        <v>0.13425925925925927</v>
      </c>
      <c r="BQ1397" s="6">
        <v>48</v>
      </c>
      <c r="BR1397" s="6">
        <v>53</v>
      </c>
      <c r="BS1397" s="6">
        <v>53</v>
      </c>
      <c r="BT1397" s="6">
        <v>54</v>
      </c>
      <c r="BU1397" s="6">
        <v>53</v>
      </c>
      <c r="BV1397" s="6">
        <v>48</v>
      </c>
      <c r="BW1397" s="6">
        <v>55</v>
      </c>
      <c r="BX1397" s="6">
        <v>47</v>
      </c>
      <c r="BY1397" s="6">
        <v>53</v>
      </c>
      <c r="BZ1397" s="6">
        <v>58</v>
      </c>
      <c r="CA1397" s="6">
        <v>57</v>
      </c>
      <c r="CB1397" s="6">
        <v>61</v>
      </c>
      <c r="CC1397" s="11">
        <v>61.25</v>
      </c>
      <c r="CD1397" s="11">
        <v>145.119</v>
      </c>
      <c r="CE1397" s="11">
        <v>33.045000000000002</v>
      </c>
      <c r="CF1397" s="11">
        <v>18.0519</v>
      </c>
      <c r="CG1397" s="11">
        <v>51</v>
      </c>
      <c r="CH1397" s="20">
        <v>0.16816999999999999</v>
      </c>
      <c r="CI1397" s="20">
        <v>0.17275399999999999</v>
      </c>
      <c r="CJ1397" s="20">
        <v>0.19880900000000001</v>
      </c>
      <c r="CK1397" s="20">
        <v>0.21969900000000001</v>
      </c>
      <c r="CL1397" s="20">
        <v>0.22648699999999999</v>
      </c>
      <c r="CM1397" s="20">
        <v>0.22475700000000001</v>
      </c>
      <c r="CN1397" s="20">
        <v>0.204844</v>
      </c>
      <c r="CO1397" s="20">
        <v>0.176345</v>
      </c>
      <c r="CP1397" s="20">
        <v>0.19628499999999999</v>
      </c>
      <c r="CQ1397" s="20">
        <v>0.25466800000000001</v>
      </c>
      <c r="CR1397" s="20">
        <v>0.253496</v>
      </c>
      <c r="CS1397" s="20">
        <v>0.28092699999999998</v>
      </c>
      <c r="CT1397" s="20">
        <v>0.28351999999999999</v>
      </c>
      <c r="CU1397" s="20">
        <v>0.293601</v>
      </c>
      <c r="CV1397" s="20">
        <v>0.28905500000000001</v>
      </c>
      <c r="CW1397" s="20">
        <v>0.31312000000000001</v>
      </c>
      <c r="CX1397" s="20">
        <v>0.31972200000000001</v>
      </c>
      <c r="CY1397" s="6"/>
      <c r="CZ1397" s="6"/>
      <c r="DA1397" s="6"/>
      <c r="DB1397" s="6"/>
      <c r="DC1397" s="6"/>
      <c r="DD1397" s="6"/>
      <c r="DE1397" s="6"/>
      <c r="DF1397" s="6"/>
      <c r="DG1397" s="6"/>
      <c r="DH1397" s="6"/>
      <c r="DI1397" s="6"/>
      <c r="DJ1397" s="6"/>
      <c r="DK1397" s="6"/>
      <c r="DL1397" s="6"/>
      <c r="DM1397" s="6"/>
      <c r="DN1397" s="6"/>
      <c r="DO1397" s="6"/>
      <c r="DP1397" s="6"/>
      <c r="DQ1397" s="6"/>
    </row>
    <row r="1398" spans="1:121" x14ac:dyDescent="0.2">
      <c r="A1398" s="6" t="s">
        <v>318</v>
      </c>
      <c r="B1398" s="6" t="s">
        <v>318</v>
      </c>
      <c r="C1398" s="6" t="s">
        <v>187</v>
      </c>
      <c r="D1398" s="6" t="s">
        <v>338</v>
      </c>
      <c r="E1398" s="6" t="s">
        <v>332</v>
      </c>
      <c r="F1398" s="11">
        <v>84</v>
      </c>
      <c r="G1398" s="13">
        <v>1.9090909090899999</v>
      </c>
      <c r="H1398" s="11">
        <v>27.538433000000005</v>
      </c>
      <c r="I1398" s="13">
        <v>0.62064561003243957</v>
      </c>
      <c r="J1398" s="11">
        <v>4.3235099999999989</v>
      </c>
      <c r="K1398" s="13">
        <v>6.0124693333136026E-2</v>
      </c>
      <c r="L1398" s="11">
        <v>51.535557845</v>
      </c>
      <c r="M1398" s="13">
        <v>0.6760307290321208</v>
      </c>
      <c r="N1398" s="11">
        <v>55.859067844999998</v>
      </c>
      <c r="O1398" s="13">
        <v>0.77680156263208955</v>
      </c>
      <c r="P1398" s="7">
        <v>44.370623999999999</v>
      </c>
      <c r="Q1398" s="7">
        <v>60.614057000000003</v>
      </c>
      <c r="R1398" s="7">
        <v>52.613525000000003</v>
      </c>
      <c r="S1398" s="7">
        <v>52.706045000000003</v>
      </c>
      <c r="T1398" s="7">
        <v>49.452804999999998</v>
      </c>
      <c r="U1398" s="7">
        <v>73.208821999999998</v>
      </c>
      <c r="V1398" s="7">
        <v>71.909057000000004</v>
      </c>
      <c r="W1398" s="7">
        <v>63.50376</v>
      </c>
      <c r="X1398" s="7">
        <v>48.187804999999997</v>
      </c>
      <c r="Y1398" s="7">
        <v>76.232567000000003</v>
      </c>
      <c r="Z1398" s="7">
        <v>85.925072</v>
      </c>
      <c r="AA1398" s="7">
        <v>72.103870000000001</v>
      </c>
      <c r="AB1398" s="7">
        <v>91.765136999999996</v>
      </c>
      <c r="AC1398" s="7">
        <v>97.668695</v>
      </c>
      <c r="AD1398" s="7">
        <v>119.281944</v>
      </c>
      <c r="AE1398" s="7">
        <v>119.21839850000001</v>
      </c>
      <c r="AF1398" s="7">
        <v>127.768124845</v>
      </c>
      <c r="AG1398" s="9">
        <v>8902.4216738999967</v>
      </c>
      <c r="AH1398" s="13">
        <v>0.12965611077748759</v>
      </c>
      <c r="AI1398" s="9">
        <v>5651.2162797999918</v>
      </c>
      <c r="AJ1398" s="13">
        <v>8.2305102009428782E-2</v>
      </c>
      <c r="AK1398" s="9">
        <v>-16806.238173199992</v>
      </c>
      <c r="AL1398" s="13">
        <v>-0.22615471004768473</v>
      </c>
      <c r="AM1398" s="9">
        <v>20057.443567299997</v>
      </c>
      <c r="AN1398" s="13">
        <v>0.34878400359568901</v>
      </c>
      <c r="AO1398" s="9">
        <v>3251.2053941000049</v>
      </c>
      <c r="AP1398" s="13">
        <v>4.3750148345550605E-2</v>
      </c>
      <c r="AQ1398" s="9">
        <v>68661.797893800001</v>
      </c>
      <c r="AR1398" s="9">
        <v>57862.114344499998</v>
      </c>
      <c r="AS1398" s="9">
        <v>69702.445074599993</v>
      </c>
      <c r="AT1398" s="9">
        <v>65093.224216900002</v>
      </c>
      <c r="AU1398" s="9">
        <v>65886.417422099999</v>
      </c>
      <c r="AV1398" s="9">
        <v>60074.258876200001</v>
      </c>
      <c r="AW1398" s="9">
        <v>74313.014173599993</v>
      </c>
      <c r="AX1398" s="9">
        <v>80801.086964999995</v>
      </c>
      <c r="AY1398" s="9">
        <v>60025.2563257</v>
      </c>
      <c r="AZ1398" s="9">
        <v>57506.776000400001</v>
      </c>
      <c r="BA1398" s="9">
        <v>93516.440432200005</v>
      </c>
      <c r="BB1398" s="9">
        <v>82087.279661799999</v>
      </c>
      <c r="BC1398" s="9">
        <v>65568.177121400004</v>
      </c>
      <c r="BD1398" s="9">
        <v>62223.1444443</v>
      </c>
      <c r="BE1398" s="9">
        <v>85390.697668599998</v>
      </c>
      <c r="BF1398" s="9">
        <v>77564.219567699998</v>
      </c>
      <c r="BG1398" s="11">
        <v>6</v>
      </c>
      <c r="BH1398" s="13">
        <v>1.2</v>
      </c>
      <c r="BI1398" s="6">
        <v>1</v>
      </c>
      <c r="BJ1398" s="13">
        <v>0.2</v>
      </c>
      <c r="BK1398" s="6">
        <v>2</v>
      </c>
      <c r="BL1398" s="13">
        <v>0.33333333333333331</v>
      </c>
      <c r="BM1398" s="11">
        <v>3</v>
      </c>
      <c r="BN1398" s="13">
        <v>0.375</v>
      </c>
      <c r="BO1398" s="11">
        <v>5</v>
      </c>
      <c r="BP1398" s="13">
        <v>0.83333333333333337</v>
      </c>
      <c r="BQ1398" s="6">
        <v>5</v>
      </c>
      <c r="BR1398" s="6">
        <v>6</v>
      </c>
      <c r="BS1398" s="6">
        <v>6</v>
      </c>
      <c r="BT1398" s="6">
        <v>6</v>
      </c>
      <c r="BU1398" s="6">
        <v>5</v>
      </c>
      <c r="BV1398" s="6">
        <v>6</v>
      </c>
      <c r="BW1398" s="6">
        <v>8</v>
      </c>
      <c r="BX1398" s="6">
        <v>7</v>
      </c>
      <c r="BY1398" s="6">
        <v>6</v>
      </c>
      <c r="BZ1398" s="6">
        <v>7</v>
      </c>
      <c r="CA1398" s="6">
        <v>7</v>
      </c>
      <c r="CB1398" s="6">
        <v>11</v>
      </c>
      <c r="CC1398" s="11">
        <v>11</v>
      </c>
      <c r="CD1398" s="11">
        <v>69.0471</v>
      </c>
      <c r="CE1398" s="11">
        <v>9.5001099999999994</v>
      </c>
      <c r="CF1398" s="11">
        <v>4.8502400000000003</v>
      </c>
      <c r="CG1398" s="11">
        <v>15</v>
      </c>
      <c r="CH1398" s="20">
        <v>0.20791899999999999</v>
      </c>
      <c r="CI1398" s="20">
        <v>0.28700500000000001</v>
      </c>
      <c r="CJ1398" s="20">
        <v>0.25147000000000003</v>
      </c>
      <c r="CK1398" s="20">
        <v>0.24454100000000001</v>
      </c>
      <c r="CL1398" s="20">
        <v>0.23147200000000001</v>
      </c>
      <c r="CM1398" s="20">
        <v>0.33765499999999998</v>
      </c>
      <c r="CN1398" s="20">
        <v>0.31257099999999999</v>
      </c>
      <c r="CO1398" s="20">
        <v>0.263604</v>
      </c>
      <c r="CP1398" s="20">
        <v>0.206487</v>
      </c>
      <c r="CQ1398" s="20">
        <v>0.37149799999999999</v>
      </c>
      <c r="CR1398" s="20">
        <v>0.41500599999999999</v>
      </c>
      <c r="CS1398" s="20">
        <v>0.33888099999999999</v>
      </c>
      <c r="CT1398" s="20">
        <v>0.397648</v>
      </c>
      <c r="CU1398" s="20">
        <v>0.41916799999999999</v>
      </c>
      <c r="CV1398" s="20">
        <v>0.498863</v>
      </c>
      <c r="CW1398" s="20">
        <v>0.494087</v>
      </c>
      <c r="CX1398" s="20">
        <v>0.51468499999999995</v>
      </c>
      <c r="CY1398" s="6"/>
      <c r="CZ1398" s="6"/>
      <c r="DA1398" s="6"/>
      <c r="DB1398" s="6"/>
      <c r="DC1398" s="6"/>
      <c r="DD1398" s="6"/>
      <c r="DE1398" s="6"/>
      <c r="DF1398" s="6"/>
      <c r="DG1398" s="6"/>
      <c r="DH1398" s="6"/>
      <c r="DI1398" s="6"/>
      <c r="DJ1398" s="6"/>
      <c r="DK1398" s="6"/>
      <c r="DL1398" s="6"/>
      <c r="DM1398" s="6"/>
      <c r="DN1398" s="6"/>
      <c r="DO1398" s="6"/>
      <c r="DP1398" s="6"/>
      <c r="DQ1398" s="6"/>
    </row>
    <row r="1399" spans="1:121" x14ac:dyDescent="0.2">
      <c r="A1399" s="6" t="s">
        <v>319</v>
      </c>
      <c r="B1399" s="6" t="s">
        <v>319</v>
      </c>
      <c r="C1399" s="6" t="s">
        <v>188</v>
      </c>
      <c r="D1399" s="6" t="s">
        <v>338</v>
      </c>
      <c r="E1399" s="6" t="s">
        <v>332</v>
      </c>
      <c r="F1399" s="11">
        <v>283</v>
      </c>
      <c r="G1399" s="13">
        <v>0.46241830065400003</v>
      </c>
      <c r="H1399" s="11">
        <v>-22.016237496000031</v>
      </c>
      <c r="I1399" s="13">
        <v>-3.5991312819224734E-2</v>
      </c>
      <c r="J1399" s="11">
        <v>-110.42616609300001</v>
      </c>
      <c r="K1399" s="13">
        <v>-0.18726026486337391</v>
      </c>
      <c r="L1399" s="11">
        <v>416.16599838700006</v>
      </c>
      <c r="M1399" s="13">
        <v>0.86833786765631549</v>
      </c>
      <c r="N1399" s="11">
        <v>305.73983229400005</v>
      </c>
      <c r="O1399" s="13">
        <v>0.51847242370472257</v>
      </c>
      <c r="P1399" s="7">
        <v>611.70976470300002</v>
      </c>
      <c r="Q1399" s="7">
        <v>681.77506938399995</v>
      </c>
      <c r="R1399" s="7">
        <v>778.77024380199998</v>
      </c>
      <c r="S1399" s="7">
        <v>663.39225475399996</v>
      </c>
      <c r="T1399" s="7">
        <v>743.23206836899999</v>
      </c>
      <c r="U1399" s="7">
        <v>756.68184315400003</v>
      </c>
      <c r="V1399" s="7">
        <v>589.69352720699999</v>
      </c>
      <c r="W1399" s="7">
        <v>726.30566380499999</v>
      </c>
      <c r="X1399" s="7">
        <v>612.95732330700002</v>
      </c>
      <c r="Y1399" s="7">
        <v>479.26736111399998</v>
      </c>
      <c r="Z1399" s="7">
        <v>519.77601091700001</v>
      </c>
      <c r="AA1399" s="7">
        <v>556.02888013100005</v>
      </c>
      <c r="AB1399" s="7">
        <v>718.84454099300001</v>
      </c>
      <c r="AC1399" s="7">
        <v>725.125764151</v>
      </c>
      <c r="AD1399" s="7">
        <v>807.76532924100002</v>
      </c>
      <c r="AE1399" s="7">
        <v>842.24951063000003</v>
      </c>
      <c r="AF1399" s="7">
        <v>895.43335950100004</v>
      </c>
      <c r="AG1399" s="9">
        <v>7339.585008500002</v>
      </c>
      <c r="AH1399" s="13">
        <v>0.25018723132101267</v>
      </c>
      <c r="AI1399" s="9">
        <v>-3182.6230047999998</v>
      </c>
      <c r="AJ1399" s="13">
        <v>-0.10848728327110208</v>
      </c>
      <c r="AK1399" s="9">
        <v>-6742.6528942000004</v>
      </c>
      <c r="AL1399" s="13">
        <v>-0.25780830103208818</v>
      </c>
      <c r="AM1399" s="9">
        <v>17264.860907500002</v>
      </c>
      <c r="AN1399" s="13">
        <v>0.88943268490404725</v>
      </c>
      <c r="AO1399" s="9">
        <v>10522.208013300002</v>
      </c>
      <c r="AP1399" s="13">
        <v>0.40232125449443801</v>
      </c>
      <c r="AQ1399" s="9">
        <v>29336.369285299999</v>
      </c>
      <c r="AR1399" s="9">
        <v>31036.619344499999</v>
      </c>
      <c r="AS1399" s="9">
        <v>34826.913933999997</v>
      </c>
      <c r="AT1399" s="9">
        <v>31638.224276000001</v>
      </c>
      <c r="AU1399" s="9">
        <v>29754.728857999999</v>
      </c>
      <c r="AV1399" s="9">
        <v>32738.580752599999</v>
      </c>
      <c r="AW1399" s="9">
        <v>26153.7462805</v>
      </c>
      <c r="AX1399" s="9">
        <v>31103.6298164</v>
      </c>
      <c r="AY1399" s="9">
        <v>29424.129111999999</v>
      </c>
      <c r="AZ1399" s="9">
        <v>19411.093386299999</v>
      </c>
      <c r="BA1399" s="9">
        <v>23810.200797599999</v>
      </c>
      <c r="BB1399" s="9">
        <v>24231.284338500001</v>
      </c>
      <c r="BC1399" s="9">
        <v>28210.690066899999</v>
      </c>
      <c r="BD1399" s="9">
        <v>32907.037632799998</v>
      </c>
      <c r="BE1399" s="9">
        <v>33878.911776200002</v>
      </c>
      <c r="BF1399" s="9">
        <v>36675.954293800001</v>
      </c>
      <c r="BG1399" s="11">
        <v>1.25</v>
      </c>
      <c r="BH1399" s="13">
        <v>1.984126984126984E-2</v>
      </c>
      <c r="BI1399" s="6">
        <v>11</v>
      </c>
      <c r="BJ1399" s="13">
        <v>0.17460317460317459</v>
      </c>
      <c r="BK1399" s="6">
        <v>-5</v>
      </c>
      <c r="BL1399" s="13">
        <v>-6.7567567567567571E-2</v>
      </c>
      <c r="BM1399" s="11">
        <v>-4.75</v>
      </c>
      <c r="BN1399" s="13">
        <v>-6.8840579710144928E-2</v>
      </c>
      <c r="BO1399" s="11">
        <v>-9.75</v>
      </c>
      <c r="BP1399" s="13">
        <v>-0.13175675675675674</v>
      </c>
      <c r="BQ1399" s="6">
        <v>63</v>
      </c>
      <c r="BR1399" s="6">
        <v>63</v>
      </c>
      <c r="BS1399" s="6">
        <v>70</v>
      </c>
      <c r="BT1399" s="6">
        <v>74</v>
      </c>
      <c r="BU1399" s="6">
        <v>67</v>
      </c>
      <c r="BV1399" s="6">
        <v>63</v>
      </c>
      <c r="BW1399" s="6">
        <v>69</v>
      </c>
      <c r="BX1399" s="6">
        <v>70</v>
      </c>
      <c r="BY1399" s="6">
        <v>69</v>
      </c>
      <c r="BZ1399" s="6">
        <v>73</v>
      </c>
      <c r="CA1399" s="6">
        <v>65</v>
      </c>
      <c r="CB1399" s="6">
        <v>66</v>
      </c>
      <c r="CC1399" s="11">
        <v>64.25</v>
      </c>
      <c r="CD1399" s="11">
        <v>161.81899999999999</v>
      </c>
      <c r="CE1399" s="11">
        <v>55.037100000000002</v>
      </c>
      <c r="CF1399" s="11">
        <v>66.867199999999997</v>
      </c>
      <c r="CG1399" s="11">
        <v>122</v>
      </c>
      <c r="CH1399" s="20">
        <v>0.58436500000000002</v>
      </c>
      <c r="CI1399" s="20">
        <v>0.65168800000000005</v>
      </c>
      <c r="CJ1399" s="20">
        <v>0.738066</v>
      </c>
      <c r="CK1399" s="20">
        <v>0.60318700000000003</v>
      </c>
      <c r="CL1399" s="20">
        <v>0.67693700000000001</v>
      </c>
      <c r="CM1399" s="20">
        <v>0.67601199999999995</v>
      </c>
      <c r="CN1399" s="20">
        <v>0.50692999999999999</v>
      </c>
      <c r="CO1399" s="20">
        <v>0.64248899999999998</v>
      </c>
      <c r="CP1399" s="20">
        <v>0.60256200000000004</v>
      </c>
      <c r="CQ1399" s="20">
        <v>0.52081699999999997</v>
      </c>
      <c r="CR1399" s="20">
        <v>0.55675300000000005</v>
      </c>
      <c r="CS1399" s="20">
        <v>0.58700699999999995</v>
      </c>
      <c r="CT1399" s="20">
        <v>0.707681</v>
      </c>
      <c r="CU1399" s="20">
        <v>0.70611500000000005</v>
      </c>
      <c r="CV1399" s="20">
        <v>0.76442900000000003</v>
      </c>
      <c r="CW1399" s="20">
        <v>0.78629400000000005</v>
      </c>
      <c r="CX1399" s="20">
        <v>0.81146200000000002</v>
      </c>
      <c r="CY1399" s="6"/>
      <c r="CZ1399" s="6"/>
      <c r="DA1399" s="6"/>
      <c r="DB1399" s="6"/>
      <c r="DC1399" s="6"/>
      <c r="DD1399" s="6"/>
      <c r="DE1399" s="6"/>
      <c r="DF1399" s="6"/>
      <c r="DG1399" s="6"/>
      <c r="DH1399" s="6"/>
      <c r="DI1399" s="6"/>
      <c r="DJ1399" s="6"/>
      <c r="DK1399" s="6"/>
      <c r="DL1399" s="6"/>
      <c r="DM1399" s="6"/>
      <c r="DN1399" s="6"/>
      <c r="DO1399" s="6"/>
      <c r="DP1399" s="6"/>
      <c r="DQ1399" s="6"/>
    </row>
    <row r="1400" spans="1:121" x14ac:dyDescent="0.2">
      <c r="A1400" s="6" t="s">
        <v>320</v>
      </c>
      <c r="B1400" s="6" t="s">
        <v>320</v>
      </c>
      <c r="C1400" s="6" t="s">
        <v>189</v>
      </c>
      <c r="D1400" s="6" t="s">
        <v>338</v>
      </c>
      <c r="E1400" s="6" t="s">
        <v>332</v>
      </c>
      <c r="F1400" s="11">
        <v>55</v>
      </c>
      <c r="G1400" s="13">
        <v>0.23012552301299999</v>
      </c>
      <c r="H1400" s="11">
        <v>-30.226185163999986</v>
      </c>
      <c r="I1400" s="13">
        <v>-0.12621253086059844</v>
      </c>
      <c r="J1400" s="11">
        <v>206.94417831499999</v>
      </c>
      <c r="K1400" s="13">
        <v>0.98893224617587916</v>
      </c>
      <c r="L1400" s="11">
        <v>-122.19925379900002</v>
      </c>
      <c r="M1400" s="13">
        <v>-0.29360394704094001</v>
      </c>
      <c r="N1400" s="11">
        <v>84.744924515999969</v>
      </c>
      <c r="O1400" s="13">
        <v>0.40497388830163866</v>
      </c>
      <c r="P1400" s="7">
        <v>239.486404067</v>
      </c>
      <c r="Q1400" s="7">
        <v>211.18117099899999</v>
      </c>
      <c r="R1400" s="7">
        <v>202.64924236600001</v>
      </c>
      <c r="S1400" s="7">
        <v>444.41591334999998</v>
      </c>
      <c r="T1400" s="7">
        <v>271.79610942099998</v>
      </c>
      <c r="U1400" s="7">
        <v>213.148456178</v>
      </c>
      <c r="V1400" s="7">
        <v>209.26021890300001</v>
      </c>
      <c r="W1400" s="7">
        <v>374.65931674799998</v>
      </c>
      <c r="X1400" s="7">
        <v>371.81028477500001</v>
      </c>
      <c r="Y1400" s="7">
        <v>416.204397218</v>
      </c>
      <c r="Z1400" s="7">
        <v>432.70379424999999</v>
      </c>
      <c r="AA1400" s="7">
        <v>420.49339000999998</v>
      </c>
      <c r="AB1400" s="7">
        <v>417.53458672400001</v>
      </c>
      <c r="AC1400" s="7">
        <v>318.02897260600002</v>
      </c>
      <c r="AD1400" s="7">
        <v>284.9246771</v>
      </c>
      <c r="AE1400" s="7">
        <v>291.87880272000001</v>
      </c>
      <c r="AF1400" s="7">
        <v>294.00514341899998</v>
      </c>
      <c r="AG1400" s="9">
        <v>9177.4734201999963</v>
      </c>
      <c r="AH1400" s="13">
        <v>0.34533265594468926</v>
      </c>
      <c r="AI1400" s="9">
        <v>14603.2310908</v>
      </c>
      <c r="AJ1400" s="13">
        <v>0.54949465360043814</v>
      </c>
      <c r="AK1400" s="9">
        <v>-20302.107350500002</v>
      </c>
      <c r="AL1400" s="13">
        <v>-0.49302115092097054</v>
      </c>
      <c r="AM1400" s="9">
        <v>14876.349679899999</v>
      </c>
      <c r="AN1400" s="13">
        <v>0.71257563487721742</v>
      </c>
      <c r="AO1400" s="9">
        <v>-5425.7576706000036</v>
      </c>
      <c r="AP1400" s="13">
        <v>-0.13176037566916016</v>
      </c>
      <c r="AQ1400" s="9">
        <v>26575.747361900001</v>
      </c>
      <c r="AR1400" s="9">
        <v>19347.931140699999</v>
      </c>
      <c r="AS1400" s="9">
        <v>29395.311989500002</v>
      </c>
      <c r="AT1400" s="9">
        <v>17999.003823899999</v>
      </c>
      <c r="AU1400" s="9">
        <v>30168.073057599999</v>
      </c>
      <c r="AV1400" s="9">
        <v>36873.8001602</v>
      </c>
      <c r="AW1400" s="9">
        <v>41178.978452700001</v>
      </c>
      <c r="AX1400" s="9">
        <v>25502.096614099999</v>
      </c>
      <c r="AY1400" s="9">
        <v>24754.445396499999</v>
      </c>
      <c r="AZ1400" s="9">
        <v>20876.871102199999</v>
      </c>
      <c r="BA1400" s="9">
        <v>30666.219496199999</v>
      </c>
      <c r="BB1400" s="9">
        <v>29469.254358300001</v>
      </c>
      <c r="BC1400" s="9">
        <v>28401.626772899999</v>
      </c>
      <c r="BD1400" s="9">
        <v>37881.4985571</v>
      </c>
      <c r="BE1400" s="9">
        <v>33673.952017299998</v>
      </c>
      <c r="BF1400" s="9">
        <v>35753.220782099997</v>
      </c>
      <c r="BG1400" s="11">
        <v>1</v>
      </c>
      <c r="BH1400" s="13">
        <v>0.33333333333333331</v>
      </c>
      <c r="BI1400" s="6">
        <v>3</v>
      </c>
      <c r="BJ1400" s="13">
        <v>1</v>
      </c>
      <c r="BK1400" s="6">
        <v>-1</v>
      </c>
      <c r="BL1400" s="13">
        <v>-0.16666666666666666</v>
      </c>
      <c r="BM1400" s="11">
        <v>-1</v>
      </c>
      <c r="BN1400" s="13">
        <v>-0.2</v>
      </c>
      <c r="BO1400" s="11">
        <v>-2</v>
      </c>
      <c r="BP1400" s="13">
        <v>-0.33333333333333331</v>
      </c>
      <c r="BQ1400" s="6">
        <v>3</v>
      </c>
      <c r="BR1400" s="6">
        <v>5</v>
      </c>
      <c r="BS1400" s="6">
        <v>5</v>
      </c>
      <c r="BT1400" s="6">
        <v>6</v>
      </c>
      <c r="BU1400" s="6">
        <v>6</v>
      </c>
      <c r="BV1400" s="6">
        <v>5</v>
      </c>
      <c r="BW1400" s="6">
        <v>5</v>
      </c>
      <c r="BX1400" s="6">
        <v>4</v>
      </c>
      <c r="BY1400" s="6">
        <v>4</v>
      </c>
      <c r="BZ1400" s="6">
        <v>4</v>
      </c>
      <c r="CA1400" s="6">
        <v>4</v>
      </c>
      <c r="CB1400" s="6">
        <v>4</v>
      </c>
      <c r="CC1400" s="11">
        <v>4</v>
      </c>
      <c r="CD1400" s="11">
        <v>-58.379199999999997</v>
      </c>
      <c r="CE1400" s="11">
        <v>86.719200000000001</v>
      </c>
      <c r="CF1400" s="11">
        <v>26.178699999999999</v>
      </c>
      <c r="CG1400" s="11">
        <v>113</v>
      </c>
      <c r="CH1400" s="20">
        <v>0.68573600000000001</v>
      </c>
      <c r="CI1400" s="20">
        <v>0.57819900000000002</v>
      </c>
      <c r="CJ1400" s="20">
        <v>0.53423799999999999</v>
      </c>
      <c r="CK1400" s="20">
        <v>1.1197299999999999</v>
      </c>
      <c r="CL1400" s="20">
        <v>0.70133800000000002</v>
      </c>
      <c r="CM1400" s="20">
        <v>0.54213699999999998</v>
      </c>
      <c r="CN1400" s="20">
        <v>0.50415600000000005</v>
      </c>
      <c r="CO1400" s="20">
        <v>0.86328199999999999</v>
      </c>
      <c r="CP1400" s="20">
        <v>0.842862</v>
      </c>
      <c r="CQ1400" s="20">
        <v>1.05081</v>
      </c>
      <c r="CR1400" s="20">
        <v>1.0847100000000001</v>
      </c>
      <c r="CS1400" s="20">
        <v>1.04895</v>
      </c>
      <c r="CT1400" s="20">
        <v>0.98396700000000004</v>
      </c>
      <c r="CU1400" s="20">
        <v>0.75022</v>
      </c>
      <c r="CV1400" s="20">
        <v>0.66025400000000001</v>
      </c>
      <c r="CW1400" s="20">
        <v>0.66810000000000003</v>
      </c>
      <c r="CX1400" s="20">
        <v>0.65089900000000001</v>
      </c>
      <c r="CY1400" s="6"/>
      <c r="CZ1400" s="6"/>
      <c r="DA1400" s="6"/>
      <c r="DB1400" s="6"/>
      <c r="DC1400" s="6"/>
      <c r="DD1400" s="6"/>
      <c r="DE1400" s="6"/>
      <c r="DF1400" s="6"/>
      <c r="DG1400" s="6"/>
      <c r="DH1400" s="6"/>
      <c r="DI1400" s="6"/>
      <c r="DJ1400" s="6"/>
      <c r="DK1400" s="6"/>
      <c r="DL1400" s="6"/>
      <c r="DM1400" s="6"/>
      <c r="DN1400" s="6"/>
      <c r="DO1400" s="6"/>
      <c r="DP1400" s="6"/>
      <c r="DQ1400" s="6"/>
    </row>
    <row r="1401" spans="1:121" x14ac:dyDescent="0.2">
      <c r="A1401" s="6" t="s">
        <v>321</v>
      </c>
      <c r="B1401" s="6" t="s">
        <v>321</v>
      </c>
      <c r="C1401" s="6" t="s">
        <v>190</v>
      </c>
      <c r="D1401" s="6" t="s">
        <v>338</v>
      </c>
      <c r="E1401" s="6" t="s">
        <v>332</v>
      </c>
      <c r="F1401" s="11">
        <v>-52</v>
      </c>
      <c r="G1401" s="13">
        <v>-4.4982698961899999E-2</v>
      </c>
      <c r="H1401" s="11">
        <v>11.833891230000063</v>
      </c>
      <c r="I1401" s="13">
        <v>1.0237705439072712E-2</v>
      </c>
      <c r="J1401" s="11">
        <v>-89.715753680000034</v>
      </c>
      <c r="K1401" s="13">
        <v>-7.6828117640420426E-2</v>
      </c>
      <c r="L1401" s="11">
        <v>26.049336609999955</v>
      </c>
      <c r="M1401" s="13">
        <v>2.4163819454162745E-2</v>
      </c>
      <c r="N1401" s="11">
        <v>-63.66641707000008</v>
      </c>
      <c r="O1401" s="13">
        <v>-5.4520758949923982E-2</v>
      </c>
      <c r="P1401" s="7">
        <v>1155.91245523</v>
      </c>
      <c r="Q1401" s="7">
        <v>1193.8024755399999</v>
      </c>
      <c r="R1401" s="7">
        <v>1237.38757566</v>
      </c>
      <c r="S1401" s="7">
        <v>1171.47642655</v>
      </c>
      <c r="T1401" s="7">
        <v>1151.7362778300001</v>
      </c>
      <c r="U1401" s="7">
        <v>1197.5547809499999</v>
      </c>
      <c r="V1401" s="7">
        <v>1167.74634646</v>
      </c>
      <c r="W1401" s="7">
        <v>1160.8108711499999</v>
      </c>
      <c r="X1401" s="7">
        <v>1184.4887377699999</v>
      </c>
      <c r="Y1401" s="7">
        <v>1078.03059278</v>
      </c>
      <c r="Z1401" s="7">
        <v>1102.4451926300001</v>
      </c>
      <c r="AA1401" s="7">
        <v>1123.5478231300001</v>
      </c>
      <c r="AB1401" s="7">
        <v>1085.26120552</v>
      </c>
      <c r="AC1401" s="7">
        <v>1100.09463547</v>
      </c>
      <c r="AD1401" s="7">
        <v>1110.7081584800001</v>
      </c>
      <c r="AE1401" s="7">
        <v>1089.0299697299999</v>
      </c>
      <c r="AF1401" s="7">
        <v>1104.07992939</v>
      </c>
      <c r="AG1401" s="9">
        <v>14073.2549984</v>
      </c>
      <c r="AH1401" s="13">
        <v>0.68336017306129837</v>
      </c>
      <c r="AI1401" s="9">
        <v>5049.8708402999982</v>
      </c>
      <c r="AJ1401" s="13">
        <v>0.24520841921481168</v>
      </c>
      <c r="AK1401" s="9">
        <v>7289.3026702999996</v>
      </c>
      <c r="AL1401" s="13">
        <v>0.2842490634172456</v>
      </c>
      <c r="AM1401" s="9">
        <v>1734.0814878000019</v>
      </c>
      <c r="AN1401" s="13">
        <v>5.2654234473659217E-2</v>
      </c>
      <c r="AO1401" s="9">
        <v>9023.3841581000015</v>
      </c>
      <c r="AP1401" s="13">
        <v>0.35187021472499447</v>
      </c>
      <c r="AQ1401" s="9">
        <v>20594.198423000002</v>
      </c>
      <c r="AR1401" s="9">
        <v>24388.785440399999</v>
      </c>
      <c r="AS1401" s="9">
        <v>24336.431312500001</v>
      </c>
      <c r="AT1401" s="9">
        <v>25643.256807500002</v>
      </c>
      <c r="AU1401" s="9">
        <v>24542.6232729</v>
      </c>
      <c r="AV1401" s="9">
        <v>24159.5134832</v>
      </c>
      <c r="AW1401" s="9">
        <v>25644.0692633</v>
      </c>
      <c r="AX1401" s="9">
        <v>30135.579659499999</v>
      </c>
      <c r="AY1401" s="9">
        <v>33769.383750399997</v>
      </c>
      <c r="AZ1401" s="9">
        <v>32933.371933599999</v>
      </c>
      <c r="BA1401" s="9">
        <v>29332.953647900002</v>
      </c>
      <c r="BB1401" s="9">
        <v>32164.949046099999</v>
      </c>
      <c r="BC1401" s="9">
        <v>31364.100009099999</v>
      </c>
      <c r="BD1401" s="9">
        <v>30006.387701799998</v>
      </c>
      <c r="BE1401" s="9">
        <v>33591.286032399999</v>
      </c>
      <c r="BF1401" s="9">
        <v>34667.453421400001</v>
      </c>
      <c r="BG1401" s="11">
        <v>95.5</v>
      </c>
      <c r="BH1401" s="13">
        <v>1.1235294117647059</v>
      </c>
      <c r="BI1401" s="6">
        <v>-1</v>
      </c>
      <c r="BJ1401" s="13">
        <v>-1.1764705882352941E-2</v>
      </c>
      <c r="BK1401" s="6">
        <v>2</v>
      </c>
      <c r="BL1401" s="13">
        <v>2.3809523809523808E-2</v>
      </c>
      <c r="BM1401" s="11">
        <v>94.5</v>
      </c>
      <c r="BN1401" s="13">
        <v>1.0988372093023255</v>
      </c>
      <c r="BO1401" s="11">
        <v>96.5</v>
      </c>
      <c r="BP1401" s="13">
        <v>1.1488095238095237</v>
      </c>
      <c r="BQ1401" s="6">
        <v>85</v>
      </c>
      <c r="BR1401" s="6">
        <v>84</v>
      </c>
      <c r="BS1401" s="6">
        <v>85</v>
      </c>
      <c r="BT1401" s="6">
        <v>84</v>
      </c>
      <c r="BU1401" s="6">
        <v>89</v>
      </c>
      <c r="BV1401" s="6">
        <v>87</v>
      </c>
      <c r="BW1401" s="6">
        <v>86</v>
      </c>
      <c r="BX1401" s="6">
        <v>91</v>
      </c>
      <c r="BY1401" s="6">
        <v>95</v>
      </c>
      <c r="BZ1401" s="6">
        <v>172</v>
      </c>
      <c r="CA1401" s="6">
        <v>178</v>
      </c>
      <c r="CB1401" s="6">
        <v>184</v>
      </c>
      <c r="CC1401" s="11">
        <v>180.5</v>
      </c>
      <c r="CD1401" s="11">
        <v>-599.13199999999995</v>
      </c>
      <c r="CE1401" s="11">
        <v>420.94499999999999</v>
      </c>
      <c r="CF1401" s="11">
        <v>126.355</v>
      </c>
      <c r="CG1401" s="11">
        <v>547</v>
      </c>
      <c r="CH1401" s="20">
        <v>0.67017199999999999</v>
      </c>
      <c r="CI1401" s="20">
        <v>0.666632</v>
      </c>
      <c r="CJ1401" s="20">
        <v>0.66416200000000003</v>
      </c>
      <c r="CK1401" s="20">
        <v>0.61070500000000005</v>
      </c>
      <c r="CL1401" s="20">
        <v>0.60825499999999999</v>
      </c>
      <c r="CM1401" s="20">
        <v>0.62143000000000004</v>
      </c>
      <c r="CN1401" s="20">
        <v>0.57271300000000003</v>
      </c>
      <c r="CO1401" s="20">
        <v>0.54632099999999995</v>
      </c>
      <c r="CP1401" s="20">
        <v>0.55266300000000002</v>
      </c>
      <c r="CQ1401" s="20">
        <v>0.563724</v>
      </c>
      <c r="CR1401" s="20">
        <v>0.58261600000000002</v>
      </c>
      <c r="CS1401" s="20">
        <v>0.58113499999999996</v>
      </c>
      <c r="CT1401" s="20">
        <v>0.52749999999999997</v>
      </c>
      <c r="CU1401" s="20">
        <v>0.53634199999999999</v>
      </c>
      <c r="CV1401" s="20">
        <v>0.52664599999999995</v>
      </c>
      <c r="CW1401" s="20">
        <v>0.50698799999999999</v>
      </c>
      <c r="CX1401" s="20">
        <v>0.49423899999999998</v>
      </c>
      <c r="CY1401" s="6"/>
      <c r="CZ1401" s="6"/>
      <c r="DA1401" s="6"/>
      <c r="DB1401" s="6"/>
      <c r="DC1401" s="6"/>
      <c r="DD1401" s="6"/>
      <c r="DE1401" s="6"/>
      <c r="DF1401" s="6"/>
      <c r="DG1401" s="6"/>
      <c r="DH1401" s="6"/>
      <c r="DI1401" s="6"/>
      <c r="DJ1401" s="6"/>
      <c r="DK1401" s="6"/>
      <c r="DL1401" s="6"/>
      <c r="DM1401" s="6"/>
      <c r="DN1401" s="6"/>
      <c r="DO1401" s="6"/>
      <c r="DP1401" s="6"/>
      <c r="DQ1401" s="6"/>
    </row>
    <row r="1402" spans="1:121" x14ac:dyDescent="0.2">
      <c r="A1402" s="6" t="s">
        <v>322</v>
      </c>
      <c r="B1402" s="6" t="s">
        <v>322</v>
      </c>
      <c r="C1402" s="6" t="s">
        <v>191</v>
      </c>
      <c r="D1402" s="6" t="s">
        <v>338</v>
      </c>
      <c r="E1402" s="6" t="s">
        <v>332</v>
      </c>
      <c r="F1402" s="11">
        <v>-1042</v>
      </c>
      <c r="G1402" s="13">
        <v>-0.63381995133799995</v>
      </c>
      <c r="H1402" s="11">
        <v>71.818408489999911</v>
      </c>
      <c r="I1402" s="13">
        <v>4.3674932844886008E-2</v>
      </c>
      <c r="J1402" s="11">
        <v>-1224.391482477</v>
      </c>
      <c r="K1402" s="13">
        <v>-0.71343024396960808</v>
      </c>
      <c r="L1402" s="11">
        <v>110.42367827000004</v>
      </c>
      <c r="M1402" s="13">
        <v>0.22452415576109808</v>
      </c>
      <c r="N1402" s="11">
        <v>-1113.967804207</v>
      </c>
      <c r="O1402" s="13">
        <v>-0.64908841143022056</v>
      </c>
      <c r="P1402" s="7">
        <v>1644.3850925900001</v>
      </c>
      <c r="Q1402" s="7">
        <v>1740.88425072</v>
      </c>
      <c r="R1402" s="7">
        <v>1693.5756471</v>
      </c>
      <c r="S1402" s="7">
        <v>1615.7661404</v>
      </c>
      <c r="T1402" s="7">
        <v>1659.8015906999999</v>
      </c>
      <c r="U1402" s="7">
        <v>1691.25411869</v>
      </c>
      <c r="V1402" s="7">
        <v>1716.20350108</v>
      </c>
      <c r="W1402" s="7">
        <v>1788.70645823</v>
      </c>
      <c r="X1402" s="7">
        <v>1745.8602836299999</v>
      </c>
      <c r="Y1402" s="7">
        <v>491.81201860300001</v>
      </c>
      <c r="Z1402" s="7">
        <v>457.33523564000001</v>
      </c>
      <c r="AA1402" s="7">
        <v>491.08591374399998</v>
      </c>
      <c r="AB1402" s="7">
        <v>442.11158685800001</v>
      </c>
      <c r="AC1402" s="7">
        <v>474.85823260000001</v>
      </c>
      <c r="AD1402" s="7">
        <v>539.77628059899996</v>
      </c>
      <c r="AE1402" s="7">
        <v>582.28205907899996</v>
      </c>
      <c r="AF1402" s="7">
        <v>602.23569687300005</v>
      </c>
      <c r="AG1402" s="9">
        <v>1628.2012608000005</v>
      </c>
      <c r="AH1402" s="13">
        <v>7.224334477992117E-2</v>
      </c>
      <c r="AI1402" s="9">
        <v>3430.0812411999977</v>
      </c>
      <c r="AJ1402" s="13">
        <v>0.15219282019803687</v>
      </c>
      <c r="AK1402" s="9">
        <v>-4238.3107137999978</v>
      </c>
      <c r="AL1402" s="13">
        <v>-0.16321399146225107</v>
      </c>
      <c r="AM1402" s="9">
        <v>2436.4307334000005</v>
      </c>
      <c r="AN1402" s="13">
        <v>0.11212546390184192</v>
      </c>
      <c r="AO1402" s="9">
        <v>-1801.8799803999973</v>
      </c>
      <c r="AP1402" s="13">
        <v>-6.9388972068385318E-2</v>
      </c>
      <c r="AQ1402" s="9">
        <v>22537.733624600001</v>
      </c>
      <c r="AR1402" s="9">
        <v>23728.980095700001</v>
      </c>
      <c r="AS1402" s="9">
        <v>23004.938141899998</v>
      </c>
      <c r="AT1402" s="9">
        <v>23058.9921899</v>
      </c>
      <c r="AU1402" s="9">
        <v>23774.8153164</v>
      </c>
      <c r="AV1402" s="9">
        <v>25529.506404600001</v>
      </c>
      <c r="AW1402" s="9">
        <v>25967.814865799999</v>
      </c>
      <c r="AX1402" s="9">
        <v>25001.4246838</v>
      </c>
      <c r="AY1402" s="9">
        <v>24312.871497799999</v>
      </c>
      <c r="AZ1402" s="9">
        <v>21729.504152000001</v>
      </c>
      <c r="BA1402" s="9">
        <v>22160.217869700002</v>
      </c>
      <c r="BB1402" s="9">
        <v>23374.272218499998</v>
      </c>
      <c r="BC1402" s="9">
        <v>24749.198125499999</v>
      </c>
      <c r="BD1402" s="9">
        <v>24724.549877400001</v>
      </c>
      <c r="BE1402" s="9">
        <v>24440.6366805</v>
      </c>
      <c r="BF1402" s="9">
        <v>24165.934885400002</v>
      </c>
      <c r="BG1402" s="11">
        <v>-1.75</v>
      </c>
      <c r="BH1402" s="13">
        <v>-5.3030303030303032E-2</v>
      </c>
      <c r="BI1402" s="6">
        <v>-1</v>
      </c>
      <c r="BJ1402" s="13">
        <v>-3.0303030303030304E-2</v>
      </c>
      <c r="BK1402" s="6">
        <v>1</v>
      </c>
      <c r="BL1402" s="13">
        <v>3.125E-2</v>
      </c>
      <c r="BM1402" s="11">
        <v>-1.75</v>
      </c>
      <c r="BN1402" s="13">
        <v>-5.3030303030303032E-2</v>
      </c>
      <c r="BO1402" s="11">
        <v>-0.75</v>
      </c>
      <c r="BP1402" s="13">
        <v>-2.34375E-2</v>
      </c>
      <c r="BQ1402" s="6">
        <v>33</v>
      </c>
      <c r="BR1402" s="6">
        <v>32</v>
      </c>
      <c r="BS1402" s="6">
        <v>33</v>
      </c>
      <c r="BT1402" s="6">
        <v>32</v>
      </c>
      <c r="BU1402" s="6">
        <v>29</v>
      </c>
      <c r="BV1402" s="6">
        <v>29</v>
      </c>
      <c r="BW1402" s="6">
        <v>33</v>
      </c>
      <c r="BX1402" s="6">
        <v>33</v>
      </c>
      <c r="BY1402" s="6">
        <v>33</v>
      </c>
      <c r="BZ1402" s="6">
        <v>36</v>
      </c>
      <c r="CA1402" s="6">
        <v>35</v>
      </c>
      <c r="CB1402" s="6">
        <v>33</v>
      </c>
      <c r="CC1402" s="11">
        <v>31.25</v>
      </c>
      <c r="CD1402" s="11">
        <v>-1521.04</v>
      </c>
      <c r="CE1402" s="11">
        <v>299.14100000000002</v>
      </c>
      <c r="CF1402" s="11">
        <v>179.751</v>
      </c>
      <c r="CG1402" s="11">
        <v>479</v>
      </c>
      <c r="CH1402" s="20">
        <v>6.2241799999999996</v>
      </c>
      <c r="CI1402" s="20">
        <v>6.4621599999999999</v>
      </c>
      <c r="CJ1402" s="20">
        <v>6.1335199999999999</v>
      </c>
      <c r="CK1402" s="20">
        <v>5.6722000000000001</v>
      </c>
      <c r="CL1402" s="20">
        <v>5.9466099999999997</v>
      </c>
      <c r="CM1402" s="20">
        <v>6.0083700000000002</v>
      </c>
      <c r="CN1402" s="20">
        <v>5.7770700000000001</v>
      </c>
      <c r="CO1402" s="20">
        <v>5.8863799999999999</v>
      </c>
      <c r="CP1402" s="20">
        <v>5.9308800000000002</v>
      </c>
      <c r="CQ1402" s="20">
        <v>1.9176800000000001</v>
      </c>
      <c r="CR1402" s="20">
        <v>1.8041799999999999</v>
      </c>
      <c r="CS1402" s="20">
        <v>1.9215800000000001</v>
      </c>
      <c r="CT1402" s="20">
        <v>1.62758</v>
      </c>
      <c r="CU1402" s="20">
        <v>1.73072</v>
      </c>
      <c r="CV1402" s="20">
        <v>1.8975599999999999</v>
      </c>
      <c r="CW1402" s="20">
        <v>1.9997100000000001</v>
      </c>
      <c r="CX1402" s="20">
        <v>2.0084499999999998</v>
      </c>
      <c r="CY1402" s="6"/>
      <c r="CZ1402" s="6"/>
      <c r="DA1402" s="6"/>
      <c r="DB1402" s="6"/>
      <c r="DC1402" s="6"/>
      <c r="DD1402" s="6"/>
      <c r="DE1402" s="6"/>
      <c r="DF1402" s="6"/>
      <c r="DG1402" s="6"/>
      <c r="DH1402" s="6"/>
      <c r="DI1402" s="6"/>
      <c r="DJ1402" s="6"/>
      <c r="DK1402" s="6"/>
      <c r="DL1402" s="6"/>
      <c r="DM1402" s="6"/>
      <c r="DN1402" s="6"/>
      <c r="DO1402" s="6"/>
      <c r="DP1402" s="6"/>
      <c r="DQ1402" s="6"/>
    </row>
    <row r="1403" spans="1:121" x14ac:dyDescent="0.2">
      <c r="A1403" s="6" t="s">
        <v>323</v>
      </c>
      <c r="B1403" s="6" t="s">
        <v>323</v>
      </c>
      <c r="C1403" s="6" t="s">
        <v>324</v>
      </c>
      <c r="D1403" s="6" t="s">
        <v>338</v>
      </c>
      <c r="E1403" s="6" t="s">
        <v>332</v>
      </c>
      <c r="F1403" s="11">
        <v>-57</v>
      </c>
      <c r="G1403" s="13">
        <v>-4.5746388442999997E-2</v>
      </c>
      <c r="H1403" s="11">
        <v>-94.948479180000049</v>
      </c>
      <c r="I1403" s="13">
        <v>-7.6186968452564618E-2</v>
      </c>
      <c r="J1403" s="11">
        <v>-6.2852480900000955</v>
      </c>
      <c r="K1403" s="13">
        <v>-5.4592253344526859E-3</v>
      </c>
      <c r="L1403" s="11">
        <v>43.479089709999926</v>
      </c>
      <c r="M1403" s="13">
        <v>3.7972259975635393E-2</v>
      </c>
      <c r="N1403" s="11">
        <v>37.19384161999983</v>
      </c>
      <c r="O1403" s="13">
        <v>3.2305735517517295E-2</v>
      </c>
      <c r="P1403" s="7">
        <v>1246.2561657000001</v>
      </c>
      <c r="Q1403" s="7">
        <v>1232.9519476</v>
      </c>
      <c r="R1403" s="7">
        <v>1192.7592500200001</v>
      </c>
      <c r="S1403" s="7">
        <v>1200.5316170999999</v>
      </c>
      <c r="T1403" s="7">
        <v>1126.1120485599999</v>
      </c>
      <c r="U1403" s="7">
        <v>1164.9230491999999</v>
      </c>
      <c r="V1403" s="7">
        <v>1151.3076865200001</v>
      </c>
      <c r="W1403" s="7">
        <v>1089.29619776</v>
      </c>
      <c r="X1403" s="7">
        <v>1127.3326115899999</v>
      </c>
      <c r="Y1403" s="7">
        <v>1145.02243843</v>
      </c>
      <c r="Z1403" s="7">
        <v>1195.5196750099999</v>
      </c>
      <c r="AA1403" s="7">
        <v>1229.6571601799999</v>
      </c>
      <c r="AB1403" s="7">
        <v>1213.2926860800001</v>
      </c>
      <c r="AC1403" s="7">
        <v>1141.05119909</v>
      </c>
      <c r="AD1403" s="7">
        <v>1198.4572055599999</v>
      </c>
      <c r="AE1403" s="7">
        <v>1175.12464168</v>
      </c>
      <c r="AF1403" s="7">
        <v>1188.5015281399999</v>
      </c>
      <c r="AG1403" s="9">
        <v>6045.4658375999988</v>
      </c>
      <c r="AH1403" s="13">
        <v>0.47714411091456965</v>
      </c>
      <c r="AI1403" s="9">
        <v>3222.253114000001</v>
      </c>
      <c r="AJ1403" s="13">
        <v>0.25431937563170498</v>
      </c>
      <c r="AK1403" s="9">
        <v>-35.446845400001621</v>
      </c>
      <c r="AL1403" s="13">
        <v>-2.2304333841913506E-3</v>
      </c>
      <c r="AM1403" s="9">
        <v>2858.6595689999995</v>
      </c>
      <c r="AN1403" s="13">
        <v>0.18027846510757817</v>
      </c>
      <c r="AO1403" s="9">
        <v>2823.2127235999978</v>
      </c>
      <c r="AP1403" s="13">
        <v>0.17764593261636011</v>
      </c>
      <c r="AQ1403" s="9">
        <v>12670.1046902</v>
      </c>
      <c r="AR1403" s="9">
        <v>13508.0309617</v>
      </c>
      <c r="AS1403" s="9">
        <v>13320.003153600001</v>
      </c>
      <c r="AT1403" s="9">
        <v>13964.4651414</v>
      </c>
      <c r="AU1403" s="9">
        <v>14388.1000915</v>
      </c>
      <c r="AV1403" s="9">
        <v>14670.8833939</v>
      </c>
      <c r="AW1403" s="9">
        <v>15892.357804200001</v>
      </c>
      <c r="AX1403" s="9">
        <v>15869.089560599999</v>
      </c>
      <c r="AY1403" s="9">
        <v>16369.417363799999</v>
      </c>
      <c r="AZ1403" s="9">
        <v>15856.910958799999</v>
      </c>
      <c r="BA1403" s="9">
        <v>15384.9828337</v>
      </c>
      <c r="BB1403" s="9">
        <v>16941.3853318</v>
      </c>
      <c r="BC1403" s="9">
        <v>17361.8013145</v>
      </c>
      <c r="BD1403" s="9">
        <v>17356.681322699998</v>
      </c>
      <c r="BE1403" s="9">
        <v>17694.4067651</v>
      </c>
      <c r="BF1403" s="9">
        <v>18715.570527799999</v>
      </c>
      <c r="BG1403" s="11">
        <v>-20</v>
      </c>
      <c r="BH1403" s="13">
        <v>-0.13698630136986301</v>
      </c>
      <c r="BI1403" s="6">
        <v>-8</v>
      </c>
      <c r="BJ1403" s="13">
        <v>-5.4794520547945202E-2</v>
      </c>
      <c r="BK1403" s="6">
        <v>-3</v>
      </c>
      <c r="BL1403" s="13">
        <v>-2.1739130434782608E-2</v>
      </c>
      <c r="BM1403" s="11">
        <v>-9</v>
      </c>
      <c r="BN1403" s="13">
        <v>-6.6666666666666666E-2</v>
      </c>
      <c r="BO1403" s="11">
        <v>-12</v>
      </c>
      <c r="BP1403" s="13">
        <v>-8.6956521739130432E-2</v>
      </c>
      <c r="BQ1403" s="6">
        <v>146</v>
      </c>
      <c r="BR1403" s="6">
        <v>138</v>
      </c>
      <c r="BS1403" s="6">
        <v>142</v>
      </c>
      <c r="BT1403" s="6">
        <v>138</v>
      </c>
      <c r="BU1403" s="6">
        <v>136</v>
      </c>
      <c r="BV1403" s="6">
        <v>131</v>
      </c>
      <c r="BW1403" s="6">
        <v>135</v>
      </c>
      <c r="BX1403" s="6">
        <v>136</v>
      </c>
      <c r="BY1403" s="6">
        <v>130</v>
      </c>
      <c r="BZ1403" s="6">
        <v>127</v>
      </c>
      <c r="CA1403" s="6">
        <v>123</v>
      </c>
      <c r="CB1403" s="6">
        <v>128</v>
      </c>
      <c r="CC1403" s="11">
        <v>126</v>
      </c>
      <c r="CD1403" s="11">
        <v>-477.39100000000002</v>
      </c>
      <c r="CE1403" s="11">
        <v>283.40600000000001</v>
      </c>
      <c r="CF1403" s="11">
        <v>136.23099999999999</v>
      </c>
      <c r="CG1403" s="11">
        <v>419</v>
      </c>
      <c r="CH1403" s="20">
        <v>0.97362899999999997</v>
      </c>
      <c r="CI1403" s="20">
        <v>0.95132799999999995</v>
      </c>
      <c r="CJ1403" s="20">
        <v>0.89543899999999998</v>
      </c>
      <c r="CK1403" s="20">
        <v>0.87078699999999998</v>
      </c>
      <c r="CL1403" s="20">
        <v>0.82685299999999995</v>
      </c>
      <c r="CM1403" s="20">
        <v>0.84376799999999996</v>
      </c>
      <c r="CN1403" s="20">
        <v>0.79256800000000005</v>
      </c>
      <c r="CO1403" s="20">
        <v>0.73607500000000003</v>
      </c>
      <c r="CP1403" s="20">
        <v>0.79265300000000005</v>
      </c>
      <c r="CQ1403" s="20">
        <v>0.91410400000000003</v>
      </c>
      <c r="CR1403" s="20">
        <v>0.95399900000000004</v>
      </c>
      <c r="CS1403" s="20">
        <v>0.96631699999999998</v>
      </c>
      <c r="CT1403" s="20">
        <v>0.88643000000000005</v>
      </c>
      <c r="CU1403" s="20">
        <v>0.82738900000000004</v>
      </c>
      <c r="CV1403" s="20">
        <v>0.83705700000000005</v>
      </c>
      <c r="CW1403" s="20">
        <v>0.80395700000000003</v>
      </c>
      <c r="CX1403" s="20">
        <v>0.79025100000000004</v>
      </c>
      <c r="CY1403" s="6"/>
      <c r="CZ1403" s="6"/>
      <c r="DA1403" s="6"/>
      <c r="DB1403" s="6"/>
      <c r="DC1403" s="6"/>
      <c r="DD1403" s="6"/>
      <c r="DE1403" s="6"/>
      <c r="DF1403" s="6"/>
      <c r="DG1403" s="6"/>
      <c r="DH1403" s="6"/>
      <c r="DI1403" s="6"/>
      <c r="DJ1403" s="6"/>
      <c r="DK1403" s="6"/>
      <c r="DL1403" s="6"/>
      <c r="DM1403" s="6"/>
      <c r="DN1403" s="6"/>
      <c r="DO1403" s="6"/>
      <c r="DP1403" s="6"/>
      <c r="DQ1403" s="6"/>
    </row>
    <row r="1404" spans="1:121" x14ac:dyDescent="0.2">
      <c r="A1404" s="6" t="s">
        <v>325</v>
      </c>
      <c r="B1404" s="6" t="s">
        <v>325</v>
      </c>
      <c r="C1404" s="6" t="s">
        <v>326</v>
      </c>
      <c r="D1404" s="6" t="s">
        <v>338</v>
      </c>
      <c r="E1404" s="6" t="s">
        <v>332</v>
      </c>
      <c r="F1404" s="11">
        <v>108</v>
      </c>
      <c r="G1404" s="13">
        <v>0.11739130434800001</v>
      </c>
      <c r="H1404" s="11">
        <v>113.66109339099989</v>
      </c>
      <c r="I1404" s="13">
        <v>0.12359089635160768</v>
      </c>
      <c r="J1404" s="11">
        <v>-59.243308248999938</v>
      </c>
      <c r="K1404" s="13">
        <v>-5.7333142016973558E-2</v>
      </c>
      <c r="L1404" s="11">
        <v>53.755514179000102</v>
      </c>
      <c r="M1404" s="13">
        <v>5.518629300598836E-2</v>
      </c>
      <c r="N1404" s="11">
        <v>-5.4877940699998362</v>
      </c>
      <c r="O1404" s="13">
        <v>-5.3108525852878438E-3</v>
      </c>
      <c r="P1404" s="7">
        <v>919.65587066900002</v>
      </c>
      <c r="Q1404" s="7">
        <v>1061.51409186</v>
      </c>
      <c r="R1404" s="7">
        <v>1223.8145460600001</v>
      </c>
      <c r="S1404" s="7">
        <v>1008.4632985</v>
      </c>
      <c r="T1404" s="7">
        <v>1011.3865173</v>
      </c>
      <c r="U1404" s="7">
        <v>963.43238669100003</v>
      </c>
      <c r="V1404" s="7">
        <v>1033.3169640599999</v>
      </c>
      <c r="W1404" s="7">
        <v>1072.8129280000001</v>
      </c>
      <c r="X1404" s="7">
        <v>974.89160185399999</v>
      </c>
      <c r="Y1404" s="7">
        <v>974.07365581099998</v>
      </c>
      <c r="Z1404" s="7">
        <v>968.36285131600005</v>
      </c>
      <c r="AA1404" s="7">
        <v>967.66543513500005</v>
      </c>
      <c r="AB1404" s="7">
        <v>906.85072448400001</v>
      </c>
      <c r="AC1404" s="7">
        <v>944.62548543699995</v>
      </c>
      <c r="AD1404" s="7">
        <v>979.65217386200004</v>
      </c>
      <c r="AE1404" s="7">
        <v>1008.06601659</v>
      </c>
      <c r="AF1404" s="7">
        <v>1027.8291699900001</v>
      </c>
      <c r="AG1404" s="9">
        <v>5396.862149200002</v>
      </c>
      <c r="AH1404" s="13">
        <v>0.30877677540442627</v>
      </c>
      <c r="AI1404" s="9">
        <v>1559.9135937000028</v>
      </c>
      <c r="AJ1404" s="13">
        <v>8.9249099950351019E-2</v>
      </c>
      <c r="AK1404" s="9">
        <v>-684.1341981000005</v>
      </c>
      <c r="AL1404" s="13">
        <v>-3.5934978789775654E-2</v>
      </c>
      <c r="AM1404" s="9">
        <v>4521.0827535999997</v>
      </c>
      <c r="AN1404" s="13">
        <v>0.24632711660490697</v>
      </c>
      <c r="AO1404" s="9">
        <v>3836.9485554999992</v>
      </c>
      <c r="AP1404" s="13">
        <v>0.20154037810458739</v>
      </c>
      <c r="AQ1404" s="9">
        <v>17478.199719299999</v>
      </c>
      <c r="AR1404" s="9">
        <v>17250.369680399999</v>
      </c>
      <c r="AS1404" s="9">
        <v>16483.1722123</v>
      </c>
      <c r="AT1404" s="9">
        <v>17706.923644099999</v>
      </c>
      <c r="AU1404" s="9">
        <v>17702.347250999999</v>
      </c>
      <c r="AV1404" s="9">
        <v>18477.554145900001</v>
      </c>
      <c r="AW1404" s="9">
        <v>19038.113313000002</v>
      </c>
      <c r="AX1404" s="9">
        <v>18061.2153172</v>
      </c>
      <c r="AY1404" s="9">
        <v>19252.6571095</v>
      </c>
      <c r="AZ1404" s="9">
        <v>18353.979114900001</v>
      </c>
      <c r="BA1404" s="9">
        <v>18566.376753799999</v>
      </c>
      <c r="BB1404" s="9">
        <v>18723.520940300001</v>
      </c>
      <c r="BC1404" s="9">
        <v>20227.440590900002</v>
      </c>
      <c r="BD1404" s="9">
        <v>21147.752390500002</v>
      </c>
      <c r="BE1404" s="9">
        <v>22044.553968200002</v>
      </c>
      <c r="BF1404" s="9">
        <v>22875.061868500001</v>
      </c>
      <c r="BG1404" s="11">
        <v>-52.25</v>
      </c>
      <c r="BH1404" s="13">
        <v>-0.34602649006622516</v>
      </c>
      <c r="BI1404" s="6">
        <v>-2</v>
      </c>
      <c r="BJ1404" s="13">
        <v>-1.3245033112582781E-2</v>
      </c>
      <c r="BK1404" s="6">
        <v>-8</v>
      </c>
      <c r="BL1404" s="13">
        <v>-5.3691275167785234E-2</v>
      </c>
      <c r="BM1404" s="11">
        <v>-42.25</v>
      </c>
      <c r="BN1404" s="13">
        <v>-0.299645390070922</v>
      </c>
      <c r="BO1404" s="11">
        <v>-50.25</v>
      </c>
      <c r="BP1404" s="13">
        <v>-0.33724832214765099</v>
      </c>
      <c r="BQ1404" s="6">
        <v>151</v>
      </c>
      <c r="BR1404" s="6">
        <v>155</v>
      </c>
      <c r="BS1404" s="6">
        <v>148</v>
      </c>
      <c r="BT1404" s="6">
        <v>149</v>
      </c>
      <c r="BU1404" s="6">
        <v>153</v>
      </c>
      <c r="BV1404" s="6">
        <v>146</v>
      </c>
      <c r="BW1404" s="6">
        <v>141</v>
      </c>
      <c r="BX1404" s="6">
        <v>142</v>
      </c>
      <c r="BY1404" s="6">
        <v>151</v>
      </c>
      <c r="BZ1404" s="6">
        <v>90</v>
      </c>
      <c r="CA1404" s="6">
        <v>93</v>
      </c>
      <c r="CB1404" s="6">
        <v>98</v>
      </c>
      <c r="CC1404" s="11">
        <v>98.75</v>
      </c>
      <c r="CD1404" s="11">
        <v>16.113</v>
      </c>
      <c r="CE1404" s="11">
        <v>-8.4691600000000005</v>
      </c>
      <c r="CF1404" s="11">
        <v>100.529</v>
      </c>
      <c r="CG1404" s="11">
        <v>93</v>
      </c>
      <c r="CH1404" s="20">
        <v>1.0577399999999999</v>
      </c>
      <c r="CI1404" s="20">
        <v>1.2008000000000001</v>
      </c>
      <c r="CJ1404" s="20">
        <v>1.3547100000000001</v>
      </c>
      <c r="CK1404" s="20">
        <v>1.09809</v>
      </c>
      <c r="CL1404" s="20">
        <v>1.1333</v>
      </c>
      <c r="CM1404" s="20">
        <v>1.07491</v>
      </c>
      <c r="CN1404" s="20">
        <v>1.1011599999999999</v>
      </c>
      <c r="CO1404" s="20">
        <v>1.12113</v>
      </c>
      <c r="CP1404" s="20">
        <v>1.0384800000000001</v>
      </c>
      <c r="CQ1404" s="20">
        <v>1.1868399999999999</v>
      </c>
      <c r="CR1404" s="20">
        <v>1.19658</v>
      </c>
      <c r="CS1404" s="20">
        <v>1.1866300000000001</v>
      </c>
      <c r="CT1404" s="20">
        <v>1.1277999999999999</v>
      </c>
      <c r="CU1404" s="20">
        <v>1.1783699999999999</v>
      </c>
      <c r="CV1404" s="20">
        <v>1.20042</v>
      </c>
      <c r="CW1404" s="20">
        <v>1.2228000000000001</v>
      </c>
      <c r="CX1404" s="20">
        <v>1.2225299999999999</v>
      </c>
      <c r="CY1404" s="6"/>
      <c r="CZ1404" s="6"/>
      <c r="DA1404" s="6"/>
      <c r="DB1404" s="6"/>
      <c r="DC1404" s="6"/>
      <c r="DD1404" s="6"/>
      <c r="DE1404" s="6"/>
      <c r="DF1404" s="6"/>
      <c r="DG1404" s="6"/>
      <c r="DH1404" s="6"/>
      <c r="DI1404" s="6"/>
      <c r="DJ1404" s="6"/>
      <c r="DK1404" s="6"/>
      <c r="DL1404" s="6"/>
      <c r="DM1404" s="6"/>
      <c r="DN1404" s="6"/>
      <c r="DO1404" s="6"/>
      <c r="DP1404" s="6"/>
      <c r="DQ1404" s="6"/>
    </row>
    <row r="1405" spans="1:121" x14ac:dyDescent="0.2">
      <c r="A1405" s="6" t="s">
        <v>327</v>
      </c>
      <c r="B1405" s="6" t="s">
        <v>327</v>
      </c>
      <c r="C1405" s="6" t="s">
        <v>194</v>
      </c>
      <c r="D1405" s="6" t="s">
        <v>338</v>
      </c>
      <c r="E1405" s="6" t="s">
        <v>332</v>
      </c>
      <c r="F1405" s="11">
        <v>-207</v>
      </c>
      <c r="G1405" s="13">
        <v>-6.2218214607799999E-2</v>
      </c>
      <c r="H1405" s="11">
        <v>19.12574799999993</v>
      </c>
      <c r="I1405" s="13">
        <v>5.7486462155787567E-3</v>
      </c>
      <c r="J1405" s="11">
        <v>94.126281999999719</v>
      </c>
      <c r="K1405" s="13">
        <v>2.81299266981032E-2</v>
      </c>
      <c r="L1405" s="11">
        <v>-319.97782639999969</v>
      </c>
      <c r="M1405" s="13">
        <v>-9.3009986068216838E-2</v>
      </c>
      <c r="N1405" s="11">
        <v>-225.85154439999997</v>
      </c>
      <c r="O1405" s="13">
        <v>-6.7496423460404159E-2</v>
      </c>
      <c r="P1405" s="7">
        <v>3327.0003550000001</v>
      </c>
      <c r="Q1405" s="7">
        <v>3286.2305200000001</v>
      </c>
      <c r="R1405" s="7">
        <v>3282.368516</v>
      </c>
      <c r="S1405" s="7">
        <v>3254.7645130000001</v>
      </c>
      <c r="T1405" s="7">
        <v>3225.2334850000002</v>
      </c>
      <c r="U1405" s="7">
        <v>3267.1382039999999</v>
      </c>
      <c r="V1405" s="7">
        <v>3346.1261030000001</v>
      </c>
      <c r="W1405" s="7">
        <v>3376.696512</v>
      </c>
      <c r="X1405" s="7">
        <v>3453.0795389999998</v>
      </c>
      <c r="Y1405" s="7">
        <v>3440.2523849999998</v>
      </c>
      <c r="Z1405" s="7">
        <v>3340.7998309999998</v>
      </c>
      <c r="AA1405" s="7">
        <v>3324.679028</v>
      </c>
      <c r="AB1405" s="7">
        <v>3294.5774839999999</v>
      </c>
      <c r="AC1405" s="7">
        <v>3227.9186869999999</v>
      </c>
      <c r="AD1405" s="7">
        <v>3159.1732910000001</v>
      </c>
      <c r="AE1405" s="7">
        <v>3149.4692365000001</v>
      </c>
      <c r="AF1405" s="7">
        <v>3120.2745586000001</v>
      </c>
      <c r="AG1405" s="9">
        <v>12567.142705899998</v>
      </c>
      <c r="AH1405" s="13">
        <v>0.44694258417903193</v>
      </c>
      <c r="AI1405" s="9">
        <v>7853.4659685000006</v>
      </c>
      <c r="AJ1405" s="13">
        <v>0.27930361394524339</v>
      </c>
      <c r="AK1405" s="9">
        <v>1710.317509499997</v>
      </c>
      <c r="AL1405" s="13">
        <v>4.754647274074264E-2</v>
      </c>
      <c r="AM1405" s="9">
        <v>3003.3592279000004</v>
      </c>
      <c r="AN1405" s="13">
        <v>7.9703160704203482E-2</v>
      </c>
      <c r="AO1405" s="9">
        <v>4713.6767373999974</v>
      </c>
      <c r="AP1405" s="13">
        <v>0.13103923760271957</v>
      </c>
      <c r="AQ1405" s="9">
        <v>28118.024889</v>
      </c>
      <c r="AR1405" s="9">
        <v>29859.674574299999</v>
      </c>
      <c r="AS1405" s="9">
        <v>31318.225907700002</v>
      </c>
      <c r="AT1405" s="9">
        <v>32761.422029900001</v>
      </c>
      <c r="AU1405" s="9">
        <v>33906.084696099999</v>
      </c>
      <c r="AV1405" s="9">
        <v>34989.7409778</v>
      </c>
      <c r="AW1405" s="9">
        <v>35971.490857500001</v>
      </c>
      <c r="AX1405" s="9">
        <v>37360.5103284</v>
      </c>
      <c r="AY1405" s="9">
        <v>37306.299982600001</v>
      </c>
      <c r="AZ1405" s="9">
        <v>37681.808366999998</v>
      </c>
      <c r="BA1405" s="9">
        <v>37542.208724900003</v>
      </c>
      <c r="BB1405" s="9">
        <v>37440.496185099997</v>
      </c>
      <c r="BC1405" s="9">
        <v>37811.933365800003</v>
      </c>
      <c r="BD1405" s="9">
        <v>38224.126342000003</v>
      </c>
      <c r="BE1405" s="9">
        <v>39517.111706399999</v>
      </c>
      <c r="BF1405" s="9">
        <v>40685.167594899998</v>
      </c>
      <c r="BG1405" s="11">
        <v>-12.75</v>
      </c>
      <c r="BH1405" s="13">
        <v>-6.8181818181818177E-2</v>
      </c>
      <c r="BI1405" s="6">
        <v>-1</v>
      </c>
      <c r="BJ1405" s="13">
        <v>-5.3475935828877002E-3</v>
      </c>
      <c r="BK1405" s="6">
        <v>2</v>
      </c>
      <c r="BL1405" s="13">
        <v>1.0752688172043012E-2</v>
      </c>
      <c r="BM1405" s="11">
        <v>-13.75</v>
      </c>
      <c r="BN1405" s="13">
        <v>-7.3138297872340427E-2</v>
      </c>
      <c r="BO1405" s="11">
        <v>-11.75</v>
      </c>
      <c r="BP1405" s="13">
        <v>-6.3172043010752688E-2</v>
      </c>
      <c r="BQ1405" s="6">
        <v>187</v>
      </c>
      <c r="BR1405" s="6">
        <v>184</v>
      </c>
      <c r="BS1405" s="6">
        <v>183</v>
      </c>
      <c r="BT1405" s="6">
        <v>186</v>
      </c>
      <c r="BU1405" s="6">
        <v>183</v>
      </c>
      <c r="BV1405" s="6">
        <v>187</v>
      </c>
      <c r="BW1405" s="6">
        <v>188</v>
      </c>
      <c r="BX1405" s="6">
        <v>184</v>
      </c>
      <c r="BY1405" s="6">
        <v>179</v>
      </c>
      <c r="BZ1405" s="6">
        <v>178</v>
      </c>
      <c r="CA1405" s="6">
        <v>175</v>
      </c>
      <c r="CB1405" s="6">
        <v>175</v>
      </c>
      <c r="CC1405" s="11">
        <v>174.25</v>
      </c>
      <c r="CD1405" s="11">
        <v>-375.363</v>
      </c>
      <c r="CE1405" s="11">
        <v>-195.04400000000001</v>
      </c>
      <c r="CF1405" s="11">
        <v>363.68099999999998</v>
      </c>
      <c r="CG1405" s="11">
        <v>169</v>
      </c>
      <c r="CH1405" s="20">
        <v>1.15195</v>
      </c>
      <c r="CI1405" s="20">
        <v>1.1169</v>
      </c>
      <c r="CJ1405" s="20">
        <v>1.09972</v>
      </c>
      <c r="CK1405" s="20">
        <v>1.08043</v>
      </c>
      <c r="CL1405" s="20">
        <v>1.1043000000000001</v>
      </c>
      <c r="CM1405" s="20">
        <v>1.12117</v>
      </c>
      <c r="CN1405" s="20">
        <v>1.10463</v>
      </c>
      <c r="CO1405" s="20">
        <v>1.08222</v>
      </c>
      <c r="CP1405" s="20">
        <v>1.11547</v>
      </c>
      <c r="CQ1405" s="20">
        <v>1.26387</v>
      </c>
      <c r="CR1405" s="20">
        <v>1.2739199999999999</v>
      </c>
      <c r="CS1405" s="20">
        <v>1.3008200000000001</v>
      </c>
      <c r="CT1405" s="20">
        <v>1.2417100000000001</v>
      </c>
      <c r="CU1405" s="20">
        <v>1.2433700000000001</v>
      </c>
      <c r="CV1405" s="20">
        <v>1.2056100000000001</v>
      </c>
      <c r="CW1405" s="20">
        <v>1.1958200000000001</v>
      </c>
      <c r="CX1405" s="20">
        <v>1.1698200000000001</v>
      </c>
      <c r="CY1405" s="6"/>
      <c r="CZ1405" s="6"/>
      <c r="DA1405" s="6"/>
      <c r="DB1405" s="6"/>
      <c r="DC1405" s="6"/>
      <c r="DD1405" s="6"/>
      <c r="DE1405" s="6"/>
      <c r="DF1405" s="6"/>
      <c r="DG1405" s="6"/>
      <c r="DH1405" s="6"/>
      <c r="DI1405" s="6"/>
      <c r="DJ1405" s="6"/>
      <c r="DK1405" s="6"/>
      <c r="DL1405" s="6"/>
      <c r="DM1405" s="6"/>
      <c r="DN1405" s="6"/>
      <c r="DO1405" s="6"/>
      <c r="DP1405" s="6"/>
      <c r="DQ1405" s="6"/>
    </row>
    <row r="1406" spans="1:121" x14ac:dyDescent="0.2">
      <c r="A1406" s="6" t="s">
        <v>1</v>
      </c>
      <c r="B1406" s="6" t="s">
        <v>1</v>
      </c>
      <c r="C1406" s="6" t="s">
        <v>2</v>
      </c>
      <c r="D1406" s="6" t="s">
        <v>100</v>
      </c>
      <c r="E1406" s="6" t="s">
        <v>241</v>
      </c>
      <c r="F1406" s="11">
        <v>31</v>
      </c>
      <c r="G1406" s="13">
        <v>0.28971962616800001</v>
      </c>
      <c r="H1406" s="11">
        <v>111.24377165899999</v>
      </c>
      <c r="I1406" s="13">
        <v>1.039395256788225</v>
      </c>
      <c r="J1406" s="11">
        <v>-131.18993909979997</v>
      </c>
      <c r="K1406" s="13">
        <v>-0.60104107310974975</v>
      </c>
      <c r="L1406" s="11">
        <v>51.1704863808</v>
      </c>
      <c r="M1406" s="13">
        <v>0.58761784849411802</v>
      </c>
      <c r="N1406" s="11">
        <v>-80.019452718999986</v>
      </c>
      <c r="O1406" s="13">
        <v>-0.3666056868529789</v>
      </c>
      <c r="P1406" s="7">
        <v>107.027399762</v>
      </c>
      <c r="Q1406" s="7">
        <v>109.996631605</v>
      </c>
      <c r="R1406" s="7">
        <v>104.537254479</v>
      </c>
      <c r="S1406" s="7">
        <v>151.751062249</v>
      </c>
      <c r="T1406" s="7">
        <v>145.60513442199999</v>
      </c>
      <c r="U1406" s="7">
        <v>158.99467178</v>
      </c>
      <c r="V1406" s="7">
        <v>218.27117142099999</v>
      </c>
      <c r="W1406" s="7">
        <v>72.153226025500004</v>
      </c>
      <c r="X1406" s="7">
        <v>59.979572592300002</v>
      </c>
      <c r="Y1406" s="7">
        <v>87.081232321200005</v>
      </c>
      <c r="Z1406" s="7">
        <v>96.052103512000002</v>
      </c>
      <c r="AA1406" s="7">
        <v>113.628341316</v>
      </c>
      <c r="AB1406" s="7">
        <v>112.854276786</v>
      </c>
      <c r="AC1406" s="7">
        <v>133.01955397099999</v>
      </c>
      <c r="AD1406" s="7">
        <v>138.71573187600001</v>
      </c>
      <c r="AE1406" s="7">
        <v>136.15879074200001</v>
      </c>
      <c r="AF1406" s="7">
        <v>138.25171870200001</v>
      </c>
      <c r="AG1406" s="9">
        <v>9211.9331607999993</v>
      </c>
      <c r="AH1406" s="13">
        <v>0.54626617704273928</v>
      </c>
      <c r="AI1406" s="9">
        <v>4052.0663046000009</v>
      </c>
      <c r="AJ1406" s="13">
        <v>0.24028688991761127</v>
      </c>
      <c r="AK1406" s="9">
        <v>200.43148039999869</v>
      </c>
      <c r="AL1406" s="13">
        <v>9.5829078990926839E-3</v>
      </c>
      <c r="AM1406" s="9">
        <v>4959.4353757999997</v>
      </c>
      <c r="AN1406" s="13">
        <v>0.23486679752151488</v>
      </c>
      <c r="AO1406" s="9">
        <v>5159.8668561999984</v>
      </c>
      <c r="AP1406" s="13">
        <v>0.24670041230981107</v>
      </c>
      <c r="AQ1406" s="9">
        <v>16863.45146</v>
      </c>
      <c r="AR1406" s="9">
        <v>18760.454748</v>
      </c>
      <c r="AS1406" s="9">
        <v>19703.8868258</v>
      </c>
      <c r="AT1406" s="9">
        <v>19627.827059499999</v>
      </c>
      <c r="AU1406" s="9">
        <v>19225.855624299998</v>
      </c>
      <c r="AV1406" s="9">
        <v>19261.132603999999</v>
      </c>
      <c r="AW1406" s="9">
        <v>20915.517764600001</v>
      </c>
      <c r="AX1406" s="9">
        <v>18076.2786337</v>
      </c>
      <c r="AY1406" s="9">
        <v>20399.458011899998</v>
      </c>
      <c r="AZ1406" s="9">
        <v>21115.949245</v>
      </c>
      <c r="BA1406" s="9">
        <v>22032.0383029</v>
      </c>
      <c r="BB1406" s="9">
        <v>22706.455669999999</v>
      </c>
      <c r="BC1406" s="9">
        <v>24467.372034700002</v>
      </c>
      <c r="BD1406" s="9">
        <v>26624.2228387</v>
      </c>
      <c r="BE1406" s="9">
        <v>26527.837228600001</v>
      </c>
      <c r="BF1406" s="9">
        <v>26075.3846208</v>
      </c>
      <c r="BG1406" s="11">
        <v>1</v>
      </c>
      <c r="BH1406" s="13">
        <v>0.16666666666666666</v>
      </c>
      <c r="BI1406" s="6">
        <v>-1</v>
      </c>
      <c r="BJ1406" s="13">
        <v>-0.16666666666666666</v>
      </c>
      <c r="BK1406" s="6">
        <v>1</v>
      </c>
      <c r="BL1406" s="13">
        <v>0.2</v>
      </c>
      <c r="BM1406" s="11">
        <v>1</v>
      </c>
      <c r="BN1406" s="13">
        <v>0.16666666666666666</v>
      </c>
      <c r="BO1406" s="11">
        <v>2</v>
      </c>
      <c r="BP1406" s="13">
        <v>0.4</v>
      </c>
      <c r="BQ1406" s="6">
        <v>6</v>
      </c>
      <c r="BR1406" s="6">
        <v>3</v>
      </c>
      <c r="BS1406" s="6">
        <v>5</v>
      </c>
      <c r="BT1406" s="6">
        <v>5</v>
      </c>
      <c r="BU1406" s="6">
        <v>6</v>
      </c>
      <c r="BV1406" s="6">
        <v>4</v>
      </c>
      <c r="BW1406" s="6">
        <v>6</v>
      </c>
      <c r="BX1406" s="6">
        <v>6</v>
      </c>
      <c r="BY1406" s="6">
        <v>7</v>
      </c>
      <c r="BZ1406" s="6">
        <v>6</v>
      </c>
      <c r="CA1406" s="6">
        <v>7</v>
      </c>
      <c r="CB1406" s="6">
        <v>7</v>
      </c>
      <c r="CC1406" s="11">
        <v>7</v>
      </c>
      <c r="CD1406" s="11">
        <v>29.283000000000001</v>
      </c>
      <c r="CE1406" s="11">
        <v>-9.7580799999999996</v>
      </c>
      <c r="CF1406" s="11">
        <v>11.699400000000001</v>
      </c>
      <c r="CG1406" s="11">
        <v>2</v>
      </c>
      <c r="CH1406" s="20">
        <v>0.97704299999999999</v>
      </c>
      <c r="CI1406" s="20">
        <v>0.99388500000000002</v>
      </c>
      <c r="CJ1406" s="20">
        <v>0.95682</v>
      </c>
      <c r="CK1406" s="20">
        <v>1.3843000000000001</v>
      </c>
      <c r="CL1406" s="20">
        <v>1.27844</v>
      </c>
      <c r="CM1406" s="20">
        <v>1.4153100000000001</v>
      </c>
      <c r="CN1406" s="20">
        <v>1.98994</v>
      </c>
      <c r="CO1406" s="20">
        <v>0.71881499999999998</v>
      </c>
      <c r="CP1406" s="20">
        <v>0.64298</v>
      </c>
      <c r="CQ1406" s="20">
        <v>0.96572199999999997</v>
      </c>
      <c r="CR1406" s="20">
        <v>1.1236600000000001</v>
      </c>
      <c r="CS1406" s="20">
        <v>1.2882899999999999</v>
      </c>
      <c r="CT1406" s="20">
        <v>1.24377</v>
      </c>
      <c r="CU1406" s="20">
        <v>1.4170199999999999</v>
      </c>
      <c r="CV1406" s="20">
        <v>1.4571000000000001</v>
      </c>
      <c r="CW1406" s="20">
        <v>1.3940900000000001</v>
      </c>
      <c r="CX1406" s="20">
        <v>1.3925000000000001</v>
      </c>
      <c r="CY1406" s="6" t="s">
        <v>603</v>
      </c>
      <c r="CZ1406" s="6" t="s">
        <v>604</v>
      </c>
      <c r="DA1406" s="6" t="s">
        <v>100</v>
      </c>
      <c r="DB1406" s="6" t="s">
        <v>345</v>
      </c>
      <c r="DC1406" s="6"/>
      <c r="DD1406" s="6"/>
      <c r="DE1406" s="6"/>
      <c r="DF1406" s="6"/>
      <c r="DG1406" s="6"/>
      <c r="DH1406" s="6" t="s">
        <v>333</v>
      </c>
      <c r="DI1406" s="6"/>
      <c r="DJ1406" s="6"/>
      <c r="DK1406" s="6"/>
      <c r="DL1406" s="6">
        <v>6</v>
      </c>
      <c r="DM1406" s="6" t="s">
        <v>396</v>
      </c>
      <c r="DN1406" s="6">
        <v>6</v>
      </c>
      <c r="DO1406" s="6" t="s">
        <v>393</v>
      </c>
      <c r="DP1406" s="6"/>
      <c r="DQ1406" s="6"/>
    </row>
    <row r="1407" spans="1:121" x14ac:dyDescent="0.2">
      <c r="A1407" s="6" t="s">
        <v>310</v>
      </c>
      <c r="B1407" s="6" t="s">
        <v>310</v>
      </c>
      <c r="C1407" s="6" t="s">
        <v>173</v>
      </c>
      <c r="D1407" s="6" t="s">
        <v>100</v>
      </c>
      <c r="E1407" s="6" t="s">
        <v>241</v>
      </c>
      <c r="F1407" s="11">
        <v>1</v>
      </c>
      <c r="G1407" s="13">
        <v>1</v>
      </c>
      <c r="H1407" s="11">
        <v>-52.973979</v>
      </c>
      <c r="I1407" s="13">
        <v>-0.9137544104053994</v>
      </c>
      <c r="J1407" s="11">
        <v>12.705991608600002</v>
      </c>
      <c r="K1407" s="13">
        <v>2.5411983217200005</v>
      </c>
      <c r="L1407" s="11">
        <v>-12.705991608600002</v>
      </c>
      <c r="M1407" s="13">
        <v>-0.71760971593528577</v>
      </c>
      <c r="N1407" s="11">
        <v>0</v>
      </c>
      <c r="O1407" s="13">
        <v>0</v>
      </c>
      <c r="P1407" s="7">
        <v>57.973979</v>
      </c>
      <c r="Q1407" s="7">
        <v>32.804656000000001</v>
      </c>
      <c r="R1407" s="7">
        <v>24.893705000000001</v>
      </c>
      <c r="S1407" s="7">
        <v>21.53885</v>
      </c>
      <c r="T1407" s="7">
        <v>20.907326000000001</v>
      </c>
      <c r="U1407" s="7">
        <v>22.2813720718</v>
      </c>
      <c r="V1407" s="7">
        <v>5</v>
      </c>
      <c r="W1407" s="7">
        <v>25.417952174900002</v>
      </c>
      <c r="X1407" s="7">
        <v>26.0986827899</v>
      </c>
      <c r="Y1407" s="7">
        <v>17.705991608600002</v>
      </c>
      <c r="Z1407" s="7">
        <v>16.801931864</v>
      </c>
      <c r="AA1407" s="7">
        <v>5</v>
      </c>
      <c r="AB1407" s="7">
        <v>5</v>
      </c>
      <c r="AC1407" s="7">
        <v>5</v>
      </c>
      <c r="AD1407" s="7">
        <v>5</v>
      </c>
      <c r="AE1407" s="7">
        <v>5</v>
      </c>
      <c r="AF1407" s="7">
        <v>5</v>
      </c>
      <c r="AG1407" s="9">
        <v>-25231.664805799999</v>
      </c>
      <c r="AH1407" s="13">
        <v>-0.99996036883112827</v>
      </c>
      <c r="AI1407" s="9">
        <v>-25231.664805799999</v>
      </c>
      <c r="AJ1407" s="13">
        <v>-0.99996036883112827</v>
      </c>
      <c r="AK1407" s="9">
        <v>35157.553911700001</v>
      </c>
      <c r="AL1407" s="13">
        <v>35157.553911700001</v>
      </c>
      <c r="AM1407" s="9">
        <v>-35157.553911700001</v>
      </c>
      <c r="AN1407" s="13">
        <v>-0.99997155741949717</v>
      </c>
      <c r="AO1407" s="9">
        <v>0</v>
      </c>
      <c r="AP1407" s="13">
        <v>0</v>
      </c>
      <c r="AQ1407" s="9">
        <v>25232.664805799999</v>
      </c>
      <c r="AR1407" s="9">
        <v>29889.539898700001</v>
      </c>
      <c r="AS1407" s="9">
        <v>30448.012747199999</v>
      </c>
      <c r="AT1407" s="9">
        <v>40870.471778300001</v>
      </c>
      <c r="AU1407" s="9">
        <v>41956.655552900003</v>
      </c>
      <c r="AV1407" s="9">
        <v>57076.0615636</v>
      </c>
      <c r="AW1407" s="9">
        <v>1</v>
      </c>
      <c r="AX1407" s="9">
        <v>35858.522227399997</v>
      </c>
      <c r="AY1407" s="9">
        <v>33579.834732800002</v>
      </c>
      <c r="AZ1407" s="9">
        <v>35158.553911700001</v>
      </c>
      <c r="BA1407" s="9">
        <v>36500.246196599997</v>
      </c>
      <c r="BB1407" s="9">
        <v>1</v>
      </c>
      <c r="BC1407" s="9">
        <v>1</v>
      </c>
      <c r="BD1407" s="9">
        <v>1</v>
      </c>
      <c r="BE1407" s="9">
        <v>1</v>
      </c>
      <c r="BF1407" s="9">
        <v>1</v>
      </c>
      <c r="BG1407" s="11">
        <v>-1.75</v>
      </c>
      <c r="BH1407" s="13">
        <v>-0.58333333333333337</v>
      </c>
      <c r="BI1407" s="6">
        <v>0</v>
      </c>
      <c r="BJ1407" s="13">
        <v>0</v>
      </c>
      <c r="BK1407" s="6">
        <v>0</v>
      </c>
      <c r="BL1407" s="13">
        <v>0</v>
      </c>
      <c r="BM1407" s="11">
        <v>-1.75</v>
      </c>
      <c r="BN1407" s="13">
        <v>-0.58333333333333337</v>
      </c>
      <c r="BO1407" s="11">
        <v>-1.75</v>
      </c>
      <c r="BP1407" s="13">
        <v>-0.58333333333333337</v>
      </c>
      <c r="BQ1407" s="6">
        <v>3</v>
      </c>
      <c r="BR1407" s="6">
        <v>3</v>
      </c>
      <c r="BS1407" s="6">
        <v>3</v>
      </c>
      <c r="BT1407" s="6">
        <v>3</v>
      </c>
      <c r="BU1407" s="6">
        <v>4</v>
      </c>
      <c r="BV1407" s="6">
        <v>3</v>
      </c>
      <c r="BW1407" s="6">
        <v>3</v>
      </c>
      <c r="BX1407" s="6">
        <v>3</v>
      </c>
      <c r="BY1407" s="6">
        <v>2</v>
      </c>
      <c r="BZ1407" s="6">
        <v>2</v>
      </c>
      <c r="CA1407" s="6">
        <v>2</v>
      </c>
      <c r="CB1407" s="6">
        <v>2</v>
      </c>
      <c r="CC1407" s="11">
        <v>1.25</v>
      </c>
      <c r="CD1407" s="11">
        <v>-63.664200000000001</v>
      </c>
      <c r="CE1407" s="11">
        <v>6.0146800000000002</v>
      </c>
      <c r="CF1407" s="11">
        <v>6.33725</v>
      </c>
      <c r="CG1407" s="11">
        <v>12</v>
      </c>
      <c r="CH1407" s="20">
        <v>1.86534</v>
      </c>
      <c r="CI1407" s="20">
        <v>1.0912900000000001</v>
      </c>
      <c r="CJ1407" s="20">
        <v>0.85076200000000002</v>
      </c>
      <c r="CK1407" s="20">
        <v>0.70987599999999995</v>
      </c>
      <c r="CL1407" s="20">
        <v>0.618784</v>
      </c>
      <c r="CM1407" s="20">
        <v>0.60689899999999997</v>
      </c>
      <c r="CN1407" s="20">
        <v>9.6471600000000005E-2</v>
      </c>
      <c r="CO1407" s="20">
        <v>0.648729</v>
      </c>
      <c r="CP1407" s="20">
        <v>0.78737299999999999</v>
      </c>
      <c r="CQ1407" s="20">
        <v>0.54190000000000005</v>
      </c>
      <c r="CR1407" s="20">
        <v>0.48831999999999998</v>
      </c>
      <c r="CS1407" s="20">
        <v>0.25864700000000002</v>
      </c>
      <c r="CT1407" s="20">
        <v>9.9117700000000003E-2</v>
      </c>
      <c r="CU1407" s="20">
        <v>0.12786400000000001</v>
      </c>
      <c r="CV1407" s="20">
        <v>0.16891</v>
      </c>
      <c r="CW1407" s="20">
        <v>0.20957799999999999</v>
      </c>
      <c r="CX1407" s="20">
        <v>0.19849</v>
      </c>
      <c r="CY1407" s="6" t="s">
        <v>603</v>
      </c>
      <c r="CZ1407" s="6" t="s">
        <v>604</v>
      </c>
      <c r="DA1407" s="6" t="s">
        <v>100</v>
      </c>
      <c r="DB1407" s="6" t="s">
        <v>345</v>
      </c>
      <c r="DC1407" s="6"/>
      <c r="DD1407" s="6"/>
      <c r="DE1407" s="6"/>
      <c r="DF1407" s="6"/>
      <c r="DG1407" s="6"/>
      <c r="DH1407" s="6" t="s">
        <v>333</v>
      </c>
      <c r="DI1407" s="6"/>
      <c r="DJ1407" s="6"/>
      <c r="DK1407" s="6"/>
      <c r="DL1407" s="6">
        <v>6</v>
      </c>
      <c r="DM1407" s="6" t="s">
        <v>396</v>
      </c>
      <c r="DN1407" s="6">
        <v>6</v>
      </c>
      <c r="DO1407" s="6" t="s">
        <v>393</v>
      </c>
      <c r="DP1407" s="6"/>
      <c r="DQ1407" s="6"/>
    </row>
    <row r="1408" spans="1:121" x14ac:dyDescent="0.2">
      <c r="A1408" s="6" t="s">
        <v>311</v>
      </c>
      <c r="B1408" s="6" t="s">
        <v>311</v>
      </c>
      <c r="C1408" s="6" t="s">
        <v>174</v>
      </c>
      <c r="D1408" s="6" t="s">
        <v>100</v>
      </c>
      <c r="E1408" s="6" t="s">
        <v>241</v>
      </c>
      <c r="F1408" s="11">
        <v>25</v>
      </c>
      <c r="G1408" s="13">
        <v>0.56818181818199998</v>
      </c>
      <c r="H1408" s="11">
        <v>13.977289999999996</v>
      </c>
      <c r="I1408" s="13">
        <v>0.31641119055044681</v>
      </c>
      <c r="J1408" s="11">
        <v>-14.599216999999996</v>
      </c>
      <c r="K1408" s="13">
        <v>-0.2510538334889692</v>
      </c>
      <c r="L1408" s="11">
        <v>25.329525171199997</v>
      </c>
      <c r="M1408" s="13">
        <v>0.58158572702632461</v>
      </c>
      <c r="N1408" s="11">
        <v>10.730308171200001</v>
      </c>
      <c r="O1408" s="13">
        <v>0.18452256726492736</v>
      </c>
      <c r="P1408" s="7">
        <v>44.174449000000003</v>
      </c>
      <c r="Q1408" s="7">
        <v>60.154770999999997</v>
      </c>
      <c r="R1408" s="7">
        <v>64.505262999999999</v>
      </c>
      <c r="S1408" s="7">
        <v>63.311712</v>
      </c>
      <c r="T1408" s="7">
        <v>68.006510000000006</v>
      </c>
      <c r="U1408" s="7">
        <v>63.314588999999998</v>
      </c>
      <c r="V1408" s="7">
        <v>58.151738999999999</v>
      </c>
      <c r="W1408" s="7">
        <v>61.147433999999997</v>
      </c>
      <c r="X1408" s="7">
        <v>67.008005999999995</v>
      </c>
      <c r="Y1408" s="7">
        <v>43.552522000000003</v>
      </c>
      <c r="Z1408" s="7">
        <v>51.116048339800003</v>
      </c>
      <c r="AA1408" s="7">
        <v>55.328966000000001</v>
      </c>
      <c r="AB1408" s="7">
        <v>61.928714999999997</v>
      </c>
      <c r="AC1408" s="7">
        <v>69.527349086499996</v>
      </c>
      <c r="AD1408" s="7">
        <v>62.049813782999998</v>
      </c>
      <c r="AE1408" s="7">
        <v>66.546614245399994</v>
      </c>
      <c r="AF1408" s="7">
        <v>68.8820471712</v>
      </c>
      <c r="AG1408" s="9">
        <v>43528.388993300003</v>
      </c>
      <c r="AH1408" s="13">
        <v>0.48266778249955938</v>
      </c>
      <c r="AI1408" s="9">
        <v>8482.0833945999912</v>
      </c>
      <c r="AJ1408" s="13">
        <v>9.405421330153238E-2</v>
      </c>
      <c r="AK1408" s="9">
        <v>21493.403308699999</v>
      </c>
      <c r="AL1408" s="13">
        <v>0.21784222399704015</v>
      </c>
      <c r="AM1408" s="9">
        <v>13552.902290000013</v>
      </c>
      <c r="AN1408" s="13">
        <v>0.11279196271628836</v>
      </c>
      <c r="AO1408" s="9">
        <v>35046.305598700012</v>
      </c>
      <c r="AP1408" s="13">
        <v>0.35520503872043602</v>
      </c>
      <c r="AQ1408" s="9">
        <v>90182.917881700007</v>
      </c>
      <c r="AR1408" s="9">
        <v>105321.265224</v>
      </c>
      <c r="AS1408" s="9">
        <v>106178.539477</v>
      </c>
      <c r="AT1408" s="9">
        <v>101585.870822</v>
      </c>
      <c r="AU1408" s="9">
        <v>109160.33774800001</v>
      </c>
      <c r="AV1408" s="9">
        <v>110612.46004799999</v>
      </c>
      <c r="AW1408" s="9">
        <v>98665.001276299998</v>
      </c>
      <c r="AX1408" s="9">
        <v>99067.669541499999</v>
      </c>
      <c r="AY1408" s="9">
        <v>88833.226248000006</v>
      </c>
      <c r="AZ1408" s="9">
        <v>120158.404585</v>
      </c>
      <c r="BA1408" s="9">
        <v>103883.533748</v>
      </c>
      <c r="BB1408" s="9">
        <v>109850.97055699999</v>
      </c>
      <c r="BC1408" s="9">
        <v>126570.657769</v>
      </c>
      <c r="BD1408" s="9">
        <v>125468.40041</v>
      </c>
      <c r="BE1408" s="9">
        <v>135379.406028</v>
      </c>
      <c r="BF1408" s="9">
        <v>133711.30687500001</v>
      </c>
      <c r="BG1408" s="11">
        <v>0</v>
      </c>
      <c r="BH1408" s="13">
        <v>0</v>
      </c>
      <c r="BI1408" s="6">
        <v>-1</v>
      </c>
      <c r="BJ1408" s="13">
        <v>-0.25</v>
      </c>
      <c r="BK1408" s="6">
        <v>-1</v>
      </c>
      <c r="BL1408" s="13">
        <v>-0.33333333333333331</v>
      </c>
      <c r="BM1408" s="11">
        <v>2</v>
      </c>
      <c r="BN1408" s="13">
        <v>1</v>
      </c>
      <c r="BO1408" s="11">
        <v>1</v>
      </c>
      <c r="BP1408" s="13">
        <v>0.33333333333333331</v>
      </c>
      <c r="BQ1408" s="6">
        <v>4</v>
      </c>
      <c r="BR1408" s="6">
        <v>4</v>
      </c>
      <c r="BS1408" s="6">
        <v>4</v>
      </c>
      <c r="BT1408" s="6">
        <v>3</v>
      </c>
      <c r="BU1408" s="6">
        <v>3</v>
      </c>
      <c r="BV1408" s="6">
        <v>3</v>
      </c>
      <c r="BW1408" s="6">
        <v>2</v>
      </c>
      <c r="BX1408" s="6">
        <v>3</v>
      </c>
      <c r="BY1408" s="6">
        <v>3</v>
      </c>
      <c r="BZ1408" s="6">
        <v>4</v>
      </c>
      <c r="CA1408" s="6">
        <v>4</v>
      </c>
      <c r="CB1408" s="6">
        <v>4</v>
      </c>
      <c r="CC1408" s="11">
        <v>4</v>
      </c>
      <c r="CD1408" s="11">
        <v>27.072299999999998</v>
      </c>
      <c r="CE1408" s="11">
        <v>-7.19353</v>
      </c>
      <c r="CF1408" s="11">
        <v>4.8288000000000002</v>
      </c>
      <c r="CG1408" s="11">
        <v>-2</v>
      </c>
      <c r="CH1408" s="20">
        <v>1.2972600000000001</v>
      </c>
      <c r="CI1408" s="20">
        <v>1.7543200000000001</v>
      </c>
      <c r="CJ1408" s="20">
        <v>1.96773</v>
      </c>
      <c r="CK1408" s="20">
        <v>1.9772099999999999</v>
      </c>
      <c r="CL1408" s="20">
        <v>2.1068899999999999</v>
      </c>
      <c r="CM1408" s="20">
        <v>1.99908</v>
      </c>
      <c r="CN1408" s="20">
        <v>1.85511</v>
      </c>
      <c r="CO1408" s="20">
        <v>2.0413899999999998</v>
      </c>
      <c r="CP1408" s="20">
        <v>2.3741099999999999</v>
      </c>
      <c r="CQ1408" s="20">
        <v>1.6130800000000001</v>
      </c>
      <c r="CR1408" s="20">
        <v>2.0142500000000001</v>
      </c>
      <c r="CS1408" s="20">
        <v>2.1408</v>
      </c>
      <c r="CT1408" s="20">
        <v>2.3580700000000001</v>
      </c>
      <c r="CU1408" s="20">
        <v>2.5780699999999999</v>
      </c>
      <c r="CV1408" s="20">
        <v>2.2720699999999998</v>
      </c>
      <c r="CW1408" s="20">
        <v>2.3721100000000002</v>
      </c>
      <c r="CX1408" s="20">
        <v>2.4008600000000002</v>
      </c>
      <c r="CY1408" s="6" t="s">
        <v>603</v>
      </c>
      <c r="CZ1408" s="6" t="s">
        <v>604</v>
      </c>
      <c r="DA1408" s="6" t="s">
        <v>100</v>
      </c>
      <c r="DB1408" s="6" t="s">
        <v>345</v>
      </c>
      <c r="DC1408" s="6"/>
      <c r="DD1408" s="6"/>
      <c r="DE1408" s="6"/>
      <c r="DF1408" s="6"/>
      <c r="DG1408" s="6"/>
      <c r="DH1408" s="6" t="s">
        <v>333</v>
      </c>
      <c r="DI1408" s="6"/>
      <c r="DJ1408" s="6"/>
      <c r="DK1408" s="6"/>
      <c r="DL1408" s="6">
        <v>6</v>
      </c>
      <c r="DM1408" s="6" t="s">
        <v>396</v>
      </c>
      <c r="DN1408" s="6">
        <v>6</v>
      </c>
      <c r="DO1408" s="6" t="s">
        <v>393</v>
      </c>
      <c r="DP1408" s="6"/>
      <c r="DQ1408" s="6"/>
    </row>
    <row r="1409" spans="1:121" x14ac:dyDescent="0.2">
      <c r="A1409" s="6" t="s">
        <v>312</v>
      </c>
      <c r="B1409" s="6" t="s">
        <v>312</v>
      </c>
      <c r="C1409" s="6" t="s">
        <v>175</v>
      </c>
      <c r="D1409" s="6" t="s">
        <v>100</v>
      </c>
      <c r="E1409" s="6" t="s">
        <v>241</v>
      </c>
      <c r="F1409" s="11">
        <v>-53</v>
      </c>
      <c r="G1409" s="13">
        <v>-6.0433295324999997E-2</v>
      </c>
      <c r="H1409" s="11">
        <v>489.74624080499996</v>
      </c>
      <c r="I1409" s="13">
        <v>0.55819465505795018</v>
      </c>
      <c r="J1409" s="11">
        <v>-516.06441100799998</v>
      </c>
      <c r="K1409" s="13">
        <v>-0.3774824476085753</v>
      </c>
      <c r="L1409" s="11">
        <v>-26.640117408000037</v>
      </c>
      <c r="M1409" s="13">
        <v>-3.1302381887050694E-2</v>
      </c>
      <c r="N1409" s="11">
        <v>-542.70452841600002</v>
      </c>
      <c r="O1409" s="13">
        <v>-0.39696872976492376</v>
      </c>
      <c r="P1409" s="7">
        <v>877.37536783500002</v>
      </c>
      <c r="Q1409" s="7">
        <v>938.69576861600001</v>
      </c>
      <c r="R1409" s="7">
        <v>1048.8745144899999</v>
      </c>
      <c r="S1409" s="7">
        <v>1256.6423035299999</v>
      </c>
      <c r="T1409" s="7">
        <v>1389.0644501700001</v>
      </c>
      <c r="U1409" s="7">
        <v>1378.8795659100001</v>
      </c>
      <c r="V1409" s="7">
        <v>1367.12160864</v>
      </c>
      <c r="W1409" s="7">
        <v>1214.3136334799999</v>
      </c>
      <c r="X1409" s="7">
        <v>1006.08134191</v>
      </c>
      <c r="Y1409" s="7">
        <v>851.057197632</v>
      </c>
      <c r="Z1409" s="7">
        <v>762.58362075499997</v>
      </c>
      <c r="AA1409" s="7">
        <v>744.58749202000001</v>
      </c>
      <c r="AB1409" s="7">
        <v>753.63098755600004</v>
      </c>
      <c r="AC1409" s="7">
        <v>761.12546951499996</v>
      </c>
      <c r="AD1409" s="7">
        <v>800.31463223699996</v>
      </c>
      <c r="AE1409" s="7">
        <v>831.00514946600003</v>
      </c>
      <c r="AF1409" s="7">
        <v>824.41708022399996</v>
      </c>
      <c r="AG1409" s="9">
        <v>10122.377190300002</v>
      </c>
      <c r="AH1409" s="13">
        <v>0.3651902480081779</v>
      </c>
      <c r="AI1409" s="9">
        <v>3194.9201748999985</v>
      </c>
      <c r="AJ1409" s="13">
        <v>0.11526479097776854</v>
      </c>
      <c r="AK1409" s="9">
        <v>496.88610310000149</v>
      </c>
      <c r="AL1409" s="13">
        <v>1.6073687259917657E-2</v>
      </c>
      <c r="AM1409" s="9">
        <v>6430.5709123000015</v>
      </c>
      <c r="AN1409" s="13">
        <v>0.20473070902802623</v>
      </c>
      <c r="AO1409" s="9">
        <v>6927.457015400003</v>
      </c>
      <c r="AP1409" s="13">
        <v>0.22409517367736156</v>
      </c>
      <c r="AQ1409" s="9">
        <v>27718.0928174</v>
      </c>
      <c r="AR1409" s="9">
        <v>28542.6928305</v>
      </c>
      <c r="AS1409" s="9">
        <v>28727.842789800001</v>
      </c>
      <c r="AT1409" s="9">
        <v>29248.2374991</v>
      </c>
      <c r="AU1409" s="9">
        <v>29593.688699499999</v>
      </c>
      <c r="AV1409" s="9">
        <v>31145.457757299999</v>
      </c>
      <c r="AW1409" s="9">
        <v>30913.012992299999</v>
      </c>
      <c r="AX1409" s="9">
        <v>31773.5321401</v>
      </c>
      <c r="AY1409" s="9">
        <v>31300.4700361</v>
      </c>
      <c r="AZ1409" s="9">
        <v>31409.8990954</v>
      </c>
      <c r="BA1409" s="9">
        <v>30488.4010524</v>
      </c>
      <c r="BB1409" s="9">
        <v>32782.368221600002</v>
      </c>
      <c r="BC1409" s="9">
        <v>32874.662567200001</v>
      </c>
      <c r="BD1409" s="9">
        <v>35336.980968199998</v>
      </c>
      <c r="BE1409" s="9">
        <v>34795.296497900003</v>
      </c>
      <c r="BF1409" s="9">
        <v>37840.470007700002</v>
      </c>
      <c r="BG1409" s="11">
        <v>-39</v>
      </c>
      <c r="BH1409" s="13">
        <v>-0.2805755395683453</v>
      </c>
      <c r="BI1409" s="6">
        <v>15</v>
      </c>
      <c r="BJ1409" s="13">
        <v>0.1079136690647482</v>
      </c>
      <c r="BK1409" s="6">
        <v>-26</v>
      </c>
      <c r="BL1409" s="13">
        <v>-0.16883116883116883</v>
      </c>
      <c r="BM1409" s="11">
        <v>-28</v>
      </c>
      <c r="BN1409" s="13">
        <v>-0.21875</v>
      </c>
      <c r="BO1409" s="11">
        <v>-54</v>
      </c>
      <c r="BP1409" s="13">
        <v>-0.35064935064935066</v>
      </c>
      <c r="BQ1409" s="6">
        <v>139</v>
      </c>
      <c r="BR1409" s="6">
        <v>148</v>
      </c>
      <c r="BS1409" s="6">
        <v>148</v>
      </c>
      <c r="BT1409" s="6">
        <v>154</v>
      </c>
      <c r="BU1409" s="6">
        <v>151</v>
      </c>
      <c r="BV1409" s="6">
        <v>139</v>
      </c>
      <c r="BW1409" s="6">
        <v>128</v>
      </c>
      <c r="BX1409" s="6">
        <v>116</v>
      </c>
      <c r="BY1409" s="6">
        <v>107</v>
      </c>
      <c r="BZ1409" s="6">
        <v>105</v>
      </c>
      <c r="CA1409" s="6">
        <v>99</v>
      </c>
      <c r="CB1409" s="6">
        <v>95</v>
      </c>
      <c r="CC1409" s="11">
        <v>100</v>
      </c>
      <c r="CD1409" s="11">
        <v>-42.593499999999999</v>
      </c>
      <c r="CE1409" s="11">
        <v>-106.27200000000001</v>
      </c>
      <c r="CF1409" s="11">
        <v>95.907700000000006</v>
      </c>
      <c r="CG1409" s="11">
        <v>-10</v>
      </c>
      <c r="CH1409" s="20">
        <v>1.77641</v>
      </c>
      <c r="CI1409" s="20">
        <v>1.87436</v>
      </c>
      <c r="CJ1409" s="20">
        <v>2.09348</v>
      </c>
      <c r="CK1409" s="20">
        <v>2.40754</v>
      </c>
      <c r="CL1409" s="20">
        <v>2.4613100000000001</v>
      </c>
      <c r="CM1409" s="20">
        <v>2.3714300000000001</v>
      </c>
      <c r="CN1409" s="20">
        <v>2.4075799999999998</v>
      </c>
      <c r="CO1409" s="20">
        <v>2.40177</v>
      </c>
      <c r="CP1409" s="20">
        <v>2.4359700000000002</v>
      </c>
      <c r="CQ1409" s="20">
        <v>2.3045599999999999</v>
      </c>
      <c r="CR1409" s="20">
        <v>2.22011</v>
      </c>
      <c r="CS1409" s="20">
        <v>2.1084399999999999</v>
      </c>
      <c r="CT1409" s="20">
        <v>2.04928</v>
      </c>
      <c r="CU1409" s="20">
        <v>1.9542900000000001</v>
      </c>
      <c r="CV1409" s="20">
        <v>1.97305</v>
      </c>
      <c r="CW1409" s="20">
        <v>1.9532499999999999</v>
      </c>
      <c r="CX1409" s="20">
        <v>1.8974800000000001</v>
      </c>
      <c r="CY1409" s="6" t="s">
        <v>603</v>
      </c>
      <c r="CZ1409" s="6" t="s">
        <v>604</v>
      </c>
      <c r="DA1409" s="6" t="s">
        <v>100</v>
      </c>
      <c r="DB1409" s="6" t="s">
        <v>345</v>
      </c>
      <c r="DC1409" s="6"/>
      <c r="DD1409" s="6"/>
      <c r="DE1409" s="6"/>
      <c r="DF1409" s="6"/>
      <c r="DG1409" s="6"/>
      <c r="DH1409" s="6" t="s">
        <v>333</v>
      </c>
      <c r="DI1409" s="6"/>
      <c r="DJ1409" s="6"/>
      <c r="DK1409" s="6"/>
      <c r="DL1409" s="6">
        <v>6</v>
      </c>
      <c r="DM1409" s="6" t="s">
        <v>396</v>
      </c>
      <c r="DN1409" s="6">
        <v>6</v>
      </c>
      <c r="DO1409" s="6" t="s">
        <v>393</v>
      </c>
      <c r="DP1409" s="6"/>
      <c r="DQ1409" s="6"/>
    </row>
    <row r="1410" spans="1:121" x14ac:dyDescent="0.2">
      <c r="A1410" s="6" t="s">
        <v>792</v>
      </c>
      <c r="B1410" s="6" t="s">
        <v>176</v>
      </c>
      <c r="C1410" s="6" t="s">
        <v>177</v>
      </c>
      <c r="D1410" s="6" t="s">
        <v>100</v>
      </c>
      <c r="E1410" s="6" t="s">
        <v>241</v>
      </c>
      <c r="F1410" s="11">
        <v>-657</v>
      </c>
      <c r="G1410" s="13">
        <v>-0.45656706045899997</v>
      </c>
      <c r="H1410" s="11">
        <v>-413.24591107999981</v>
      </c>
      <c r="I1410" s="13">
        <v>-0.28710452970697947</v>
      </c>
      <c r="J1410" s="11">
        <v>-480.7936559530001</v>
      </c>
      <c r="K1410" s="13">
        <v>-0.46855907399592672</v>
      </c>
      <c r="L1410" s="11">
        <v>236.86124289600002</v>
      </c>
      <c r="M1410" s="13">
        <v>0.4343548066679927</v>
      </c>
      <c r="N1410" s="11">
        <v>-243.93241305700008</v>
      </c>
      <c r="O1410" s="13">
        <v>-0.23772515332596841</v>
      </c>
      <c r="P1410" s="7">
        <v>1439.3569878599999</v>
      </c>
      <c r="Q1410" s="7">
        <v>1208.7922427200001</v>
      </c>
      <c r="R1410" s="7">
        <v>903.91927579399999</v>
      </c>
      <c r="S1410" s="7">
        <v>958.08480081599998</v>
      </c>
      <c r="T1410" s="7">
        <v>1153.6755126999999</v>
      </c>
      <c r="U1410" s="7">
        <v>1122.40336452</v>
      </c>
      <c r="V1410" s="7">
        <v>1026.1110767800001</v>
      </c>
      <c r="W1410" s="7">
        <v>942.17217667499995</v>
      </c>
      <c r="X1410" s="7">
        <v>655.40664743800005</v>
      </c>
      <c r="Y1410" s="7">
        <v>545.31742082699998</v>
      </c>
      <c r="Z1410" s="7">
        <v>435.259082756</v>
      </c>
      <c r="AA1410" s="7">
        <v>487.56276016300001</v>
      </c>
      <c r="AB1410" s="7">
        <v>516.63758599499999</v>
      </c>
      <c r="AC1410" s="7">
        <v>573.34895197900005</v>
      </c>
      <c r="AD1410" s="7">
        <v>634.47619175199998</v>
      </c>
      <c r="AE1410" s="7">
        <v>731.73006658300005</v>
      </c>
      <c r="AF1410" s="7">
        <v>782.178663723</v>
      </c>
      <c r="AG1410" s="9">
        <v>17893.866558400001</v>
      </c>
      <c r="AH1410" s="13">
        <v>0.69092372146605363</v>
      </c>
      <c r="AI1410" s="9">
        <v>6937.0196176999998</v>
      </c>
      <c r="AJ1410" s="13">
        <v>0.26785442903028284</v>
      </c>
      <c r="AK1410" s="9">
        <v>11110.633474900002</v>
      </c>
      <c r="AL1410" s="13">
        <v>0.33837271665717816</v>
      </c>
      <c r="AM1410" s="9">
        <v>-153.78653420000046</v>
      </c>
      <c r="AN1410" s="13">
        <v>-3.4994335562585879E-3</v>
      </c>
      <c r="AO1410" s="9">
        <v>10956.846940700001</v>
      </c>
      <c r="AP1410" s="13">
        <v>0.33368917026172706</v>
      </c>
      <c r="AQ1410" s="9">
        <v>25898.468966199998</v>
      </c>
      <c r="AR1410" s="9">
        <v>28198.211192300001</v>
      </c>
      <c r="AS1410" s="9">
        <v>31745.969166300001</v>
      </c>
      <c r="AT1410" s="9">
        <v>30938.717767800001</v>
      </c>
      <c r="AU1410" s="9">
        <v>32238.029747600001</v>
      </c>
      <c r="AV1410" s="9">
        <v>35009.335841799999</v>
      </c>
      <c r="AW1410" s="9">
        <v>32835.488583899998</v>
      </c>
      <c r="AX1410" s="9">
        <v>34934.686151299997</v>
      </c>
      <c r="AY1410" s="9">
        <v>39670.001771900002</v>
      </c>
      <c r="AZ1410" s="9">
        <v>43946.1220588</v>
      </c>
      <c r="BA1410" s="9">
        <v>39521.320681800004</v>
      </c>
      <c r="BB1410" s="9">
        <v>74256.007404799995</v>
      </c>
      <c r="BC1410" s="9">
        <v>62031.375989400003</v>
      </c>
      <c r="BD1410" s="9">
        <v>44422.9111815</v>
      </c>
      <c r="BE1410" s="9">
        <v>47810.771756599999</v>
      </c>
      <c r="BF1410" s="9">
        <v>43792.335524599999</v>
      </c>
      <c r="BG1410" s="11">
        <v>-12.75</v>
      </c>
      <c r="BH1410" s="13">
        <v>-0.375</v>
      </c>
      <c r="BI1410" s="6">
        <v>-7</v>
      </c>
      <c r="BJ1410" s="13">
        <v>-0.20588235294117646</v>
      </c>
      <c r="BK1410" s="6">
        <v>-7</v>
      </c>
      <c r="BL1410" s="13">
        <v>-0.25925925925925924</v>
      </c>
      <c r="BM1410" s="11">
        <v>1.25</v>
      </c>
      <c r="BN1410" s="13">
        <v>6.25E-2</v>
      </c>
      <c r="BO1410" s="11">
        <v>-5.75</v>
      </c>
      <c r="BP1410" s="13">
        <v>-0.21296296296296297</v>
      </c>
      <c r="BQ1410" s="6">
        <v>34</v>
      </c>
      <c r="BR1410" s="6">
        <v>33</v>
      </c>
      <c r="BS1410" s="6">
        <v>32</v>
      </c>
      <c r="BT1410" s="6">
        <v>27</v>
      </c>
      <c r="BU1410" s="6">
        <v>25</v>
      </c>
      <c r="BV1410" s="6">
        <v>24</v>
      </c>
      <c r="BW1410" s="6">
        <v>20</v>
      </c>
      <c r="BX1410" s="6">
        <v>21</v>
      </c>
      <c r="BY1410" s="6">
        <v>20</v>
      </c>
      <c r="BZ1410" s="6">
        <v>20</v>
      </c>
      <c r="CA1410" s="6">
        <v>21</v>
      </c>
      <c r="CB1410" s="6">
        <v>21</v>
      </c>
      <c r="CC1410" s="11">
        <v>21.25</v>
      </c>
      <c r="CD1410" s="11">
        <v>-306.45600000000002</v>
      </c>
      <c r="CE1410" s="11">
        <v>-508.06099999999998</v>
      </c>
      <c r="CF1410" s="11">
        <v>157.339</v>
      </c>
      <c r="CG1410" s="11">
        <v>-351</v>
      </c>
      <c r="CH1410" s="20">
        <v>1.52223</v>
      </c>
      <c r="CI1410" s="20">
        <v>1.34731</v>
      </c>
      <c r="CJ1410" s="20">
        <v>1.0765199999999999</v>
      </c>
      <c r="CK1410" s="20">
        <v>1.1600600000000001</v>
      </c>
      <c r="CL1410" s="20">
        <v>1.36043</v>
      </c>
      <c r="CM1410" s="20">
        <v>1.3465100000000001</v>
      </c>
      <c r="CN1410" s="20">
        <v>1.2761499999999999</v>
      </c>
      <c r="CO1410" s="20">
        <v>1.28759</v>
      </c>
      <c r="CP1410" s="20">
        <v>1.08029</v>
      </c>
      <c r="CQ1410" s="20">
        <v>0.95095300000000005</v>
      </c>
      <c r="CR1410" s="20">
        <v>0.79174599999999995</v>
      </c>
      <c r="CS1410" s="20">
        <v>0.85644399999999998</v>
      </c>
      <c r="CT1410" s="20">
        <v>0.88519199999999998</v>
      </c>
      <c r="CU1410" s="20">
        <v>0.95033100000000004</v>
      </c>
      <c r="CV1410" s="20">
        <v>1.0380499999999999</v>
      </c>
      <c r="CW1410" s="20">
        <v>1.1662699999999999</v>
      </c>
      <c r="CX1410" s="20">
        <v>1.22862</v>
      </c>
      <c r="CY1410" s="6" t="s">
        <v>603</v>
      </c>
      <c r="CZ1410" s="6" t="s">
        <v>604</v>
      </c>
      <c r="DA1410" s="6" t="s">
        <v>100</v>
      </c>
      <c r="DB1410" s="6" t="s">
        <v>345</v>
      </c>
      <c r="DC1410" s="6"/>
      <c r="DD1410" s="6"/>
      <c r="DE1410" s="6"/>
      <c r="DF1410" s="6"/>
      <c r="DG1410" s="6"/>
      <c r="DH1410" s="6" t="s">
        <v>333</v>
      </c>
      <c r="DI1410" s="6"/>
      <c r="DJ1410" s="6"/>
      <c r="DK1410" s="6"/>
      <c r="DL1410" s="6">
        <v>6</v>
      </c>
      <c r="DM1410" s="6" t="s">
        <v>396</v>
      </c>
      <c r="DN1410" s="6">
        <v>6</v>
      </c>
      <c r="DO1410" s="6" t="s">
        <v>393</v>
      </c>
      <c r="DP1410" s="6"/>
      <c r="DQ1410" s="6"/>
    </row>
    <row r="1411" spans="1:121" x14ac:dyDescent="0.2">
      <c r="A1411" s="6" t="s">
        <v>313</v>
      </c>
      <c r="B1411" s="6" t="s">
        <v>313</v>
      </c>
      <c r="C1411" s="6" t="s">
        <v>178</v>
      </c>
      <c r="D1411" s="6" t="s">
        <v>100</v>
      </c>
      <c r="E1411" s="6" t="s">
        <v>241</v>
      </c>
      <c r="F1411" s="11">
        <v>-126</v>
      </c>
      <c r="G1411" s="13">
        <v>-0.44839857651199999</v>
      </c>
      <c r="H1411" s="11">
        <v>-86.073024228000037</v>
      </c>
      <c r="I1411" s="13">
        <v>-0.30614036870666483</v>
      </c>
      <c r="J1411" s="11">
        <v>-35.041076358999987</v>
      </c>
      <c r="K1411" s="13">
        <v>-0.17962192873900396</v>
      </c>
      <c r="L1411" s="11">
        <v>-5.423229034000002</v>
      </c>
      <c r="M1411" s="13">
        <v>-3.3886430218828381E-2</v>
      </c>
      <c r="N1411" s="11">
        <v>-40.464305392999989</v>
      </c>
      <c r="O1411" s="13">
        <v>-0.20742161300384673</v>
      </c>
      <c r="P1411" s="7">
        <v>281.15542093200003</v>
      </c>
      <c r="Q1411" s="7">
        <v>227.87505559799999</v>
      </c>
      <c r="R1411" s="7">
        <v>227.422753962</v>
      </c>
      <c r="S1411" s="7">
        <v>222.42695742399999</v>
      </c>
      <c r="T1411" s="7">
        <v>232.16660713900001</v>
      </c>
      <c r="U1411" s="7">
        <v>228.57842802799999</v>
      </c>
      <c r="V1411" s="7">
        <v>195.08239670399999</v>
      </c>
      <c r="W1411" s="7">
        <v>180.43830243599999</v>
      </c>
      <c r="X1411" s="7">
        <v>164.17228233399999</v>
      </c>
      <c r="Y1411" s="7">
        <v>160.041320345</v>
      </c>
      <c r="Z1411" s="7">
        <v>159.79490260700001</v>
      </c>
      <c r="AA1411" s="7">
        <v>129.10264871800001</v>
      </c>
      <c r="AB1411" s="7">
        <v>190.20838002400001</v>
      </c>
      <c r="AC1411" s="7">
        <v>193.58974269000001</v>
      </c>
      <c r="AD1411" s="7">
        <v>146.23560232299999</v>
      </c>
      <c r="AE1411" s="7">
        <v>152.84128919599999</v>
      </c>
      <c r="AF1411" s="7">
        <v>154.618091311</v>
      </c>
      <c r="AG1411" s="9">
        <v>-4057.8725372999979</v>
      </c>
      <c r="AH1411" s="13">
        <v>-0.1077887530862983</v>
      </c>
      <c r="AI1411" s="9">
        <v>-7803.8348618999953</v>
      </c>
      <c r="AJ1411" s="13">
        <v>-0.20729227478773271</v>
      </c>
      <c r="AK1411" s="9">
        <v>871.28536619999795</v>
      </c>
      <c r="AL1411" s="13">
        <v>2.9195934191061441E-2</v>
      </c>
      <c r="AM1411" s="9">
        <v>2874.6769583999994</v>
      </c>
      <c r="AN1411" s="13">
        <v>9.3595063290994304E-2</v>
      </c>
      <c r="AO1411" s="9">
        <v>3745.9623245999974</v>
      </c>
      <c r="AP1411" s="13">
        <v>0.12552359279050784</v>
      </c>
      <c r="AQ1411" s="9">
        <v>37646.530098099996</v>
      </c>
      <c r="AR1411" s="9">
        <v>34212.117653100002</v>
      </c>
      <c r="AS1411" s="9">
        <v>29280.7912392</v>
      </c>
      <c r="AT1411" s="9">
        <v>30904.831447699999</v>
      </c>
      <c r="AU1411" s="9">
        <v>28203.577859000001</v>
      </c>
      <c r="AV1411" s="9">
        <v>32923.516326800003</v>
      </c>
      <c r="AW1411" s="9">
        <v>29842.695236200001</v>
      </c>
      <c r="AX1411" s="9">
        <v>28520.519716899998</v>
      </c>
      <c r="AY1411" s="9">
        <v>29506.312282399998</v>
      </c>
      <c r="AZ1411" s="9">
        <v>30713.980602399999</v>
      </c>
      <c r="BA1411" s="9">
        <v>27641.321033200002</v>
      </c>
      <c r="BB1411" s="9">
        <v>28327.6885439</v>
      </c>
      <c r="BC1411" s="9">
        <v>38826.878736699997</v>
      </c>
      <c r="BD1411" s="9">
        <v>35983.236917299997</v>
      </c>
      <c r="BE1411" s="9">
        <v>32225.7345092</v>
      </c>
      <c r="BF1411" s="9">
        <v>33588.657560799998</v>
      </c>
      <c r="BG1411" s="11">
        <v>-7.25</v>
      </c>
      <c r="BH1411" s="13">
        <v>-0.24166666666666667</v>
      </c>
      <c r="BI1411" s="6">
        <v>2</v>
      </c>
      <c r="BJ1411" s="13">
        <v>6.6666666666666666E-2</v>
      </c>
      <c r="BK1411" s="6">
        <v>-8</v>
      </c>
      <c r="BL1411" s="13">
        <v>-0.25</v>
      </c>
      <c r="BM1411" s="11">
        <v>-1.25</v>
      </c>
      <c r="BN1411" s="13">
        <v>-5.2083333333333336E-2</v>
      </c>
      <c r="BO1411" s="11">
        <v>-9.25</v>
      </c>
      <c r="BP1411" s="13">
        <v>-0.2890625</v>
      </c>
      <c r="BQ1411" s="6">
        <v>30</v>
      </c>
      <c r="BR1411" s="6">
        <v>34</v>
      </c>
      <c r="BS1411" s="6">
        <v>31</v>
      </c>
      <c r="BT1411" s="6">
        <v>32</v>
      </c>
      <c r="BU1411" s="6">
        <v>30</v>
      </c>
      <c r="BV1411" s="6">
        <v>30</v>
      </c>
      <c r="BW1411" s="6">
        <v>24</v>
      </c>
      <c r="BX1411" s="6">
        <v>24</v>
      </c>
      <c r="BY1411" s="6">
        <v>21</v>
      </c>
      <c r="BZ1411" s="6">
        <v>24</v>
      </c>
      <c r="CA1411" s="6">
        <v>24</v>
      </c>
      <c r="CB1411" s="6">
        <v>22</v>
      </c>
      <c r="CC1411" s="11">
        <v>22.75</v>
      </c>
      <c r="CD1411" s="11">
        <v>-134.28200000000001</v>
      </c>
      <c r="CE1411" s="11">
        <v>-22.9894</v>
      </c>
      <c r="CF1411" s="11">
        <v>30.733699999999999</v>
      </c>
      <c r="CG1411" s="11">
        <v>8</v>
      </c>
      <c r="CH1411" s="20">
        <v>0.83504900000000004</v>
      </c>
      <c r="CI1411" s="20">
        <v>0.67745299999999997</v>
      </c>
      <c r="CJ1411" s="20">
        <v>0.690577</v>
      </c>
      <c r="CK1411" s="20">
        <v>0.67041799999999996</v>
      </c>
      <c r="CL1411" s="20">
        <v>0.665354</v>
      </c>
      <c r="CM1411" s="20">
        <v>0.64841300000000002</v>
      </c>
      <c r="CN1411" s="20">
        <v>0.55338500000000002</v>
      </c>
      <c r="CO1411" s="20">
        <v>0.54803299999999999</v>
      </c>
      <c r="CP1411" s="20">
        <v>0.56848900000000002</v>
      </c>
      <c r="CQ1411" s="20">
        <v>0.58048100000000002</v>
      </c>
      <c r="CR1411" s="20">
        <v>0.60722299999999996</v>
      </c>
      <c r="CS1411" s="20">
        <v>0.47319800000000001</v>
      </c>
      <c r="CT1411" s="20">
        <v>0.67616200000000004</v>
      </c>
      <c r="CU1411" s="20">
        <v>0.66657900000000003</v>
      </c>
      <c r="CV1411" s="20">
        <v>0.497336</v>
      </c>
      <c r="CW1411" s="20">
        <v>0.50769699999999995</v>
      </c>
      <c r="CX1411" s="20">
        <v>0.50203900000000001</v>
      </c>
      <c r="CY1411" s="6" t="s">
        <v>603</v>
      </c>
      <c r="CZ1411" s="6" t="s">
        <v>604</v>
      </c>
      <c r="DA1411" s="6" t="s">
        <v>100</v>
      </c>
      <c r="DB1411" s="6" t="s">
        <v>345</v>
      </c>
      <c r="DC1411" s="6"/>
      <c r="DD1411" s="6"/>
      <c r="DE1411" s="6"/>
      <c r="DF1411" s="6"/>
      <c r="DG1411" s="6"/>
      <c r="DH1411" s="6" t="s">
        <v>333</v>
      </c>
      <c r="DI1411" s="6"/>
      <c r="DJ1411" s="6"/>
      <c r="DK1411" s="6"/>
      <c r="DL1411" s="6">
        <v>6</v>
      </c>
      <c r="DM1411" s="6" t="s">
        <v>396</v>
      </c>
      <c r="DN1411" s="6">
        <v>6</v>
      </c>
      <c r="DO1411" s="6" t="s">
        <v>393</v>
      </c>
      <c r="DP1411" s="6"/>
      <c r="DQ1411" s="6"/>
    </row>
    <row r="1412" spans="1:121" x14ac:dyDescent="0.2">
      <c r="A1412" s="6" t="s">
        <v>793</v>
      </c>
      <c r="B1412" s="6" t="s">
        <v>179</v>
      </c>
      <c r="C1412" s="6" t="s">
        <v>180</v>
      </c>
      <c r="D1412" s="6" t="s">
        <v>100</v>
      </c>
      <c r="E1412" s="6" t="s">
        <v>241</v>
      </c>
      <c r="F1412" s="11">
        <v>182</v>
      </c>
      <c r="G1412" s="13">
        <v>0.14000000000000001</v>
      </c>
      <c r="H1412" s="11">
        <v>-165</v>
      </c>
      <c r="I1412" s="13">
        <v>-0.12992125984251968</v>
      </c>
      <c r="J1412" s="11">
        <v>-159</v>
      </c>
      <c r="K1412" s="13">
        <v>-0.14389140271493212</v>
      </c>
      <c r="L1412" s="11">
        <v>506</v>
      </c>
      <c r="M1412" s="13">
        <v>0.53488372093023251</v>
      </c>
      <c r="N1412" s="11">
        <v>347</v>
      </c>
      <c r="O1412" s="13">
        <v>0.31402714932126696</v>
      </c>
      <c r="P1412" s="7">
        <v>1270</v>
      </c>
      <c r="Q1412" s="7">
        <v>1273</v>
      </c>
      <c r="R1412" s="7">
        <v>1332</v>
      </c>
      <c r="S1412" s="7">
        <v>1189</v>
      </c>
      <c r="T1412" s="7">
        <v>1156</v>
      </c>
      <c r="U1412" s="7">
        <v>1157</v>
      </c>
      <c r="V1412" s="7">
        <v>1105</v>
      </c>
      <c r="W1412" s="7">
        <v>1079</v>
      </c>
      <c r="X1412" s="7">
        <v>895</v>
      </c>
      <c r="Y1412" s="7">
        <v>946</v>
      </c>
      <c r="Z1412" s="7">
        <v>936</v>
      </c>
      <c r="AA1412" s="7">
        <v>1038</v>
      </c>
      <c r="AB1412" s="7">
        <v>1064</v>
      </c>
      <c r="AC1412" s="7">
        <v>1105</v>
      </c>
      <c r="AD1412" s="7">
        <v>1215</v>
      </c>
      <c r="AE1412" s="7">
        <v>1389</v>
      </c>
      <c r="AF1412" s="7">
        <v>1452</v>
      </c>
      <c r="AG1412" s="9">
        <v>7079</v>
      </c>
      <c r="AH1412" s="13">
        <v>0.32259387531899381</v>
      </c>
      <c r="AI1412" s="9">
        <v>7130</v>
      </c>
      <c r="AJ1412" s="13">
        <v>0.3249179730222384</v>
      </c>
      <c r="AK1412" s="9">
        <v>-887</v>
      </c>
      <c r="AL1412" s="13">
        <v>-3.0508357983077664E-2</v>
      </c>
      <c r="AM1412" s="9">
        <v>836</v>
      </c>
      <c r="AN1412" s="13">
        <v>2.965906268847341E-2</v>
      </c>
      <c r="AO1412" s="9">
        <v>-51</v>
      </c>
      <c r="AP1412" s="13">
        <v>-1.7541445965467428E-3</v>
      </c>
      <c r="AQ1412" s="9">
        <v>21944</v>
      </c>
      <c r="AR1412" s="9">
        <v>23721</v>
      </c>
      <c r="AS1412" s="9">
        <v>24059</v>
      </c>
      <c r="AT1412" s="9">
        <v>24461</v>
      </c>
      <c r="AU1412" s="9">
        <v>25863</v>
      </c>
      <c r="AV1412" s="9">
        <v>27424</v>
      </c>
      <c r="AW1412" s="9">
        <v>29074</v>
      </c>
      <c r="AX1412" s="9">
        <v>29101</v>
      </c>
      <c r="AY1412" s="9">
        <v>28037</v>
      </c>
      <c r="AZ1412" s="9">
        <v>28187</v>
      </c>
      <c r="BA1412" s="9">
        <v>27557</v>
      </c>
      <c r="BB1412" s="9">
        <v>28075</v>
      </c>
      <c r="BC1412" s="9">
        <v>29338</v>
      </c>
      <c r="BD1412" s="9">
        <v>31063</v>
      </c>
      <c r="BE1412" s="9">
        <v>30189</v>
      </c>
      <c r="BF1412" s="9">
        <v>29023</v>
      </c>
      <c r="BG1412" s="11">
        <v>-13</v>
      </c>
      <c r="BH1412" s="13">
        <v>-0.12621359223300971</v>
      </c>
      <c r="BI1412" s="6">
        <v>-9</v>
      </c>
      <c r="BJ1412" s="13">
        <v>-8.7378640776699032E-2</v>
      </c>
      <c r="BK1412" s="6">
        <v>-11</v>
      </c>
      <c r="BL1412" s="13">
        <v>-0.11702127659574468</v>
      </c>
      <c r="BM1412" s="11">
        <v>7</v>
      </c>
      <c r="BN1412" s="13">
        <v>8.4337349397590355E-2</v>
      </c>
      <c r="BO1412" s="11">
        <v>-4</v>
      </c>
      <c r="BP1412" s="13">
        <v>-4.2553191489361701E-2</v>
      </c>
      <c r="BQ1412" s="6">
        <v>103</v>
      </c>
      <c r="BR1412" s="6">
        <v>99</v>
      </c>
      <c r="BS1412" s="6">
        <v>100</v>
      </c>
      <c r="BT1412" s="6">
        <v>94</v>
      </c>
      <c r="BU1412" s="6">
        <v>93</v>
      </c>
      <c r="BV1412" s="6">
        <v>87</v>
      </c>
      <c r="BW1412" s="6">
        <v>83</v>
      </c>
      <c r="BX1412" s="6">
        <v>82</v>
      </c>
      <c r="BY1412" s="6">
        <v>85</v>
      </c>
      <c r="BZ1412" s="6">
        <v>83</v>
      </c>
      <c r="CA1412" s="6">
        <v>86</v>
      </c>
      <c r="CB1412" s="6">
        <v>89</v>
      </c>
      <c r="CC1412" s="11">
        <v>90</v>
      </c>
      <c r="CD1412" s="11">
        <v>125</v>
      </c>
      <c r="CE1412" s="11">
        <v>-81</v>
      </c>
      <c r="CF1412" s="11">
        <v>139</v>
      </c>
      <c r="CG1412" s="11">
        <v>58</v>
      </c>
      <c r="CH1412" s="20">
        <v>1.41</v>
      </c>
      <c r="CI1412" s="20">
        <v>1.39</v>
      </c>
      <c r="CJ1412" s="20">
        <v>1.49</v>
      </c>
      <c r="CK1412" s="20">
        <v>1.32</v>
      </c>
      <c r="CL1412" s="20">
        <v>1.23</v>
      </c>
      <c r="CM1412" s="20">
        <v>1.24</v>
      </c>
      <c r="CN1412" s="20">
        <v>1.19</v>
      </c>
      <c r="CO1412" s="20">
        <v>1.25</v>
      </c>
      <c r="CP1412" s="20">
        <v>1.1599999999999999</v>
      </c>
      <c r="CQ1412" s="20">
        <v>1.28</v>
      </c>
      <c r="CR1412" s="20">
        <v>1.32</v>
      </c>
      <c r="CS1412" s="20">
        <v>1.43</v>
      </c>
      <c r="CT1412" s="20">
        <v>1.42</v>
      </c>
      <c r="CU1412" s="20">
        <v>1.42</v>
      </c>
      <c r="CV1412" s="20">
        <v>1.53</v>
      </c>
      <c r="CW1412" s="20">
        <v>1.69</v>
      </c>
      <c r="CX1412" s="20">
        <v>1.73</v>
      </c>
      <c r="CY1412" s="6" t="s">
        <v>603</v>
      </c>
      <c r="CZ1412" s="6" t="s">
        <v>604</v>
      </c>
      <c r="DA1412" s="6" t="s">
        <v>100</v>
      </c>
      <c r="DB1412" s="6" t="s">
        <v>345</v>
      </c>
      <c r="DC1412" s="6"/>
      <c r="DD1412" s="6"/>
      <c r="DE1412" s="6"/>
      <c r="DF1412" s="6"/>
      <c r="DG1412" s="6"/>
      <c r="DH1412" s="6" t="s">
        <v>333</v>
      </c>
      <c r="DI1412" s="6"/>
      <c r="DJ1412" s="6"/>
      <c r="DK1412" s="6"/>
      <c r="DL1412" s="6">
        <v>6</v>
      </c>
      <c r="DM1412" s="6" t="s">
        <v>396</v>
      </c>
      <c r="DN1412" s="6">
        <v>6</v>
      </c>
      <c r="DO1412" s="6" t="s">
        <v>393</v>
      </c>
      <c r="DP1412" s="6"/>
      <c r="DQ1412" s="6"/>
    </row>
    <row r="1413" spans="1:121" x14ac:dyDescent="0.2">
      <c r="A1413" s="6" t="s">
        <v>794</v>
      </c>
      <c r="B1413" s="6" t="s">
        <v>181</v>
      </c>
      <c r="C1413" s="6" t="s">
        <v>182</v>
      </c>
      <c r="D1413" s="6" t="s">
        <v>100</v>
      </c>
      <c r="E1413" s="6" t="s">
        <v>241</v>
      </c>
      <c r="F1413" s="11">
        <v>-63</v>
      </c>
      <c r="G1413" s="13">
        <v>-0.18529411764699999</v>
      </c>
      <c r="H1413" s="11">
        <v>-53.398895609000022</v>
      </c>
      <c r="I1413" s="13">
        <v>-0.15724067571192146</v>
      </c>
      <c r="J1413" s="11">
        <v>3.2857301430000234</v>
      </c>
      <c r="K1413" s="13">
        <v>1.1480503942986517E-2</v>
      </c>
      <c r="L1413" s="11">
        <v>-12.720528043999991</v>
      </c>
      <c r="M1413" s="13">
        <v>-4.3941682686241323E-2</v>
      </c>
      <c r="N1413" s="11">
        <v>-9.4347979009999676</v>
      </c>
      <c r="O1413" s="13">
        <v>-3.2965651404595661E-2</v>
      </c>
      <c r="P1413" s="7">
        <v>339.599759205</v>
      </c>
      <c r="Q1413" s="7">
        <v>343.91425942900003</v>
      </c>
      <c r="R1413" s="7">
        <v>340.549629611</v>
      </c>
      <c r="S1413" s="7">
        <v>340.436251997</v>
      </c>
      <c r="T1413" s="7">
        <v>289.24825183000002</v>
      </c>
      <c r="U1413" s="7">
        <v>286.22935203499998</v>
      </c>
      <c r="V1413" s="7">
        <v>286.20086359599998</v>
      </c>
      <c r="W1413" s="7">
        <v>280.65767303000001</v>
      </c>
      <c r="X1413" s="7">
        <v>299.20215705599998</v>
      </c>
      <c r="Y1413" s="7">
        <v>289.486593739</v>
      </c>
      <c r="Z1413" s="7">
        <v>279.74498508800002</v>
      </c>
      <c r="AA1413" s="7">
        <v>292.81495011700002</v>
      </c>
      <c r="AB1413" s="7">
        <v>284.13714261400003</v>
      </c>
      <c r="AC1413" s="7">
        <v>281.07465068300002</v>
      </c>
      <c r="AD1413" s="7">
        <v>277.28032108799999</v>
      </c>
      <c r="AE1413" s="7">
        <v>276.32431485799998</v>
      </c>
      <c r="AF1413" s="7">
        <v>276.76606569500001</v>
      </c>
      <c r="AG1413" s="9">
        <v>12065.027375400001</v>
      </c>
      <c r="AH1413" s="13">
        <v>0.28160200935083823</v>
      </c>
      <c r="AI1413" s="9">
        <v>2626.8015400000004</v>
      </c>
      <c r="AJ1413" s="13">
        <v>6.1310477698385837E-2</v>
      </c>
      <c r="AK1413" s="9">
        <v>5434.4436227999977</v>
      </c>
      <c r="AL1413" s="13">
        <v>0.11951435544968723</v>
      </c>
      <c r="AM1413" s="9">
        <v>4003.7822126000028</v>
      </c>
      <c r="AN1413" s="13">
        <v>7.8651274562413248E-2</v>
      </c>
      <c r="AO1413" s="9">
        <v>9438.2258354000005</v>
      </c>
      <c r="AP1413" s="13">
        <v>0.20756558639672368</v>
      </c>
      <c r="AQ1413" s="9">
        <v>42844.251726800001</v>
      </c>
      <c r="AR1413" s="9">
        <v>45338.862467400002</v>
      </c>
      <c r="AS1413" s="9">
        <v>44871.351684599998</v>
      </c>
      <c r="AT1413" s="9">
        <v>45044.191946999999</v>
      </c>
      <c r="AU1413" s="9">
        <v>47156.273639699997</v>
      </c>
      <c r="AV1413" s="9">
        <v>46046.494668599997</v>
      </c>
      <c r="AW1413" s="9">
        <v>45471.053266800001</v>
      </c>
      <c r="AX1413" s="9">
        <v>50308.345043100002</v>
      </c>
      <c r="AY1413" s="9">
        <v>47224.7857</v>
      </c>
      <c r="AZ1413" s="9">
        <v>50905.496889599999</v>
      </c>
      <c r="BA1413" s="9">
        <v>51881.738628799998</v>
      </c>
      <c r="BB1413" s="9">
        <v>51527.983693200003</v>
      </c>
      <c r="BC1413" s="9">
        <v>51987.087793699997</v>
      </c>
      <c r="BD1413" s="9">
        <v>50709.384547299996</v>
      </c>
      <c r="BE1413" s="9">
        <v>53553.530608599998</v>
      </c>
      <c r="BF1413" s="9">
        <v>54909.279102200002</v>
      </c>
      <c r="BG1413" s="11">
        <v>2.75</v>
      </c>
      <c r="BH1413" s="13">
        <v>0.10576923076923077</v>
      </c>
      <c r="BI1413" s="6">
        <v>-1</v>
      </c>
      <c r="BJ1413" s="13">
        <v>-3.8461538461538464E-2</v>
      </c>
      <c r="BK1413" s="6">
        <v>0</v>
      </c>
      <c r="BL1413" s="13">
        <v>0</v>
      </c>
      <c r="BM1413" s="11">
        <v>3.75</v>
      </c>
      <c r="BN1413" s="13">
        <v>0.15</v>
      </c>
      <c r="BO1413" s="11">
        <v>3.75</v>
      </c>
      <c r="BP1413" s="13">
        <v>0.15</v>
      </c>
      <c r="BQ1413" s="6">
        <v>26</v>
      </c>
      <c r="BR1413" s="6">
        <v>23</v>
      </c>
      <c r="BS1413" s="6">
        <v>25</v>
      </c>
      <c r="BT1413" s="6">
        <v>25</v>
      </c>
      <c r="BU1413" s="6">
        <v>24</v>
      </c>
      <c r="BV1413" s="6">
        <v>26</v>
      </c>
      <c r="BW1413" s="6">
        <v>25</v>
      </c>
      <c r="BX1413" s="6">
        <v>25</v>
      </c>
      <c r="BY1413" s="6">
        <v>27</v>
      </c>
      <c r="BZ1413" s="6">
        <v>28</v>
      </c>
      <c r="CA1413" s="6">
        <v>25</v>
      </c>
      <c r="CB1413" s="6">
        <v>27</v>
      </c>
      <c r="CC1413" s="11">
        <v>28.75</v>
      </c>
      <c r="CD1413" s="11">
        <v>-121.361</v>
      </c>
      <c r="CE1413" s="11">
        <v>21.405100000000001</v>
      </c>
      <c r="CF1413" s="11">
        <v>37.122300000000003</v>
      </c>
      <c r="CG1413" s="11">
        <v>58</v>
      </c>
      <c r="CH1413" s="20">
        <v>1.27416</v>
      </c>
      <c r="CI1413" s="20">
        <v>1.3025500000000001</v>
      </c>
      <c r="CJ1413" s="20">
        <v>1.3201799999999999</v>
      </c>
      <c r="CK1413" s="20">
        <v>1.2973699999999999</v>
      </c>
      <c r="CL1413" s="20">
        <v>1.0418000000000001</v>
      </c>
      <c r="CM1413" s="20">
        <v>1.01752</v>
      </c>
      <c r="CN1413" s="20">
        <v>1.0152099999999999</v>
      </c>
      <c r="CO1413" s="20">
        <v>1.0660499999999999</v>
      </c>
      <c r="CP1413" s="20">
        <v>1.2919400000000001</v>
      </c>
      <c r="CQ1413" s="20">
        <v>1.3013999999999999</v>
      </c>
      <c r="CR1413" s="20">
        <v>1.3004899999999999</v>
      </c>
      <c r="CS1413" s="20">
        <v>1.30786</v>
      </c>
      <c r="CT1413" s="20">
        <v>1.2234799999999999</v>
      </c>
      <c r="CU1413" s="20">
        <v>1.14618</v>
      </c>
      <c r="CV1413" s="20">
        <v>1.07857</v>
      </c>
      <c r="CW1413" s="20">
        <v>1.02298</v>
      </c>
      <c r="CX1413" s="20">
        <v>0.99501099999999998</v>
      </c>
      <c r="CY1413" s="6" t="s">
        <v>603</v>
      </c>
      <c r="CZ1413" s="6" t="s">
        <v>604</v>
      </c>
      <c r="DA1413" s="6" t="s">
        <v>100</v>
      </c>
      <c r="DB1413" s="6" t="s">
        <v>345</v>
      </c>
      <c r="DC1413" s="6"/>
      <c r="DD1413" s="6"/>
      <c r="DE1413" s="6"/>
      <c r="DF1413" s="6"/>
      <c r="DG1413" s="6"/>
      <c r="DH1413" s="6" t="s">
        <v>333</v>
      </c>
      <c r="DI1413" s="6"/>
      <c r="DJ1413" s="6"/>
      <c r="DK1413" s="6"/>
      <c r="DL1413" s="6">
        <v>6</v>
      </c>
      <c r="DM1413" s="6" t="s">
        <v>396</v>
      </c>
      <c r="DN1413" s="6">
        <v>6</v>
      </c>
      <c r="DO1413" s="6" t="s">
        <v>393</v>
      </c>
      <c r="DP1413" s="6"/>
      <c r="DQ1413" s="6"/>
    </row>
    <row r="1414" spans="1:121" x14ac:dyDescent="0.2">
      <c r="A1414" s="6" t="s">
        <v>314</v>
      </c>
      <c r="B1414" s="6" t="s">
        <v>314</v>
      </c>
      <c r="C1414" s="6" t="s">
        <v>183</v>
      </c>
      <c r="D1414" s="6" t="s">
        <v>100</v>
      </c>
      <c r="E1414" s="6" t="s">
        <v>241</v>
      </c>
      <c r="F1414" s="11">
        <v>-42</v>
      </c>
      <c r="G1414" s="13">
        <v>-0.407766990291</v>
      </c>
      <c r="H1414" s="11">
        <v>17.088202459000001</v>
      </c>
      <c r="I1414" s="13">
        <v>0.16593229869201173</v>
      </c>
      <c r="J1414" s="11">
        <v>-41.559451703600004</v>
      </c>
      <c r="K1414" s="13">
        <v>-0.34612345061900379</v>
      </c>
      <c r="L1414" s="11">
        <v>-17.405836778500003</v>
      </c>
      <c r="M1414" s="13">
        <v>-0.22169727754243992</v>
      </c>
      <c r="N1414" s="11">
        <v>-58.965288482100007</v>
      </c>
      <c r="O1414" s="13">
        <v>-0.49108610146561543</v>
      </c>
      <c r="P1414" s="7">
        <v>102.982979165</v>
      </c>
      <c r="Q1414" s="7">
        <v>105.99236554399999</v>
      </c>
      <c r="R1414" s="7">
        <v>97.754075664300004</v>
      </c>
      <c r="S1414" s="7">
        <v>89.537186917100001</v>
      </c>
      <c r="T1414" s="7">
        <v>95.198678743599999</v>
      </c>
      <c r="U1414" s="7">
        <v>111.14859834400001</v>
      </c>
      <c r="V1414" s="7">
        <v>120.071181624</v>
      </c>
      <c r="W1414" s="7">
        <v>110.45703038800001</v>
      </c>
      <c r="X1414" s="7">
        <v>85.192171165199994</v>
      </c>
      <c r="Y1414" s="7">
        <v>78.511729920400001</v>
      </c>
      <c r="Z1414" s="7">
        <v>74.005399044100002</v>
      </c>
      <c r="AA1414" s="7">
        <v>80.046888810599995</v>
      </c>
      <c r="AB1414" s="7">
        <v>74.334207545599995</v>
      </c>
      <c r="AC1414" s="7">
        <v>67.787820959399994</v>
      </c>
      <c r="AD1414" s="7">
        <v>57.987091435000004</v>
      </c>
      <c r="AE1414" s="7">
        <v>58.671159914100002</v>
      </c>
      <c r="AF1414" s="7">
        <v>61.105893141899998</v>
      </c>
      <c r="AG1414" s="9">
        <v>-8450.1502438000025</v>
      </c>
      <c r="AH1414" s="13">
        <v>-0.17293842886299576</v>
      </c>
      <c r="AI1414" s="9">
        <v>2558.3380724000017</v>
      </c>
      <c r="AJ1414" s="13">
        <v>5.2358236714887089E-2</v>
      </c>
      <c r="AK1414" s="9">
        <v>-1370.3119808000047</v>
      </c>
      <c r="AL1414" s="13">
        <v>-2.664912344396515E-2</v>
      </c>
      <c r="AM1414" s="9">
        <v>-9638.1763353999995</v>
      </c>
      <c r="AN1414" s="13">
        <v>-0.19257012712241359</v>
      </c>
      <c r="AO1414" s="9">
        <v>-11008.488316200004</v>
      </c>
      <c r="AP1414" s="13">
        <v>-0.21408742547707349</v>
      </c>
      <c r="AQ1414" s="9">
        <v>48862.189273700002</v>
      </c>
      <c r="AR1414" s="9">
        <v>49885.718587399999</v>
      </c>
      <c r="AS1414" s="9">
        <v>49567.466878200001</v>
      </c>
      <c r="AT1414" s="9">
        <v>57216.981878300001</v>
      </c>
      <c r="AU1414" s="9">
        <v>53728.583217899999</v>
      </c>
      <c r="AV1414" s="9">
        <v>50247.651699399998</v>
      </c>
      <c r="AW1414" s="9">
        <v>51420.527346100003</v>
      </c>
      <c r="AX1414" s="9">
        <v>48909.949829899997</v>
      </c>
      <c r="AY1414" s="9">
        <v>54545.171234599999</v>
      </c>
      <c r="AZ1414" s="9">
        <v>50050.215365299999</v>
      </c>
      <c r="BA1414" s="9">
        <v>52713.521854400002</v>
      </c>
      <c r="BB1414" s="9">
        <v>46325.429497500001</v>
      </c>
      <c r="BC1414" s="9">
        <v>44641.830615500003</v>
      </c>
      <c r="BD1414" s="9">
        <v>46297.270599000003</v>
      </c>
      <c r="BE1414" s="9">
        <v>40682.579308599998</v>
      </c>
      <c r="BF1414" s="9">
        <v>40412.039029899999</v>
      </c>
      <c r="BG1414" s="11">
        <v>-7</v>
      </c>
      <c r="BH1414" s="13">
        <v>-0.7</v>
      </c>
      <c r="BI1414" s="6">
        <v>1</v>
      </c>
      <c r="BJ1414" s="13">
        <v>0.1</v>
      </c>
      <c r="BK1414" s="6">
        <v>-4</v>
      </c>
      <c r="BL1414" s="13">
        <v>-0.36363636363636365</v>
      </c>
      <c r="BM1414" s="11">
        <v>-4</v>
      </c>
      <c r="BN1414" s="13">
        <v>-0.5714285714285714</v>
      </c>
      <c r="BO1414" s="11">
        <v>-8</v>
      </c>
      <c r="BP1414" s="13">
        <v>-0.72727272727272729</v>
      </c>
      <c r="BQ1414" s="6">
        <v>10</v>
      </c>
      <c r="BR1414" s="6">
        <v>11</v>
      </c>
      <c r="BS1414" s="6">
        <v>11</v>
      </c>
      <c r="BT1414" s="6">
        <v>11</v>
      </c>
      <c r="BU1414" s="6">
        <v>11</v>
      </c>
      <c r="BV1414" s="6">
        <v>9</v>
      </c>
      <c r="BW1414" s="6">
        <v>7</v>
      </c>
      <c r="BX1414" s="6">
        <v>6</v>
      </c>
      <c r="BY1414" s="6">
        <v>6</v>
      </c>
      <c r="BZ1414" s="6">
        <v>7</v>
      </c>
      <c r="CA1414" s="6">
        <v>7</v>
      </c>
      <c r="CB1414" s="6">
        <v>4</v>
      </c>
      <c r="CC1414" s="11">
        <v>3</v>
      </c>
      <c r="CD1414" s="11">
        <v>-21.591699999999999</v>
      </c>
      <c r="CE1414" s="11">
        <v>-31.5427</v>
      </c>
      <c r="CF1414" s="11">
        <v>11.257300000000001</v>
      </c>
      <c r="CG1414" s="11">
        <v>-21</v>
      </c>
      <c r="CH1414" s="20">
        <v>0.49066199999999999</v>
      </c>
      <c r="CI1414" s="20">
        <v>0.52415599999999996</v>
      </c>
      <c r="CJ1414" s="20">
        <v>0.516652</v>
      </c>
      <c r="CK1414" s="20">
        <v>0.48488399999999998</v>
      </c>
      <c r="CL1414" s="20">
        <v>0.505722</v>
      </c>
      <c r="CM1414" s="20">
        <v>0.60013799999999995</v>
      </c>
      <c r="CN1414" s="20">
        <v>0.66172299999999995</v>
      </c>
      <c r="CO1414" s="20">
        <v>0.65751599999999999</v>
      </c>
      <c r="CP1414" s="20">
        <v>0.57375500000000001</v>
      </c>
      <c r="CQ1414" s="20">
        <v>0.56467599999999996</v>
      </c>
      <c r="CR1414" s="20">
        <v>0.570905</v>
      </c>
      <c r="CS1414" s="20">
        <v>0.60527600000000004</v>
      </c>
      <c r="CT1414" s="20">
        <v>0.54749700000000001</v>
      </c>
      <c r="CU1414" s="20">
        <v>0.48298000000000002</v>
      </c>
      <c r="CV1414" s="20">
        <v>0.40849200000000002</v>
      </c>
      <c r="CW1414" s="20">
        <v>0.39765499999999998</v>
      </c>
      <c r="CX1414" s="20">
        <v>0.407273</v>
      </c>
      <c r="CY1414" s="6" t="s">
        <v>603</v>
      </c>
      <c r="CZ1414" s="6" t="s">
        <v>604</v>
      </c>
      <c r="DA1414" s="6" t="s">
        <v>100</v>
      </c>
      <c r="DB1414" s="6" t="s">
        <v>345</v>
      </c>
      <c r="DC1414" s="6"/>
      <c r="DD1414" s="6"/>
      <c r="DE1414" s="6"/>
      <c r="DF1414" s="6"/>
      <c r="DG1414" s="6"/>
      <c r="DH1414" s="6" t="s">
        <v>333</v>
      </c>
      <c r="DI1414" s="6"/>
      <c r="DJ1414" s="6"/>
      <c r="DK1414" s="6"/>
      <c r="DL1414" s="6">
        <v>6</v>
      </c>
      <c r="DM1414" s="6" t="s">
        <v>396</v>
      </c>
      <c r="DN1414" s="6">
        <v>6</v>
      </c>
      <c r="DO1414" s="6" t="s">
        <v>393</v>
      </c>
      <c r="DP1414" s="6"/>
      <c r="DQ1414" s="6"/>
    </row>
    <row r="1415" spans="1:121" x14ac:dyDescent="0.2">
      <c r="A1415" s="6" t="s">
        <v>315</v>
      </c>
      <c r="B1415" s="6" t="s">
        <v>315</v>
      </c>
      <c r="C1415" s="6" t="s">
        <v>184</v>
      </c>
      <c r="D1415" s="6" t="s">
        <v>100</v>
      </c>
      <c r="E1415" s="6" t="s">
        <v>241</v>
      </c>
      <c r="F1415" s="11">
        <v>-36</v>
      </c>
      <c r="G1415" s="13">
        <v>-0.17</v>
      </c>
      <c r="H1415" s="11">
        <v>25</v>
      </c>
      <c r="I1415" s="13">
        <v>0.11737089201877934</v>
      </c>
      <c r="J1415" s="11">
        <v>-28</v>
      </c>
      <c r="K1415" s="13">
        <v>-0.1176470588235294</v>
      </c>
      <c r="L1415" s="11">
        <v>-33</v>
      </c>
      <c r="M1415" s="13">
        <v>-0.15714285714285714</v>
      </c>
      <c r="N1415" s="11">
        <v>-61</v>
      </c>
      <c r="O1415" s="13">
        <v>-0.25630252100840334</v>
      </c>
      <c r="P1415" s="7">
        <v>213</v>
      </c>
      <c r="Q1415" s="7">
        <v>225</v>
      </c>
      <c r="R1415" s="7">
        <v>245</v>
      </c>
      <c r="S1415" s="7">
        <v>241</v>
      </c>
      <c r="T1415" s="7">
        <v>235</v>
      </c>
      <c r="U1415" s="7">
        <v>223</v>
      </c>
      <c r="V1415" s="7">
        <v>238</v>
      </c>
      <c r="W1415" s="7">
        <v>239</v>
      </c>
      <c r="X1415" s="7">
        <v>238</v>
      </c>
      <c r="Y1415" s="7">
        <v>210</v>
      </c>
      <c r="Z1415" s="7">
        <v>203</v>
      </c>
      <c r="AA1415" s="7">
        <v>195</v>
      </c>
      <c r="AB1415" s="7">
        <v>194</v>
      </c>
      <c r="AC1415" s="7">
        <v>187</v>
      </c>
      <c r="AD1415" s="7">
        <v>188</v>
      </c>
      <c r="AE1415" s="7">
        <v>182</v>
      </c>
      <c r="AF1415" s="7">
        <v>177</v>
      </c>
      <c r="AG1415" s="9">
        <v>23160</v>
      </c>
      <c r="AH1415" s="13">
        <v>0.65838474002899627</v>
      </c>
      <c r="AI1415" s="9">
        <v>3605</v>
      </c>
      <c r="AJ1415" s="13">
        <v>0.1024817352247207</v>
      </c>
      <c r="AK1415" s="9">
        <v>4557</v>
      </c>
      <c r="AL1415" s="13">
        <v>0.11750296529317723</v>
      </c>
      <c r="AM1415" s="9">
        <v>14998</v>
      </c>
      <c r="AN1415" s="13">
        <v>0.34606243798887837</v>
      </c>
      <c r="AO1415" s="9">
        <v>19555</v>
      </c>
      <c r="AP1415" s="13">
        <v>0.50422876592233512</v>
      </c>
      <c r="AQ1415" s="9">
        <v>35177</v>
      </c>
      <c r="AR1415" s="9">
        <v>35639</v>
      </c>
      <c r="AS1415" s="9">
        <v>35345</v>
      </c>
      <c r="AT1415" s="9">
        <v>35670</v>
      </c>
      <c r="AU1415" s="9">
        <v>36609</v>
      </c>
      <c r="AV1415" s="9">
        <v>38584</v>
      </c>
      <c r="AW1415" s="9">
        <v>38782</v>
      </c>
      <c r="AX1415" s="9">
        <v>41603</v>
      </c>
      <c r="AY1415" s="9">
        <v>40780</v>
      </c>
      <c r="AZ1415" s="9">
        <v>43339</v>
      </c>
      <c r="BA1415" s="9">
        <v>47869</v>
      </c>
      <c r="BB1415" s="9">
        <v>50352</v>
      </c>
      <c r="BC1415" s="9">
        <v>53985</v>
      </c>
      <c r="BD1415" s="9">
        <v>55160</v>
      </c>
      <c r="BE1415" s="9">
        <v>56246</v>
      </c>
      <c r="BF1415" s="9">
        <v>58337</v>
      </c>
      <c r="BG1415" s="11">
        <v>-8</v>
      </c>
      <c r="BH1415" s="13">
        <v>-0.21621621621621623</v>
      </c>
      <c r="BI1415" s="6">
        <v>0</v>
      </c>
      <c r="BJ1415" s="13">
        <v>0</v>
      </c>
      <c r="BK1415" s="6">
        <v>-2</v>
      </c>
      <c r="BL1415" s="13">
        <v>-5.4054054054054057E-2</v>
      </c>
      <c r="BM1415" s="11">
        <v>-6</v>
      </c>
      <c r="BN1415" s="13">
        <v>-0.17142857142857143</v>
      </c>
      <c r="BO1415" s="11">
        <v>-8</v>
      </c>
      <c r="BP1415" s="13">
        <v>-0.21621621621621623</v>
      </c>
      <c r="BQ1415" s="6">
        <v>37</v>
      </c>
      <c r="BR1415" s="6">
        <v>36</v>
      </c>
      <c r="BS1415" s="6">
        <v>37</v>
      </c>
      <c r="BT1415" s="6">
        <v>37</v>
      </c>
      <c r="BU1415" s="6">
        <v>40</v>
      </c>
      <c r="BV1415" s="6">
        <v>39</v>
      </c>
      <c r="BW1415" s="6">
        <v>35</v>
      </c>
      <c r="BX1415" s="6">
        <v>32</v>
      </c>
      <c r="BY1415" s="6">
        <v>32</v>
      </c>
      <c r="BZ1415" s="6">
        <v>30</v>
      </c>
      <c r="CA1415" s="6">
        <v>29</v>
      </c>
      <c r="CB1415" s="6">
        <v>30</v>
      </c>
      <c r="CC1415" s="11">
        <v>29</v>
      </c>
      <c r="CD1415" s="11">
        <v>-43</v>
      </c>
      <c r="CE1415" s="11">
        <v>-17</v>
      </c>
      <c r="CF1415" s="11">
        <v>23</v>
      </c>
      <c r="CG1415" s="11">
        <v>6</v>
      </c>
      <c r="CH1415" s="20">
        <v>0.62</v>
      </c>
      <c r="CI1415" s="20">
        <v>0.65</v>
      </c>
      <c r="CJ1415" s="20">
        <v>0.7</v>
      </c>
      <c r="CK1415" s="20">
        <v>0.69</v>
      </c>
      <c r="CL1415" s="20">
        <v>0.64</v>
      </c>
      <c r="CM1415" s="20">
        <v>0.6</v>
      </c>
      <c r="CN1415" s="20">
        <v>0.66</v>
      </c>
      <c r="CO1415" s="20">
        <v>0.72</v>
      </c>
      <c r="CP1415" s="20">
        <v>0.79</v>
      </c>
      <c r="CQ1415" s="20">
        <v>0.74</v>
      </c>
      <c r="CR1415" s="20">
        <v>0.75</v>
      </c>
      <c r="CS1415" s="20">
        <v>0.7</v>
      </c>
      <c r="CT1415" s="20">
        <v>0.68</v>
      </c>
      <c r="CU1415" s="20">
        <v>0.64</v>
      </c>
      <c r="CV1415" s="20">
        <v>0.63</v>
      </c>
      <c r="CW1415" s="20">
        <v>0.59</v>
      </c>
      <c r="CX1415" s="20">
        <v>0.56000000000000005</v>
      </c>
      <c r="CY1415" s="6" t="s">
        <v>603</v>
      </c>
      <c r="CZ1415" s="6" t="s">
        <v>604</v>
      </c>
      <c r="DA1415" s="6" t="s">
        <v>100</v>
      </c>
      <c r="DB1415" s="6" t="s">
        <v>345</v>
      </c>
      <c r="DC1415" s="6"/>
      <c r="DD1415" s="6"/>
      <c r="DE1415" s="6"/>
      <c r="DF1415" s="6"/>
      <c r="DG1415" s="6"/>
      <c r="DH1415" s="6" t="s">
        <v>333</v>
      </c>
      <c r="DI1415" s="6"/>
      <c r="DJ1415" s="6"/>
      <c r="DK1415" s="6"/>
      <c r="DL1415" s="6">
        <v>6</v>
      </c>
      <c r="DM1415" s="6" t="s">
        <v>396</v>
      </c>
      <c r="DN1415" s="6">
        <v>6</v>
      </c>
      <c r="DO1415" s="6" t="s">
        <v>393</v>
      </c>
      <c r="DP1415" s="6"/>
      <c r="DQ1415" s="6"/>
    </row>
    <row r="1416" spans="1:121" x14ac:dyDescent="0.2">
      <c r="A1416" s="6" t="s">
        <v>316</v>
      </c>
      <c r="B1416" s="6" t="s">
        <v>316</v>
      </c>
      <c r="C1416" s="6" t="s">
        <v>185</v>
      </c>
      <c r="D1416" s="6" t="s">
        <v>100</v>
      </c>
      <c r="E1416" s="6" t="s">
        <v>241</v>
      </c>
      <c r="F1416" s="11">
        <v>63</v>
      </c>
      <c r="G1416" s="13">
        <v>0.88</v>
      </c>
      <c r="H1416" s="11">
        <v>51</v>
      </c>
      <c r="I1416" s="13">
        <v>0.70833333333333337</v>
      </c>
      <c r="J1416" s="11">
        <v>-18</v>
      </c>
      <c r="K1416" s="13">
        <v>-0.14634146341463414</v>
      </c>
      <c r="L1416" s="11">
        <v>30</v>
      </c>
      <c r="M1416" s="13">
        <v>0.2857142857142857</v>
      </c>
      <c r="N1416" s="11">
        <v>12</v>
      </c>
      <c r="O1416" s="13">
        <v>9.7560975609756101E-2</v>
      </c>
      <c r="P1416" s="7">
        <v>72</v>
      </c>
      <c r="Q1416" s="7">
        <v>110</v>
      </c>
      <c r="R1416" s="7">
        <v>100</v>
      </c>
      <c r="S1416" s="7">
        <v>114</v>
      </c>
      <c r="T1416" s="7">
        <v>137</v>
      </c>
      <c r="U1416" s="7">
        <v>114</v>
      </c>
      <c r="V1416" s="7">
        <v>123</v>
      </c>
      <c r="W1416" s="7">
        <v>107</v>
      </c>
      <c r="X1416" s="7">
        <v>94</v>
      </c>
      <c r="Y1416" s="7">
        <v>105</v>
      </c>
      <c r="Z1416" s="7">
        <v>97</v>
      </c>
      <c r="AA1416" s="7">
        <v>105</v>
      </c>
      <c r="AB1416" s="7">
        <v>144</v>
      </c>
      <c r="AC1416" s="7">
        <v>141</v>
      </c>
      <c r="AD1416" s="7">
        <v>133</v>
      </c>
      <c r="AE1416" s="7">
        <v>130</v>
      </c>
      <c r="AF1416" s="7">
        <v>135</v>
      </c>
      <c r="AG1416" s="9">
        <v>17283</v>
      </c>
      <c r="AH1416" s="13">
        <v>0.86596853392123452</v>
      </c>
      <c r="AI1416" s="9">
        <v>6622</v>
      </c>
      <c r="AJ1416" s="13">
        <v>0.33179677322376994</v>
      </c>
      <c r="AK1416" s="9">
        <v>1140</v>
      </c>
      <c r="AL1416" s="13">
        <v>4.2889390519187359E-2</v>
      </c>
      <c r="AM1416" s="9">
        <v>9521</v>
      </c>
      <c r="AN1416" s="13">
        <v>0.34347041847041848</v>
      </c>
      <c r="AO1416" s="9">
        <v>10661</v>
      </c>
      <c r="AP1416" s="13">
        <v>0.40109104589917233</v>
      </c>
      <c r="AQ1416" s="9">
        <v>19958</v>
      </c>
      <c r="AR1416" s="9">
        <v>21641</v>
      </c>
      <c r="AS1416" s="9">
        <v>23913</v>
      </c>
      <c r="AT1416" s="9">
        <v>25567</v>
      </c>
      <c r="AU1416" s="9">
        <v>27972</v>
      </c>
      <c r="AV1416" s="9">
        <v>27163</v>
      </c>
      <c r="AW1416" s="9">
        <v>26580</v>
      </c>
      <c r="AX1416" s="9">
        <v>24881</v>
      </c>
      <c r="AY1416" s="9">
        <v>25818</v>
      </c>
      <c r="AZ1416" s="9">
        <v>27720</v>
      </c>
      <c r="BA1416" s="9">
        <v>29399</v>
      </c>
      <c r="BB1416" s="9">
        <v>29995</v>
      </c>
      <c r="BC1416" s="9">
        <v>31998</v>
      </c>
      <c r="BD1416" s="9">
        <v>32228</v>
      </c>
      <c r="BE1416" s="9">
        <v>37521</v>
      </c>
      <c r="BF1416" s="9">
        <v>37241</v>
      </c>
      <c r="BG1416" s="11">
        <v>0</v>
      </c>
      <c r="BH1416" s="13">
        <v>0</v>
      </c>
      <c r="BI1416" s="6">
        <v>6</v>
      </c>
      <c r="BJ1416" s="13">
        <v>0.22222222222222221</v>
      </c>
      <c r="BK1416" s="6">
        <v>-4</v>
      </c>
      <c r="BL1416" s="13">
        <v>-0.12121212121212122</v>
      </c>
      <c r="BM1416" s="11">
        <v>-2</v>
      </c>
      <c r="BN1416" s="13">
        <v>-6.8965517241379309E-2</v>
      </c>
      <c r="BO1416" s="11">
        <v>-6</v>
      </c>
      <c r="BP1416" s="13">
        <v>-0.18181818181818182</v>
      </c>
      <c r="BQ1416" s="6">
        <v>27</v>
      </c>
      <c r="BR1416" s="6">
        <v>32</v>
      </c>
      <c r="BS1416" s="6">
        <v>34</v>
      </c>
      <c r="BT1416" s="6">
        <v>33</v>
      </c>
      <c r="BU1416" s="6">
        <v>32</v>
      </c>
      <c r="BV1416" s="6">
        <v>26</v>
      </c>
      <c r="BW1416" s="6">
        <v>29</v>
      </c>
      <c r="BX1416" s="6">
        <v>28</v>
      </c>
      <c r="BY1416" s="6">
        <v>30</v>
      </c>
      <c r="BZ1416" s="6">
        <v>28</v>
      </c>
      <c r="CA1416" s="6">
        <v>27</v>
      </c>
      <c r="CB1416" s="6">
        <v>26</v>
      </c>
      <c r="CC1416" s="11">
        <v>27</v>
      </c>
      <c r="CD1416" s="11">
        <v>59</v>
      </c>
      <c r="CE1416" s="11">
        <v>-4</v>
      </c>
      <c r="CF1416" s="11">
        <v>8</v>
      </c>
      <c r="CG1416" s="11">
        <v>4</v>
      </c>
      <c r="CH1416" s="20">
        <v>0.51</v>
      </c>
      <c r="CI1416" s="20">
        <v>0.76</v>
      </c>
      <c r="CJ1416" s="20">
        <v>0.69</v>
      </c>
      <c r="CK1416" s="20">
        <v>0.76</v>
      </c>
      <c r="CL1416" s="20">
        <v>0.86</v>
      </c>
      <c r="CM1416" s="20">
        <v>0.71</v>
      </c>
      <c r="CN1416" s="20">
        <v>0.79</v>
      </c>
      <c r="CO1416" s="20">
        <v>0.75</v>
      </c>
      <c r="CP1416" s="20">
        <v>0.74</v>
      </c>
      <c r="CQ1416" s="20">
        <v>0.89</v>
      </c>
      <c r="CR1416" s="20">
        <v>0.89</v>
      </c>
      <c r="CS1416" s="20">
        <v>0.93</v>
      </c>
      <c r="CT1416" s="20">
        <v>1.23</v>
      </c>
      <c r="CU1416" s="20">
        <v>1.1499999999999999</v>
      </c>
      <c r="CV1416" s="20">
        <v>1.06</v>
      </c>
      <c r="CW1416" s="20">
        <v>1</v>
      </c>
      <c r="CX1416" s="20">
        <v>1.02</v>
      </c>
      <c r="CY1416" s="6" t="s">
        <v>603</v>
      </c>
      <c r="CZ1416" s="6" t="s">
        <v>604</v>
      </c>
      <c r="DA1416" s="6" t="s">
        <v>100</v>
      </c>
      <c r="DB1416" s="6" t="s">
        <v>345</v>
      </c>
      <c r="DC1416" s="6"/>
      <c r="DD1416" s="6"/>
      <c r="DE1416" s="6"/>
      <c r="DF1416" s="6"/>
      <c r="DG1416" s="6"/>
      <c r="DH1416" s="6" t="s">
        <v>333</v>
      </c>
      <c r="DI1416" s="6"/>
      <c r="DJ1416" s="6"/>
      <c r="DK1416" s="6"/>
      <c r="DL1416" s="6">
        <v>6</v>
      </c>
      <c r="DM1416" s="6" t="s">
        <v>396</v>
      </c>
      <c r="DN1416" s="6">
        <v>6</v>
      </c>
      <c r="DO1416" s="6" t="s">
        <v>393</v>
      </c>
      <c r="DP1416" s="6"/>
      <c r="DQ1416" s="6"/>
    </row>
    <row r="1417" spans="1:121" x14ac:dyDescent="0.2">
      <c r="A1417" s="6" t="s">
        <v>317</v>
      </c>
      <c r="B1417" s="6" t="s">
        <v>317</v>
      </c>
      <c r="C1417" s="6" t="s">
        <v>186</v>
      </c>
      <c r="D1417" s="6" t="s">
        <v>100</v>
      </c>
      <c r="E1417" s="6" t="s">
        <v>241</v>
      </c>
      <c r="F1417" s="11">
        <v>86</v>
      </c>
      <c r="G1417" s="13">
        <v>0.79</v>
      </c>
      <c r="H1417" s="11">
        <v>44</v>
      </c>
      <c r="I1417" s="13">
        <v>0.40366972477064222</v>
      </c>
      <c r="J1417" s="11">
        <v>17</v>
      </c>
      <c r="K1417" s="13">
        <v>0.1111111111111111</v>
      </c>
      <c r="L1417" s="11">
        <v>25</v>
      </c>
      <c r="M1417" s="13">
        <v>0.14705882352941177</v>
      </c>
      <c r="N1417" s="11">
        <v>42</v>
      </c>
      <c r="O1417" s="13">
        <v>0.27450980392156865</v>
      </c>
      <c r="P1417" s="7">
        <v>109</v>
      </c>
      <c r="Q1417" s="7">
        <v>145</v>
      </c>
      <c r="R1417" s="7">
        <v>155</v>
      </c>
      <c r="S1417" s="7">
        <v>159</v>
      </c>
      <c r="T1417" s="7">
        <v>170</v>
      </c>
      <c r="U1417" s="7">
        <v>120</v>
      </c>
      <c r="V1417" s="7">
        <v>153</v>
      </c>
      <c r="W1417" s="7">
        <v>168</v>
      </c>
      <c r="X1417" s="7">
        <v>157</v>
      </c>
      <c r="Y1417" s="7">
        <v>170</v>
      </c>
      <c r="Z1417" s="7">
        <v>151</v>
      </c>
      <c r="AA1417" s="7">
        <v>179</v>
      </c>
      <c r="AB1417" s="7">
        <v>180</v>
      </c>
      <c r="AC1417" s="7">
        <v>181</v>
      </c>
      <c r="AD1417" s="7">
        <v>182</v>
      </c>
      <c r="AE1417" s="7">
        <v>189</v>
      </c>
      <c r="AF1417" s="7">
        <v>195</v>
      </c>
      <c r="AG1417" s="9">
        <v>9591</v>
      </c>
      <c r="AH1417" s="13">
        <v>0.36577552343541442</v>
      </c>
      <c r="AI1417" s="9">
        <v>5590</v>
      </c>
      <c r="AJ1417" s="13">
        <v>0.21318790282597919</v>
      </c>
      <c r="AK1417" s="9">
        <v>4320</v>
      </c>
      <c r="AL1417" s="13">
        <v>0.1358020810411493</v>
      </c>
      <c r="AM1417" s="9">
        <v>-319</v>
      </c>
      <c r="AN1417" s="13">
        <v>-8.8289834214386534E-3</v>
      </c>
      <c r="AO1417" s="9">
        <v>4001</v>
      </c>
      <c r="AP1417" s="13">
        <v>0.12577410329760147</v>
      </c>
      <c r="AQ1417" s="9">
        <v>26221</v>
      </c>
      <c r="AR1417" s="9">
        <v>26732</v>
      </c>
      <c r="AS1417" s="9">
        <v>28435</v>
      </c>
      <c r="AT1417" s="9">
        <v>28857</v>
      </c>
      <c r="AU1417" s="9">
        <v>30155</v>
      </c>
      <c r="AV1417" s="9">
        <v>26888</v>
      </c>
      <c r="AW1417" s="9">
        <v>31811</v>
      </c>
      <c r="AX1417" s="9">
        <v>32051</v>
      </c>
      <c r="AY1417" s="9">
        <v>30962</v>
      </c>
      <c r="AZ1417" s="9">
        <v>36131</v>
      </c>
      <c r="BA1417" s="9">
        <v>33545</v>
      </c>
      <c r="BB1417" s="9">
        <v>34168</v>
      </c>
      <c r="BC1417" s="9">
        <v>34007</v>
      </c>
      <c r="BD1417" s="9">
        <v>36089</v>
      </c>
      <c r="BE1417" s="9">
        <v>35620</v>
      </c>
      <c r="BF1417" s="9">
        <v>35812</v>
      </c>
      <c r="BG1417" s="11">
        <v>2</v>
      </c>
      <c r="BH1417" s="13">
        <v>6.8965517241379309E-2</v>
      </c>
      <c r="BI1417" s="6">
        <v>-2</v>
      </c>
      <c r="BJ1417" s="13">
        <v>-6.8965517241379309E-2</v>
      </c>
      <c r="BK1417" s="6">
        <v>1</v>
      </c>
      <c r="BL1417" s="13">
        <v>3.7037037037037035E-2</v>
      </c>
      <c r="BM1417" s="11">
        <v>3</v>
      </c>
      <c r="BN1417" s="13">
        <v>0.10714285714285714</v>
      </c>
      <c r="BO1417" s="11">
        <v>4</v>
      </c>
      <c r="BP1417" s="13">
        <v>0.14814814814814814</v>
      </c>
      <c r="BQ1417" s="6">
        <v>29</v>
      </c>
      <c r="BR1417" s="6">
        <v>27</v>
      </c>
      <c r="BS1417" s="6">
        <v>25</v>
      </c>
      <c r="BT1417" s="6">
        <v>27</v>
      </c>
      <c r="BU1417" s="6">
        <v>26</v>
      </c>
      <c r="BV1417" s="6">
        <v>24</v>
      </c>
      <c r="BW1417" s="6">
        <v>28</v>
      </c>
      <c r="BX1417" s="6">
        <v>30</v>
      </c>
      <c r="BY1417" s="6">
        <v>31</v>
      </c>
      <c r="BZ1417" s="6">
        <v>29</v>
      </c>
      <c r="CA1417" s="6">
        <v>29</v>
      </c>
      <c r="CB1417" s="6">
        <v>32</v>
      </c>
      <c r="CC1417" s="11">
        <v>31</v>
      </c>
      <c r="CD1417" s="11">
        <v>53</v>
      </c>
      <c r="CE1417" s="11">
        <v>22</v>
      </c>
      <c r="CF1417" s="11">
        <v>12</v>
      </c>
      <c r="CG1417" s="11">
        <v>34</v>
      </c>
      <c r="CH1417" s="20">
        <v>0.24</v>
      </c>
      <c r="CI1417" s="20">
        <v>0.32</v>
      </c>
      <c r="CJ1417" s="20">
        <v>0.35</v>
      </c>
      <c r="CK1417" s="20">
        <v>0.35</v>
      </c>
      <c r="CL1417" s="20">
        <v>0.35</v>
      </c>
      <c r="CM1417" s="20">
        <v>0.24</v>
      </c>
      <c r="CN1417" s="20">
        <v>0.3</v>
      </c>
      <c r="CO1417" s="20">
        <v>0.35</v>
      </c>
      <c r="CP1417" s="20">
        <v>0.36</v>
      </c>
      <c r="CQ1417" s="20">
        <v>0.4</v>
      </c>
      <c r="CR1417" s="20">
        <v>0.37</v>
      </c>
      <c r="CS1417" s="20">
        <v>0.42</v>
      </c>
      <c r="CT1417" s="20">
        <v>0.4</v>
      </c>
      <c r="CU1417" s="20">
        <v>0.39</v>
      </c>
      <c r="CV1417" s="20">
        <v>0.38</v>
      </c>
      <c r="CW1417" s="20">
        <v>0.37</v>
      </c>
      <c r="CX1417" s="20">
        <v>0.37</v>
      </c>
      <c r="CY1417" s="6" t="s">
        <v>603</v>
      </c>
      <c r="CZ1417" s="6" t="s">
        <v>604</v>
      </c>
      <c r="DA1417" s="6" t="s">
        <v>100</v>
      </c>
      <c r="DB1417" s="6" t="s">
        <v>345</v>
      </c>
      <c r="DC1417" s="6"/>
      <c r="DD1417" s="6"/>
      <c r="DE1417" s="6"/>
      <c r="DF1417" s="6"/>
      <c r="DG1417" s="6"/>
      <c r="DH1417" s="6" t="s">
        <v>333</v>
      </c>
      <c r="DI1417" s="6"/>
      <c r="DJ1417" s="6"/>
      <c r="DK1417" s="6"/>
      <c r="DL1417" s="6">
        <v>6</v>
      </c>
      <c r="DM1417" s="6" t="s">
        <v>396</v>
      </c>
      <c r="DN1417" s="6">
        <v>6</v>
      </c>
      <c r="DO1417" s="6" t="s">
        <v>393</v>
      </c>
      <c r="DP1417" s="6"/>
      <c r="DQ1417" s="6"/>
    </row>
    <row r="1418" spans="1:121" x14ac:dyDescent="0.2">
      <c r="A1418" s="6" t="s">
        <v>318</v>
      </c>
      <c r="B1418" s="6" t="s">
        <v>318</v>
      </c>
      <c r="C1418" s="6" t="s">
        <v>187</v>
      </c>
      <c r="D1418" s="6" t="s">
        <v>100</v>
      </c>
      <c r="E1418" s="6" t="s">
        <v>241</v>
      </c>
      <c r="F1418" s="11">
        <v>-89</v>
      </c>
      <c r="G1418" s="13">
        <v>-1</v>
      </c>
      <c r="H1418" s="11">
        <v>-78.005034999999992</v>
      </c>
      <c r="I1418" s="13">
        <v>-0.87488089489783083</v>
      </c>
      <c r="J1418" s="11">
        <v>-6.1557130000000004</v>
      </c>
      <c r="K1418" s="13">
        <v>-0.55179915438842864</v>
      </c>
      <c r="L1418" s="11">
        <v>-5</v>
      </c>
      <c r="M1418" s="13">
        <v>-1</v>
      </c>
      <c r="N1418" s="11">
        <v>-11.155713</v>
      </c>
      <c r="O1418" s="13">
        <v>-1</v>
      </c>
      <c r="P1418" s="7">
        <v>89.160747999999998</v>
      </c>
      <c r="Q1418" s="7">
        <v>82.605115999999995</v>
      </c>
      <c r="R1418" s="7">
        <v>91.228252999999995</v>
      </c>
      <c r="S1418" s="7">
        <v>24.868628999999999</v>
      </c>
      <c r="T1418" s="7">
        <v>15.445228999999999</v>
      </c>
      <c r="U1418" s="7">
        <v>40.105832999999997</v>
      </c>
      <c r="V1418" s="7">
        <v>11.155713</v>
      </c>
      <c r="W1418" s="7">
        <v>5</v>
      </c>
      <c r="X1418" s="7">
        <v>5</v>
      </c>
      <c r="Y1418" s="7">
        <v>5</v>
      </c>
      <c r="Z1418" s="7">
        <v>23.687259000000001</v>
      </c>
      <c r="AA1418" s="7">
        <v>12.742793000000001</v>
      </c>
      <c r="AB1418" s="7">
        <v>5</v>
      </c>
      <c r="AC1418" s="7">
        <v>0</v>
      </c>
      <c r="AD1418" s="7">
        <v>0</v>
      </c>
      <c r="AE1418" s="7">
        <v>0</v>
      </c>
      <c r="AF1418" s="7">
        <v>0</v>
      </c>
      <c r="AG1418" s="9">
        <v>-51933.957124</v>
      </c>
      <c r="AH1418" s="13">
        <v>-1</v>
      </c>
      <c r="AI1418" s="9">
        <v>-17105.328614799997</v>
      </c>
      <c r="AJ1418" s="13">
        <v>-0.32936694143984629</v>
      </c>
      <c r="AK1418" s="9">
        <v>-34827.628509200003</v>
      </c>
      <c r="AL1418" s="13">
        <v>-0.9999712879879914</v>
      </c>
      <c r="AM1418" s="9">
        <v>-1</v>
      </c>
      <c r="AN1418" s="13">
        <v>-1</v>
      </c>
      <c r="AO1418" s="9">
        <v>-34828.628509200003</v>
      </c>
      <c r="AP1418" s="13">
        <v>-1</v>
      </c>
      <c r="AQ1418" s="9">
        <v>51933.957124</v>
      </c>
      <c r="AR1418" s="9">
        <v>62413.438753100003</v>
      </c>
      <c r="AS1418" s="9">
        <v>62191.888738299996</v>
      </c>
      <c r="AT1418" s="9">
        <v>49367.649164299997</v>
      </c>
      <c r="AU1418" s="9">
        <v>49846.282416100003</v>
      </c>
      <c r="AV1418" s="9">
        <v>48799.080337300002</v>
      </c>
      <c r="AW1418" s="9">
        <v>34828.628509200003</v>
      </c>
      <c r="AX1418" s="9">
        <v>1</v>
      </c>
      <c r="AY1418" s="9">
        <v>1</v>
      </c>
      <c r="AZ1418" s="9">
        <v>1</v>
      </c>
      <c r="BA1418" s="9">
        <v>41742.204103099997</v>
      </c>
      <c r="BB1418" s="9">
        <v>58989.357909999999</v>
      </c>
      <c r="BC1418" s="9">
        <v>1</v>
      </c>
      <c r="BD1418" s="9">
        <v>0</v>
      </c>
      <c r="BE1418" s="9">
        <v>0</v>
      </c>
      <c r="BF1418" s="9">
        <v>0</v>
      </c>
      <c r="BG1418" s="11">
        <v>-2</v>
      </c>
      <c r="BH1418" s="13">
        <v>-1</v>
      </c>
      <c r="BI1418" s="6">
        <v>0</v>
      </c>
      <c r="BJ1418" s="13">
        <v>0</v>
      </c>
      <c r="BK1418" s="6">
        <v>1</v>
      </c>
      <c r="BL1418" s="13">
        <v>0.5</v>
      </c>
      <c r="BM1418" s="11">
        <v>-3</v>
      </c>
      <c r="BN1418" s="13">
        <v>-1</v>
      </c>
      <c r="BO1418" s="11">
        <v>-2</v>
      </c>
      <c r="BP1418" s="13">
        <v>-1</v>
      </c>
      <c r="BQ1418" s="6">
        <v>2</v>
      </c>
      <c r="BR1418" s="6">
        <v>2</v>
      </c>
      <c r="BS1418" s="6">
        <v>2</v>
      </c>
      <c r="BT1418" s="6">
        <v>2</v>
      </c>
      <c r="BU1418" s="6">
        <v>2</v>
      </c>
      <c r="BV1418" s="6">
        <v>2</v>
      </c>
      <c r="BW1418" s="6">
        <v>3</v>
      </c>
      <c r="BX1418" s="6">
        <v>2</v>
      </c>
      <c r="BY1418" s="6">
        <v>1</v>
      </c>
      <c r="BZ1418" s="6">
        <v>1</v>
      </c>
      <c r="CA1418" s="6">
        <v>0</v>
      </c>
      <c r="CB1418" s="6">
        <v>0</v>
      </c>
      <c r="CC1418" s="11">
        <v>0</v>
      </c>
      <c r="CD1418" s="11">
        <v>-117.997</v>
      </c>
      <c r="CE1418" s="11">
        <v>19.09</v>
      </c>
      <c r="CF1418" s="11">
        <v>9.74634</v>
      </c>
      <c r="CG1418" s="11">
        <v>29</v>
      </c>
      <c r="CH1418" s="20">
        <v>0.91528699999999996</v>
      </c>
      <c r="CI1418" s="20">
        <v>0.84133199999999997</v>
      </c>
      <c r="CJ1418" s="20">
        <v>0.96534900000000001</v>
      </c>
      <c r="CK1418" s="20">
        <v>0.25815500000000002</v>
      </c>
      <c r="CL1418" s="20">
        <v>0.15113499999999999</v>
      </c>
      <c r="CM1418" s="20">
        <v>0.38765100000000002</v>
      </c>
      <c r="CN1418" s="20">
        <v>0.10631</v>
      </c>
      <c r="CO1418" s="20">
        <v>9.0382500000000005E-2</v>
      </c>
      <c r="CP1418" s="20">
        <v>8.6932599999999999E-2</v>
      </c>
      <c r="CQ1418" s="20">
        <v>5.4665100000000001E-2</v>
      </c>
      <c r="CR1418" s="20">
        <v>0.268291</v>
      </c>
      <c r="CS1418" s="20">
        <v>0.135495</v>
      </c>
      <c r="CT1418" s="20">
        <v>3.1825699999999998E-2</v>
      </c>
      <c r="CU1418" s="20">
        <v>0</v>
      </c>
      <c r="CV1418" s="20">
        <v>0</v>
      </c>
      <c r="CW1418" s="20">
        <v>0</v>
      </c>
      <c r="CX1418" s="20">
        <v>0</v>
      </c>
      <c r="CY1418" s="6" t="s">
        <v>603</v>
      </c>
      <c r="CZ1418" s="6" t="s">
        <v>604</v>
      </c>
      <c r="DA1418" s="6" t="s">
        <v>100</v>
      </c>
      <c r="DB1418" s="6" t="s">
        <v>345</v>
      </c>
      <c r="DC1418" s="6"/>
      <c r="DD1418" s="6"/>
      <c r="DE1418" s="6"/>
      <c r="DF1418" s="6"/>
      <c r="DG1418" s="6"/>
      <c r="DH1418" s="6" t="s">
        <v>333</v>
      </c>
      <c r="DI1418" s="6"/>
      <c r="DJ1418" s="6"/>
      <c r="DK1418" s="6"/>
      <c r="DL1418" s="6">
        <v>6</v>
      </c>
      <c r="DM1418" s="6" t="s">
        <v>396</v>
      </c>
      <c r="DN1418" s="6">
        <v>6</v>
      </c>
      <c r="DO1418" s="6" t="s">
        <v>393</v>
      </c>
      <c r="DP1418" s="6"/>
      <c r="DQ1418" s="6"/>
    </row>
    <row r="1419" spans="1:121" x14ac:dyDescent="0.2">
      <c r="A1419" s="6" t="s">
        <v>319</v>
      </c>
      <c r="B1419" s="6" t="s">
        <v>319</v>
      </c>
      <c r="C1419" s="6" t="s">
        <v>188</v>
      </c>
      <c r="D1419" s="6" t="s">
        <v>100</v>
      </c>
      <c r="E1419" s="6" t="s">
        <v>241</v>
      </c>
      <c r="F1419" s="11">
        <v>334</v>
      </c>
      <c r="G1419" s="13">
        <v>1.44588744589</v>
      </c>
      <c r="H1419" s="11">
        <v>221.98214239900003</v>
      </c>
      <c r="I1419" s="13">
        <v>0.96291776820432395</v>
      </c>
      <c r="J1419" s="11">
        <v>-56.827805406000039</v>
      </c>
      <c r="K1419" s="13">
        <v>-0.12558273596643818</v>
      </c>
      <c r="L1419" s="11">
        <v>169.20194263999997</v>
      </c>
      <c r="M1419" s="13">
        <v>0.42761770389591247</v>
      </c>
      <c r="N1419" s="11">
        <v>112.37413723399993</v>
      </c>
      <c r="O1419" s="13">
        <v>0.24833356672653931</v>
      </c>
      <c r="P1419" s="7">
        <v>230.53073660999999</v>
      </c>
      <c r="Q1419" s="7">
        <v>298.471870266</v>
      </c>
      <c r="R1419" s="7">
        <v>331.437475694</v>
      </c>
      <c r="S1419" s="7">
        <v>309.81595561500001</v>
      </c>
      <c r="T1419" s="7">
        <v>390.49976555900002</v>
      </c>
      <c r="U1419" s="7">
        <v>489.66133869599997</v>
      </c>
      <c r="V1419" s="7">
        <v>452.51287900900002</v>
      </c>
      <c r="W1419" s="7">
        <v>402.746046767</v>
      </c>
      <c r="X1419" s="7">
        <v>382.39552115499998</v>
      </c>
      <c r="Y1419" s="7">
        <v>395.68507360299998</v>
      </c>
      <c r="Z1419" s="7">
        <v>372.10229517200003</v>
      </c>
      <c r="AA1419" s="7">
        <v>405.52310500599998</v>
      </c>
      <c r="AB1419" s="7">
        <v>471.40492036699999</v>
      </c>
      <c r="AC1419" s="7">
        <v>536.22414704400001</v>
      </c>
      <c r="AD1419" s="7">
        <v>556.15206822000005</v>
      </c>
      <c r="AE1419" s="7">
        <v>531.52199140799996</v>
      </c>
      <c r="AF1419" s="7">
        <v>564.88701624299995</v>
      </c>
      <c r="AG1419" s="9">
        <v>2392.3196243999992</v>
      </c>
      <c r="AH1419" s="13">
        <v>0.13566284736811646</v>
      </c>
      <c r="AI1419" s="9">
        <v>-110.61835659999997</v>
      </c>
      <c r="AJ1419" s="13">
        <v>-6.2729081325416216E-3</v>
      </c>
      <c r="AK1419" s="9">
        <v>3275.597385699999</v>
      </c>
      <c r="AL1419" s="13">
        <v>0.18692401935669997</v>
      </c>
      <c r="AM1419" s="9">
        <v>-772.65940469999987</v>
      </c>
      <c r="AN1419" s="13">
        <v>-3.7148370782499746E-2</v>
      </c>
      <c r="AO1419" s="9">
        <v>2502.9379809999991</v>
      </c>
      <c r="AP1419" s="13">
        <v>0.14283172579498238</v>
      </c>
      <c r="AQ1419" s="9">
        <v>17634.302027500002</v>
      </c>
      <c r="AR1419" s="9">
        <v>17095.297307500001</v>
      </c>
      <c r="AS1419" s="9">
        <v>19930.3801853</v>
      </c>
      <c r="AT1419" s="9">
        <v>20067.819600700001</v>
      </c>
      <c r="AU1419" s="9">
        <v>20016.336923700001</v>
      </c>
      <c r="AV1419" s="9">
        <v>17168.488728600001</v>
      </c>
      <c r="AW1419" s="9">
        <v>17523.683670900002</v>
      </c>
      <c r="AX1419" s="9">
        <v>20243.515226</v>
      </c>
      <c r="AY1419" s="9">
        <v>21115.426663900002</v>
      </c>
      <c r="AZ1419" s="9">
        <v>20799.281056600001</v>
      </c>
      <c r="BA1419" s="9">
        <v>21707.103926700001</v>
      </c>
      <c r="BB1419" s="9">
        <v>21652.4961745</v>
      </c>
      <c r="BC1419" s="9">
        <v>19594.551815700001</v>
      </c>
      <c r="BD1419" s="9">
        <v>19999.949316599999</v>
      </c>
      <c r="BE1419" s="9">
        <v>20248.121098299998</v>
      </c>
      <c r="BF1419" s="9">
        <v>20026.621651900001</v>
      </c>
      <c r="BG1419" s="11">
        <v>9.25</v>
      </c>
      <c r="BH1419" s="13">
        <v>0.42045454545454547</v>
      </c>
      <c r="BI1419" s="6">
        <v>11</v>
      </c>
      <c r="BJ1419" s="13">
        <v>0.5</v>
      </c>
      <c r="BK1419" s="6">
        <v>-3</v>
      </c>
      <c r="BL1419" s="13">
        <v>-9.0909090909090912E-2</v>
      </c>
      <c r="BM1419" s="11">
        <v>1.25</v>
      </c>
      <c r="BN1419" s="13">
        <v>4.1666666666666664E-2</v>
      </c>
      <c r="BO1419" s="11">
        <v>-1.75</v>
      </c>
      <c r="BP1419" s="13">
        <v>-5.3030303030303032E-2</v>
      </c>
      <c r="BQ1419" s="6">
        <v>22</v>
      </c>
      <c r="BR1419" s="6">
        <v>27</v>
      </c>
      <c r="BS1419" s="6">
        <v>30</v>
      </c>
      <c r="BT1419" s="6">
        <v>33</v>
      </c>
      <c r="BU1419" s="6">
        <v>33</v>
      </c>
      <c r="BV1419" s="6">
        <v>35</v>
      </c>
      <c r="BW1419" s="6">
        <v>30</v>
      </c>
      <c r="BX1419" s="6">
        <v>25</v>
      </c>
      <c r="BY1419" s="6">
        <v>30</v>
      </c>
      <c r="BZ1419" s="6">
        <v>33</v>
      </c>
      <c r="CA1419" s="6">
        <v>31</v>
      </c>
      <c r="CB1419" s="6">
        <v>31</v>
      </c>
      <c r="CC1419" s="11">
        <v>31.25</v>
      </c>
      <c r="CD1419" s="11">
        <v>288.41500000000002</v>
      </c>
      <c r="CE1419" s="11">
        <v>20.741399999999999</v>
      </c>
      <c r="CF1419" s="11">
        <v>25.1998</v>
      </c>
      <c r="CG1419" s="11">
        <v>46</v>
      </c>
      <c r="CH1419" s="20">
        <v>0.48245100000000002</v>
      </c>
      <c r="CI1419" s="20">
        <v>0.61368699999999998</v>
      </c>
      <c r="CJ1419" s="20">
        <v>0.69542999999999999</v>
      </c>
      <c r="CK1419" s="20">
        <v>0.63026499999999996</v>
      </c>
      <c r="CL1419" s="20">
        <v>0.74354799999999999</v>
      </c>
      <c r="CM1419" s="20">
        <v>0.91676999999999997</v>
      </c>
      <c r="CN1419" s="20">
        <v>0.85283600000000004</v>
      </c>
      <c r="CO1419" s="20">
        <v>0.84350700000000001</v>
      </c>
      <c r="CP1419" s="20">
        <v>0.93943500000000002</v>
      </c>
      <c r="CQ1419" s="20">
        <v>0.97167800000000004</v>
      </c>
      <c r="CR1419" s="20">
        <v>0.93468600000000002</v>
      </c>
      <c r="CS1419" s="20">
        <v>0.96857099999999996</v>
      </c>
      <c r="CT1419" s="20">
        <v>1.07379</v>
      </c>
      <c r="CU1419" s="20">
        <v>1.1589799999999999</v>
      </c>
      <c r="CV1419" s="20">
        <v>1.1721999999999999</v>
      </c>
      <c r="CW1419" s="20">
        <v>1.0756300000000001</v>
      </c>
      <c r="CX1419" s="20">
        <v>1.1073299999999999</v>
      </c>
      <c r="CY1419" s="6" t="s">
        <v>603</v>
      </c>
      <c r="CZ1419" s="6" t="s">
        <v>604</v>
      </c>
      <c r="DA1419" s="6" t="s">
        <v>100</v>
      </c>
      <c r="DB1419" s="6" t="s">
        <v>345</v>
      </c>
      <c r="DC1419" s="6"/>
      <c r="DD1419" s="6"/>
      <c r="DE1419" s="6"/>
      <c r="DF1419" s="6"/>
      <c r="DG1419" s="6"/>
      <c r="DH1419" s="6" t="s">
        <v>333</v>
      </c>
      <c r="DI1419" s="6"/>
      <c r="DJ1419" s="6"/>
      <c r="DK1419" s="6"/>
      <c r="DL1419" s="6">
        <v>6</v>
      </c>
      <c r="DM1419" s="6" t="s">
        <v>396</v>
      </c>
      <c r="DN1419" s="6">
        <v>6</v>
      </c>
      <c r="DO1419" s="6" t="s">
        <v>393</v>
      </c>
      <c r="DP1419" s="6"/>
      <c r="DQ1419" s="6"/>
    </row>
    <row r="1420" spans="1:121" x14ac:dyDescent="0.2">
      <c r="A1420" s="6" t="s">
        <v>320</v>
      </c>
      <c r="B1420" s="6" t="s">
        <v>320</v>
      </c>
      <c r="C1420" s="6" t="s">
        <v>189</v>
      </c>
      <c r="D1420" s="6" t="s">
        <v>100</v>
      </c>
      <c r="E1420" s="6" t="s">
        <v>241</v>
      </c>
      <c r="F1420" s="11">
        <v>121</v>
      </c>
      <c r="G1420" s="13">
        <v>8.6428571428600005</v>
      </c>
      <c r="H1420" s="11">
        <v>84.38234564439999</v>
      </c>
      <c r="I1420" s="13">
        <v>6.1093773806392822</v>
      </c>
      <c r="J1420" s="11">
        <v>-10.515278270799996</v>
      </c>
      <c r="K1420" s="13">
        <v>-0.10708645971682736</v>
      </c>
      <c r="L1420" s="11">
        <v>47.772061840399999</v>
      </c>
      <c r="M1420" s="13">
        <v>0.54485177239581473</v>
      </c>
      <c r="N1420" s="11">
        <v>37.256783569600003</v>
      </c>
      <c r="O1420" s="13">
        <v>0.37941906530268094</v>
      </c>
      <c r="P1420" s="7">
        <v>13.811938661999999</v>
      </c>
      <c r="Q1420" s="7">
        <v>56.480266073899998</v>
      </c>
      <c r="R1420" s="7">
        <v>49.598604180400002</v>
      </c>
      <c r="S1420" s="7">
        <v>48.5046361303</v>
      </c>
      <c r="T1420" s="7">
        <v>61.408863325399999</v>
      </c>
      <c r="U1420" s="7">
        <v>102.59388944200001</v>
      </c>
      <c r="V1420" s="7">
        <v>98.194284306399993</v>
      </c>
      <c r="W1420" s="7">
        <v>96.937973540399994</v>
      </c>
      <c r="X1420" s="7">
        <v>85.458005247399996</v>
      </c>
      <c r="Y1420" s="7">
        <v>87.679006035599997</v>
      </c>
      <c r="Z1420" s="7">
        <v>89.278417819599994</v>
      </c>
      <c r="AA1420" s="7">
        <v>102.60165479699999</v>
      </c>
      <c r="AB1420" s="7">
        <v>88.332603387899994</v>
      </c>
      <c r="AC1420" s="7">
        <v>127.720783239</v>
      </c>
      <c r="AD1420" s="7">
        <v>122.79618981</v>
      </c>
      <c r="AE1420" s="7">
        <v>127.340744715</v>
      </c>
      <c r="AF1420" s="7">
        <v>135.451067876</v>
      </c>
      <c r="AG1420" s="9">
        <v>12517.730532109999</v>
      </c>
      <c r="AH1420" s="13">
        <v>1.3443942721417637</v>
      </c>
      <c r="AI1420" s="9">
        <v>16052.882284709998</v>
      </c>
      <c r="AJ1420" s="13">
        <v>1.7240667499248628</v>
      </c>
      <c r="AK1420" s="9">
        <v>-1213.797776899999</v>
      </c>
      <c r="AL1420" s="13">
        <v>-4.7855256424881101E-2</v>
      </c>
      <c r="AM1420" s="9">
        <v>-2321.3539756999999</v>
      </c>
      <c r="AN1420" s="13">
        <v>-9.6121758058265422E-2</v>
      </c>
      <c r="AO1420" s="9">
        <v>-3535.1517525999989</v>
      </c>
      <c r="AP1420" s="13">
        <v>-0.13937708310325786</v>
      </c>
      <c r="AQ1420" s="9">
        <v>9311.0561324900009</v>
      </c>
      <c r="AR1420" s="9">
        <v>12181.241414599999</v>
      </c>
      <c r="AS1420" s="9">
        <v>15385.548494799999</v>
      </c>
      <c r="AT1420" s="9">
        <v>19877.607942300001</v>
      </c>
      <c r="AU1420" s="9">
        <v>24546.2361475</v>
      </c>
      <c r="AV1420" s="9">
        <v>21421.995859300001</v>
      </c>
      <c r="AW1420" s="9">
        <v>25363.938417199999</v>
      </c>
      <c r="AX1420" s="9">
        <v>26527.809545399999</v>
      </c>
      <c r="AY1420" s="9">
        <v>23700.348626399998</v>
      </c>
      <c r="AZ1420" s="9">
        <v>24150.1406403</v>
      </c>
      <c r="BA1420" s="9">
        <v>24246.491117900001</v>
      </c>
      <c r="BB1420" s="9">
        <v>26619.338061999999</v>
      </c>
      <c r="BC1420" s="9">
        <v>31020.891625299999</v>
      </c>
      <c r="BD1420" s="9">
        <v>22216.278713600001</v>
      </c>
      <c r="BE1420" s="9">
        <v>21647.684983399999</v>
      </c>
      <c r="BF1420" s="9">
        <v>21828.7866646</v>
      </c>
      <c r="BG1420" s="11">
        <v>0</v>
      </c>
      <c r="BH1420" s="13">
        <v>0</v>
      </c>
      <c r="BI1420" s="6">
        <v>0</v>
      </c>
      <c r="BJ1420" s="13">
        <v>0</v>
      </c>
      <c r="BK1420" s="6">
        <v>0</v>
      </c>
      <c r="BL1420" s="13">
        <v>0</v>
      </c>
      <c r="BM1420" s="11">
        <v>0</v>
      </c>
      <c r="BN1420" s="13">
        <v>0</v>
      </c>
      <c r="BO1420" s="11">
        <v>0</v>
      </c>
      <c r="BP1420" s="13">
        <v>0</v>
      </c>
      <c r="BQ1420" s="6">
        <v>2</v>
      </c>
      <c r="BR1420" s="6">
        <v>2</v>
      </c>
      <c r="BS1420" s="6">
        <v>2</v>
      </c>
      <c r="BT1420" s="6">
        <v>2</v>
      </c>
      <c r="BU1420" s="6">
        <v>2</v>
      </c>
      <c r="BV1420" s="6">
        <v>3</v>
      </c>
      <c r="BW1420" s="6">
        <v>2</v>
      </c>
      <c r="BX1420" s="6">
        <v>2</v>
      </c>
      <c r="BY1420" s="6">
        <v>2</v>
      </c>
      <c r="BZ1420" s="6">
        <v>1</v>
      </c>
      <c r="CA1420" s="6">
        <v>2</v>
      </c>
      <c r="CB1420" s="6">
        <v>2</v>
      </c>
      <c r="CC1420" s="11">
        <v>2</v>
      </c>
      <c r="CD1420" s="11">
        <v>115.128</v>
      </c>
      <c r="CE1420" s="11">
        <v>5.0013699999999996</v>
      </c>
      <c r="CF1420" s="11">
        <v>1.5098100000000001</v>
      </c>
      <c r="CG1420" s="11">
        <v>7</v>
      </c>
      <c r="CH1420" s="20">
        <v>8.6639499999999994E-2</v>
      </c>
      <c r="CI1420" s="20">
        <v>0.33263100000000001</v>
      </c>
      <c r="CJ1420" s="20">
        <v>0.28948499999999999</v>
      </c>
      <c r="CK1420" s="20">
        <v>0.27343000000000001</v>
      </c>
      <c r="CL1420" s="20">
        <v>0.33126800000000001</v>
      </c>
      <c r="CM1420" s="20">
        <v>0.54685399999999995</v>
      </c>
      <c r="CN1420" s="20">
        <v>0.51865399999999995</v>
      </c>
      <c r="CO1420" s="20">
        <v>0.52883599999999997</v>
      </c>
      <c r="CP1420" s="20">
        <v>0.48413899999999999</v>
      </c>
      <c r="CQ1420" s="20">
        <v>0.50023899999999999</v>
      </c>
      <c r="CR1420" s="20">
        <v>0.524841</v>
      </c>
      <c r="CS1420" s="20">
        <v>0.57905300000000004</v>
      </c>
      <c r="CT1420" s="20">
        <v>0.481651</v>
      </c>
      <c r="CU1420" s="20">
        <v>0.66872900000000002</v>
      </c>
      <c r="CV1420" s="20">
        <v>0.63375700000000001</v>
      </c>
      <c r="CW1420" s="20">
        <v>0.63183500000000004</v>
      </c>
      <c r="CX1420" s="20">
        <v>0.64866500000000005</v>
      </c>
      <c r="CY1420" s="6" t="s">
        <v>603</v>
      </c>
      <c r="CZ1420" s="6" t="s">
        <v>604</v>
      </c>
      <c r="DA1420" s="6" t="s">
        <v>100</v>
      </c>
      <c r="DB1420" s="6" t="s">
        <v>345</v>
      </c>
      <c r="DC1420" s="6"/>
      <c r="DD1420" s="6"/>
      <c r="DE1420" s="6"/>
      <c r="DF1420" s="6"/>
      <c r="DG1420" s="6"/>
      <c r="DH1420" s="6" t="s">
        <v>333</v>
      </c>
      <c r="DI1420" s="6"/>
      <c r="DJ1420" s="6"/>
      <c r="DK1420" s="6"/>
      <c r="DL1420" s="6">
        <v>6</v>
      </c>
      <c r="DM1420" s="6" t="s">
        <v>396</v>
      </c>
      <c r="DN1420" s="6">
        <v>6</v>
      </c>
      <c r="DO1420" s="6" t="s">
        <v>393</v>
      </c>
      <c r="DP1420" s="6"/>
      <c r="DQ1420" s="6"/>
    </row>
    <row r="1421" spans="1:121" x14ac:dyDescent="0.2">
      <c r="A1421" s="6" t="s">
        <v>321</v>
      </c>
      <c r="B1421" s="6" t="s">
        <v>321</v>
      </c>
      <c r="C1421" s="6" t="s">
        <v>190</v>
      </c>
      <c r="D1421" s="6" t="s">
        <v>100</v>
      </c>
      <c r="E1421" s="6" t="s">
        <v>241</v>
      </c>
      <c r="F1421" s="11">
        <v>82</v>
      </c>
      <c r="G1421" s="13">
        <v>0.17903930131000001</v>
      </c>
      <c r="H1421" s="11">
        <v>-2.1789887840000119</v>
      </c>
      <c r="I1421" s="13">
        <v>-4.7582774951038104E-3</v>
      </c>
      <c r="J1421" s="11">
        <v>-9.5514098250000075</v>
      </c>
      <c r="K1421" s="13">
        <v>-2.0957220202489441E-2</v>
      </c>
      <c r="L1421" s="11">
        <v>93.333797075999996</v>
      </c>
      <c r="M1421" s="13">
        <v>0.20917195828712937</v>
      </c>
      <c r="N1421" s="11">
        <v>83.782387250999989</v>
      </c>
      <c r="O1421" s="13">
        <v>0.18383107529463055</v>
      </c>
      <c r="P1421" s="7">
        <v>457.93646676600002</v>
      </c>
      <c r="Q1421" s="7">
        <v>492.16620733100001</v>
      </c>
      <c r="R1421" s="7">
        <v>436.85175997900001</v>
      </c>
      <c r="S1421" s="7">
        <v>461.39702991199999</v>
      </c>
      <c r="T1421" s="7">
        <v>497.85496298999999</v>
      </c>
      <c r="U1421" s="7">
        <v>481.31714416800003</v>
      </c>
      <c r="V1421" s="7">
        <v>455.75747798200001</v>
      </c>
      <c r="W1421" s="7">
        <v>462.52439319500002</v>
      </c>
      <c r="X1421" s="7">
        <v>452.30630243299998</v>
      </c>
      <c r="Y1421" s="7">
        <v>446.206068157</v>
      </c>
      <c r="Z1421" s="7">
        <v>399.8806783</v>
      </c>
      <c r="AA1421" s="7">
        <v>413.60737466500001</v>
      </c>
      <c r="AB1421" s="7">
        <v>452.30733265999999</v>
      </c>
      <c r="AC1421" s="7">
        <v>464.08393866799997</v>
      </c>
      <c r="AD1421" s="7">
        <v>501.905658114</v>
      </c>
      <c r="AE1421" s="7">
        <v>515.89454924200004</v>
      </c>
      <c r="AF1421" s="7">
        <v>539.539865233</v>
      </c>
      <c r="AG1421" s="9">
        <v>21242.176200799997</v>
      </c>
      <c r="AH1421" s="13">
        <v>0.95687807061143859</v>
      </c>
      <c r="AI1421" s="9">
        <v>8653.3993833999994</v>
      </c>
      <c r="AJ1421" s="13">
        <v>0.38980225132988783</v>
      </c>
      <c r="AK1421" s="9">
        <v>8281.6574396000033</v>
      </c>
      <c r="AL1421" s="13">
        <v>0.26842431061413596</v>
      </c>
      <c r="AM1421" s="9">
        <v>4307.1193777999943</v>
      </c>
      <c r="AN1421" s="13">
        <v>0.1100593480260959</v>
      </c>
      <c r="AO1421" s="9">
        <v>12588.776817399998</v>
      </c>
      <c r="AP1421" s="13">
        <v>0.4080262632607779</v>
      </c>
      <c r="AQ1421" s="9">
        <v>22199.459736000001</v>
      </c>
      <c r="AR1421" s="9">
        <v>26108.345729000001</v>
      </c>
      <c r="AS1421" s="9">
        <v>25817.4572381</v>
      </c>
      <c r="AT1421" s="9">
        <v>25173.345665699999</v>
      </c>
      <c r="AU1421" s="9">
        <v>26785.937669800001</v>
      </c>
      <c r="AV1421" s="9">
        <v>27478.5664722</v>
      </c>
      <c r="AW1421" s="9">
        <v>30852.8591194</v>
      </c>
      <c r="AX1421" s="9">
        <v>33162.710783000002</v>
      </c>
      <c r="AY1421" s="9">
        <v>36186.802318599999</v>
      </c>
      <c r="AZ1421" s="9">
        <v>39134.516559000003</v>
      </c>
      <c r="BA1421" s="9">
        <v>42168.241549699997</v>
      </c>
      <c r="BB1421" s="9">
        <v>42057.5039215</v>
      </c>
      <c r="BC1421" s="9">
        <v>40344.430573400001</v>
      </c>
      <c r="BD1421" s="9">
        <v>41470.099294899999</v>
      </c>
      <c r="BE1421" s="9">
        <v>42234.52579</v>
      </c>
      <c r="BF1421" s="9">
        <v>43441.635936799998</v>
      </c>
      <c r="BG1421" s="11">
        <v>32.25</v>
      </c>
      <c r="BH1421" s="13">
        <v>1.075</v>
      </c>
      <c r="BI1421" s="6">
        <v>3</v>
      </c>
      <c r="BJ1421" s="13">
        <v>0.1</v>
      </c>
      <c r="BK1421" s="6">
        <v>-2</v>
      </c>
      <c r="BL1421" s="13">
        <v>-6.0606060606060608E-2</v>
      </c>
      <c r="BM1421" s="11">
        <v>31.25</v>
      </c>
      <c r="BN1421" s="13">
        <v>1.0080645161290323</v>
      </c>
      <c r="BO1421" s="11">
        <v>29.25</v>
      </c>
      <c r="BP1421" s="13">
        <v>0.88636363636363635</v>
      </c>
      <c r="BQ1421" s="6">
        <v>30</v>
      </c>
      <c r="BR1421" s="6">
        <v>32</v>
      </c>
      <c r="BS1421" s="6">
        <v>31</v>
      </c>
      <c r="BT1421" s="6">
        <v>33</v>
      </c>
      <c r="BU1421" s="6">
        <v>33</v>
      </c>
      <c r="BV1421" s="6">
        <v>30</v>
      </c>
      <c r="BW1421" s="6">
        <v>31</v>
      </c>
      <c r="BX1421" s="6">
        <v>28</v>
      </c>
      <c r="BY1421" s="6">
        <v>31</v>
      </c>
      <c r="BZ1421" s="6">
        <v>59</v>
      </c>
      <c r="CA1421" s="6">
        <v>60</v>
      </c>
      <c r="CB1421" s="6">
        <v>60</v>
      </c>
      <c r="CC1421" s="11">
        <v>62.25</v>
      </c>
      <c r="CD1421" s="11">
        <v>-135.22</v>
      </c>
      <c r="CE1421" s="11">
        <v>166.76499999999999</v>
      </c>
      <c r="CF1421" s="11">
        <v>50.058</v>
      </c>
      <c r="CG1421" s="11">
        <v>217</v>
      </c>
      <c r="CH1421" s="20">
        <v>0.58163799999999999</v>
      </c>
      <c r="CI1421" s="20">
        <v>0.591167</v>
      </c>
      <c r="CJ1421" s="20">
        <v>0.51912100000000005</v>
      </c>
      <c r="CK1421" s="20">
        <v>0.53815900000000005</v>
      </c>
      <c r="CL1421" s="20">
        <v>0.54966700000000002</v>
      </c>
      <c r="CM1421" s="20">
        <v>0.52342200000000005</v>
      </c>
      <c r="CN1421" s="20">
        <v>0.49004399999999998</v>
      </c>
      <c r="CO1421" s="20">
        <v>0.51538499999999998</v>
      </c>
      <c r="CP1421" s="20">
        <v>0.52740500000000001</v>
      </c>
      <c r="CQ1421" s="20">
        <v>0.52727299999999999</v>
      </c>
      <c r="CR1421" s="20">
        <v>0.49557899999999999</v>
      </c>
      <c r="CS1421" s="20">
        <v>0.48399799999999998</v>
      </c>
      <c r="CT1421" s="20">
        <v>0.50868000000000002</v>
      </c>
      <c r="CU1421" s="20">
        <v>0.50219800000000003</v>
      </c>
      <c r="CV1421" s="20">
        <v>0.53002700000000003</v>
      </c>
      <c r="CW1421" s="20">
        <v>0.52061400000000002</v>
      </c>
      <c r="CX1421" s="20">
        <v>0.52244299999999999</v>
      </c>
      <c r="CY1421" s="6" t="s">
        <v>603</v>
      </c>
      <c r="CZ1421" s="6" t="s">
        <v>604</v>
      </c>
      <c r="DA1421" s="6" t="s">
        <v>100</v>
      </c>
      <c r="DB1421" s="6" t="s">
        <v>345</v>
      </c>
      <c r="DC1421" s="6"/>
      <c r="DD1421" s="6"/>
      <c r="DE1421" s="6"/>
      <c r="DF1421" s="6"/>
      <c r="DG1421" s="6"/>
      <c r="DH1421" s="6" t="s">
        <v>333</v>
      </c>
      <c r="DI1421" s="6"/>
      <c r="DJ1421" s="6"/>
      <c r="DK1421" s="6"/>
      <c r="DL1421" s="6">
        <v>6</v>
      </c>
      <c r="DM1421" s="6" t="s">
        <v>396</v>
      </c>
      <c r="DN1421" s="6">
        <v>6</v>
      </c>
      <c r="DO1421" s="6" t="s">
        <v>393</v>
      </c>
      <c r="DP1421" s="6"/>
      <c r="DQ1421" s="6"/>
    </row>
    <row r="1422" spans="1:121" x14ac:dyDescent="0.2">
      <c r="A1422" s="6" t="s">
        <v>322</v>
      </c>
      <c r="B1422" s="6" t="s">
        <v>322</v>
      </c>
      <c r="C1422" s="6" t="s">
        <v>191</v>
      </c>
      <c r="D1422" s="6" t="s">
        <v>100</v>
      </c>
      <c r="E1422" s="6" t="s">
        <v>241</v>
      </c>
      <c r="F1422" s="11">
        <v>65</v>
      </c>
      <c r="G1422" s="13">
        <v>0.52</v>
      </c>
      <c r="H1422" s="11">
        <v>54</v>
      </c>
      <c r="I1422" s="13">
        <v>0.43548387096774194</v>
      </c>
      <c r="J1422" s="11">
        <v>34</v>
      </c>
      <c r="K1422" s="13">
        <v>0.19101123595505615</v>
      </c>
      <c r="L1422" s="11">
        <v>-23</v>
      </c>
      <c r="M1422" s="13">
        <v>-0.10849056603773584</v>
      </c>
      <c r="N1422" s="11">
        <v>11</v>
      </c>
      <c r="O1422" s="13">
        <v>6.1797752808988762E-2</v>
      </c>
      <c r="P1422" s="7">
        <v>124</v>
      </c>
      <c r="Q1422" s="7">
        <v>121</v>
      </c>
      <c r="R1422" s="7">
        <v>133</v>
      </c>
      <c r="S1422" s="7">
        <v>147</v>
      </c>
      <c r="T1422" s="7">
        <v>118</v>
      </c>
      <c r="U1422" s="7">
        <v>140</v>
      </c>
      <c r="V1422" s="7">
        <v>178</v>
      </c>
      <c r="W1422" s="7">
        <v>179</v>
      </c>
      <c r="X1422" s="7">
        <v>177</v>
      </c>
      <c r="Y1422" s="7">
        <v>212</v>
      </c>
      <c r="Z1422" s="7">
        <v>215</v>
      </c>
      <c r="AA1422" s="7">
        <v>189</v>
      </c>
      <c r="AB1422" s="7">
        <v>196</v>
      </c>
      <c r="AC1422" s="7">
        <v>170</v>
      </c>
      <c r="AD1422" s="7">
        <v>188</v>
      </c>
      <c r="AE1422" s="7">
        <v>183</v>
      </c>
      <c r="AF1422" s="7">
        <v>189</v>
      </c>
      <c r="AG1422" s="9">
        <v>7086</v>
      </c>
      <c r="AH1422" s="13">
        <v>0.44811231265414531</v>
      </c>
      <c r="AI1422" s="9">
        <v>1248</v>
      </c>
      <c r="AJ1422" s="13">
        <v>7.8922405615632726E-2</v>
      </c>
      <c r="AK1422" s="9">
        <v>1365</v>
      </c>
      <c r="AL1422" s="13">
        <v>8.0007033585370146E-2</v>
      </c>
      <c r="AM1422" s="9">
        <v>4473</v>
      </c>
      <c r="AN1422" s="13">
        <v>0.24275480299576685</v>
      </c>
      <c r="AO1422" s="9">
        <v>5838</v>
      </c>
      <c r="AP1422" s="13">
        <v>0.34218392825742922</v>
      </c>
      <c r="AQ1422" s="9">
        <v>15813</v>
      </c>
      <c r="AR1422" s="9">
        <v>17194</v>
      </c>
      <c r="AS1422" s="9">
        <v>14803</v>
      </c>
      <c r="AT1422" s="9">
        <v>13237</v>
      </c>
      <c r="AU1422" s="9">
        <v>14874</v>
      </c>
      <c r="AV1422" s="9">
        <v>14829</v>
      </c>
      <c r="AW1422" s="9">
        <v>17061</v>
      </c>
      <c r="AX1422" s="9">
        <v>17205</v>
      </c>
      <c r="AY1422" s="9">
        <v>17620</v>
      </c>
      <c r="AZ1422" s="9">
        <v>18426</v>
      </c>
      <c r="BA1422" s="9">
        <v>19466</v>
      </c>
      <c r="BB1422" s="9">
        <v>20901</v>
      </c>
      <c r="BC1422" s="9">
        <v>20487</v>
      </c>
      <c r="BD1422" s="9">
        <v>23982</v>
      </c>
      <c r="BE1422" s="9">
        <v>23642</v>
      </c>
      <c r="BF1422" s="9">
        <v>22899</v>
      </c>
      <c r="BG1422" s="11">
        <v>-6</v>
      </c>
      <c r="BH1422" s="13">
        <v>-0.35294117647058826</v>
      </c>
      <c r="BI1422" s="6">
        <v>-4</v>
      </c>
      <c r="BJ1422" s="13">
        <v>-0.23529411764705882</v>
      </c>
      <c r="BK1422" s="6">
        <v>5</v>
      </c>
      <c r="BL1422" s="13">
        <v>0.38461538461538464</v>
      </c>
      <c r="BM1422" s="11">
        <v>-7</v>
      </c>
      <c r="BN1422" s="13">
        <v>-0.3888888888888889</v>
      </c>
      <c r="BO1422" s="11">
        <v>-2</v>
      </c>
      <c r="BP1422" s="13">
        <v>-0.15384615384615385</v>
      </c>
      <c r="BQ1422" s="6">
        <v>17</v>
      </c>
      <c r="BR1422" s="6">
        <v>15</v>
      </c>
      <c r="BS1422" s="6">
        <v>14</v>
      </c>
      <c r="BT1422" s="6">
        <v>13</v>
      </c>
      <c r="BU1422" s="6">
        <v>13</v>
      </c>
      <c r="BV1422" s="6">
        <v>14</v>
      </c>
      <c r="BW1422" s="6">
        <v>18</v>
      </c>
      <c r="BX1422" s="6">
        <v>19</v>
      </c>
      <c r="BY1422" s="6">
        <v>14</v>
      </c>
      <c r="BZ1422" s="6">
        <v>13</v>
      </c>
      <c r="CA1422" s="6">
        <v>12</v>
      </c>
      <c r="CB1422" s="6">
        <v>12</v>
      </c>
      <c r="CC1422" s="11">
        <v>11</v>
      </c>
      <c r="CD1422" s="11">
        <v>29</v>
      </c>
      <c r="CE1422" s="11">
        <v>23</v>
      </c>
      <c r="CF1422" s="11">
        <v>14</v>
      </c>
      <c r="CG1422" s="11">
        <v>37</v>
      </c>
      <c r="CH1422" s="20">
        <v>1.03</v>
      </c>
      <c r="CI1422" s="20">
        <v>0.97</v>
      </c>
      <c r="CJ1422" s="20">
        <v>1.06</v>
      </c>
      <c r="CK1422" s="20">
        <v>1.1499999999999999</v>
      </c>
      <c r="CL1422" s="20">
        <v>0.89</v>
      </c>
      <c r="CM1422" s="20">
        <v>1.05</v>
      </c>
      <c r="CN1422" s="20">
        <v>1.31</v>
      </c>
      <c r="CO1422" s="20">
        <v>1.39</v>
      </c>
      <c r="CP1422" s="20">
        <v>1.5</v>
      </c>
      <c r="CQ1422" s="20">
        <v>1.87</v>
      </c>
      <c r="CR1422" s="20">
        <v>1.99</v>
      </c>
      <c r="CS1422" s="20">
        <v>1.68</v>
      </c>
      <c r="CT1422" s="20">
        <v>1.67</v>
      </c>
      <c r="CU1422" s="20">
        <v>1.38</v>
      </c>
      <c r="CV1422" s="20">
        <v>1.47</v>
      </c>
      <c r="CW1422" s="20">
        <v>1.36</v>
      </c>
      <c r="CX1422" s="20">
        <v>1.37</v>
      </c>
      <c r="CY1422" s="6" t="s">
        <v>603</v>
      </c>
      <c r="CZ1422" s="6" t="s">
        <v>604</v>
      </c>
      <c r="DA1422" s="6" t="s">
        <v>100</v>
      </c>
      <c r="DB1422" s="6" t="s">
        <v>345</v>
      </c>
      <c r="DC1422" s="6"/>
      <c r="DD1422" s="6"/>
      <c r="DE1422" s="6"/>
      <c r="DF1422" s="6"/>
      <c r="DG1422" s="6"/>
      <c r="DH1422" s="6" t="s">
        <v>333</v>
      </c>
      <c r="DI1422" s="6"/>
      <c r="DJ1422" s="6"/>
      <c r="DK1422" s="6"/>
      <c r="DL1422" s="6">
        <v>6</v>
      </c>
      <c r="DM1422" s="6" t="s">
        <v>396</v>
      </c>
      <c r="DN1422" s="6">
        <v>6</v>
      </c>
      <c r="DO1422" s="6" t="s">
        <v>393</v>
      </c>
      <c r="DP1422" s="6"/>
      <c r="DQ1422" s="6"/>
    </row>
    <row r="1423" spans="1:121" x14ac:dyDescent="0.2">
      <c r="A1423" s="6" t="s">
        <v>323</v>
      </c>
      <c r="B1423" s="6" t="s">
        <v>323</v>
      </c>
      <c r="C1423" s="6" t="s">
        <v>192</v>
      </c>
      <c r="D1423" s="6" t="s">
        <v>100</v>
      </c>
      <c r="E1423" s="6" t="s">
        <v>241</v>
      </c>
      <c r="F1423" s="11">
        <v>-339</v>
      </c>
      <c r="G1423" s="13">
        <v>-0.43350383631700001</v>
      </c>
      <c r="H1423" s="11">
        <v>-121.03200651399993</v>
      </c>
      <c r="I1423" s="13">
        <v>-0.15485635409652185</v>
      </c>
      <c r="J1423" s="11">
        <v>-160.68780634600006</v>
      </c>
      <c r="K1423" s="13">
        <v>-0.24326587344269532</v>
      </c>
      <c r="L1423" s="11">
        <v>-56.730399602999967</v>
      </c>
      <c r="M1423" s="13">
        <v>-0.11349344767088268</v>
      </c>
      <c r="N1423" s="11">
        <v>-217.41820594900003</v>
      </c>
      <c r="O1423" s="13">
        <v>-0.32915023843589791</v>
      </c>
      <c r="P1423" s="7">
        <v>781.57597871999997</v>
      </c>
      <c r="Q1423" s="7">
        <v>797.01583978500003</v>
      </c>
      <c r="R1423" s="7">
        <v>850.78521994499999</v>
      </c>
      <c r="S1423" s="7">
        <v>792.095105547</v>
      </c>
      <c r="T1423" s="7">
        <v>829.13646365600005</v>
      </c>
      <c r="U1423" s="7">
        <v>730.36768239399998</v>
      </c>
      <c r="V1423" s="7">
        <v>660.54397220600003</v>
      </c>
      <c r="W1423" s="7">
        <v>585.02374187999999</v>
      </c>
      <c r="X1423" s="7">
        <v>534.47390925599996</v>
      </c>
      <c r="Y1423" s="7">
        <v>499.85616585999998</v>
      </c>
      <c r="Z1423" s="7">
        <v>488.61878370900001</v>
      </c>
      <c r="AA1423" s="7">
        <v>482.90367316700002</v>
      </c>
      <c r="AB1423" s="7">
        <v>463.13754959800002</v>
      </c>
      <c r="AC1423" s="7">
        <v>495.82112889400003</v>
      </c>
      <c r="AD1423" s="7">
        <v>456.95827945000002</v>
      </c>
      <c r="AE1423" s="7">
        <v>458.29445357100002</v>
      </c>
      <c r="AF1423" s="7">
        <v>443.12576625700001</v>
      </c>
      <c r="AG1423" s="9">
        <v>1499.6960235999977</v>
      </c>
      <c r="AH1423" s="13">
        <v>9.9397543421842205E-2</v>
      </c>
      <c r="AI1423" s="9">
        <v>100.08807799999886</v>
      </c>
      <c r="AJ1423" s="13">
        <v>6.6336837082039933E-3</v>
      </c>
      <c r="AK1423" s="9">
        <v>621.71782370000074</v>
      </c>
      <c r="AL1423" s="13">
        <v>4.0934950605682557E-2</v>
      </c>
      <c r="AM1423" s="9">
        <v>777.89012189999812</v>
      </c>
      <c r="AN1423" s="13">
        <v>4.9203457157594048E-2</v>
      </c>
      <c r="AO1423" s="9">
        <v>1399.6079455999989</v>
      </c>
      <c r="AP1423" s="13">
        <v>9.2152548851651542E-2</v>
      </c>
      <c r="AQ1423" s="9">
        <v>15087.858029200001</v>
      </c>
      <c r="AR1423" s="9">
        <v>15215.0247397</v>
      </c>
      <c r="AS1423" s="9">
        <v>15258.6412366</v>
      </c>
      <c r="AT1423" s="9">
        <v>15128.8222056</v>
      </c>
      <c r="AU1423" s="9">
        <v>15144.1057624</v>
      </c>
      <c r="AV1423" s="9">
        <v>15270.013041</v>
      </c>
      <c r="AW1423" s="9">
        <v>15187.946107199999</v>
      </c>
      <c r="AX1423" s="9">
        <v>14812.192416100001</v>
      </c>
      <c r="AY1423" s="9">
        <v>14670.6931135</v>
      </c>
      <c r="AZ1423" s="9">
        <v>15809.6639309</v>
      </c>
      <c r="BA1423" s="9">
        <v>14793.402815400001</v>
      </c>
      <c r="BB1423" s="9">
        <v>16273.1991903</v>
      </c>
      <c r="BC1423" s="9">
        <v>15621.697622</v>
      </c>
      <c r="BD1423" s="9">
        <v>14745.710678199999</v>
      </c>
      <c r="BE1423" s="9">
        <v>16120.657195100001</v>
      </c>
      <c r="BF1423" s="9">
        <v>16587.554052799998</v>
      </c>
      <c r="BG1423" s="11">
        <v>-20</v>
      </c>
      <c r="BH1423" s="13">
        <v>-0.39215686274509803</v>
      </c>
      <c r="BI1423" s="6">
        <v>0</v>
      </c>
      <c r="BJ1423" s="13">
        <v>0</v>
      </c>
      <c r="BK1423" s="6">
        <v>-7</v>
      </c>
      <c r="BL1423" s="13">
        <v>-0.13725490196078433</v>
      </c>
      <c r="BM1423" s="11">
        <v>-13</v>
      </c>
      <c r="BN1423" s="13">
        <v>-0.29545454545454547</v>
      </c>
      <c r="BO1423" s="11">
        <v>-20</v>
      </c>
      <c r="BP1423" s="13">
        <v>-0.39215686274509803</v>
      </c>
      <c r="BQ1423" s="6">
        <v>51</v>
      </c>
      <c r="BR1423" s="6">
        <v>52</v>
      </c>
      <c r="BS1423" s="6">
        <v>51</v>
      </c>
      <c r="BT1423" s="6">
        <v>51</v>
      </c>
      <c r="BU1423" s="6">
        <v>47</v>
      </c>
      <c r="BV1423" s="6">
        <v>44</v>
      </c>
      <c r="BW1423" s="6">
        <v>44</v>
      </c>
      <c r="BX1423" s="6">
        <v>42</v>
      </c>
      <c r="BY1423" s="6">
        <v>39</v>
      </c>
      <c r="BZ1423" s="6">
        <v>37</v>
      </c>
      <c r="CA1423" s="6">
        <v>34</v>
      </c>
      <c r="CB1423" s="6">
        <v>33</v>
      </c>
      <c r="CC1423" s="11">
        <v>31</v>
      </c>
      <c r="CD1423" s="11">
        <v>-601.62099999999998</v>
      </c>
      <c r="CE1423" s="11">
        <v>177.73500000000001</v>
      </c>
      <c r="CF1423" s="11">
        <v>85.435699999999997</v>
      </c>
      <c r="CG1423" s="11">
        <v>263</v>
      </c>
      <c r="CH1423" s="20">
        <v>1.33765</v>
      </c>
      <c r="CI1423" s="20">
        <v>1.3228</v>
      </c>
      <c r="CJ1423" s="20">
        <v>1.4140600000000001</v>
      </c>
      <c r="CK1423" s="20">
        <v>1.28545</v>
      </c>
      <c r="CL1423" s="20">
        <v>1.2727299999999999</v>
      </c>
      <c r="CM1423" s="20">
        <v>1.1086400000000001</v>
      </c>
      <c r="CN1423" s="20">
        <v>0.996919</v>
      </c>
      <c r="CO1423" s="20">
        <v>0.93596699999999999</v>
      </c>
      <c r="CP1423" s="20">
        <v>0.93915999999999999</v>
      </c>
      <c r="CQ1423" s="20">
        <v>0.90176199999999995</v>
      </c>
      <c r="CR1423" s="20">
        <v>0.91436300000000004</v>
      </c>
      <c r="CS1423" s="20">
        <v>0.85855000000000004</v>
      </c>
      <c r="CT1423" s="20">
        <v>0.78291100000000002</v>
      </c>
      <c r="CU1423" s="20">
        <v>0.79798800000000003</v>
      </c>
      <c r="CV1423" s="20">
        <v>0.71082999999999996</v>
      </c>
      <c r="CW1423" s="20">
        <v>0.67965799999999998</v>
      </c>
      <c r="CX1423" s="20">
        <v>0.63734000000000002</v>
      </c>
      <c r="CY1423" s="6" t="s">
        <v>603</v>
      </c>
      <c r="CZ1423" s="6" t="s">
        <v>604</v>
      </c>
      <c r="DA1423" s="6" t="s">
        <v>100</v>
      </c>
      <c r="DB1423" s="6" t="s">
        <v>345</v>
      </c>
      <c r="DC1423" s="6"/>
      <c r="DD1423" s="6"/>
      <c r="DE1423" s="6"/>
      <c r="DF1423" s="6"/>
      <c r="DG1423" s="6"/>
      <c r="DH1423" s="6" t="s">
        <v>333</v>
      </c>
      <c r="DI1423" s="6"/>
      <c r="DJ1423" s="6"/>
      <c r="DK1423" s="6"/>
      <c r="DL1423" s="6">
        <v>6</v>
      </c>
      <c r="DM1423" s="6" t="s">
        <v>396</v>
      </c>
      <c r="DN1423" s="6">
        <v>6</v>
      </c>
      <c r="DO1423" s="6" t="s">
        <v>393</v>
      </c>
      <c r="DP1423" s="6"/>
      <c r="DQ1423" s="6"/>
    </row>
    <row r="1424" spans="1:121" x14ac:dyDescent="0.2">
      <c r="A1424" s="6" t="s">
        <v>325</v>
      </c>
      <c r="B1424" s="6" t="s">
        <v>325</v>
      </c>
      <c r="C1424" s="6" t="s">
        <v>193</v>
      </c>
      <c r="D1424" s="6" t="s">
        <v>100</v>
      </c>
      <c r="E1424" s="6" t="s">
        <v>241</v>
      </c>
      <c r="F1424" s="11">
        <v>70</v>
      </c>
      <c r="G1424" s="13">
        <v>0.225806451613</v>
      </c>
      <c r="H1424" s="11">
        <v>60.907335119000038</v>
      </c>
      <c r="I1424" s="13">
        <v>0.19627846854590739</v>
      </c>
      <c r="J1424" s="11">
        <v>3.5009483810000006</v>
      </c>
      <c r="K1424" s="13">
        <v>9.4309726180666995E-3</v>
      </c>
      <c r="L1424" s="11">
        <v>5.4406835119999641</v>
      </c>
      <c r="M1424" s="13">
        <v>1.4519364689802442E-2</v>
      </c>
      <c r="N1424" s="11">
        <v>8.9416318929999647</v>
      </c>
      <c r="O1424" s="13">
        <v>2.4087269038690393E-2</v>
      </c>
      <c r="P1424" s="7">
        <v>310.31083322699999</v>
      </c>
      <c r="Q1424" s="7">
        <v>392.84929444099998</v>
      </c>
      <c r="R1424" s="7">
        <v>382.963518491</v>
      </c>
      <c r="S1424" s="7">
        <v>389.87862729099999</v>
      </c>
      <c r="T1424" s="7">
        <v>381.26246706000001</v>
      </c>
      <c r="U1424" s="7">
        <v>376.51103684499998</v>
      </c>
      <c r="V1424" s="7">
        <v>371.21816834600003</v>
      </c>
      <c r="W1424" s="7">
        <v>348.82471442000002</v>
      </c>
      <c r="X1424" s="7">
        <v>372.74904503099998</v>
      </c>
      <c r="Y1424" s="7">
        <v>374.71911672700003</v>
      </c>
      <c r="Z1424" s="7">
        <v>365.41610664500001</v>
      </c>
      <c r="AA1424" s="7">
        <v>387.56198555899999</v>
      </c>
      <c r="AB1424" s="7">
        <v>358.985943486</v>
      </c>
      <c r="AC1424" s="7">
        <v>370.99668448199998</v>
      </c>
      <c r="AD1424" s="7">
        <v>364.79206538199998</v>
      </c>
      <c r="AE1424" s="7">
        <v>373.59819083000002</v>
      </c>
      <c r="AF1424" s="7">
        <v>380.15980023899999</v>
      </c>
      <c r="AG1424" s="9">
        <v>4054.8880348999992</v>
      </c>
      <c r="AH1424" s="13">
        <v>0.21736317485402237</v>
      </c>
      <c r="AI1424" s="9">
        <v>1010.9505503999972</v>
      </c>
      <c r="AJ1424" s="13">
        <v>5.4192229073665159E-2</v>
      </c>
      <c r="AK1424" s="9">
        <v>-106.31744409999737</v>
      </c>
      <c r="AL1424" s="13">
        <v>-5.4061964005489571E-3</v>
      </c>
      <c r="AM1424" s="9">
        <v>3150.2549285999994</v>
      </c>
      <c r="AN1424" s="13">
        <v>0.16105983209998009</v>
      </c>
      <c r="AO1424" s="9">
        <v>3043.937484500002</v>
      </c>
      <c r="AP1424" s="13">
        <v>0.15478291461485921</v>
      </c>
      <c r="AQ1424" s="9">
        <v>18654.898823700001</v>
      </c>
      <c r="AR1424" s="9">
        <v>19041.741289900001</v>
      </c>
      <c r="AS1424" s="9">
        <v>18990.503010600001</v>
      </c>
      <c r="AT1424" s="9">
        <v>18399.853797600001</v>
      </c>
      <c r="AU1424" s="9">
        <v>18635.031801599998</v>
      </c>
      <c r="AV1424" s="9">
        <v>18005.542122899999</v>
      </c>
      <c r="AW1424" s="9">
        <v>19665.849374099998</v>
      </c>
      <c r="AX1424" s="9">
        <v>20117.8853652</v>
      </c>
      <c r="AY1424" s="9">
        <v>19658.8952168</v>
      </c>
      <c r="AZ1424" s="9">
        <v>19559.531930000001</v>
      </c>
      <c r="BA1424" s="9">
        <v>19735.2661697</v>
      </c>
      <c r="BB1424" s="9">
        <v>20150.539362200001</v>
      </c>
      <c r="BC1424" s="9">
        <v>20759.003573000002</v>
      </c>
      <c r="BD1424" s="9">
        <v>21228.9347284</v>
      </c>
      <c r="BE1424" s="9">
        <v>22482.9182463</v>
      </c>
      <c r="BF1424" s="9">
        <v>22709.7868586</v>
      </c>
      <c r="BG1424" s="11">
        <v>-34.25</v>
      </c>
      <c r="BH1424" s="13">
        <v>-0.47569444444444442</v>
      </c>
      <c r="BI1424" s="6">
        <v>-15</v>
      </c>
      <c r="BJ1424" s="13">
        <v>-0.20833333333333334</v>
      </c>
      <c r="BK1424" s="6">
        <v>5</v>
      </c>
      <c r="BL1424" s="13">
        <v>8.771929824561403E-2</v>
      </c>
      <c r="BM1424" s="11">
        <v>-24.25</v>
      </c>
      <c r="BN1424" s="13">
        <v>-0.3911290322580645</v>
      </c>
      <c r="BO1424" s="11">
        <v>-19.25</v>
      </c>
      <c r="BP1424" s="13">
        <v>-0.33771929824561403</v>
      </c>
      <c r="BQ1424" s="6">
        <v>72</v>
      </c>
      <c r="BR1424" s="6">
        <v>63</v>
      </c>
      <c r="BS1424" s="6">
        <v>55</v>
      </c>
      <c r="BT1424" s="6">
        <v>57</v>
      </c>
      <c r="BU1424" s="6">
        <v>66</v>
      </c>
      <c r="BV1424" s="6">
        <v>61</v>
      </c>
      <c r="BW1424" s="6">
        <v>62</v>
      </c>
      <c r="BX1424" s="6">
        <v>62</v>
      </c>
      <c r="BY1424" s="6">
        <v>62</v>
      </c>
      <c r="BZ1424" s="6">
        <v>37</v>
      </c>
      <c r="CA1424" s="6">
        <v>38</v>
      </c>
      <c r="CB1424" s="6">
        <v>35</v>
      </c>
      <c r="CC1424" s="11">
        <v>37.75</v>
      </c>
      <c r="CD1424" s="11">
        <v>38.785899999999998</v>
      </c>
      <c r="CE1424" s="11">
        <v>-2.8576700000000002</v>
      </c>
      <c r="CF1424" s="11">
        <v>33.920699999999997</v>
      </c>
      <c r="CG1424" s="11">
        <v>31</v>
      </c>
      <c r="CH1424" s="20">
        <v>0.78187200000000001</v>
      </c>
      <c r="CI1424" s="20">
        <v>0.95591000000000004</v>
      </c>
      <c r="CJ1424" s="20">
        <v>0.93854599999999999</v>
      </c>
      <c r="CK1424" s="20">
        <v>0.94983200000000001</v>
      </c>
      <c r="CL1424" s="20">
        <v>0.89313600000000004</v>
      </c>
      <c r="CM1424" s="20">
        <v>0.88034599999999996</v>
      </c>
      <c r="CN1424" s="20">
        <v>0.86727600000000005</v>
      </c>
      <c r="CO1424" s="20">
        <v>0.86307699999999998</v>
      </c>
      <c r="CP1424" s="20">
        <v>0.99229699999999998</v>
      </c>
      <c r="CQ1424" s="20">
        <v>1.0317400000000001</v>
      </c>
      <c r="CR1424" s="20">
        <v>1.05888</v>
      </c>
      <c r="CS1424" s="20">
        <v>1.0752299999999999</v>
      </c>
      <c r="CT1424" s="20">
        <v>1.0329900000000001</v>
      </c>
      <c r="CU1424" s="20">
        <v>1.02721</v>
      </c>
      <c r="CV1424" s="20">
        <v>0.99554799999999999</v>
      </c>
      <c r="CW1424" s="20">
        <v>0.98235300000000003</v>
      </c>
      <c r="CX1424" s="20">
        <v>0.978101</v>
      </c>
      <c r="CY1424" s="6" t="s">
        <v>603</v>
      </c>
      <c r="CZ1424" s="6" t="s">
        <v>604</v>
      </c>
      <c r="DA1424" s="6" t="s">
        <v>100</v>
      </c>
      <c r="DB1424" s="6" t="s">
        <v>345</v>
      </c>
      <c r="DC1424" s="6"/>
      <c r="DD1424" s="6"/>
      <c r="DE1424" s="6"/>
      <c r="DF1424" s="6"/>
      <c r="DG1424" s="6"/>
      <c r="DH1424" s="6" t="s">
        <v>333</v>
      </c>
      <c r="DI1424" s="6"/>
      <c r="DJ1424" s="6"/>
      <c r="DK1424" s="6"/>
      <c r="DL1424" s="6">
        <v>6</v>
      </c>
      <c r="DM1424" s="6" t="s">
        <v>396</v>
      </c>
      <c r="DN1424" s="6">
        <v>6</v>
      </c>
      <c r="DO1424" s="6" t="s">
        <v>393</v>
      </c>
      <c r="DP1424" s="6"/>
      <c r="DQ1424" s="6"/>
    </row>
    <row r="1425" spans="1:121" x14ac:dyDescent="0.2">
      <c r="A1425" s="6" t="s">
        <v>327</v>
      </c>
      <c r="B1425" s="6" t="s">
        <v>327</v>
      </c>
      <c r="C1425" s="6" t="s">
        <v>194</v>
      </c>
      <c r="D1425" s="6" t="s">
        <v>100</v>
      </c>
      <c r="E1425" s="6" t="s">
        <v>241</v>
      </c>
      <c r="F1425" s="11">
        <v>293</v>
      </c>
      <c r="G1425" s="13">
        <v>0.225731895223</v>
      </c>
      <c r="H1425" s="11">
        <v>276.98204599999985</v>
      </c>
      <c r="I1425" s="13">
        <v>0.21336386048612271</v>
      </c>
      <c r="J1425" s="11">
        <v>-40.846932999999808</v>
      </c>
      <c r="K1425" s="13">
        <v>-2.5932097102160632E-2</v>
      </c>
      <c r="L1425" s="11">
        <v>57.029224469999917</v>
      </c>
      <c r="M1425" s="13">
        <v>3.7169474318545608E-2</v>
      </c>
      <c r="N1425" s="11">
        <v>16.182291470000109</v>
      </c>
      <c r="O1425" s="13">
        <v>1.0273494799120184E-2</v>
      </c>
      <c r="P1425" s="7">
        <v>1298.167578</v>
      </c>
      <c r="Q1425" s="7">
        <v>1318.297628</v>
      </c>
      <c r="R1425" s="7">
        <v>1278.321083</v>
      </c>
      <c r="S1425" s="7">
        <v>1304.8020489999999</v>
      </c>
      <c r="T1425" s="7">
        <v>1316.498527</v>
      </c>
      <c r="U1425" s="7">
        <v>1403.56531</v>
      </c>
      <c r="V1425" s="7">
        <v>1575.1496239999999</v>
      </c>
      <c r="W1425" s="7">
        <v>1571.1435140000001</v>
      </c>
      <c r="X1425" s="7">
        <v>1560.6455779999999</v>
      </c>
      <c r="Y1425" s="7">
        <v>1534.3026910000001</v>
      </c>
      <c r="Z1425" s="7">
        <v>1503.195211</v>
      </c>
      <c r="AA1425" s="7">
        <v>1544.682669</v>
      </c>
      <c r="AB1425" s="7">
        <v>1564.4242099999999</v>
      </c>
      <c r="AC1425" s="7">
        <v>1596.701305</v>
      </c>
      <c r="AD1425" s="7">
        <v>1587.1867709999999</v>
      </c>
      <c r="AE1425" s="7">
        <v>1571.9614657499999</v>
      </c>
      <c r="AF1425" s="7">
        <v>1591.33191547</v>
      </c>
      <c r="AG1425" s="9">
        <v>13882.484312199998</v>
      </c>
      <c r="AH1425" s="13">
        <v>0.44902312023713525</v>
      </c>
      <c r="AI1425" s="9">
        <v>8263.5931263999992</v>
      </c>
      <c r="AJ1425" s="13">
        <v>0.26728244646568239</v>
      </c>
      <c r="AK1425" s="9">
        <v>2187.7341992000001</v>
      </c>
      <c r="AL1425" s="13">
        <v>5.5837073543166631E-2</v>
      </c>
      <c r="AM1425" s="9">
        <v>3431.1569865999991</v>
      </c>
      <c r="AN1425" s="13">
        <v>8.2941478797909793E-2</v>
      </c>
      <c r="AO1425" s="9">
        <v>5618.8911857999992</v>
      </c>
      <c r="AP1425" s="13">
        <v>0.14340976179249429</v>
      </c>
      <c r="AQ1425" s="9">
        <v>30917.081296100001</v>
      </c>
      <c r="AR1425" s="9">
        <v>31912.6422489</v>
      </c>
      <c r="AS1425" s="9">
        <v>34030.957412399999</v>
      </c>
      <c r="AT1425" s="9">
        <v>35321.613358299997</v>
      </c>
      <c r="AU1425" s="9">
        <v>35817.218066200003</v>
      </c>
      <c r="AV1425" s="9">
        <v>37419.2716564</v>
      </c>
      <c r="AW1425" s="9">
        <v>39180.6744225</v>
      </c>
      <c r="AX1425" s="9">
        <v>40526.348610300003</v>
      </c>
      <c r="AY1425" s="9">
        <v>40878.235640400002</v>
      </c>
      <c r="AZ1425" s="9">
        <v>41368.4086217</v>
      </c>
      <c r="BA1425" s="9">
        <v>41535.3698258</v>
      </c>
      <c r="BB1425" s="9">
        <v>42886.556200799998</v>
      </c>
      <c r="BC1425" s="9">
        <v>43549.415221900003</v>
      </c>
      <c r="BD1425" s="9">
        <v>42553.085974100002</v>
      </c>
      <c r="BE1425" s="9">
        <v>43839.9197117</v>
      </c>
      <c r="BF1425" s="9">
        <v>44799.565608299999</v>
      </c>
      <c r="BG1425" s="11">
        <v>-2</v>
      </c>
      <c r="BH1425" s="13">
        <v>-3.125E-2</v>
      </c>
      <c r="BI1425" s="6">
        <v>1</v>
      </c>
      <c r="BJ1425" s="13">
        <v>1.5625E-2</v>
      </c>
      <c r="BK1425" s="6">
        <v>1</v>
      </c>
      <c r="BL1425" s="13">
        <v>1.5384615384615385E-2</v>
      </c>
      <c r="BM1425" s="11">
        <v>-4</v>
      </c>
      <c r="BN1425" s="13">
        <v>-6.0606060606060608E-2</v>
      </c>
      <c r="BO1425" s="11">
        <v>-3</v>
      </c>
      <c r="BP1425" s="13">
        <v>-4.6153846153846156E-2</v>
      </c>
      <c r="BQ1425" s="6">
        <v>64</v>
      </c>
      <c r="BR1425" s="6">
        <v>63</v>
      </c>
      <c r="BS1425" s="6">
        <v>65</v>
      </c>
      <c r="BT1425" s="6">
        <v>65</v>
      </c>
      <c r="BU1425" s="6">
        <v>64</v>
      </c>
      <c r="BV1425" s="6">
        <v>66</v>
      </c>
      <c r="BW1425" s="6">
        <v>66</v>
      </c>
      <c r="BX1425" s="6">
        <v>66</v>
      </c>
      <c r="BY1425" s="6">
        <v>62</v>
      </c>
      <c r="BZ1425" s="6">
        <v>63</v>
      </c>
      <c r="CA1425" s="6">
        <v>63</v>
      </c>
      <c r="CB1425" s="6">
        <v>63</v>
      </c>
      <c r="CC1425" s="11">
        <v>62</v>
      </c>
      <c r="CD1425" s="11">
        <v>227.364</v>
      </c>
      <c r="CE1425" s="11">
        <v>-76.104600000000005</v>
      </c>
      <c r="CF1425" s="11">
        <v>141.905</v>
      </c>
      <c r="CG1425" s="11">
        <v>66</v>
      </c>
      <c r="CH1425" s="20">
        <v>0.98468299999999997</v>
      </c>
      <c r="CI1425" s="20">
        <v>0.96377199999999996</v>
      </c>
      <c r="CJ1425" s="20">
        <v>0.94820000000000004</v>
      </c>
      <c r="CK1425" s="20">
        <v>0.96907900000000002</v>
      </c>
      <c r="CL1425" s="20">
        <v>0.94234799999999996</v>
      </c>
      <c r="CM1425" s="20">
        <v>1.0094000000000001</v>
      </c>
      <c r="CN1425" s="20">
        <v>1.14001</v>
      </c>
      <c r="CO1425" s="20">
        <v>1.1921999999999999</v>
      </c>
      <c r="CP1425" s="20">
        <v>1.2599</v>
      </c>
      <c r="CQ1425" s="20">
        <v>1.27376</v>
      </c>
      <c r="CR1425" s="20">
        <v>1.3442000000000001</v>
      </c>
      <c r="CS1425" s="20">
        <v>1.36734</v>
      </c>
      <c r="CT1425" s="20">
        <v>1.36426</v>
      </c>
      <c r="CU1425" s="20">
        <v>1.36511</v>
      </c>
      <c r="CV1425" s="20">
        <v>1.3490200000000001</v>
      </c>
      <c r="CW1425" s="20">
        <v>1.2938000000000001</v>
      </c>
      <c r="CX1425" s="20">
        <v>1.2905199999999999</v>
      </c>
      <c r="CY1425" s="6" t="s">
        <v>603</v>
      </c>
      <c r="CZ1425" s="6" t="s">
        <v>604</v>
      </c>
      <c r="DA1425" s="6" t="s">
        <v>100</v>
      </c>
      <c r="DB1425" s="6" t="s">
        <v>345</v>
      </c>
      <c r="DC1425" s="6"/>
      <c r="DD1425" s="6"/>
      <c r="DE1425" s="6"/>
      <c r="DF1425" s="6"/>
      <c r="DG1425" s="6"/>
      <c r="DH1425" s="6" t="s">
        <v>333</v>
      </c>
      <c r="DI1425" s="6"/>
      <c r="DJ1425" s="6"/>
      <c r="DK1425" s="6"/>
      <c r="DL1425" s="6">
        <v>6</v>
      </c>
      <c r="DM1425" s="6" t="s">
        <v>396</v>
      </c>
      <c r="DN1425" s="6">
        <v>6</v>
      </c>
      <c r="DO1425" s="6" t="s">
        <v>393</v>
      </c>
      <c r="DP1425" s="6"/>
      <c r="DQ1425" s="6"/>
    </row>
    <row r="1426" spans="1:121" x14ac:dyDescent="0.2">
      <c r="A1426" s="6" t="s">
        <v>1</v>
      </c>
      <c r="B1426" s="6" t="s">
        <v>1</v>
      </c>
      <c r="C1426" s="6" t="s">
        <v>2</v>
      </c>
      <c r="D1426" s="6" t="s">
        <v>63</v>
      </c>
      <c r="E1426" s="6" t="s">
        <v>204</v>
      </c>
      <c r="F1426" s="11">
        <v>189</v>
      </c>
      <c r="G1426" s="13">
        <v>0.149289099526</v>
      </c>
      <c r="H1426" s="11">
        <v>113.39557175999994</v>
      </c>
      <c r="I1426" s="13">
        <v>8.9574331399543877E-2</v>
      </c>
      <c r="J1426" s="11">
        <v>161.32825959000002</v>
      </c>
      <c r="K1426" s="13">
        <v>0.11696099798189352</v>
      </c>
      <c r="L1426" s="11">
        <v>-85.969714719999956</v>
      </c>
      <c r="M1426" s="13">
        <v>-5.5800500395274545E-2</v>
      </c>
      <c r="N1426" s="11">
        <v>75.35854487000006</v>
      </c>
      <c r="O1426" s="13">
        <v>5.4634015372498623E-2</v>
      </c>
      <c r="P1426" s="7">
        <v>1265.93824356</v>
      </c>
      <c r="Q1426" s="7">
        <v>1307.29542464</v>
      </c>
      <c r="R1426" s="7">
        <v>1181.19474655</v>
      </c>
      <c r="S1426" s="7">
        <v>1168.30224387</v>
      </c>
      <c r="T1426" s="7">
        <v>1094.9753948499999</v>
      </c>
      <c r="U1426" s="7">
        <v>1180.88265583</v>
      </c>
      <c r="V1426" s="7">
        <v>1379.33381532</v>
      </c>
      <c r="W1426" s="7">
        <v>1182.51197439</v>
      </c>
      <c r="X1426" s="7">
        <v>1436.8737169799999</v>
      </c>
      <c r="Y1426" s="7">
        <v>1540.66207491</v>
      </c>
      <c r="Z1426" s="7">
        <v>1554.6705655599999</v>
      </c>
      <c r="AA1426" s="7">
        <v>1520.21232416</v>
      </c>
      <c r="AB1426" s="7">
        <v>1592.6940098</v>
      </c>
      <c r="AC1426" s="7">
        <v>1757.24358022</v>
      </c>
      <c r="AD1426" s="7">
        <v>1427.1770855</v>
      </c>
      <c r="AE1426" s="7">
        <v>1438.5067439699999</v>
      </c>
      <c r="AF1426" s="7">
        <v>1454.69236019</v>
      </c>
      <c r="AG1426" s="9">
        <v>10915.224826599999</v>
      </c>
      <c r="AH1426" s="13">
        <v>0.57554462470235102</v>
      </c>
      <c r="AI1426" s="9">
        <v>1439.7553191999978</v>
      </c>
      <c r="AJ1426" s="13">
        <v>7.5916295634406258E-2</v>
      </c>
      <c r="AK1426" s="9">
        <v>3862.0551412000023</v>
      </c>
      <c r="AL1426" s="13">
        <v>0.18927196962160783</v>
      </c>
      <c r="AM1426" s="9">
        <v>5613.4143661999988</v>
      </c>
      <c r="AN1426" s="13">
        <v>0.23132030175330764</v>
      </c>
      <c r="AO1426" s="9">
        <v>9475.469507400001</v>
      </c>
      <c r="AP1426" s="13">
        <v>0.46437472050122874</v>
      </c>
      <c r="AQ1426" s="9">
        <v>18965.036520400001</v>
      </c>
      <c r="AR1426" s="9">
        <v>18981.4359635</v>
      </c>
      <c r="AS1426" s="9">
        <v>19589.9723915</v>
      </c>
      <c r="AT1426" s="9">
        <v>20318.3953454</v>
      </c>
      <c r="AU1426" s="9">
        <v>20592.7239596</v>
      </c>
      <c r="AV1426" s="9">
        <v>21142.075246199998</v>
      </c>
      <c r="AW1426" s="9">
        <v>20404.791839599999</v>
      </c>
      <c r="AX1426" s="9">
        <v>22954.057090300001</v>
      </c>
      <c r="AY1426" s="9">
        <v>23577.2103751</v>
      </c>
      <c r="AZ1426" s="9">
        <v>24266.846980800001</v>
      </c>
      <c r="BA1426" s="9">
        <v>24971.6826821</v>
      </c>
      <c r="BB1426" s="9">
        <v>27498.252976</v>
      </c>
      <c r="BC1426" s="9">
        <v>29136.9106742</v>
      </c>
      <c r="BD1426" s="9">
        <v>28674.7389062</v>
      </c>
      <c r="BE1426" s="9">
        <v>30186.7735589</v>
      </c>
      <c r="BF1426" s="9">
        <v>29880.261347</v>
      </c>
      <c r="BG1426" s="11">
        <v>8.5</v>
      </c>
      <c r="BH1426" s="13">
        <v>0.16037735849056603</v>
      </c>
      <c r="BI1426" s="6">
        <v>3</v>
      </c>
      <c r="BJ1426" s="13">
        <v>5.6603773584905662E-2</v>
      </c>
      <c r="BK1426" s="6">
        <v>-1</v>
      </c>
      <c r="BL1426" s="13">
        <v>-1.7857142857142856E-2</v>
      </c>
      <c r="BM1426" s="11">
        <v>6.5</v>
      </c>
      <c r="BN1426" s="13">
        <v>0.11818181818181818</v>
      </c>
      <c r="BO1426" s="11">
        <v>5.5</v>
      </c>
      <c r="BP1426" s="13">
        <v>9.8214285714285712E-2</v>
      </c>
      <c r="BQ1426" s="6">
        <v>53</v>
      </c>
      <c r="BR1426" s="6">
        <v>54</v>
      </c>
      <c r="BS1426" s="6">
        <v>55</v>
      </c>
      <c r="BT1426" s="6">
        <v>56</v>
      </c>
      <c r="BU1426" s="6">
        <v>57</v>
      </c>
      <c r="BV1426" s="6">
        <v>56</v>
      </c>
      <c r="BW1426" s="6">
        <v>55</v>
      </c>
      <c r="BX1426" s="6">
        <v>54</v>
      </c>
      <c r="BY1426" s="6">
        <v>55</v>
      </c>
      <c r="BZ1426" s="6">
        <v>61</v>
      </c>
      <c r="CA1426" s="6">
        <v>65</v>
      </c>
      <c r="CB1426" s="6">
        <v>65</v>
      </c>
      <c r="CC1426" s="11">
        <v>61.5</v>
      </c>
      <c r="CD1426" s="11">
        <v>165.792</v>
      </c>
      <c r="CE1426" s="11">
        <v>-115.42</v>
      </c>
      <c r="CF1426" s="11">
        <v>138.38200000000001</v>
      </c>
      <c r="CG1426" s="11">
        <v>23</v>
      </c>
      <c r="CH1426" s="20">
        <v>17.746400000000001</v>
      </c>
      <c r="CI1426" s="20">
        <v>18.773900000000001</v>
      </c>
      <c r="CJ1426" s="20">
        <v>16.503900000000002</v>
      </c>
      <c r="CK1426" s="20">
        <v>16.757999999999999</v>
      </c>
      <c r="CL1426" s="20">
        <v>16.5931</v>
      </c>
      <c r="CM1426" s="20">
        <v>17.4634</v>
      </c>
      <c r="CN1426" s="20">
        <v>20.1221</v>
      </c>
      <c r="CO1426" s="20">
        <v>18.611599999999999</v>
      </c>
      <c r="CP1426" s="20">
        <v>20.045200000000001</v>
      </c>
      <c r="CQ1426" s="20">
        <v>21.320699999999999</v>
      </c>
      <c r="CR1426" s="20">
        <v>22.1831</v>
      </c>
      <c r="CS1426" s="20">
        <v>21.2836</v>
      </c>
      <c r="CT1426" s="20">
        <v>22.3977</v>
      </c>
      <c r="CU1426" s="20">
        <v>24.650099999999998</v>
      </c>
      <c r="CV1426" s="20">
        <v>21.3019</v>
      </c>
      <c r="CW1426" s="20">
        <v>21.756699999999999</v>
      </c>
      <c r="CX1426" s="20">
        <v>22.035699999999999</v>
      </c>
      <c r="CY1426" s="6" t="s">
        <v>605</v>
      </c>
      <c r="CZ1426" s="6" t="s">
        <v>606</v>
      </c>
      <c r="DA1426" s="6" t="s">
        <v>63</v>
      </c>
      <c r="DB1426" s="6" t="s">
        <v>345</v>
      </c>
      <c r="DC1426" s="6"/>
      <c r="DD1426" s="6"/>
      <c r="DE1426" s="6"/>
      <c r="DF1426" s="6"/>
      <c r="DG1426" s="6"/>
      <c r="DH1426" s="6" t="s">
        <v>333</v>
      </c>
      <c r="DI1426" s="6"/>
      <c r="DJ1426" s="6"/>
      <c r="DK1426" s="6"/>
      <c r="DL1426" s="6">
        <v>6</v>
      </c>
      <c r="DM1426" s="6" t="s">
        <v>396</v>
      </c>
      <c r="DN1426" s="6">
        <v>6</v>
      </c>
      <c r="DO1426" s="6" t="s">
        <v>393</v>
      </c>
      <c r="DP1426" s="6"/>
      <c r="DQ1426" s="6"/>
    </row>
    <row r="1427" spans="1:121" x14ac:dyDescent="0.2">
      <c r="A1427" s="6" t="s">
        <v>310</v>
      </c>
      <c r="B1427" s="6" t="s">
        <v>310</v>
      </c>
      <c r="C1427" s="6" t="s">
        <v>173</v>
      </c>
      <c r="D1427" s="6" t="s">
        <v>63</v>
      </c>
      <c r="E1427" s="6" t="s">
        <v>204</v>
      </c>
      <c r="F1427" s="11">
        <v>0</v>
      </c>
      <c r="G1427" s="13">
        <v>0</v>
      </c>
      <c r="H1427" s="11">
        <v>0</v>
      </c>
      <c r="I1427" s="13"/>
      <c r="J1427" s="11">
        <v>0</v>
      </c>
      <c r="K1427" s="13"/>
      <c r="L1427" s="11">
        <v>0</v>
      </c>
      <c r="M1427" s="13"/>
      <c r="N1427" s="11">
        <v>0</v>
      </c>
      <c r="O1427" s="13"/>
      <c r="P1427" s="7">
        <v>0</v>
      </c>
      <c r="Q1427" s="7">
        <v>0</v>
      </c>
      <c r="R1427" s="7">
        <v>0</v>
      </c>
      <c r="S1427" s="7">
        <v>0</v>
      </c>
      <c r="T1427" s="7">
        <v>0</v>
      </c>
      <c r="U1427" s="7">
        <v>0</v>
      </c>
      <c r="V1427" s="7">
        <v>0</v>
      </c>
      <c r="W1427" s="7">
        <v>0</v>
      </c>
      <c r="X1427" s="7">
        <v>0</v>
      </c>
      <c r="Y1427" s="7">
        <v>0</v>
      </c>
      <c r="Z1427" s="7">
        <v>0</v>
      </c>
      <c r="AA1427" s="7">
        <v>0</v>
      </c>
      <c r="AB1427" s="7">
        <v>0</v>
      </c>
      <c r="AC1427" s="7">
        <v>0</v>
      </c>
      <c r="AD1427" s="7">
        <v>0</v>
      </c>
      <c r="AE1427" s="7">
        <v>0</v>
      </c>
      <c r="AF1427" s="7">
        <v>0</v>
      </c>
      <c r="AG1427" s="9">
        <v>0</v>
      </c>
      <c r="AH1427" s="13"/>
      <c r="AI1427" s="9">
        <v>0</v>
      </c>
      <c r="AJ1427" s="13"/>
      <c r="AK1427" s="9">
        <v>0</v>
      </c>
      <c r="AL1427" s="13"/>
      <c r="AM1427" s="9">
        <v>0</v>
      </c>
      <c r="AN1427" s="13"/>
      <c r="AO1427" s="9">
        <v>0</v>
      </c>
      <c r="AP1427" s="13"/>
      <c r="AQ1427" s="9">
        <v>0</v>
      </c>
      <c r="AR1427" s="9">
        <v>0</v>
      </c>
      <c r="AS1427" s="9">
        <v>0</v>
      </c>
      <c r="AT1427" s="9">
        <v>0</v>
      </c>
      <c r="AU1427" s="9">
        <v>0</v>
      </c>
      <c r="AV1427" s="9">
        <v>0</v>
      </c>
      <c r="AW1427" s="9">
        <v>0</v>
      </c>
      <c r="AX1427" s="9">
        <v>0</v>
      </c>
      <c r="AY1427" s="9">
        <v>0</v>
      </c>
      <c r="AZ1427" s="9">
        <v>0</v>
      </c>
      <c r="BA1427" s="9">
        <v>0</v>
      </c>
      <c r="BB1427" s="9">
        <v>0</v>
      </c>
      <c r="BC1427" s="9">
        <v>0</v>
      </c>
      <c r="BD1427" s="9">
        <v>0</v>
      </c>
      <c r="BE1427" s="9">
        <v>0</v>
      </c>
      <c r="BF1427" s="9">
        <v>0</v>
      </c>
      <c r="BG1427" s="11">
        <v>0</v>
      </c>
      <c r="BH1427" s="13" t="e">
        <v>#DIV/0!</v>
      </c>
      <c r="BI1427" s="6">
        <v>0</v>
      </c>
      <c r="BJ1427" s="13" t="e">
        <v>#DIV/0!</v>
      </c>
      <c r="BK1427" s="6">
        <v>0</v>
      </c>
      <c r="BL1427" s="13" t="e">
        <v>#DIV/0!</v>
      </c>
      <c r="BM1427" s="11">
        <v>0</v>
      </c>
      <c r="BN1427" s="13" t="e">
        <v>#DIV/0!</v>
      </c>
      <c r="BO1427" s="11">
        <v>0</v>
      </c>
      <c r="BP1427" s="13" t="e">
        <v>#DIV/0!</v>
      </c>
      <c r="BQ1427" s="6">
        <v>0</v>
      </c>
      <c r="BR1427" s="6">
        <v>0</v>
      </c>
      <c r="BS1427" s="6">
        <v>0</v>
      </c>
      <c r="BT1427" s="6">
        <v>0</v>
      </c>
      <c r="BU1427" s="6">
        <v>0</v>
      </c>
      <c r="BV1427" s="6">
        <v>0</v>
      </c>
      <c r="BW1427" s="6">
        <v>0</v>
      </c>
      <c r="BX1427" s="6">
        <v>0</v>
      </c>
      <c r="BY1427" s="6">
        <v>0</v>
      </c>
      <c r="BZ1427" s="6">
        <v>0</v>
      </c>
      <c r="CA1427" s="6">
        <v>0</v>
      </c>
      <c r="CB1427" s="6">
        <v>0</v>
      </c>
      <c r="CC1427" s="11">
        <v>0</v>
      </c>
      <c r="CD1427" s="11">
        <v>0</v>
      </c>
      <c r="CE1427" s="11">
        <v>0</v>
      </c>
      <c r="CF1427" s="11">
        <v>0</v>
      </c>
      <c r="CG1427" s="11">
        <v>0</v>
      </c>
      <c r="CH1427" s="20">
        <v>0</v>
      </c>
      <c r="CI1427" s="20">
        <v>0</v>
      </c>
      <c r="CJ1427" s="20">
        <v>0</v>
      </c>
      <c r="CK1427" s="20">
        <v>0</v>
      </c>
      <c r="CL1427" s="20">
        <v>0</v>
      </c>
      <c r="CM1427" s="20">
        <v>0</v>
      </c>
      <c r="CN1427" s="20">
        <v>0</v>
      </c>
      <c r="CO1427" s="20">
        <v>0</v>
      </c>
      <c r="CP1427" s="20">
        <v>0</v>
      </c>
      <c r="CQ1427" s="20">
        <v>0</v>
      </c>
      <c r="CR1427" s="20">
        <v>0</v>
      </c>
      <c r="CS1427" s="20">
        <v>0</v>
      </c>
      <c r="CT1427" s="20">
        <v>0</v>
      </c>
      <c r="CU1427" s="20">
        <v>0</v>
      </c>
      <c r="CV1427" s="20">
        <v>0</v>
      </c>
      <c r="CW1427" s="20">
        <v>0</v>
      </c>
      <c r="CX1427" s="20">
        <v>0</v>
      </c>
      <c r="CY1427" s="6" t="s">
        <v>605</v>
      </c>
      <c r="CZ1427" s="6" t="s">
        <v>606</v>
      </c>
      <c r="DA1427" s="6" t="s">
        <v>63</v>
      </c>
      <c r="DB1427" s="6" t="s">
        <v>345</v>
      </c>
      <c r="DC1427" s="6"/>
      <c r="DD1427" s="6"/>
      <c r="DE1427" s="6"/>
      <c r="DF1427" s="6"/>
      <c r="DG1427" s="6"/>
      <c r="DH1427" s="6" t="s">
        <v>333</v>
      </c>
      <c r="DI1427" s="6"/>
      <c r="DJ1427" s="6"/>
      <c r="DK1427" s="6"/>
      <c r="DL1427" s="6">
        <v>6</v>
      </c>
      <c r="DM1427" s="6" t="s">
        <v>396</v>
      </c>
      <c r="DN1427" s="6">
        <v>6</v>
      </c>
      <c r="DO1427" s="6" t="s">
        <v>393</v>
      </c>
      <c r="DP1427" s="6"/>
      <c r="DQ1427" s="6"/>
    </row>
    <row r="1428" spans="1:121" x14ac:dyDescent="0.2">
      <c r="A1428" s="6" t="s">
        <v>311</v>
      </c>
      <c r="B1428" s="6" t="s">
        <v>311</v>
      </c>
      <c r="C1428" s="6" t="s">
        <v>174</v>
      </c>
      <c r="D1428" s="6" t="s">
        <v>63</v>
      </c>
      <c r="E1428" s="6" t="s">
        <v>204</v>
      </c>
      <c r="F1428" s="11">
        <v>30</v>
      </c>
      <c r="G1428" s="13">
        <v>1</v>
      </c>
      <c r="H1428" s="11">
        <v>5</v>
      </c>
      <c r="I1428" s="13"/>
      <c r="J1428" s="11">
        <v>0</v>
      </c>
      <c r="K1428" s="13">
        <v>0</v>
      </c>
      <c r="L1428" s="11">
        <v>25.131233958999999</v>
      </c>
      <c r="M1428" s="13">
        <v>5.0262467918000002</v>
      </c>
      <c r="N1428" s="11">
        <v>25.131233958999999</v>
      </c>
      <c r="O1428" s="13">
        <v>5.0262467918000002</v>
      </c>
      <c r="P1428" s="7">
        <v>0</v>
      </c>
      <c r="Q1428" s="7">
        <v>0</v>
      </c>
      <c r="R1428" s="7">
        <v>0</v>
      </c>
      <c r="S1428" s="7">
        <v>5</v>
      </c>
      <c r="T1428" s="7">
        <v>5</v>
      </c>
      <c r="U1428" s="7">
        <v>5</v>
      </c>
      <c r="V1428" s="7">
        <v>5</v>
      </c>
      <c r="W1428" s="7">
        <v>5</v>
      </c>
      <c r="X1428" s="7">
        <v>5</v>
      </c>
      <c r="Y1428" s="7">
        <v>5</v>
      </c>
      <c r="Z1428" s="7">
        <v>5</v>
      </c>
      <c r="AA1428" s="7">
        <v>12.086332000000001</v>
      </c>
      <c r="AB1428" s="7">
        <v>5</v>
      </c>
      <c r="AC1428" s="7">
        <v>19.062729999999998</v>
      </c>
      <c r="AD1428" s="7">
        <v>28.203440801700001</v>
      </c>
      <c r="AE1428" s="7">
        <v>27.152149940899999</v>
      </c>
      <c r="AF1428" s="7">
        <v>30.131233958999999</v>
      </c>
      <c r="AG1428" s="9">
        <v>153961.051752</v>
      </c>
      <c r="AH1428" s="13"/>
      <c r="AI1428" s="9">
        <v>1</v>
      </c>
      <c r="AJ1428" s="13"/>
      <c r="AK1428" s="9">
        <v>0</v>
      </c>
      <c r="AL1428" s="13">
        <v>0</v>
      </c>
      <c r="AM1428" s="9">
        <v>153960.051752</v>
      </c>
      <c r="AN1428" s="13">
        <v>153960.051752</v>
      </c>
      <c r="AO1428" s="9">
        <v>153960.051752</v>
      </c>
      <c r="AP1428" s="13">
        <v>153960.051752</v>
      </c>
      <c r="AQ1428" s="9">
        <v>0</v>
      </c>
      <c r="AR1428" s="9">
        <v>0</v>
      </c>
      <c r="AS1428" s="9">
        <v>0</v>
      </c>
      <c r="AT1428" s="9">
        <v>1</v>
      </c>
      <c r="AU1428" s="9">
        <v>1</v>
      </c>
      <c r="AV1428" s="9">
        <v>1</v>
      </c>
      <c r="AW1428" s="9">
        <v>1</v>
      </c>
      <c r="AX1428" s="9">
        <v>1</v>
      </c>
      <c r="AY1428" s="9">
        <v>1</v>
      </c>
      <c r="AZ1428" s="9">
        <v>1</v>
      </c>
      <c r="BA1428" s="9">
        <v>1</v>
      </c>
      <c r="BB1428" s="9">
        <v>134229.63827699999</v>
      </c>
      <c r="BC1428" s="9">
        <v>1</v>
      </c>
      <c r="BD1428" s="9">
        <v>143305.09584600001</v>
      </c>
      <c r="BE1428" s="9">
        <v>149165.118013</v>
      </c>
      <c r="BF1428" s="9">
        <v>153961.051752</v>
      </c>
      <c r="BG1428" s="11">
        <v>1</v>
      </c>
      <c r="BH1428" s="13">
        <v>1</v>
      </c>
      <c r="BI1428" s="6">
        <v>0</v>
      </c>
      <c r="BJ1428" s="13">
        <v>0</v>
      </c>
      <c r="BK1428" s="6">
        <v>0</v>
      </c>
      <c r="BL1428" s="13">
        <v>0</v>
      </c>
      <c r="BM1428" s="11">
        <v>1</v>
      </c>
      <c r="BN1428" s="13">
        <v>1</v>
      </c>
      <c r="BO1428" s="11">
        <v>1</v>
      </c>
      <c r="BP1428" s="13">
        <v>1</v>
      </c>
      <c r="BQ1428" s="6">
        <v>1</v>
      </c>
      <c r="BR1428" s="6">
        <v>1</v>
      </c>
      <c r="BS1428" s="6">
        <v>1</v>
      </c>
      <c r="BT1428" s="6">
        <v>1</v>
      </c>
      <c r="BU1428" s="6">
        <v>1</v>
      </c>
      <c r="BV1428" s="6">
        <v>1</v>
      </c>
      <c r="BW1428" s="6">
        <v>1</v>
      </c>
      <c r="BX1428" s="6">
        <v>2</v>
      </c>
      <c r="BY1428" s="6">
        <v>2</v>
      </c>
      <c r="BZ1428" s="6">
        <v>2</v>
      </c>
      <c r="CA1428" s="6">
        <v>2</v>
      </c>
      <c r="CB1428" s="6">
        <v>2</v>
      </c>
      <c r="CC1428" s="11">
        <v>2</v>
      </c>
      <c r="CD1428" s="11">
        <v>30.184799999999999</v>
      </c>
      <c r="CE1428" s="11">
        <v>-0.16284399999999999</v>
      </c>
      <c r="CF1428" s="11">
        <v>0.10931200000000001</v>
      </c>
      <c r="CG1428" s="11">
        <v>0</v>
      </c>
      <c r="CH1428" s="20">
        <v>0</v>
      </c>
      <c r="CI1428" s="20">
        <v>0</v>
      </c>
      <c r="CJ1428" s="20">
        <v>0</v>
      </c>
      <c r="CK1428" s="20">
        <v>2.6204499999999999E-2</v>
      </c>
      <c r="CL1428" s="20">
        <v>6.2030599999999998E-2</v>
      </c>
      <c r="CM1428" s="20">
        <v>0.19797200000000001</v>
      </c>
      <c r="CN1428" s="20">
        <v>0.207812</v>
      </c>
      <c r="CO1428" s="20">
        <v>0.26471299999999998</v>
      </c>
      <c r="CP1428" s="20">
        <v>0.14865300000000001</v>
      </c>
      <c r="CQ1428" s="20">
        <v>3.51355E-2</v>
      </c>
      <c r="CR1428" s="20">
        <v>0.12055200000000001</v>
      </c>
      <c r="CS1428" s="20">
        <v>0.57747300000000001</v>
      </c>
      <c r="CT1428" s="20">
        <v>0.47923199999999999</v>
      </c>
      <c r="CU1428" s="20">
        <v>0.93078799999999995</v>
      </c>
      <c r="CV1428" s="20">
        <v>1.4674400000000001</v>
      </c>
      <c r="CW1428" s="20">
        <v>1.4297200000000001</v>
      </c>
      <c r="CX1428" s="20">
        <v>1.5794699999999999</v>
      </c>
      <c r="CY1428" s="6" t="s">
        <v>605</v>
      </c>
      <c r="CZ1428" s="6" t="s">
        <v>606</v>
      </c>
      <c r="DA1428" s="6" t="s">
        <v>63</v>
      </c>
      <c r="DB1428" s="6" t="s">
        <v>345</v>
      </c>
      <c r="DC1428" s="6"/>
      <c r="DD1428" s="6"/>
      <c r="DE1428" s="6"/>
      <c r="DF1428" s="6"/>
      <c r="DG1428" s="6"/>
      <c r="DH1428" s="6" t="s">
        <v>333</v>
      </c>
      <c r="DI1428" s="6"/>
      <c r="DJ1428" s="6"/>
      <c r="DK1428" s="6"/>
      <c r="DL1428" s="6">
        <v>6</v>
      </c>
      <c r="DM1428" s="6" t="s">
        <v>396</v>
      </c>
      <c r="DN1428" s="6">
        <v>6</v>
      </c>
      <c r="DO1428" s="6" t="s">
        <v>393</v>
      </c>
      <c r="DP1428" s="6"/>
      <c r="DQ1428" s="6"/>
    </row>
    <row r="1429" spans="1:121" x14ac:dyDescent="0.2">
      <c r="A1429" s="6" t="s">
        <v>312</v>
      </c>
      <c r="B1429" s="6" t="s">
        <v>312</v>
      </c>
      <c r="C1429" s="6" t="s">
        <v>175</v>
      </c>
      <c r="D1429" s="6" t="s">
        <v>63</v>
      </c>
      <c r="E1429" s="6" t="s">
        <v>204</v>
      </c>
      <c r="F1429" s="11">
        <v>-140</v>
      </c>
      <c r="G1429" s="13">
        <v>-0.630630630631</v>
      </c>
      <c r="H1429" s="11">
        <v>-86.841804209000003</v>
      </c>
      <c r="I1429" s="13">
        <v>-0.39040097694014714</v>
      </c>
      <c r="J1429" s="11">
        <v>-6.1430820219999873</v>
      </c>
      <c r="K1429" s="13">
        <v>-4.5302702443991837E-2</v>
      </c>
      <c r="L1429" s="11">
        <v>-47.740546556200002</v>
      </c>
      <c r="M1429" s="13">
        <v>-0.3687733166361597</v>
      </c>
      <c r="N1429" s="11">
        <v>-53.883628578199989</v>
      </c>
      <c r="O1429" s="13">
        <v>-0.39736959124729954</v>
      </c>
      <c r="P1429" s="7">
        <v>222.44258938499999</v>
      </c>
      <c r="Q1429" s="7">
        <v>131.056157042</v>
      </c>
      <c r="R1429" s="7">
        <v>121.652634691</v>
      </c>
      <c r="S1429" s="7">
        <v>123.596653215</v>
      </c>
      <c r="T1429" s="7">
        <v>136.43402637299999</v>
      </c>
      <c r="U1429" s="7">
        <v>148.37523933599999</v>
      </c>
      <c r="V1429" s="7">
        <v>135.60078517599999</v>
      </c>
      <c r="W1429" s="7">
        <v>145.61242951899999</v>
      </c>
      <c r="X1429" s="7">
        <v>150.23548413200001</v>
      </c>
      <c r="Y1429" s="7">
        <v>129.457703154</v>
      </c>
      <c r="Z1429" s="7">
        <v>131.348718784</v>
      </c>
      <c r="AA1429" s="7">
        <v>125.307894408</v>
      </c>
      <c r="AB1429" s="7">
        <v>113.169711939</v>
      </c>
      <c r="AC1429" s="7">
        <v>97.543305456599995</v>
      </c>
      <c r="AD1429" s="7">
        <v>100.254308674</v>
      </c>
      <c r="AE1429" s="7">
        <v>84.239499620299995</v>
      </c>
      <c r="AF1429" s="7">
        <v>81.717156597799999</v>
      </c>
      <c r="AG1429" s="9">
        <v>-3424.7676954999988</v>
      </c>
      <c r="AH1429" s="13">
        <v>-0.10222103013907348</v>
      </c>
      <c r="AI1429" s="9">
        <v>-10111.419970399998</v>
      </c>
      <c r="AJ1429" s="13">
        <v>-0.30180142346623817</v>
      </c>
      <c r="AK1429" s="9">
        <v>2360.6565843999997</v>
      </c>
      <c r="AL1429" s="13">
        <v>0.10091668796607818</v>
      </c>
      <c r="AM1429" s="9">
        <v>4325.9956904999999</v>
      </c>
      <c r="AN1429" s="13">
        <v>0.16798163477994915</v>
      </c>
      <c r="AO1429" s="9">
        <v>6686.6522748999996</v>
      </c>
      <c r="AP1429" s="13">
        <v>0.28585047296714716</v>
      </c>
      <c r="AQ1429" s="9">
        <v>33503.552946399999</v>
      </c>
      <c r="AR1429" s="9">
        <v>23179.179217299999</v>
      </c>
      <c r="AS1429" s="9">
        <v>24211.243560800001</v>
      </c>
      <c r="AT1429" s="9">
        <v>24156.029797300002</v>
      </c>
      <c r="AU1429" s="9">
        <v>24755.517288200001</v>
      </c>
      <c r="AV1429" s="9">
        <v>24144.654401100001</v>
      </c>
      <c r="AW1429" s="9">
        <v>23392.132976000001</v>
      </c>
      <c r="AX1429" s="9">
        <v>24723.7993307</v>
      </c>
      <c r="AY1429" s="9">
        <v>24336.606389699999</v>
      </c>
      <c r="AZ1429" s="9">
        <v>25752.7895604</v>
      </c>
      <c r="BA1429" s="9">
        <v>26475.611319899999</v>
      </c>
      <c r="BB1429" s="9">
        <v>27414.799885100001</v>
      </c>
      <c r="BC1429" s="9">
        <v>27972.827142099999</v>
      </c>
      <c r="BD1429" s="9">
        <v>34316.555391599999</v>
      </c>
      <c r="BE1429" s="9">
        <v>30790.881647599999</v>
      </c>
      <c r="BF1429" s="9">
        <v>30078.7852509</v>
      </c>
      <c r="BG1429" s="11">
        <v>-7.75</v>
      </c>
      <c r="BH1429" s="13">
        <v>-0.40789473684210525</v>
      </c>
      <c r="BI1429" s="6">
        <v>-1</v>
      </c>
      <c r="BJ1429" s="13">
        <v>-5.2631578947368418E-2</v>
      </c>
      <c r="BK1429" s="6">
        <v>2</v>
      </c>
      <c r="BL1429" s="13">
        <v>0.1111111111111111</v>
      </c>
      <c r="BM1429" s="11">
        <v>-8.75</v>
      </c>
      <c r="BN1429" s="13">
        <v>-0.4375</v>
      </c>
      <c r="BO1429" s="11">
        <v>-6.75</v>
      </c>
      <c r="BP1429" s="13">
        <v>-0.375</v>
      </c>
      <c r="BQ1429" s="6">
        <v>19</v>
      </c>
      <c r="BR1429" s="6">
        <v>18</v>
      </c>
      <c r="BS1429" s="6">
        <v>18</v>
      </c>
      <c r="BT1429" s="6">
        <v>18</v>
      </c>
      <c r="BU1429" s="6">
        <v>19</v>
      </c>
      <c r="BV1429" s="6">
        <v>21</v>
      </c>
      <c r="BW1429" s="6">
        <v>20</v>
      </c>
      <c r="BX1429" s="6">
        <v>18</v>
      </c>
      <c r="BY1429" s="6">
        <v>18</v>
      </c>
      <c r="BZ1429" s="6">
        <v>16</v>
      </c>
      <c r="CA1429" s="6">
        <v>15</v>
      </c>
      <c r="CB1429" s="6">
        <v>14</v>
      </c>
      <c r="CC1429" s="11">
        <v>11.25</v>
      </c>
      <c r="CD1429" s="11">
        <v>-138.09800000000001</v>
      </c>
      <c r="CE1429" s="11">
        <v>-26.9435</v>
      </c>
      <c r="CF1429" s="11">
        <v>24.3157</v>
      </c>
      <c r="CG1429" s="11">
        <v>-3</v>
      </c>
      <c r="CH1429" s="20">
        <v>0.69159700000000002</v>
      </c>
      <c r="CI1429" s="20">
        <v>0.41592000000000001</v>
      </c>
      <c r="CJ1429" s="20">
        <v>0.37065700000000001</v>
      </c>
      <c r="CK1429" s="20">
        <v>0.372336</v>
      </c>
      <c r="CL1429" s="20">
        <v>0.41723900000000003</v>
      </c>
      <c r="CM1429" s="20">
        <v>0.42393700000000001</v>
      </c>
      <c r="CN1429" s="20">
        <v>0.38211699999999998</v>
      </c>
      <c r="CO1429" s="20">
        <v>0.45500499999999999</v>
      </c>
      <c r="CP1429" s="20">
        <v>0.47338000000000002</v>
      </c>
      <c r="CQ1429" s="20">
        <v>0.437444</v>
      </c>
      <c r="CR1429" s="20">
        <v>0.46640900000000002</v>
      </c>
      <c r="CS1429" s="20">
        <v>0.438166</v>
      </c>
      <c r="CT1429" s="20">
        <v>0.39266499999999999</v>
      </c>
      <c r="CU1429" s="20">
        <v>0.32980500000000001</v>
      </c>
      <c r="CV1429" s="20">
        <v>0.35120400000000002</v>
      </c>
      <c r="CW1429" s="20">
        <v>0.292487</v>
      </c>
      <c r="CX1429" s="20">
        <v>0.28286299999999998</v>
      </c>
      <c r="CY1429" s="6" t="s">
        <v>605</v>
      </c>
      <c r="CZ1429" s="6" t="s">
        <v>606</v>
      </c>
      <c r="DA1429" s="6" t="s">
        <v>63</v>
      </c>
      <c r="DB1429" s="6" t="s">
        <v>345</v>
      </c>
      <c r="DC1429" s="6"/>
      <c r="DD1429" s="6"/>
      <c r="DE1429" s="6"/>
      <c r="DF1429" s="6"/>
      <c r="DG1429" s="6"/>
      <c r="DH1429" s="6" t="s">
        <v>333</v>
      </c>
      <c r="DI1429" s="6"/>
      <c r="DJ1429" s="6"/>
      <c r="DK1429" s="6"/>
      <c r="DL1429" s="6">
        <v>6</v>
      </c>
      <c r="DM1429" s="6" t="s">
        <v>396</v>
      </c>
      <c r="DN1429" s="6">
        <v>6</v>
      </c>
      <c r="DO1429" s="6" t="s">
        <v>393</v>
      </c>
      <c r="DP1429" s="6"/>
      <c r="DQ1429" s="6"/>
    </row>
    <row r="1430" spans="1:121" x14ac:dyDescent="0.2">
      <c r="A1430" s="6" t="s">
        <v>792</v>
      </c>
      <c r="B1430" s="6" t="s">
        <v>176</v>
      </c>
      <c r="C1430" s="6" t="s">
        <v>177</v>
      </c>
      <c r="D1430" s="6" t="s">
        <v>63</v>
      </c>
      <c r="E1430" s="6" t="s">
        <v>204</v>
      </c>
      <c r="F1430" s="11">
        <v>-166</v>
      </c>
      <c r="G1430" s="13">
        <v>-0.55333333333300005</v>
      </c>
      <c r="H1430" s="11">
        <v>-48.907352095000022</v>
      </c>
      <c r="I1430" s="13">
        <v>-0.1629412139370027</v>
      </c>
      <c r="J1430" s="11">
        <v>-66.333330324999991</v>
      </c>
      <c r="K1430" s="13">
        <v>-0.26401745482224759</v>
      </c>
      <c r="L1430" s="11">
        <v>-50.961620962000012</v>
      </c>
      <c r="M1430" s="13">
        <v>-0.27559831428882736</v>
      </c>
      <c r="N1430" s="11">
        <v>-117.294951287</v>
      </c>
      <c r="O1430" s="13">
        <v>-0.46685300361923698</v>
      </c>
      <c r="P1430" s="7">
        <v>300.15335539300003</v>
      </c>
      <c r="Q1430" s="7">
        <v>213.32491844099999</v>
      </c>
      <c r="R1430" s="7">
        <v>207.768311904</v>
      </c>
      <c r="S1430" s="7">
        <v>252.164602143</v>
      </c>
      <c r="T1430" s="7">
        <v>292.58811590200003</v>
      </c>
      <c r="U1430" s="7">
        <v>300.20433160300001</v>
      </c>
      <c r="V1430" s="7">
        <v>251.24600329800001</v>
      </c>
      <c r="W1430" s="7">
        <v>244.499553717</v>
      </c>
      <c r="X1430" s="7">
        <v>209.56288900000001</v>
      </c>
      <c r="Y1430" s="7">
        <v>184.91267297300001</v>
      </c>
      <c r="Z1430" s="7">
        <v>151.496216799</v>
      </c>
      <c r="AA1430" s="7">
        <v>202.700620813</v>
      </c>
      <c r="AB1430" s="7">
        <v>198.05814465200001</v>
      </c>
      <c r="AC1430" s="7">
        <v>155.77333426300001</v>
      </c>
      <c r="AD1430" s="7">
        <v>150.39197356700001</v>
      </c>
      <c r="AE1430" s="7">
        <v>146.05822009100001</v>
      </c>
      <c r="AF1430" s="7">
        <v>133.951052011</v>
      </c>
      <c r="AG1430" s="9">
        <v>31085.275343900001</v>
      </c>
      <c r="AH1430" s="13">
        <v>0.90599596815464178</v>
      </c>
      <c r="AI1430" s="9">
        <v>8816.2789340000018</v>
      </c>
      <c r="AJ1430" s="13">
        <v>0.25695487911765047</v>
      </c>
      <c r="AK1430" s="9">
        <v>7501.9148220999996</v>
      </c>
      <c r="AL1430" s="13">
        <v>0.17394982137337389</v>
      </c>
      <c r="AM1430" s="9">
        <v>14767.081587799999</v>
      </c>
      <c r="AN1430" s="13">
        <v>0.29167351713253914</v>
      </c>
      <c r="AO1430" s="9">
        <v>22268.996409899999</v>
      </c>
      <c r="AP1430" s="13">
        <v>0.51635989471046184</v>
      </c>
      <c r="AQ1430" s="9">
        <v>34310.611124700001</v>
      </c>
      <c r="AR1430" s="9">
        <v>35762.617736799999</v>
      </c>
      <c r="AS1430" s="9">
        <v>39725.969850200003</v>
      </c>
      <c r="AT1430" s="9">
        <v>43532.476663399997</v>
      </c>
      <c r="AU1430" s="9">
        <v>46300.5046573</v>
      </c>
      <c r="AV1430" s="9">
        <v>48701.4698374</v>
      </c>
      <c r="AW1430" s="9">
        <v>43126.890058700003</v>
      </c>
      <c r="AX1430" s="9">
        <v>47426.494473300001</v>
      </c>
      <c r="AY1430" s="9">
        <v>43950.489503500001</v>
      </c>
      <c r="AZ1430" s="9">
        <v>50628.804880800002</v>
      </c>
      <c r="BA1430" s="9">
        <v>62008.704435300002</v>
      </c>
      <c r="BB1430" s="9">
        <v>55841.791625899998</v>
      </c>
      <c r="BC1430" s="9">
        <v>56223.828512699998</v>
      </c>
      <c r="BD1430" s="9">
        <v>59585.9955128</v>
      </c>
      <c r="BE1430" s="9">
        <v>63830.8236626</v>
      </c>
      <c r="BF1430" s="9">
        <v>65395.886468600002</v>
      </c>
      <c r="BG1430" s="11">
        <v>-6</v>
      </c>
      <c r="BH1430" s="13">
        <v>-0.54545454545454541</v>
      </c>
      <c r="BI1430" s="6">
        <v>-1</v>
      </c>
      <c r="BJ1430" s="13">
        <v>-9.0909090909090912E-2</v>
      </c>
      <c r="BK1430" s="6">
        <v>-4</v>
      </c>
      <c r="BL1430" s="13">
        <v>-0.4</v>
      </c>
      <c r="BM1430" s="11">
        <v>-1</v>
      </c>
      <c r="BN1430" s="13">
        <v>-0.16666666666666666</v>
      </c>
      <c r="BO1430" s="11">
        <v>-5</v>
      </c>
      <c r="BP1430" s="13">
        <v>-0.5</v>
      </c>
      <c r="BQ1430" s="6">
        <v>11</v>
      </c>
      <c r="BR1430" s="6">
        <v>11</v>
      </c>
      <c r="BS1430" s="6">
        <v>11</v>
      </c>
      <c r="BT1430" s="6">
        <v>10</v>
      </c>
      <c r="BU1430" s="6">
        <v>10</v>
      </c>
      <c r="BV1430" s="6">
        <v>11</v>
      </c>
      <c r="BW1430" s="6">
        <v>6</v>
      </c>
      <c r="BX1430" s="6">
        <v>5</v>
      </c>
      <c r="BY1430" s="6">
        <v>6</v>
      </c>
      <c r="BZ1430" s="6">
        <v>6</v>
      </c>
      <c r="CA1430" s="6">
        <v>4</v>
      </c>
      <c r="CB1430" s="6">
        <v>5</v>
      </c>
      <c r="CC1430" s="11">
        <v>5</v>
      </c>
      <c r="CD1430" s="11">
        <v>-93.065200000000004</v>
      </c>
      <c r="CE1430" s="11">
        <v>-105.947</v>
      </c>
      <c r="CF1430" s="11">
        <v>32.810400000000001</v>
      </c>
      <c r="CG1430" s="11">
        <v>-73</v>
      </c>
      <c r="CH1430" s="20">
        <v>0.487454</v>
      </c>
      <c r="CI1430" s="20">
        <v>0.37790499999999999</v>
      </c>
      <c r="CJ1430" s="20">
        <v>0.37772699999999998</v>
      </c>
      <c r="CK1430" s="20">
        <v>0.48009400000000002</v>
      </c>
      <c r="CL1430" s="20">
        <v>0.59548199999999996</v>
      </c>
      <c r="CM1430" s="20">
        <v>0.59831800000000002</v>
      </c>
      <c r="CN1430" s="20">
        <v>0.49999500000000002</v>
      </c>
      <c r="CO1430" s="20">
        <v>0.52788900000000005</v>
      </c>
      <c r="CP1430" s="20">
        <v>0.44951099999999999</v>
      </c>
      <c r="CQ1430" s="20">
        <v>0.40238499999999999</v>
      </c>
      <c r="CR1430" s="20">
        <v>0.336119</v>
      </c>
      <c r="CS1430" s="20">
        <v>0.43968099999999999</v>
      </c>
      <c r="CT1430" s="20">
        <v>0.433004</v>
      </c>
      <c r="CU1430" s="20">
        <v>0.33999800000000002</v>
      </c>
      <c r="CV1430" s="20">
        <v>0.34962599999999999</v>
      </c>
      <c r="CW1430" s="20">
        <v>0.34388400000000002</v>
      </c>
      <c r="CX1430" s="20">
        <v>0.316438</v>
      </c>
      <c r="CY1430" s="6" t="s">
        <v>605</v>
      </c>
      <c r="CZ1430" s="6" t="s">
        <v>606</v>
      </c>
      <c r="DA1430" s="6" t="s">
        <v>63</v>
      </c>
      <c r="DB1430" s="6" t="s">
        <v>345</v>
      </c>
      <c r="DC1430" s="6"/>
      <c r="DD1430" s="6"/>
      <c r="DE1430" s="6"/>
      <c r="DF1430" s="6"/>
      <c r="DG1430" s="6"/>
      <c r="DH1430" s="6" t="s">
        <v>333</v>
      </c>
      <c r="DI1430" s="6"/>
      <c r="DJ1430" s="6"/>
      <c r="DK1430" s="6"/>
      <c r="DL1430" s="6">
        <v>6</v>
      </c>
      <c r="DM1430" s="6" t="s">
        <v>396</v>
      </c>
      <c r="DN1430" s="6">
        <v>6</v>
      </c>
      <c r="DO1430" s="6" t="s">
        <v>393</v>
      </c>
      <c r="DP1430" s="6"/>
      <c r="DQ1430" s="6"/>
    </row>
    <row r="1431" spans="1:121" x14ac:dyDescent="0.2">
      <c r="A1431" s="6" t="s">
        <v>313</v>
      </c>
      <c r="B1431" s="6" t="s">
        <v>313</v>
      </c>
      <c r="C1431" s="6" t="s">
        <v>178</v>
      </c>
      <c r="D1431" s="6" t="s">
        <v>63</v>
      </c>
      <c r="E1431" s="6" t="s">
        <v>204</v>
      </c>
      <c r="F1431" s="11">
        <v>1</v>
      </c>
      <c r="G1431" s="13">
        <v>4.2553191489399997E-3</v>
      </c>
      <c r="H1431" s="11">
        <v>-59.083929209000019</v>
      </c>
      <c r="I1431" s="13">
        <v>-0.25134658326316889</v>
      </c>
      <c r="J1431" s="11">
        <v>4.6325255570000081</v>
      </c>
      <c r="K1431" s="13">
        <v>2.6323317966435389E-2</v>
      </c>
      <c r="L1431" s="11">
        <v>55.271237806000016</v>
      </c>
      <c r="M1431" s="13">
        <v>0.30601153716578777</v>
      </c>
      <c r="N1431" s="11">
        <v>59.903763363000024</v>
      </c>
      <c r="O1431" s="13">
        <v>0.34039009412643589</v>
      </c>
      <c r="P1431" s="7">
        <v>235.069553928</v>
      </c>
      <c r="Q1431" s="7">
        <v>246.447758128</v>
      </c>
      <c r="R1431" s="7">
        <v>247.570100174</v>
      </c>
      <c r="S1431" s="7">
        <v>171.96712688599999</v>
      </c>
      <c r="T1431" s="7">
        <v>186.441434778</v>
      </c>
      <c r="U1431" s="7">
        <v>187.00036417999999</v>
      </c>
      <c r="V1431" s="7">
        <v>175.98562471899999</v>
      </c>
      <c r="W1431" s="7">
        <v>175.868915085</v>
      </c>
      <c r="X1431" s="7">
        <v>187.062164279</v>
      </c>
      <c r="Y1431" s="7">
        <v>180.61815027599999</v>
      </c>
      <c r="Z1431" s="7">
        <v>177.63615105299999</v>
      </c>
      <c r="AA1431" s="7">
        <v>178.965646225</v>
      </c>
      <c r="AB1431" s="7">
        <v>213.87973093100001</v>
      </c>
      <c r="AC1431" s="7">
        <v>211.63164915900001</v>
      </c>
      <c r="AD1431" s="7">
        <v>246.90661900000001</v>
      </c>
      <c r="AE1431" s="7">
        <v>224.647671</v>
      </c>
      <c r="AF1431" s="7">
        <v>235.88938808200001</v>
      </c>
      <c r="AG1431" s="9">
        <v>23260.555196200003</v>
      </c>
      <c r="AH1431" s="13">
        <v>0.69699088334303116</v>
      </c>
      <c r="AI1431" s="9">
        <v>14134.541436600004</v>
      </c>
      <c r="AJ1431" s="13">
        <v>0.42353445300196202</v>
      </c>
      <c r="AK1431" s="9">
        <v>8676.8618370999975</v>
      </c>
      <c r="AL1431" s="13">
        <v>0.182642448485836</v>
      </c>
      <c r="AM1431" s="9">
        <v>449.15192250000109</v>
      </c>
      <c r="AN1431" s="13">
        <v>7.9942704827593285E-3</v>
      </c>
      <c r="AO1431" s="9">
        <v>9126.0137595999986</v>
      </c>
      <c r="AP1431" s="13">
        <v>0.19209681210342455</v>
      </c>
      <c r="AQ1431" s="9">
        <v>33372.825602299999</v>
      </c>
      <c r="AR1431" s="9">
        <v>34542.979761499999</v>
      </c>
      <c r="AS1431" s="9">
        <v>35411.710053000003</v>
      </c>
      <c r="AT1431" s="9">
        <v>40111.537429999997</v>
      </c>
      <c r="AU1431" s="9">
        <v>41734.789532100003</v>
      </c>
      <c r="AV1431" s="9">
        <v>43852.502986</v>
      </c>
      <c r="AW1431" s="9">
        <v>47507.367038900004</v>
      </c>
      <c r="AX1431" s="9">
        <v>47766.661058899997</v>
      </c>
      <c r="AY1431" s="9">
        <v>49604.062909400003</v>
      </c>
      <c r="AZ1431" s="9">
        <v>56184.228876000001</v>
      </c>
      <c r="BA1431" s="9">
        <v>60550.268847500003</v>
      </c>
      <c r="BB1431" s="9">
        <v>58942.582923800001</v>
      </c>
      <c r="BC1431" s="9">
        <v>59097.661010199998</v>
      </c>
      <c r="BD1431" s="9">
        <v>56933.736744100002</v>
      </c>
      <c r="BE1431" s="9">
        <v>53559.752012600002</v>
      </c>
      <c r="BF1431" s="9">
        <v>56633.380798500002</v>
      </c>
      <c r="BG1431" s="11">
        <v>5.25</v>
      </c>
      <c r="BH1431" s="13">
        <v>0.22826086956521738</v>
      </c>
      <c r="BI1431" s="6">
        <v>-1</v>
      </c>
      <c r="BJ1431" s="13">
        <v>-4.3478260869565216E-2</v>
      </c>
      <c r="BK1431" s="6">
        <v>2</v>
      </c>
      <c r="BL1431" s="13">
        <v>9.0909090909090912E-2</v>
      </c>
      <c r="BM1431" s="11">
        <v>4.25</v>
      </c>
      <c r="BN1431" s="13">
        <v>0.17708333333333334</v>
      </c>
      <c r="BO1431" s="11">
        <v>6.25</v>
      </c>
      <c r="BP1431" s="13">
        <v>0.28409090909090912</v>
      </c>
      <c r="BQ1431" s="6">
        <v>23</v>
      </c>
      <c r="BR1431" s="6">
        <v>24</v>
      </c>
      <c r="BS1431" s="6">
        <v>24</v>
      </c>
      <c r="BT1431" s="6">
        <v>22</v>
      </c>
      <c r="BU1431" s="6">
        <v>23</v>
      </c>
      <c r="BV1431" s="6">
        <v>21</v>
      </c>
      <c r="BW1431" s="6">
        <v>24</v>
      </c>
      <c r="BX1431" s="6">
        <v>23</v>
      </c>
      <c r="BY1431" s="6">
        <v>25</v>
      </c>
      <c r="BZ1431" s="6">
        <v>24</v>
      </c>
      <c r="CA1431" s="6">
        <v>25</v>
      </c>
      <c r="CB1431" s="6">
        <v>26</v>
      </c>
      <c r="CC1431" s="11">
        <v>28.25</v>
      </c>
      <c r="CD1431" s="11">
        <v>-5.6550399999999996</v>
      </c>
      <c r="CE1431" s="11">
        <v>-19.2211</v>
      </c>
      <c r="CF1431" s="11">
        <v>25.695900000000002</v>
      </c>
      <c r="CG1431" s="11">
        <v>7</v>
      </c>
      <c r="CH1431" s="20">
        <v>1.0721099999999999</v>
      </c>
      <c r="CI1431" s="20">
        <v>1.16448</v>
      </c>
      <c r="CJ1431" s="20">
        <v>1.14758</v>
      </c>
      <c r="CK1431" s="20">
        <v>0.81502399999999997</v>
      </c>
      <c r="CL1431" s="20">
        <v>0.922176</v>
      </c>
      <c r="CM1431" s="20">
        <v>0.88127999999999995</v>
      </c>
      <c r="CN1431" s="20">
        <v>0.79881500000000005</v>
      </c>
      <c r="CO1431" s="20">
        <v>0.84388600000000002</v>
      </c>
      <c r="CP1431" s="20">
        <v>0.84295900000000001</v>
      </c>
      <c r="CQ1431" s="20">
        <v>0.81749099999999997</v>
      </c>
      <c r="CR1431" s="20">
        <v>0.82332399999999994</v>
      </c>
      <c r="CS1431" s="20">
        <v>0.81001299999999998</v>
      </c>
      <c r="CT1431" s="20">
        <v>0.97014999999999996</v>
      </c>
      <c r="CU1431" s="20">
        <v>0.95957000000000003</v>
      </c>
      <c r="CV1431" s="20">
        <v>1.1931799999999999</v>
      </c>
      <c r="CW1431" s="20">
        <v>1.1023099999999999</v>
      </c>
      <c r="CX1431" s="20">
        <v>1.15191</v>
      </c>
      <c r="CY1431" s="6" t="s">
        <v>605</v>
      </c>
      <c r="CZ1431" s="6" t="s">
        <v>606</v>
      </c>
      <c r="DA1431" s="6" t="s">
        <v>63</v>
      </c>
      <c r="DB1431" s="6" t="s">
        <v>345</v>
      </c>
      <c r="DC1431" s="6"/>
      <c r="DD1431" s="6"/>
      <c r="DE1431" s="6"/>
      <c r="DF1431" s="6"/>
      <c r="DG1431" s="6"/>
      <c r="DH1431" s="6" t="s">
        <v>333</v>
      </c>
      <c r="DI1431" s="6"/>
      <c r="DJ1431" s="6"/>
      <c r="DK1431" s="6"/>
      <c r="DL1431" s="6">
        <v>6</v>
      </c>
      <c r="DM1431" s="6" t="s">
        <v>396</v>
      </c>
      <c r="DN1431" s="6">
        <v>6</v>
      </c>
      <c r="DO1431" s="6" t="s">
        <v>393</v>
      </c>
      <c r="DP1431" s="6"/>
      <c r="DQ1431" s="6"/>
    </row>
    <row r="1432" spans="1:121" x14ac:dyDescent="0.2">
      <c r="A1432" s="6" t="s">
        <v>793</v>
      </c>
      <c r="B1432" s="6" t="s">
        <v>179</v>
      </c>
      <c r="C1432" s="6" t="s">
        <v>180</v>
      </c>
      <c r="D1432" s="6" t="s">
        <v>63</v>
      </c>
      <c r="E1432" s="6" t="s">
        <v>204</v>
      </c>
      <c r="F1432" s="11">
        <v>-146</v>
      </c>
      <c r="G1432" s="13">
        <v>-0.25</v>
      </c>
      <c r="H1432" s="11">
        <v>-55</v>
      </c>
      <c r="I1432" s="13">
        <v>-9.4664371772805497E-2</v>
      </c>
      <c r="J1432" s="11">
        <v>-35</v>
      </c>
      <c r="K1432" s="13">
        <v>-6.6539923954372623E-2</v>
      </c>
      <c r="L1432" s="11">
        <v>-56</v>
      </c>
      <c r="M1432" s="13">
        <v>-0.11405295315682282</v>
      </c>
      <c r="N1432" s="11">
        <v>-91</v>
      </c>
      <c r="O1432" s="13">
        <v>-0.17300380228136883</v>
      </c>
      <c r="P1432" s="7">
        <v>581</v>
      </c>
      <c r="Q1432" s="7">
        <v>539</v>
      </c>
      <c r="R1432" s="7">
        <v>455</v>
      </c>
      <c r="S1432" s="7">
        <v>456</v>
      </c>
      <c r="T1432" s="7">
        <v>488</v>
      </c>
      <c r="U1432" s="7">
        <v>495</v>
      </c>
      <c r="V1432" s="7">
        <v>526</v>
      </c>
      <c r="W1432" s="7">
        <v>526</v>
      </c>
      <c r="X1432" s="7">
        <v>483</v>
      </c>
      <c r="Y1432" s="7">
        <v>491</v>
      </c>
      <c r="Z1432" s="7">
        <v>493</v>
      </c>
      <c r="AA1432" s="7">
        <v>486</v>
      </c>
      <c r="AB1432" s="7">
        <v>465</v>
      </c>
      <c r="AC1432" s="7">
        <v>453</v>
      </c>
      <c r="AD1432" s="7">
        <v>441</v>
      </c>
      <c r="AE1432" s="7">
        <v>442</v>
      </c>
      <c r="AF1432" s="7">
        <v>435</v>
      </c>
      <c r="AG1432" s="9">
        <v>10591</v>
      </c>
      <c r="AH1432" s="13">
        <v>0.60745626613134496</v>
      </c>
      <c r="AI1432" s="9">
        <v>5189</v>
      </c>
      <c r="AJ1432" s="13">
        <v>0.29761973042730139</v>
      </c>
      <c r="AK1432" s="9">
        <v>1370</v>
      </c>
      <c r="AL1432" s="13">
        <v>6.0555162659123057E-2</v>
      </c>
      <c r="AM1432" s="9">
        <v>4032</v>
      </c>
      <c r="AN1432" s="13">
        <v>0.16804201050262563</v>
      </c>
      <c r="AO1432" s="9">
        <v>5402</v>
      </c>
      <c r="AP1432" s="13">
        <v>0.23877298444130127</v>
      </c>
      <c r="AQ1432" s="9">
        <v>17435</v>
      </c>
      <c r="AR1432" s="9">
        <v>19297</v>
      </c>
      <c r="AS1432" s="9">
        <v>21442</v>
      </c>
      <c r="AT1432" s="9">
        <v>21520</v>
      </c>
      <c r="AU1432" s="9">
        <v>21347</v>
      </c>
      <c r="AV1432" s="9">
        <v>22111</v>
      </c>
      <c r="AW1432" s="9">
        <v>22624</v>
      </c>
      <c r="AX1432" s="9">
        <v>22798</v>
      </c>
      <c r="AY1432" s="9">
        <v>23543</v>
      </c>
      <c r="AZ1432" s="9">
        <v>23994</v>
      </c>
      <c r="BA1432" s="9">
        <v>24042</v>
      </c>
      <c r="BB1432" s="9">
        <v>23422</v>
      </c>
      <c r="BC1432" s="9">
        <v>26230</v>
      </c>
      <c r="BD1432" s="9">
        <v>25943</v>
      </c>
      <c r="BE1432" s="9">
        <v>27276</v>
      </c>
      <c r="BF1432" s="9">
        <v>28026</v>
      </c>
      <c r="BG1432" s="11">
        <v>-5</v>
      </c>
      <c r="BH1432" s="13">
        <v>-0.10204081632653061</v>
      </c>
      <c r="BI1432" s="6">
        <v>2</v>
      </c>
      <c r="BJ1432" s="13">
        <v>4.0816326530612242E-2</v>
      </c>
      <c r="BK1432" s="6">
        <v>-6</v>
      </c>
      <c r="BL1432" s="13">
        <v>-0.11764705882352941</v>
      </c>
      <c r="BM1432" s="11">
        <v>-1</v>
      </c>
      <c r="BN1432" s="13">
        <v>-2.2222222222222223E-2</v>
      </c>
      <c r="BO1432" s="11">
        <v>-7</v>
      </c>
      <c r="BP1432" s="13">
        <v>-0.13725490196078433</v>
      </c>
      <c r="BQ1432" s="6">
        <v>49</v>
      </c>
      <c r="BR1432" s="6">
        <v>50</v>
      </c>
      <c r="BS1432" s="6">
        <v>51</v>
      </c>
      <c r="BT1432" s="6">
        <v>51</v>
      </c>
      <c r="BU1432" s="6">
        <v>52</v>
      </c>
      <c r="BV1432" s="6">
        <v>47</v>
      </c>
      <c r="BW1432" s="6">
        <v>45</v>
      </c>
      <c r="BX1432" s="6">
        <v>46</v>
      </c>
      <c r="BY1432" s="6">
        <v>45</v>
      </c>
      <c r="BZ1432" s="6">
        <v>44</v>
      </c>
      <c r="CA1432" s="6">
        <v>44</v>
      </c>
      <c r="CB1432" s="6">
        <v>43</v>
      </c>
      <c r="CC1432" s="11">
        <v>44</v>
      </c>
      <c r="CD1432" s="11">
        <v>-172</v>
      </c>
      <c r="CE1432" s="11">
        <v>-37</v>
      </c>
      <c r="CF1432" s="11">
        <v>63</v>
      </c>
      <c r="CG1432" s="11">
        <v>26</v>
      </c>
      <c r="CH1432" s="20">
        <v>0.99</v>
      </c>
      <c r="CI1432" s="20">
        <v>0.93</v>
      </c>
      <c r="CJ1432" s="20">
        <v>0.78</v>
      </c>
      <c r="CK1432" s="20">
        <v>0.8</v>
      </c>
      <c r="CL1432" s="20">
        <v>0.9</v>
      </c>
      <c r="CM1432" s="20">
        <v>0.88</v>
      </c>
      <c r="CN1432" s="20">
        <v>0.91</v>
      </c>
      <c r="CO1432" s="20">
        <v>0.97</v>
      </c>
      <c r="CP1432" s="20">
        <v>0.82</v>
      </c>
      <c r="CQ1432" s="20">
        <v>0.83</v>
      </c>
      <c r="CR1432" s="20">
        <v>0.85</v>
      </c>
      <c r="CS1432" s="20">
        <v>0.82</v>
      </c>
      <c r="CT1432" s="20">
        <v>0.79</v>
      </c>
      <c r="CU1432" s="20">
        <v>0.77</v>
      </c>
      <c r="CV1432" s="20">
        <v>0.79</v>
      </c>
      <c r="CW1432" s="20">
        <v>0.79</v>
      </c>
      <c r="CX1432" s="20">
        <v>0.78</v>
      </c>
      <c r="CY1432" s="6" t="s">
        <v>605</v>
      </c>
      <c r="CZ1432" s="6" t="s">
        <v>606</v>
      </c>
      <c r="DA1432" s="6" t="s">
        <v>63</v>
      </c>
      <c r="DB1432" s="6" t="s">
        <v>345</v>
      </c>
      <c r="DC1432" s="6"/>
      <c r="DD1432" s="6"/>
      <c r="DE1432" s="6"/>
      <c r="DF1432" s="6"/>
      <c r="DG1432" s="6"/>
      <c r="DH1432" s="6" t="s">
        <v>333</v>
      </c>
      <c r="DI1432" s="6"/>
      <c r="DJ1432" s="6"/>
      <c r="DK1432" s="6"/>
      <c r="DL1432" s="6">
        <v>6</v>
      </c>
      <c r="DM1432" s="6" t="s">
        <v>396</v>
      </c>
      <c r="DN1432" s="6">
        <v>6</v>
      </c>
      <c r="DO1432" s="6" t="s">
        <v>393</v>
      </c>
      <c r="DP1432" s="6"/>
      <c r="DQ1432" s="6"/>
    </row>
    <row r="1433" spans="1:121" x14ac:dyDescent="0.2">
      <c r="A1433" s="6" t="s">
        <v>794</v>
      </c>
      <c r="B1433" s="6" t="s">
        <v>181</v>
      </c>
      <c r="C1433" s="6" t="s">
        <v>182</v>
      </c>
      <c r="D1433" s="6" t="s">
        <v>63</v>
      </c>
      <c r="E1433" s="6" t="s">
        <v>204</v>
      </c>
      <c r="F1433" s="11">
        <v>-77</v>
      </c>
      <c r="G1433" s="13">
        <v>-0.129194630872</v>
      </c>
      <c r="H1433" s="11">
        <v>-114.07420076200003</v>
      </c>
      <c r="I1433" s="13">
        <v>-0.19132949170948177</v>
      </c>
      <c r="J1433" s="11">
        <v>8.2559749689999649</v>
      </c>
      <c r="K1433" s="13">
        <v>1.7123449042900932E-2</v>
      </c>
      <c r="L1433" s="11">
        <v>28.221507169000063</v>
      </c>
      <c r="M1433" s="13">
        <v>5.7547891337719224E-2</v>
      </c>
      <c r="N1433" s="11">
        <v>36.477482138000028</v>
      </c>
      <c r="O1433" s="13">
        <v>7.5656758765467999E-2</v>
      </c>
      <c r="P1433" s="7">
        <v>596.21859517200005</v>
      </c>
      <c r="Q1433" s="7">
        <v>555.15514561700002</v>
      </c>
      <c r="R1433" s="7">
        <v>569.03448847699997</v>
      </c>
      <c r="S1433" s="7">
        <v>594.606189986</v>
      </c>
      <c r="T1433" s="7">
        <v>450.622852357</v>
      </c>
      <c r="U1433" s="7">
        <v>455.023967798</v>
      </c>
      <c r="V1433" s="7">
        <v>482.14439441000002</v>
      </c>
      <c r="W1433" s="7">
        <v>417.40453042600001</v>
      </c>
      <c r="X1433" s="7">
        <v>509.43634902700001</v>
      </c>
      <c r="Y1433" s="7">
        <v>490.40036937899998</v>
      </c>
      <c r="Z1433" s="7">
        <v>463.811810084</v>
      </c>
      <c r="AA1433" s="7">
        <v>523.88769723600001</v>
      </c>
      <c r="AB1433" s="7">
        <v>562.44902950999995</v>
      </c>
      <c r="AC1433" s="7">
        <v>559.81746928099994</v>
      </c>
      <c r="AD1433" s="7">
        <v>547.58150881999995</v>
      </c>
      <c r="AE1433" s="7">
        <v>513.31645991400001</v>
      </c>
      <c r="AF1433" s="7">
        <v>518.62187654800005</v>
      </c>
      <c r="AG1433" s="9">
        <v>13305.067484200001</v>
      </c>
      <c r="AH1433" s="13">
        <v>0.44547871753468082</v>
      </c>
      <c r="AI1433" s="9">
        <v>4753.9763134000023</v>
      </c>
      <c r="AJ1433" s="13">
        <v>0.15917208039708192</v>
      </c>
      <c r="AK1433" s="9">
        <v>2157.0407695999966</v>
      </c>
      <c r="AL1433" s="13">
        <v>6.2304629882657066E-2</v>
      </c>
      <c r="AM1433" s="9">
        <v>6394.0504012000019</v>
      </c>
      <c r="AN1433" s="13">
        <v>0.17385570554633378</v>
      </c>
      <c r="AO1433" s="9">
        <v>8551.0911707999985</v>
      </c>
      <c r="AP1433" s="13">
        <v>0.2469923508160434</v>
      </c>
      <c r="AQ1433" s="9">
        <v>29866.898149100001</v>
      </c>
      <c r="AR1433" s="9">
        <v>32701.841336500001</v>
      </c>
      <c r="AS1433" s="9">
        <v>32125.959296599998</v>
      </c>
      <c r="AT1433" s="9">
        <v>32593.126327900001</v>
      </c>
      <c r="AU1433" s="9">
        <v>30999.764077600001</v>
      </c>
      <c r="AV1433" s="9">
        <v>34636.075988199998</v>
      </c>
      <c r="AW1433" s="9">
        <v>34620.874462500004</v>
      </c>
      <c r="AX1433" s="9">
        <v>31538.743840700001</v>
      </c>
      <c r="AY1433" s="9">
        <v>34485.550310899998</v>
      </c>
      <c r="AZ1433" s="9">
        <v>36777.9152321</v>
      </c>
      <c r="BA1433" s="9">
        <v>38756.554309899999</v>
      </c>
      <c r="BB1433" s="9">
        <v>37260.198860900004</v>
      </c>
      <c r="BC1433" s="9">
        <v>35784.0830174</v>
      </c>
      <c r="BD1433" s="9">
        <v>36917.825049200001</v>
      </c>
      <c r="BE1433" s="9">
        <v>42550.909083500002</v>
      </c>
      <c r="BF1433" s="9">
        <v>43171.965633300002</v>
      </c>
      <c r="BG1433" s="11">
        <v>-10.25</v>
      </c>
      <c r="BH1433" s="13">
        <v>-0.29285714285714287</v>
      </c>
      <c r="BI1433" s="6">
        <v>-4</v>
      </c>
      <c r="BJ1433" s="13">
        <v>-0.11428571428571428</v>
      </c>
      <c r="BK1433" s="6">
        <v>-2</v>
      </c>
      <c r="BL1433" s="13">
        <v>-6.4516129032258063E-2</v>
      </c>
      <c r="BM1433" s="11">
        <v>-4.25</v>
      </c>
      <c r="BN1433" s="13">
        <v>-0.14655172413793102</v>
      </c>
      <c r="BO1433" s="11">
        <v>-6.25</v>
      </c>
      <c r="BP1433" s="13">
        <v>-0.20161290322580644</v>
      </c>
      <c r="BQ1433" s="6">
        <v>35</v>
      </c>
      <c r="BR1433" s="6">
        <v>37</v>
      </c>
      <c r="BS1433" s="6">
        <v>39</v>
      </c>
      <c r="BT1433" s="6">
        <v>31</v>
      </c>
      <c r="BU1433" s="6">
        <v>31</v>
      </c>
      <c r="BV1433" s="6">
        <v>29</v>
      </c>
      <c r="BW1433" s="6">
        <v>29</v>
      </c>
      <c r="BX1433" s="6">
        <v>27</v>
      </c>
      <c r="BY1433" s="6">
        <v>27</v>
      </c>
      <c r="BZ1433" s="6">
        <v>27</v>
      </c>
      <c r="CA1433" s="6">
        <v>22</v>
      </c>
      <c r="CB1433" s="6">
        <v>24</v>
      </c>
      <c r="CC1433" s="11">
        <v>24.75</v>
      </c>
      <c r="CD1433" s="11">
        <v>-180.35</v>
      </c>
      <c r="CE1433" s="11">
        <v>37.579900000000002</v>
      </c>
      <c r="CF1433" s="11">
        <v>65.173900000000003</v>
      </c>
      <c r="CG1433" s="11">
        <v>103</v>
      </c>
      <c r="CH1433" s="20">
        <v>3.4351099999999999</v>
      </c>
      <c r="CI1433" s="20">
        <v>3.3418100000000002</v>
      </c>
      <c r="CJ1433" s="20">
        <v>3.36741</v>
      </c>
      <c r="CK1433" s="20">
        <v>3.5630799999999998</v>
      </c>
      <c r="CL1433" s="20">
        <v>2.8012100000000002</v>
      </c>
      <c r="CM1433" s="20">
        <v>2.6873</v>
      </c>
      <c r="CN1433" s="20">
        <v>2.7366600000000001</v>
      </c>
      <c r="CO1433" s="20">
        <v>2.50481</v>
      </c>
      <c r="CP1433" s="20">
        <v>2.8626200000000002</v>
      </c>
      <c r="CQ1433" s="20">
        <v>2.7510400000000002</v>
      </c>
      <c r="CR1433" s="20">
        <v>2.6299100000000002</v>
      </c>
      <c r="CS1433" s="20">
        <v>2.8895</v>
      </c>
      <c r="CT1433" s="20">
        <v>3.0903</v>
      </c>
      <c r="CU1433" s="20">
        <v>3.0061</v>
      </c>
      <c r="CV1433" s="20">
        <v>3.0265900000000001</v>
      </c>
      <c r="CW1433" s="20">
        <v>2.8071799999999998</v>
      </c>
      <c r="CX1433" s="20">
        <v>2.8041299999999998</v>
      </c>
      <c r="CY1433" s="6" t="s">
        <v>605</v>
      </c>
      <c r="CZ1433" s="6" t="s">
        <v>606</v>
      </c>
      <c r="DA1433" s="6" t="s">
        <v>63</v>
      </c>
      <c r="DB1433" s="6" t="s">
        <v>345</v>
      </c>
      <c r="DC1433" s="6"/>
      <c r="DD1433" s="6"/>
      <c r="DE1433" s="6"/>
      <c r="DF1433" s="6"/>
      <c r="DG1433" s="6"/>
      <c r="DH1433" s="6" t="s">
        <v>333</v>
      </c>
      <c r="DI1433" s="6"/>
      <c r="DJ1433" s="6"/>
      <c r="DK1433" s="6"/>
      <c r="DL1433" s="6">
        <v>6</v>
      </c>
      <c r="DM1433" s="6" t="s">
        <v>396</v>
      </c>
      <c r="DN1433" s="6">
        <v>6</v>
      </c>
      <c r="DO1433" s="6" t="s">
        <v>393</v>
      </c>
      <c r="DP1433" s="6"/>
      <c r="DQ1433" s="6"/>
    </row>
    <row r="1434" spans="1:121" x14ac:dyDescent="0.2">
      <c r="A1434" s="6" t="s">
        <v>314</v>
      </c>
      <c r="B1434" s="6" t="s">
        <v>314</v>
      </c>
      <c r="C1434" s="6" t="s">
        <v>183</v>
      </c>
      <c r="D1434" s="6" t="s">
        <v>63</v>
      </c>
      <c r="E1434" s="6" t="s">
        <v>204</v>
      </c>
      <c r="F1434" s="11">
        <v>1</v>
      </c>
      <c r="G1434" s="13">
        <v>1</v>
      </c>
      <c r="H1434" s="11">
        <v>-16.1830730203</v>
      </c>
      <c r="I1434" s="13">
        <v>-0.76396248102395536</v>
      </c>
      <c r="J1434" s="11">
        <v>0</v>
      </c>
      <c r="K1434" s="13">
        <v>0</v>
      </c>
      <c r="L1434" s="11">
        <v>0</v>
      </c>
      <c r="M1434" s="13">
        <v>0</v>
      </c>
      <c r="N1434" s="11">
        <v>0</v>
      </c>
      <c r="O1434" s="13">
        <v>0</v>
      </c>
      <c r="P1434" s="7">
        <v>21.1830730203</v>
      </c>
      <c r="Q1434" s="7">
        <v>21.534447</v>
      </c>
      <c r="R1434" s="7">
        <v>23.728622000000001</v>
      </c>
      <c r="S1434" s="7">
        <v>16.147842155199999</v>
      </c>
      <c r="T1434" s="7">
        <v>5</v>
      </c>
      <c r="U1434" s="7">
        <v>11.108691711000001</v>
      </c>
      <c r="V1434" s="7">
        <v>5</v>
      </c>
      <c r="W1434" s="7">
        <v>5</v>
      </c>
      <c r="X1434" s="7">
        <v>10.9544036511</v>
      </c>
      <c r="Y1434" s="7">
        <v>5</v>
      </c>
      <c r="Z1434" s="7">
        <v>5</v>
      </c>
      <c r="AA1434" s="7">
        <v>5</v>
      </c>
      <c r="AB1434" s="7">
        <v>5</v>
      </c>
      <c r="AC1434" s="7">
        <v>5</v>
      </c>
      <c r="AD1434" s="7">
        <v>5</v>
      </c>
      <c r="AE1434" s="7">
        <v>5</v>
      </c>
      <c r="AF1434" s="7">
        <v>5</v>
      </c>
      <c r="AG1434" s="9">
        <v>-28815.9001307</v>
      </c>
      <c r="AH1434" s="13">
        <v>-0.99996529814117885</v>
      </c>
      <c r="AI1434" s="9">
        <v>-28815.9001307</v>
      </c>
      <c r="AJ1434" s="13">
        <v>-0.99996529814117885</v>
      </c>
      <c r="AK1434" s="9">
        <v>0</v>
      </c>
      <c r="AL1434" s="13">
        <v>0</v>
      </c>
      <c r="AM1434" s="9">
        <v>0</v>
      </c>
      <c r="AN1434" s="13">
        <v>0</v>
      </c>
      <c r="AO1434" s="9">
        <v>0</v>
      </c>
      <c r="AP1434" s="13">
        <v>0</v>
      </c>
      <c r="AQ1434" s="9">
        <v>28816.9001307</v>
      </c>
      <c r="AR1434" s="9">
        <v>28067.208858999998</v>
      </c>
      <c r="AS1434" s="9">
        <v>25104.3078403</v>
      </c>
      <c r="AT1434" s="9">
        <v>24993.153791100001</v>
      </c>
      <c r="AU1434" s="9">
        <v>1</v>
      </c>
      <c r="AV1434" s="9">
        <v>29347.281518700001</v>
      </c>
      <c r="AW1434" s="9">
        <v>1</v>
      </c>
      <c r="AX1434" s="9">
        <v>1</v>
      </c>
      <c r="AY1434" s="9">
        <v>26889.327818400001</v>
      </c>
      <c r="AZ1434" s="9">
        <v>1</v>
      </c>
      <c r="BA1434" s="9">
        <v>1</v>
      </c>
      <c r="BB1434" s="9">
        <v>1</v>
      </c>
      <c r="BC1434" s="9">
        <v>1</v>
      </c>
      <c r="BD1434" s="9">
        <v>1</v>
      </c>
      <c r="BE1434" s="9">
        <v>1</v>
      </c>
      <c r="BF1434" s="9">
        <v>1</v>
      </c>
      <c r="BG1434" s="11">
        <v>-3.25</v>
      </c>
      <c r="BH1434" s="13">
        <v>-0.54166666666666663</v>
      </c>
      <c r="BI1434" s="6">
        <v>-1</v>
      </c>
      <c r="BJ1434" s="13">
        <v>-0.16666666666666666</v>
      </c>
      <c r="BK1434" s="6">
        <v>0</v>
      </c>
      <c r="BL1434" s="13">
        <v>0</v>
      </c>
      <c r="BM1434" s="11">
        <v>-2.25</v>
      </c>
      <c r="BN1434" s="13">
        <v>-0.45</v>
      </c>
      <c r="BO1434" s="11">
        <v>-2.25</v>
      </c>
      <c r="BP1434" s="13">
        <v>-0.45</v>
      </c>
      <c r="BQ1434" s="6">
        <v>6</v>
      </c>
      <c r="BR1434" s="6">
        <v>5</v>
      </c>
      <c r="BS1434" s="6">
        <v>5</v>
      </c>
      <c r="BT1434" s="6">
        <v>5</v>
      </c>
      <c r="BU1434" s="6">
        <v>5</v>
      </c>
      <c r="BV1434" s="6">
        <v>4</v>
      </c>
      <c r="BW1434" s="6">
        <v>5</v>
      </c>
      <c r="BX1434" s="6">
        <v>4</v>
      </c>
      <c r="BY1434" s="6">
        <v>4</v>
      </c>
      <c r="BZ1434" s="6">
        <v>4</v>
      </c>
      <c r="CA1434" s="6">
        <v>4</v>
      </c>
      <c r="CB1434" s="6">
        <v>3</v>
      </c>
      <c r="CC1434" s="11">
        <v>2.75</v>
      </c>
      <c r="CD1434" s="11">
        <v>-11.655799999999999</v>
      </c>
      <c r="CE1434" s="11">
        <v>-6.4881700000000002</v>
      </c>
      <c r="CF1434" s="11">
        <v>2.3155600000000001</v>
      </c>
      <c r="CG1434" s="11">
        <v>-4</v>
      </c>
      <c r="CH1434" s="20">
        <v>0.15498300000000001</v>
      </c>
      <c r="CI1434" s="20">
        <v>0.16925599999999999</v>
      </c>
      <c r="CJ1434" s="20">
        <v>0.191444</v>
      </c>
      <c r="CK1434" s="20">
        <v>0.13750399999999999</v>
      </c>
      <c r="CL1434" s="20">
        <v>5.4589499999999999E-2</v>
      </c>
      <c r="CM1434" s="20">
        <v>9.9647200000000005E-2</v>
      </c>
      <c r="CN1434" s="20">
        <v>7.4634000000000006E-2</v>
      </c>
      <c r="CO1434" s="20">
        <v>8.6853100000000003E-2</v>
      </c>
      <c r="CP1434" s="20">
        <v>9.6009300000000006E-2</v>
      </c>
      <c r="CQ1434" s="20">
        <v>6.4349799999999999E-2</v>
      </c>
      <c r="CR1434" s="20">
        <v>7.9064200000000001E-2</v>
      </c>
      <c r="CS1434" s="20">
        <v>7.3768600000000004E-2</v>
      </c>
      <c r="CT1434" s="20">
        <v>6.5573500000000007E-2</v>
      </c>
      <c r="CU1434" s="20">
        <v>6.2508599999999997E-2</v>
      </c>
      <c r="CV1434" s="20">
        <v>5.6986000000000002E-2</v>
      </c>
      <c r="CW1434" s="20">
        <v>5.14137E-2</v>
      </c>
      <c r="CX1434" s="20">
        <v>5.3674300000000001E-2</v>
      </c>
      <c r="CY1434" s="6" t="s">
        <v>605</v>
      </c>
      <c r="CZ1434" s="6" t="s">
        <v>606</v>
      </c>
      <c r="DA1434" s="6" t="s">
        <v>63</v>
      </c>
      <c r="DB1434" s="6" t="s">
        <v>345</v>
      </c>
      <c r="DC1434" s="6"/>
      <c r="DD1434" s="6"/>
      <c r="DE1434" s="6"/>
      <c r="DF1434" s="6"/>
      <c r="DG1434" s="6"/>
      <c r="DH1434" s="6" t="s">
        <v>333</v>
      </c>
      <c r="DI1434" s="6"/>
      <c r="DJ1434" s="6"/>
      <c r="DK1434" s="6"/>
      <c r="DL1434" s="6">
        <v>6</v>
      </c>
      <c r="DM1434" s="6" t="s">
        <v>396</v>
      </c>
      <c r="DN1434" s="6">
        <v>6</v>
      </c>
      <c r="DO1434" s="6" t="s">
        <v>393</v>
      </c>
      <c r="DP1434" s="6"/>
      <c r="DQ1434" s="6"/>
    </row>
    <row r="1435" spans="1:121" x14ac:dyDescent="0.2">
      <c r="A1435" s="6" t="s">
        <v>315</v>
      </c>
      <c r="B1435" s="6" t="s">
        <v>315</v>
      </c>
      <c r="C1435" s="6" t="s">
        <v>184</v>
      </c>
      <c r="D1435" s="6" t="s">
        <v>63</v>
      </c>
      <c r="E1435" s="6" t="s">
        <v>204</v>
      </c>
      <c r="F1435" s="11">
        <v>20</v>
      </c>
      <c r="G1435" s="13">
        <v>0.16</v>
      </c>
      <c r="H1435" s="11">
        <v>8</v>
      </c>
      <c r="I1435" s="13">
        <v>6.5573770491803282E-2</v>
      </c>
      <c r="J1435" s="11">
        <v>6</v>
      </c>
      <c r="K1435" s="13">
        <v>4.6153846153846163E-2</v>
      </c>
      <c r="L1435" s="11">
        <v>6</v>
      </c>
      <c r="M1435" s="13">
        <v>4.4117647058823539E-2</v>
      </c>
      <c r="N1435" s="11">
        <v>12</v>
      </c>
      <c r="O1435" s="13">
        <v>9.2307692307692327E-2</v>
      </c>
      <c r="P1435" s="7">
        <v>122</v>
      </c>
      <c r="Q1435" s="7">
        <v>122</v>
      </c>
      <c r="R1435" s="7">
        <v>111</v>
      </c>
      <c r="S1435" s="7">
        <v>115</v>
      </c>
      <c r="T1435" s="7">
        <v>124</v>
      </c>
      <c r="U1435" s="7">
        <v>126</v>
      </c>
      <c r="V1435" s="7">
        <v>130</v>
      </c>
      <c r="W1435" s="7">
        <v>133</v>
      </c>
      <c r="X1435" s="7">
        <v>142</v>
      </c>
      <c r="Y1435" s="7">
        <v>136</v>
      </c>
      <c r="Z1435" s="7">
        <v>131</v>
      </c>
      <c r="AA1435" s="7">
        <v>138</v>
      </c>
      <c r="AB1435" s="7">
        <v>134</v>
      </c>
      <c r="AC1435" s="7">
        <v>135</v>
      </c>
      <c r="AD1435" s="7">
        <v>137</v>
      </c>
      <c r="AE1435" s="7">
        <v>140</v>
      </c>
      <c r="AF1435" s="7">
        <v>142</v>
      </c>
      <c r="AG1435" s="9">
        <v>16701</v>
      </c>
      <c r="AH1435" s="13">
        <v>0.53235369118959586</v>
      </c>
      <c r="AI1435" s="9">
        <v>16688</v>
      </c>
      <c r="AJ1435" s="13">
        <v>0.53193930893790642</v>
      </c>
      <c r="AK1435" s="9">
        <v>18</v>
      </c>
      <c r="AL1435" s="13">
        <v>3.7453183520599247E-4</v>
      </c>
      <c r="AM1435" s="9">
        <v>-5</v>
      </c>
      <c r="AN1435" s="13">
        <v>-1.0399767045218188E-4</v>
      </c>
      <c r="AO1435" s="9">
        <v>13</v>
      </c>
      <c r="AP1435" s="13">
        <v>2.7049521431543903E-4</v>
      </c>
      <c r="AQ1435" s="9">
        <v>31372</v>
      </c>
      <c r="AR1435" s="9">
        <v>34398</v>
      </c>
      <c r="AS1435" s="9">
        <v>32641</v>
      </c>
      <c r="AT1435" s="9">
        <v>36049</v>
      </c>
      <c r="AU1435" s="9">
        <v>42939</v>
      </c>
      <c r="AV1435" s="9">
        <v>47134</v>
      </c>
      <c r="AW1435" s="9">
        <v>48060</v>
      </c>
      <c r="AX1435" s="9">
        <v>48995</v>
      </c>
      <c r="AY1435" s="9">
        <v>45301</v>
      </c>
      <c r="AZ1435" s="9">
        <v>48078</v>
      </c>
      <c r="BA1435" s="9">
        <v>48152</v>
      </c>
      <c r="BB1435" s="9">
        <v>48221</v>
      </c>
      <c r="BC1435" s="9">
        <v>45769</v>
      </c>
      <c r="BD1435" s="9">
        <v>46079</v>
      </c>
      <c r="BE1435" s="9">
        <v>47611</v>
      </c>
      <c r="BF1435" s="9">
        <v>48073</v>
      </c>
      <c r="BG1435" s="11">
        <v>4</v>
      </c>
      <c r="BH1435" s="13">
        <v>0.23529411764705882</v>
      </c>
      <c r="BI1435" s="6">
        <v>0</v>
      </c>
      <c r="BJ1435" s="13">
        <v>0</v>
      </c>
      <c r="BK1435" s="6">
        <v>0</v>
      </c>
      <c r="BL1435" s="13">
        <v>0</v>
      </c>
      <c r="BM1435" s="11">
        <v>4</v>
      </c>
      <c r="BN1435" s="13">
        <v>0.23529411764705882</v>
      </c>
      <c r="BO1435" s="11">
        <v>4</v>
      </c>
      <c r="BP1435" s="13">
        <v>0.23529411764705882</v>
      </c>
      <c r="BQ1435" s="6">
        <v>17</v>
      </c>
      <c r="BR1435" s="6">
        <v>18</v>
      </c>
      <c r="BS1435" s="6">
        <v>17</v>
      </c>
      <c r="BT1435" s="6">
        <v>17</v>
      </c>
      <c r="BU1435" s="6">
        <v>17</v>
      </c>
      <c r="BV1435" s="6">
        <v>19</v>
      </c>
      <c r="BW1435" s="6">
        <v>17</v>
      </c>
      <c r="BX1435" s="6">
        <v>18</v>
      </c>
      <c r="BY1435" s="6">
        <v>19</v>
      </c>
      <c r="BZ1435" s="6">
        <v>19</v>
      </c>
      <c r="CA1435" s="6">
        <v>20</v>
      </c>
      <c r="CB1435" s="6">
        <v>21</v>
      </c>
      <c r="CC1435" s="11">
        <v>21</v>
      </c>
      <c r="CD1435" s="11">
        <v>17</v>
      </c>
      <c r="CE1435" s="11">
        <v>-10</v>
      </c>
      <c r="CF1435" s="11">
        <v>13</v>
      </c>
      <c r="CG1435" s="11">
        <v>3</v>
      </c>
      <c r="CH1435" s="20">
        <v>0.55000000000000004</v>
      </c>
      <c r="CI1435" s="20">
        <v>0.56000000000000005</v>
      </c>
      <c r="CJ1435" s="20">
        <v>0.49</v>
      </c>
      <c r="CK1435" s="20">
        <v>0.51</v>
      </c>
      <c r="CL1435" s="20">
        <v>0.57999999999999996</v>
      </c>
      <c r="CM1435" s="20">
        <v>0.56999999999999995</v>
      </c>
      <c r="CN1435" s="20">
        <v>0.56999999999999995</v>
      </c>
      <c r="CO1435" s="20">
        <v>0.63</v>
      </c>
      <c r="CP1435" s="20">
        <v>0.62</v>
      </c>
      <c r="CQ1435" s="20">
        <v>0.59</v>
      </c>
      <c r="CR1435" s="20">
        <v>0.59</v>
      </c>
      <c r="CS1435" s="20">
        <v>0.61</v>
      </c>
      <c r="CT1435" s="20">
        <v>0.6</v>
      </c>
      <c r="CU1435" s="20">
        <v>0.61</v>
      </c>
      <c r="CV1435" s="20">
        <v>0.66</v>
      </c>
      <c r="CW1435" s="20">
        <v>0.67</v>
      </c>
      <c r="CX1435" s="20">
        <v>0.68</v>
      </c>
      <c r="CY1435" s="6" t="s">
        <v>605</v>
      </c>
      <c r="CZ1435" s="6" t="s">
        <v>606</v>
      </c>
      <c r="DA1435" s="6" t="s">
        <v>63</v>
      </c>
      <c r="DB1435" s="6" t="s">
        <v>345</v>
      </c>
      <c r="DC1435" s="6"/>
      <c r="DD1435" s="6"/>
      <c r="DE1435" s="6"/>
      <c r="DF1435" s="6"/>
      <c r="DG1435" s="6"/>
      <c r="DH1435" s="6" t="s">
        <v>333</v>
      </c>
      <c r="DI1435" s="6"/>
      <c r="DJ1435" s="6"/>
      <c r="DK1435" s="6"/>
      <c r="DL1435" s="6">
        <v>6</v>
      </c>
      <c r="DM1435" s="6" t="s">
        <v>396</v>
      </c>
      <c r="DN1435" s="6">
        <v>6</v>
      </c>
      <c r="DO1435" s="6" t="s">
        <v>393</v>
      </c>
      <c r="DP1435" s="6"/>
      <c r="DQ1435" s="6"/>
    </row>
    <row r="1436" spans="1:121" x14ac:dyDescent="0.2">
      <c r="A1436" s="6" t="s">
        <v>316</v>
      </c>
      <c r="B1436" s="6" t="s">
        <v>316</v>
      </c>
      <c r="C1436" s="6" t="s">
        <v>185</v>
      </c>
      <c r="D1436" s="6" t="s">
        <v>63</v>
      </c>
      <c r="E1436" s="6" t="s">
        <v>204</v>
      </c>
      <c r="F1436" s="11">
        <v>92</v>
      </c>
      <c r="G1436" s="13">
        <v>2.36</v>
      </c>
      <c r="H1436" s="11">
        <v>45</v>
      </c>
      <c r="I1436" s="13">
        <v>1.1538461538461535</v>
      </c>
      <c r="J1436" s="11">
        <v>-6</v>
      </c>
      <c r="K1436" s="13">
        <v>-7.1428571428571425E-2</v>
      </c>
      <c r="L1436" s="11">
        <v>53</v>
      </c>
      <c r="M1436" s="13">
        <v>0.67948717948717952</v>
      </c>
      <c r="N1436" s="11">
        <v>47</v>
      </c>
      <c r="O1436" s="13">
        <v>0.55952380952380953</v>
      </c>
      <c r="P1436" s="7">
        <v>39</v>
      </c>
      <c r="Q1436" s="7">
        <v>34</v>
      </c>
      <c r="R1436" s="7">
        <v>36</v>
      </c>
      <c r="S1436" s="7">
        <v>40</v>
      </c>
      <c r="T1436" s="7">
        <v>26</v>
      </c>
      <c r="U1436" s="7">
        <v>24</v>
      </c>
      <c r="V1436" s="7">
        <v>84</v>
      </c>
      <c r="W1436" s="7">
        <v>78</v>
      </c>
      <c r="X1436" s="7">
        <v>79</v>
      </c>
      <c r="Y1436" s="7">
        <v>78</v>
      </c>
      <c r="Z1436" s="7">
        <v>78</v>
      </c>
      <c r="AA1436" s="7">
        <v>63</v>
      </c>
      <c r="AB1436" s="7">
        <v>64</v>
      </c>
      <c r="AC1436" s="7">
        <v>74</v>
      </c>
      <c r="AD1436" s="7">
        <v>97</v>
      </c>
      <c r="AE1436" s="7">
        <v>120</v>
      </c>
      <c r="AF1436" s="7">
        <v>131</v>
      </c>
      <c r="AG1436" s="9">
        <v>402</v>
      </c>
      <c r="AH1436" s="13">
        <v>1.9731998232955381E-2</v>
      </c>
      <c r="AI1436" s="9">
        <v>-3206</v>
      </c>
      <c r="AJ1436" s="13">
        <v>-0.15736514013645511</v>
      </c>
      <c r="AK1436" s="9">
        <v>1471</v>
      </c>
      <c r="AL1436" s="13">
        <v>8.5687656550358246E-2</v>
      </c>
      <c r="AM1436" s="9">
        <v>2137</v>
      </c>
      <c r="AN1436" s="13">
        <v>0.11465822513145188</v>
      </c>
      <c r="AO1436" s="9">
        <v>3608</v>
      </c>
      <c r="AP1436" s="13">
        <v>0.21017067629754763</v>
      </c>
      <c r="AQ1436" s="9">
        <v>20373</v>
      </c>
      <c r="AR1436" s="9">
        <v>22818</v>
      </c>
      <c r="AS1436" s="9">
        <v>22935</v>
      </c>
      <c r="AT1436" s="9">
        <v>22921</v>
      </c>
      <c r="AU1436" s="9">
        <v>21915</v>
      </c>
      <c r="AV1436" s="9">
        <v>20323</v>
      </c>
      <c r="AW1436" s="9">
        <v>17167</v>
      </c>
      <c r="AX1436" s="9">
        <v>18073</v>
      </c>
      <c r="AY1436" s="9">
        <v>18607</v>
      </c>
      <c r="AZ1436" s="9">
        <v>18638</v>
      </c>
      <c r="BA1436" s="9">
        <v>17990</v>
      </c>
      <c r="BB1436" s="9">
        <v>20369</v>
      </c>
      <c r="BC1436" s="9">
        <v>20984</v>
      </c>
      <c r="BD1436" s="9">
        <v>21789</v>
      </c>
      <c r="BE1436" s="9">
        <v>23884</v>
      </c>
      <c r="BF1436" s="9">
        <v>20775</v>
      </c>
      <c r="BG1436" s="11">
        <v>-7</v>
      </c>
      <c r="BH1436" s="13">
        <v>-0.53846153846153844</v>
      </c>
      <c r="BI1436" s="6">
        <v>-4</v>
      </c>
      <c r="BJ1436" s="13">
        <v>-0.30769230769230771</v>
      </c>
      <c r="BK1436" s="6">
        <v>-2</v>
      </c>
      <c r="BL1436" s="13">
        <v>-0.22222222222222221</v>
      </c>
      <c r="BM1436" s="11">
        <v>-1</v>
      </c>
      <c r="BN1436" s="13">
        <v>-0.14285714285714285</v>
      </c>
      <c r="BO1436" s="11">
        <v>-3</v>
      </c>
      <c r="BP1436" s="13">
        <v>-0.33333333333333331</v>
      </c>
      <c r="BQ1436" s="6">
        <v>13</v>
      </c>
      <c r="BR1436" s="6">
        <v>10</v>
      </c>
      <c r="BS1436" s="6">
        <v>8</v>
      </c>
      <c r="BT1436" s="6">
        <v>9</v>
      </c>
      <c r="BU1436" s="6">
        <v>9</v>
      </c>
      <c r="BV1436" s="6">
        <v>7</v>
      </c>
      <c r="BW1436" s="6">
        <v>7</v>
      </c>
      <c r="BX1436" s="6">
        <v>6</v>
      </c>
      <c r="BY1436" s="6">
        <v>6</v>
      </c>
      <c r="BZ1436" s="6">
        <v>6</v>
      </c>
      <c r="CA1436" s="6">
        <v>6</v>
      </c>
      <c r="CB1436" s="6">
        <v>6</v>
      </c>
      <c r="CC1436" s="11">
        <v>6</v>
      </c>
      <c r="CD1436" s="11">
        <v>90</v>
      </c>
      <c r="CE1436" s="11">
        <v>-2</v>
      </c>
      <c r="CF1436" s="11">
        <v>4</v>
      </c>
      <c r="CG1436" s="11">
        <v>2</v>
      </c>
      <c r="CH1436" s="20">
        <v>0.43</v>
      </c>
      <c r="CI1436" s="20">
        <v>0.37</v>
      </c>
      <c r="CJ1436" s="20">
        <v>0.38</v>
      </c>
      <c r="CK1436" s="20">
        <v>0.42</v>
      </c>
      <c r="CL1436" s="20">
        <v>0.28999999999999998</v>
      </c>
      <c r="CM1436" s="20">
        <v>0.25</v>
      </c>
      <c r="CN1436" s="20">
        <v>0.86</v>
      </c>
      <c r="CO1436" s="20">
        <v>0.86</v>
      </c>
      <c r="CP1436" s="20">
        <v>0.81</v>
      </c>
      <c r="CQ1436" s="20">
        <v>0.83</v>
      </c>
      <c r="CR1436" s="20">
        <v>0.87</v>
      </c>
      <c r="CS1436" s="20">
        <v>0.69</v>
      </c>
      <c r="CT1436" s="20">
        <v>0.7</v>
      </c>
      <c r="CU1436" s="20">
        <v>0.79</v>
      </c>
      <c r="CV1436" s="20">
        <v>1.1000000000000001</v>
      </c>
      <c r="CW1436" s="20">
        <v>1.36</v>
      </c>
      <c r="CX1436" s="20">
        <v>1.49</v>
      </c>
      <c r="CY1436" s="6" t="s">
        <v>605</v>
      </c>
      <c r="CZ1436" s="6" t="s">
        <v>606</v>
      </c>
      <c r="DA1436" s="6" t="s">
        <v>63</v>
      </c>
      <c r="DB1436" s="6" t="s">
        <v>345</v>
      </c>
      <c r="DC1436" s="6"/>
      <c r="DD1436" s="6"/>
      <c r="DE1436" s="6"/>
      <c r="DF1436" s="6"/>
      <c r="DG1436" s="6"/>
      <c r="DH1436" s="6" t="s">
        <v>333</v>
      </c>
      <c r="DI1436" s="6"/>
      <c r="DJ1436" s="6"/>
      <c r="DK1436" s="6"/>
      <c r="DL1436" s="6">
        <v>6</v>
      </c>
      <c r="DM1436" s="6" t="s">
        <v>396</v>
      </c>
      <c r="DN1436" s="6">
        <v>6</v>
      </c>
      <c r="DO1436" s="6" t="s">
        <v>393</v>
      </c>
      <c r="DP1436" s="6"/>
      <c r="DQ1436" s="6"/>
    </row>
    <row r="1437" spans="1:121" x14ac:dyDescent="0.2">
      <c r="A1437" s="6" t="s">
        <v>317</v>
      </c>
      <c r="B1437" s="6" t="s">
        <v>317</v>
      </c>
      <c r="C1437" s="6" t="s">
        <v>186</v>
      </c>
      <c r="D1437" s="6" t="s">
        <v>63</v>
      </c>
      <c r="E1437" s="6" t="s">
        <v>204</v>
      </c>
      <c r="F1437" s="11">
        <v>-1</v>
      </c>
      <c r="G1437" s="13">
        <v>-0.02</v>
      </c>
      <c r="H1437" s="11">
        <v>-23</v>
      </c>
      <c r="I1437" s="13">
        <v>-0.4509803921568627</v>
      </c>
      <c r="J1437" s="11">
        <v>6</v>
      </c>
      <c r="K1437" s="13">
        <v>0.21428571428571427</v>
      </c>
      <c r="L1437" s="11">
        <v>16</v>
      </c>
      <c r="M1437" s="13">
        <v>0.47058823529411759</v>
      </c>
      <c r="N1437" s="11">
        <v>22</v>
      </c>
      <c r="O1437" s="13">
        <v>0.7857142857142857</v>
      </c>
      <c r="P1437" s="7">
        <v>51</v>
      </c>
      <c r="Q1437" s="7">
        <v>74</v>
      </c>
      <c r="R1437" s="7">
        <v>64</v>
      </c>
      <c r="S1437" s="7">
        <v>51</v>
      </c>
      <c r="T1437" s="7">
        <v>29</v>
      </c>
      <c r="U1437" s="7">
        <v>26</v>
      </c>
      <c r="V1437" s="7">
        <v>28</v>
      </c>
      <c r="W1437" s="7">
        <v>33</v>
      </c>
      <c r="X1437" s="7">
        <v>38</v>
      </c>
      <c r="Y1437" s="7">
        <v>34</v>
      </c>
      <c r="Z1437" s="7">
        <v>44</v>
      </c>
      <c r="AA1437" s="7">
        <v>44</v>
      </c>
      <c r="AB1437" s="7">
        <v>46</v>
      </c>
      <c r="AC1437" s="7">
        <v>44</v>
      </c>
      <c r="AD1437" s="7">
        <v>47</v>
      </c>
      <c r="AE1437" s="7">
        <v>48</v>
      </c>
      <c r="AF1437" s="7">
        <v>50</v>
      </c>
      <c r="AG1437" s="9">
        <v>3899</v>
      </c>
      <c r="AH1437" s="13">
        <v>0.11202091593403436</v>
      </c>
      <c r="AI1437" s="9">
        <v>-9049</v>
      </c>
      <c r="AJ1437" s="13">
        <v>-0.25998391081997357</v>
      </c>
      <c r="AK1437" s="9">
        <v>5172</v>
      </c>
      <c r="AL1437" s="13">
        <v>0.20079978258337541</v>
      </c>
      <c r="AM1437" s="9">
        <v>7776</v>
      </c>
      <c r="AN1437" s="13">
        <v>0.25141453005270137</v>
      </c>
      <c r="AO1437" s="9">
        <v>12948</v>
      </c>
      <c r="AP1437" s="13">
        <v>0.50269829560896062</v>
      </c>
      <c r="AQ1437" s="9">
        <v>34806</v>
      </c>
      <c r="AR1437" s="9">
        <v>42344</v>
      </c>
      <c r="AS1437" s="9">
        <v>38008</v>
      </c>
      <c r="AT1437" s="9">
        <v>42180</v>
      </c>
      <c r="AU1437" s="9">
        <v>25762</v>
      </c>
      <c r="AV1437" s="9">
        <v>24713</v>
      </c>
      <c r="AW1437" s="9">
        <v>25757</v>
      </c>
      <c r="AX1437" s="9">
        <v>27583</v>
      </c>
      <c r="AY1437" s="9">
        <v>30296</v>
      </c>
      <c r="AZ1437" s="9">
        <v>30929</v>
      </c>
      <c r="BA1437" s="9">
        <v>30168</v>
      </c>
      <c r="BB1437" s="9">
        <v>30475</v>
      </c>
      <c r="BC1437" s="9">
        <v>31635</v>
      </c>
      <c r="BD1437" s="9">
        <v>33531</v>
      </c>
      <c r="BE1437" s="9">
        <v>37749</v>
      </c>
      <c r="BF1437" s="9">
        <v>38705</v>
      </c>
      <c r="BG1437" s="11">
        <v>-5</v>
      </c>
      <c r="BH1437" s="13">
        <v>-0.41666666666666669</v>
      </c>
      <c r="BI1437" s="6">
        <v>-3</v>
      </c>
      <c r="BJ1437" s="13">
        <v>-0.25</v>
      </c>
      <c r="BK1437" s="6">
        <v>-1</v>
      </c>
      <c r="BL1437" s="13">
        <v>-0.1111111111111111</v>
      </c>
      <c r="BM1437" s="11">
        <v>-1</v>
      </c>
      <c r="BN1437" s="13">
        <v>-0.125</v>
      </c>
      <c r="BO1437" s="11">
        <v>-2</v>
      </c>
      <c r="BP1437" s="13">
        <v>-0.22222222222222221</v>
      </c>
      <c r="BQ1437" s="6">
        <v>12</v>
      </c>
      <c r="BR1437" s="6">
        <v>10</v>
      </c>
      <c r="BS1437" s="6">
        <v>10</v>
      </c>
      <c r="BT1437" s="6">
        <v>9</v>
      </c>
      <c r="BU1437" s="6">
        <v>8</v>
      </c>
      <c r="BV1437" s="6">
        <v>8</v>
      </c>
      <c r="BW1437" s="6">
        <v>8</v>
      </c>
      <c r="BX1437" s="6">
        <v>8</v>
      </c>
      <c r="BY1437" s="6">
        <v>7</v>
      </c>
      <c r="BZ1437" s="6">
        <v>7</v>
      </c>
      <c r="CA1437" s="6">
        <v>7</v>
      </c>
      <c r="CB1437" s="6">
        <v>7</v>
      </c>
      <c r="CC1437" s="11">
        <v>7</v>
      </c>
      <c r="CD1437" s="11">
        <v>-16</v>
      </c>
      <c r="CE1437" s="11">
        <v>10</v>
      </c>
      <c r="CF1437" s="11">
        <v>6</v>
      </c>
      <c r="CG1437" s="11">
        <v>16</v>
      </c>
      <c r="CH1437" s="20">
        <v>0.17</v>
      </c>
      <c r="CI1437" s="20">
        <v>0.26</v>
      </c>
      <c r="CJ1437" s="20">
        <v>0.22</v>
      </c>
      <c r="CK1437" s="20">
        <v>0.18</v>
      </c>
      <c r="CL1437" s="20">
        <v>0.1</v>
      </c>
      <c r="CM1437" s="20">
        <v>0.09</v>
      </c>
      <c r="CN1437" s="20">
        <v>0.09</v>
      </c>
      <c r="CO1437" s="20">
        <v>0.11</v>
      </c>
      <c r="CP1437" s="20">
        <v>0.11</v>
      </c>
      <c r="CQ1437" s="20">
        <v>0.1</v>
      </c>
      <c r="CR1437" s="20">
        <v>0.13</v>
      </c>
      <c r="CS1437" s="20">
        <v>0.13</v>
      </c>
      <c r="CT1437" s="20">
        <v>0.13</v>
      </c>
      <c r="CU1437" s="20">
        <v>0.12</v>
      </c>
      <c r="CV1437" s="20">
        <v>0.14000000000000001</v>
      </c>
      <c r="CW1437" s="20">
        <v>0.14000000000000001</v>
      </c>
      <c r="CX1437" s="20">
        <v>0.15</v>
      </c>
      <c r="CY1437" s="6" t="s">
        <v>605</v>
      </c>
      <c r="CZ1437" s="6" t="s">
        <v>606</v>
      </c>
      <c r="DA1437" s="6" t="s">
        <v>63</v>
      </c>
      <c r="DB1437" s="6" t="s">
        <v>345</v>
      </c>
      <c r="DC1437" s="6"/>
      <c r="DD1437" s="6"/>
      <c r="DE1437" s="6"/>
      <c r="DF1437" s="6"/>
      <c r="DG1437" s="6"/>
      <c r="DH1437" s="6" t="s">
        <v>333</v>
      </c>
      <c r="DI1437" s="6"/>
      <c r="DJ1437" s="6"/>
      <c r="DK1437" s="6"/>
      <c r="DL1437" s="6">
        <v>6</v>
      </c>
      <c r="DM1437" s="6" t="s">
        <v>396</v>
      </c>
      <c r="DN1437" s="6">
        <v>6</v>
      </c>
      <c r="DO1437" s="6" t="s">
        <v>393</v>
      </c>
      <c r="DP1437" s="6"/>
      <c r="DQ1437" s="6"/>
    </row>
    <row r="1438" spans="1:121" x14ac:dyDescent="0.2">
      <c r="A1438" s="6" t="s">
        <v>318</v>
      </c>
      <c r="B1438" s="6" t="s">
        <v>318</v>
      </c>
      <c r="C1438" s="6" t="s">
        <v>187</v>
      </c>
      <c r="D1438" s="6" t="s">
        <v>63</v>
      </c>
      <c r="E1438" s="6" t="s">
        <v>204</v>
      </c>
      <c r="F1438" s="11">
        <v>1</v>
      </c>
      <c r="G1438" s="13">
        <v>1</v>
      </c>
      <c r="H1438" s="11">
        <v>0.53428700000000084</v>
      </c>
      <c r="I1438" s="13">
        <v>4.2862941947098387E-2</v>
      </c>
      <c r="J1438" s="11">
        <v>-1.1161530000000006</v>
      </c>
      <c r="K1438" s="13">
        <v>-8.5862566260313966E-2</v>
      </c>
      <c r="L1438" s="11">
        <v>-6.8831439999999997</v>
      </c>
      <c r="M1438" s="13">
        <v>-0.57923593284740127</v>
      </c>
      <c r="N1438" s="11">
        <v>-7.9992970000000003</v>
      </c>
      <c r="O1438" s="13">
        <v>-0.61536381544325047</v>
      </c>
      <c r="P1438" s="7">
        <v>12.465009999999999</v>
      </c>
      <c r="Q1438" s="7">
        <v>10.654004</v>
      </c>
      <c r="R1438" s="7">
        <v>5</v>
      </c>
      <c r="S1438" s="7">
        <v>17.149426999999999</v>
      </c>
      <c r="T1438" s="7">
        <v>13.921533</v>
      </c>
      <c r="U1438" s="7">
        <v>13.19144</v>
      </c>
      <c r="V1438" s="7">
        <v>12.999297</v>
      </c>
      <c r="W1438" s="7">
        <v>13.245407</v>
      </c>
      <c r="X1438" s="7">
        <v>12.528627</v>
      </c>
      <c r="Y1438" s="7">
        <v>11.883144</v>
      </c>
      <c r="Z1438" s="7">
        <v>13.642742999999999</v>
      </c>
      <c r="AA1438" s="7">
        <v>11.698226</v>
      </c>
      <c r="AB1438" s="7">
        <v>5</v>
      </c>
      <c r="AC1438" s="7">
        <v>5</v>
      </c>
      <c r="AD1438" s="7">
        <v>5</v>
      </c>
      <c r="AE1438" s="7">
        <v>5</v>
      </c>
      <c r="AF1438" s="7">
        <v>5</v>
      </c>
      <c r="AG1438" s="9">
        <v>-43279.521316099999</v>
      </c>
      <c r="AH1438" s="13">
        <v>-0.99997689491786179</v>
      </c>
      <c r="AI1438" s="9">
        <v>11057.028024600004</v>
      </c>
      <c r="AJ1438" s="13">
        <v>0.25547354071465123</v>
      </c>
      <c r="AK1438" s="9">
        <v>6993.2870997999999</v>
      </c>
      <c r="AL1438" s="13">
        <v>0.12870081894845184</v>
      </c>
      <c r="AM1438" s="9">
        <v>-61329.836440500003</v>
      </c>
      <c r="AN1438" s="13">
        <v>-0.99998369498839346</v>
      </c>
      <c r="AO1438" s="9">
        <v>-54336.549340700003</v>
      </c>
      <c r="AP1438" s="13">
        <v>-0.99998159652004681</v>
      </c>
      <c r="AQ1438" s="9">
        <v>43280.521316099999</v>
      </c>
      <c r="AR1438" s="9">
        <v>48911.410763200001</v>
      </c>
      <c r="AS1438" s="9">
        <v>1</v>
      </c>
      <c r="AT1438" s="9">
        <v>54382.332630500001</v>
      </c>
      <c r="AU1438" s="9">
        <v>68201.7719564</v>
      </c>
      <c r="AV1438" s="9">
        <v>41852.377816</v>
      </c>
      <c r="AW1438" s="9">
        <v>54337.549340700003</v>
      </c>
      <c r="AX1438" s="9">
        <v>50733.870055500003</v>
      </c>
      <c r="AY1438" s="9">
        <v>51178.413113499999</v>
      </c>
      <c r="AZ1438" s="9">
        <v>61330.836440500003</v>
      </c>
      <c r="BA1438" s="9">
        <v>53035.674052399998</v>
      </c>
      <c r="BB1438" s="9">
        <v>78782.538133399998</v>
      </c>
      <c r="BC1438" s="9">
        <v>1</v>
      </c>
      <c r="BD1438" s="9">
        <v>1</v>
      </c>
      <c r="BE1438" s="9">
        <v>1</v>
      </c>
      <c r="BF1438" s="9">
        <v>1</v>
      </c>
      <c r="BG1438" s="11">
        <v>-1</v>
      </c>
      <c r="BH1438" s="13">
        <v>-0.5</v>
      </c>
      <c r="BI1438" s="6">
        <v>0</v>
      </c>
      <c r="BJ1438" s="13">
        <v>0</v>
      </c>
      <c r="BK1438" s="6">
        <v>-1</v>
      </c>
      <c r="BL1438" s="13">
        <v>-0.5</v>
      </c>
      <c r="BM1438" s="11">
        <v>0</v>
      </c>
      <c r="BN1438" s="13">
        <v>0</v>
      </c>
      <c r="BO1438" s="11">
        <v>-1</v>
      </c>
      <c r="BP1438" s="13">
        <v>-0.5</v>
      </c>
      <c r="BQ1438" s="6">
        <v>2</v>
      </c>
      <c r="BR1438" s="6">
        <v>2</v>
      </c>
      <c r="BS1438" s="6">
        <v>2</v>
      </c>
      <c r="BT1438" s="6">
        <v>2</v>
      </c>
      <c r="BU1438" s="6">
        <v>1</v>
      </c>
      <c r="BV1438" s="6">
        <v>1</v>
      </c>
      <c r="BW1438" s="6">
        <v>1</v>
      </c>
      <c r="BX1438" s="6">
        <v>1</v>
      </c>
      <c r="BY1438" s="6">
        <v>1</v>
      </c>
      <c r="BZ1438" s="6">
        <v>1</v>
      </c>
      <c r="CA1438" s="6">
        <v>1</v>
      </c>
      <c r="CB1438" s="6">
        <v>1</v>
      </c>
      <c r="CC1438" s="11">
        <v>1</v>
      </c>
      <c r="CD1438" s="11">
        <v>-11.7193</v>
      </c>
      <c r="CE1438" s="11">
        <v>2.66886</v>
      </c>
      <c r="CF1438" s="11">
        <v>1.3625799999999999</v>
      </c>
      <c r="CG1438" s="11">
        <v>4</v>
      </c>
      <c r="CH1438" s="20">
        <v>0.196496</v>
      </c>
      <c r="CI1438" s="20">
        <v>0.17246400000000001</v>
      </c>
      <c r="CJ1438" s="20">
        <v>0.13173899999999999</v>
      </c>
      <c r="CK1438" s="20">
        <v>0.27992800000000001</v>
      </c>
      <c r="CL1438" s="20">
        <v>0.23511299999999999</v>
      </c>
      <c r="CM1438" s="20">
        <v>0.21182699999999999</v>
      </c>
      <c r="CN1438" s="20">
        <v>0.19822400000000001</v>
      </c>
      <c r="CO1438" s="20">
        <v>0.20565800000000001</v>
      </c>
      <c r="CP1438" s="20">
        <v>0.174598</v>
      </c>
      <c r="CQ1438" s="20">
        <v>0.163297</v>
      </c>
      <c r="CR1438" s="20">
        <v>0.188472</v>
      </c>
      <c r="CS1438" s="20">
        <v>0.15359999999999999</v>
      </c>
      <c r="CT1438" s="20">
        <v>0.122576</v>
      </c>
      <c r="CU1438" s="20">
        <v>9.9853300000000006E-2</v>
      </c>
      <c r="CV1438" s="20">
        <v>8.9651599999999998E-2</v>
      </c>
      <c r="CW1438" s="20">
        <v>7.3898400000000003E-2</v>
      </c>
      <c r="CX1438" s="20">
        <v>6.2604099999999996E-2</v>
      </c>
      <c r="CY1438" s="6" t="s">
        <v>605</v>
      </c>
      <c r="CZ1438" s="6" t="s">
        <v>606</v>
      </c>
      <c r="DA1438" s="6" t="s">
        <v>63</v>
      </c>
      <c r="DB1438" s="6" t="s">
        <v>345</v>
      </c>
      <c r="DC1438" s="6"/>
      <c r="DD1438" s="6"/>
      <c r="DE1438" s="6"/>
      <c r="DF1438" s="6"/>
      <c r="DG1438" s="6"/>
      <c r="DH1438" s="6" t="s">
        <v>333</v>
      </c>
      <c r="DI1438" s="6"/>
      <c r="DJ1438" s="6"/>
      <c r="DK1438" s="6"/>
      <c r="DL1438" s="6">
        <v>6</v>
      </c>
      <c r="DM1438" s="6" t="s">
        <v>396</v>
      </c>
      <c r="DN1438" s="6">
        <v>6</v>
      </c>
      <c r="DO1438" s="6" t="s">
        <v>393</v>
      </c>
      <c r="DP1438" s="6"/>
      <c r="DQ1438" s="6"/>
    </row>
    <row r="1439" spans="1:121" x14ac:dyDescent="0.2">
      <c r="A1439" s="6" t="s">
        <v>319</v>
      </c>
      <c r="B1439" s="6" t="s">
        <v>319</v>
      </c>
      <c r="C1439" s="6" t="s">
        <v>188</v>
      </c>
      <c r="D1439" s="6" t="s">
        <v>63</v>
      </c>
      <c r="E1439" s="6" t="s">
        <v>204</v>
      </c>
      <c r="F1439" s="11">
        <v>12</v>
      </c>
      <c r="G1439" s="13">
        <v>0.5</v>
      </c>
      <c r="H1439" s="11">
        <v>4.5627901980000019</v>
      </c>
      <c r="I1439" s="13">
        <v>0.18728509929850817</v>
      </c>
      <c r="J1439" s="11">
        <v>7.1409975312999983</v>
      </c>
      <c r="K1439" s="13">
        <v>0.24687470344333445</v>
      </c>
      <c r="L1439" s="11">
        <v>-0.19199729820000044</v>
      </c>
      <c r="M1439" s="13">
        <v>-5.323411170671713E-3</v>
      </c>
      <c r="N1439" s="11">
        <v>6.9490002330999978</v>
      </c>
      <c r="O1439" s="13">
        <v>0.24023707671859623</v>
      </c>
      <c r="P1439" s="7">
        <v>24.362804169099999</v>
      </c>
      <c r="Q1439" s="7">
        <v>30.191146956699999</v>
      </c>
      <c r="R1439" s="7">
        <v>29.824845705600001</v>
      </c>
      <c r="S1439" s="7">
        <v>24.878180138800001</v>
      </c>
      <c r="T1439" s="7">
        <v>32.737399654000001</v>
      </c>
      <c r="U1439" s="7">
        <v>35.8090504384</v>
      </c>
      <c r="V1439" s="7">
        <v>28.9255943671</v>
      </c>
      <c r="W1439" s="7">
        <v>29.988831009599998</v>
      </c>
      <c r="X1439" s="7">
        <v>32.389199056899997</v>
      </c>
      <c r="Y1439" s="7">
        <v>36.066591898399999</v>
      </c>
      <c r="Z1439" s="7">
        <v>37.185328973200001</v>
      </c>
      <c r="AA1439" s="7">
        <v>43.186989811799997</v>
      </c>
      <c r="AB1439" s="7">
        <v>44.6849820467</v>
      </c>
      <c r="AC1439" s="7">
        <v>38.324835801600003</v>
      </c>
      <c r="AD1439" s="7">
        <v>36.847640843500002</v>
      </c>
      <c r="AE1439" s="7">
        <v>34.523084445099997</v>
      </c>
      <c r="AF1439" s="7">
        <v>35.874594600199998</v>
      </c>
      <c r="AG1439" s="9">
        <v>-5030.1591671999995</v>
      </c>
      <c r="AH1439" s="13">
        <v>-0.16588754118533319</v>
      </c>
      <c r="AI1439" s="9">
        <v>-16438.381376400001</v>
      </c>
      <c r="AJ1439" s="13">
        <v>-0.54211458861563033</v>
      </c>
      <c r="AK1439" s="9">
        <v>3594.9475456</v>
      </c>
      <c r="AL1439" s="13">
        <v>0.25892130883338449</v>
      </c>
      <c r="AM1439" s="9">
        <v>7813.2746636000011</v>
      </c>
      <c r="AN1439" s="13">
        <v>0.44700228452426655</v>
      </c>
      <c r="AO1439" s="9">
        <v>11408.222209200001</v>
      </c>
      <c r="AP1439" s="13">
        <v>0.82166200991818705</v>
      </c>
      <c r="AQ1439" s="9">
        <v>30322.706161400001</v>
      </c>
      <c r="AR1439" s="9">
        <v>25025.057259599998</v>
      </c>
      <c r="AS1439" s="9">
        <v>16155.079488199999</v>
      </c>
      <c r="AT1439" s="9">
        <v>15126.8030358</v>
      </c>
      <c r="AU1439" s="9">
        <v>13670.115547400001</v>
      </c>
      <c r="AV1439" s="9">
        <v>13382.5213532</v>
      </c>
      <c r="AW1439" s="9">
        <v>13884.324785000001</v>
      </c>
      <c r="AX1439" s="9">
        <v>13975.0844118</v>
      </c>
      <c r="AY1439" s="9">
        <v>13741.8281236</v>
      </c>
      <c r="AZ1439" s="9">
        <v>17479.272330600001</v>
      </c>
      <c r="BA1439" s="9">
        <v>19731.923099</v>
      </c>
      <c r="BB1439" s="9">
        <v>20053.243901900001</v>
      </c>
      <c r="BC1439" s="9">
        <v>21055.619373099998</v>
      </c>
      <c r="BD1439" s="9">
        <v>22055.579165800002</v>
      </c>
      <c r="BE1439" s="9">
        <v>26898.174778199998</v>
      </c>
      <c r="BF1439" s="9">
        <v>25292.546994200002</v>
      </c>
      <c r="BG1439" s="11">
        <v>-4.25</v>
      </c>
      <c r="BH1439" s="13">
        <v>-0.6071428571428571</v>
      </c>
      <c r="BI1439" s="6">
        <v>-3</v>
      </c>
      <c r="BJ1439" s="13">
        <v>-0.42857142857142855</v>
      </c>
      <c r="BK1439" s="6">
        <v>2</v>
      </c>
      <c r="BL1439" s="13">
        <v>0.5</v>
      </c>
      <c r="BM1439" s="11">
        <v>-3.25</v>
      </c>
      <c r="BN1439" s="13">
        <v>-0.54166666666666663</v>
      </c>
      <c r="BO1439" s="11">
        <v>-1.25</v>
      </c>
      <c r="BP1439" s="13">
        <v>-0.3125</v>
      </c>
      <c r="BQ1439" s="6">
        <v>7</v>
      </c>
      <c r="BR1439" s="6">
        <v>6</v>
      </c>
      <c r="BS1439" s="6">
        <v>5</v>
      </c>
      <c r="BT1439" s="6">
        <v>4</v>
      </c>
      <c r="BU1439" s="6">
        <v>4</v>
      </c>
      <c r="BV1439" s="6">
        <v>3</v>
      </c>
      <c r="BW1439" s="6">
        <v>6</v>
      </c>
      <c r="BX1439" s="6">
        <v>8</v>
      </c>
      <c r="BY1439" s="6">
        <v>7</v>
      </c>
      <c r="BZ1439" s="6">
        <v>8</v>
      </c>
      <c r="CA1439" s="6">
        <v>4</v>
      </c>
      <c r="CB1439" s="6">
        <v>3</v>
      </c>
      <c r="CC1439" s="11">
        <v>2.75</v>
      </c>
      <c r="CD1439" s="11">
        <v>6.6566599999999996</v>
      </c>
      <c r="CE1439" s="11">
        <v>2.19198</v>
      </c>
      <c r="CF1439" s="11">
        <v>2.6631499999999999</v>
      </c>
      <c r="CG1439" s="11">
        <v>5</v>
      </c>
      <c r="CH1439" s="20">
        <v>7.8294199999999994E-2</v>
      </c>
      <c r="CI1439" s="20">
        <v>9.8661299999999993E-2</v>
      </c>
      <c r="CJ1439" s="20">
        <v>9.5529299999999998E-2</v>
      </c>
      <c r="CK1439" s="20">
        <v>7.9580200000000004E-2</v>
      </c>
      <c r="CL1439" s="20">
        <v>0.107585</v>
      </c>
      <c r="CM1439" s="20">
        <v>0.11138099999999999</v>
      </c>
      <c r="CN1439" s="20">
        <v>8.7232000000000004E-2</v>
      </c>
      <c r="CO1439" s="20">
        <v>9.9227700000000002E-2</v>
      </c>
      <c r="CP1439" s="20">
        <v>0.103551</v>
      </c>
      <c r="CQ1439" s="20">
        <v>0.11052099999999999</v>
      </c>
      <c r="CR1439" s="20">
        <v>0.113928</v>
      </c>
      <c r="CS1439" s="20">
        <v>0.12737499999999999</v>
      </c>
      <c r="CT1439" s="20">
        <v>0.12987799999999999</v>
      </c>
      <c r="CU1439" s="20">
        <v>0.10907799999999999</v>
      </c>
      <c r="CV1439" s="20">
        <v>0.110356</v>
      </c>
      <c r="CW1439" s="20">
        <v>0.103202</v>
      </c>
      <c r="CX1439" s="20">
        <v>0.105763</v>
      </c>
      <c r="CY1439" s="6" t="s">
        <v>605</v>
      </c>
      <c r="CZ1439" s="6" t="s">
        <v>606</v>
      </c>
      <c r="DA1439" s="6" t="s">
        <v>63</v>
      </c>
      <c r="DB1439" s="6" t="s">
        <v>345</v>
      </c>
      <c r="DC1439" s="6"/>
      <c r="DD1439" s="6"/>
      <c r="DE1439" s="6"/>
      <c r="DF1439" s="6"/>
      <c r="DG1439" s="6"/>
      <c r="DH1439" s="6" t="s">
        <v>333</v>
      </c>
      <c r="DI1439" s="6"/>
      <c r="DJ1439" s="6"/>
      <c r="DK1439" s="6"/>
      <c r="DL1439" s="6">
        <v>6</v>
      </c>
      <c r="DM1439" s="6" t="s">
        <v>396</v>
      </c>
      <c r="DN1439" s="6">
        <v>6</v>
      </c>
      <c r="DO1439" s="6" t="s">
        <v>393</v>
      </c>
      <c r="DP1439" s="6"/>
      <c r="DQ1439" s="6"/>
    </row>
    <row r="1440" spans="1:121" x14ac:dyDescent="0.2">
      <c r="A1440" s="6" t="s">
        <v>320</v>
      </c>
      <c r="B1440" s="6" t="s">
        <v>320</v>
      </c>
      <c r="C1440" s="6" t="s">
        <v>189</v>
      </c>
      <c r="D1440" s="6" t="s">
        <v>63</v>
      </c>
      <c r="E1440" s="6" t="s">
        <v>204</v>
      </c>
      <c r="F1440" s="11">
        <v>15</v>
      </c>
      <c r="G1440" s="13">
        <v>0.65217391304299999</v>
      </c>
      <c r="H1440" s="11">
        <v>1.1003379482</v>
      </c>
      <c r="I1440" s="13">
        <v>4.7440338521683618E-2</v>
      </c>
      <c r="J1440" s="11">
        <v>26.6449480518</v>
      </c>
      <c r="K1440" s="13">
        <v>1.0967490602232113</v>
      </c>
      <c r="L1440" s="11">
        <v>-13.067309749300001</v>
      </c>
      <c r="M1440" s="13">
        <v>-0.25652643271337877</v>
      </c>
      <c r="N1440" s="11">
        <v>13.577638302499999</v>
      </c>
      <c r="O1440" s="13">
        <v>0.55887750350902154</v>
      </c>
      <c r="P1440" s="7">
        <v>23.194141999999999</v>
      </c>
      <c r="Q1440" s="7">
        <v>31.834306000000002</v>
      </c>
      <c r="R1440" s="7">
        <v>35.663296000000003</v>
      </c>
      <c r="S1440" s="7">
        <v>20.719899999999999</v>
      </c>
      <c r="T1440" s="7">
        <v>16.450151000000002</v>
      </c>
      <c r="U1440" s="7">
        <v>26.299212687099999</v>
      </c>
      <c r="V1440" s="7">
        <v>24.294479948199999</v>
      </c>
      <c r="W1440" s="7">
        <v>34.590373468099997</v>
      </c>
      <c r="X1440" s="7">
        <v>27.063628999999999</v>
      </c>
      <c r="Y1440" s="7">
        <v>50.939427999999999</v>
      </c>
      <c r="Z1440" s="7">
        <v>58.354484999999997</v>
      </c>
      <c r="AA1440" s="7">
        <v>43.870021000000001</v>
      </c>
      <c r="AB1440" s="7">
        <v>92.440337597799996</v>
      </c>
      <c r="AC1440" s="7">
        <v>41.508775552899998</v>
      </c>
      <c r="AD1440" s="7">
        <v>34.296581863299998</v>
      </c>
      <c r="AE1440" s="7">
        <v>35.903870378599997</v>
      </c>
      <c r="AF1440" s="7">
        <v>37.872118250699998</v>
      </c>
      <c r="AG1440" s="9">
        <v>2290.2169023000006</v>
      </c>
      <c r="AH1440" s="13">
        <v>0.19837499048354401</v>
      </c>
      <c r="AI1440" s="9">
        <v>8436.1715629000009</v>
      </c>
      <c r="AJ1440" s="13">
        <v>0.73072792879449877</v>
      </c>
      <c r="AK1440" s="9">
        <v>19500.9159841</v>
      </c>
      <c r="AL1440" s="13">
        <v>0.9759700998471702</v>
      </c>
      <c r="AM1440" s="9">
        <v>-25646.8706447</v>
      </c>
      <c r="AN1440" s="13">
        <v>-0.64958429165812714</v>
      </c>
      <c r="AO1440" s="9">
        <v>-6145.9546606000004</v>
      </c>
      <c r="AP1440" s="13">
        <v>-0.30758903779969254</v>
      </c>
      <c r="AQ1440" s="9">
        <v>11544.8872699</v>
      </c>
      <c r="AR1440" s="9">
        <v>27743.0607595</v>
      </c>
      <c r="AS1440" s="9">
        <v>12471.9733617</v>
      </c>
      <c r="AT1440" s="9">
        <v>8872.1119987099992</v>
      </c>
      <c r="AU1440" s="9">
        <v>14527.971978699999</v>
      </c>
      <c r="AV1440" s="9">
        <v>23675.605654899999</v>
      </c>
      <c r="AW1440" s="9">
        <v>19981.058832800001</v>
      </c>
      <c r="AX1440" s="9">
        <v>27860.106921999999</v>
      </c>
      <c r="AY1440" s="9">
        <v>34761.118691299998</v>
      </c>
      <c r="AZ1440" s="9">
        <v>39481.974816900001</v>
      </c>
      <c r="BA1440" s="9">
        <v>30937.872162700001</v>
      </c>
      <c r="BB1440" s="9">
        <v>18386.108147800001</v>
      </c>
      <c r="BC1440" s="9">
        <v>17919.466538600002</v>
      </c>
      <c r="BD1440" s="9">
        <v>23323.945054</v>
      </c>
      <c r="BE1440" s="9">
        <v>21491.9923604</v>
      </c>
      <c r="BF1440" s="9">
        <v>13835.104172200001</v>
      </c>
      <c r="BG1440" s="11">
        <v>1</v>
      </c>
      <c r="BH1440" s="13">
        <v>1</v>
      </c>
      <c r="BI1440" s="6">
        <v>1</v>
      </c>
      <c r="BJ1440" s="13">
        <v>1</v>
      </c>
      <c r="BK1440" s="6">
        <v>0</v>
      </c>
      <c r="BL1440" s="13">
        <v>0</v>
      </c>
      <c r="BM1440" s="11">
        <v>0</v>
      </c>
      <c r="BN1440" s="13">
        <v>0</v>
      </c>
      <c r="BO1440" s="11">
        <v>0</v>
      </c>
      <c r="BP1440" s="13">
        <v>0</v>
      </c>
      <c r="BQ1440" s="6">
        <v>1</v>
      </c>
      <c r="BR1440" s="6">
        <v>1</v>
      </c>
      <c r="BS1440" s="6">
        <v>2</v>
      </c>
      <c r="BT1440" s="6">
        <v>2</v>
      </c>
      <c r="BU1440" s="6">
        <v>2</v>
      </c>
      <c r="BV1440" s="6">
        <v>2</v>
      </c>
      <c r="BW1440" s="6">
        <v>2</v>
      </c>
      <c r="BX1440" s="6">
        <v>2</v>
      </c>
      <c r="BY1440" s="6">
        <v>2</v>
      </c>
      <c r="BZ1440" s="6">
        <v>2</v>
      </c>
      <c r="CA1440" s="6">
        <v>2</v>
      </c>
      <c r="CB1440" s="6">
        <v>2</v>
      </c>
      <c r="CC1440" s="11">
        <v>2</v>
      </c>
      <c r="CD1440" s="11">
        <v>3.7438600000000002</v>
      </c>
      <c r="CE1440" s="11">
        <v>8.3987099999999995</v>
      </c>
      <c r="CF1440" s="11">
        <v>2.5354000000000001</v>
      </c>
      <c r="CG1440" s="11">
        <v>11</v>
      </c>
      <c r="CH1440" s="20">
        <v>0.22341800000000001</v>
      </c>
      <c r="CI1440" s="20">
        <v>0.29797899999999999</v>
      </c>
      <c r="CJ1440" s="20">
        <v>0.317749</v>
      </c>
      <c r="CK1440" s="20">
        <v>0.18366099999999999</v>
      </c>
      <c r="CL1440" s="20">
        <v>0.15315699999999999</v>
      </c>
      <c r="CM1440" s="20">
        <v>0.23288800000000001</v>
      </c>
      <c r="CN1440" s="20">
        <v>0.20533299999999999</v>
      </c>
      <c r="CO1440" s="20">
        <v>0.29812499999999997</v>
      </c>
      <c r="CP1440" s="20">
        <v>0.19952700000000001</v>
      </c>
      <c r="CQ1440" s="20">
        <v>0.36266199999999998</v>
      </c>
      <c r="CR1440" s="20">
        <v>0.41841699999999998</v>
      </c>
      <c r="CS1440" s="20">
        <v>0.30573600000000001</v>
      </c>
      <c r="CT1440" s="20">
        <v>0.64316300000000004</v>
      </c>
      <c r="CU1440" s="20">
        <v>0.28619099999999997</v>
      </c>
      <c r="CV1440" s="20">
        <v>0.25151699999999999</v>
      </c>
      <c r="CW1440" s="20">
        <v>0.26315699999999997</v>
      </c>
      <c r="CX1440" s="20">
        <v>0.27276600000000001</v>
      </c>
      <c r="CY1440" s="6" t="s">
        <v>605</v>
      </c>
      <c r="CZ1440" s="6" t="s">
        <v>606</v>
      </c>
      <c r="DA1440" s="6" t="s">
        <v>63</v>
      </c>
      <c r="DB1440" s="6" t="s">
        <v>345</v>
      </c>
      <c r="DC1440" s="6"/>
      <c r="DD1440" s="6"/>
      <c r="DE1440" s="6"/>
      <c r="DF1440" s="6"/>
      <c r="DG1440" s="6"/>
      <c r="DH1440" s="6" t="s">
        <v>333</v>
      </c>
      <c r="DI1440" s="6"/>
      <c r="DJ1440" s="6"/>
      <c r="DK1440" s="6"/>
      <c r="DL1440" s="6">
        <v>6</v>
      </c>
      <c r="DM1440" s="6" t="s">
        <v>396</v>
      </c>
      <c r="DN1440" s="6">
        <v>6</v>
      </c>
      <c r="DO1440" s="6" t="s">
        <v>393</v>
      </c>
      <c r="DP1440" s="6"/>
      <c r="DQ1440" s="6"/>
    </row>
    <row r="1441" spans="1:121" x14ac:dyDescent="0.2">
      <c r="A1441" s="6" t="s">
        <v>321</v>
      </c>
      <c r="B1441" s="6" t="s">
        <v>321</v>
      </c>
      <c r="C1441" s="6" t="s">
        <v>190</v>
      </c>
      <c r="D1441" s="6" t="s">
        <v>63</v>
      </c>
      <c r="E1441" s="6" t="s">
        <v>204</v>
      </c>
      <c r="F1441" s="11">
        <v>2</v>
      </c>
      <c r="G1441" s="13">
        <v>3.7735849056600001E-3</v>
      </c>
      <c r="H1441" s="11">
        <v>-129.87719428299994</v>
      </c>
      <c r="I1441" s="13">
        <v>-0.24515788115350332</v>
      </c>
      <c r="J1441" s="11">
        <v>82.460450048999974</v>
      </c>
      <c r="K1441" s="13">
        <v>0.20620658828326976</v>
      </c>
      <c r="L1441" s="11">
        <v>49.68900890499998</v>
      </c>
      <c r="M1441" s="13">
        <v>0.10301381575493848</v>
      </c>
      <c r="N1441" s="11">
        <v>132.14945895399995</v>
      </c>
      <c r="O1441" s="13">
        <v>0.33046253153107547</v>
      </c>
      <c r="P1441" s="7">
        <v>529.76960671999996</v>
      </c>
      <c r="Q1441" s="7">
        <v>492.59929994999999</v>
      </c>
      <c r="R1441" s="7">
        <v>479.94730708499998</v>
      </c>
      <c r="S1441" s="7">
        <v>508.14014131300002</v>
      </c>
      <c r="T1441" s="7">
        <v>489.89137590799999</v>
      </c>
      <c r="U1441" s="7">
        <v>488.49527029400002</v>
      </c>
      <c r="V1441" s="7">
        <v>399.89241243700002</v>
      </c>
      <c r="W1441" s="7">
        <v>378.56486402399997</v>
      </c>
      <c r="X1441" s="7">
        <v>511.757233224</v>
      </c>
      <c r="Y1441" s="7">
        <v>482.35286248599999</v>
      </c>
      <c r="Z1441" s="7">
        <v>414.33688168399999</v>
      </c>
      <c r="AA1441" s="7">
        <v>470.84825637</v>
      </c>
      <c r="AB1441" s="7">
        <v>569.06759407000004</v>
      </c>
      <c r="AC1441" s="7">
        <v>536.38686454399999</v>
      </c>
      <c r="AD1441" s="7">
        <v>518.12065712200001</v>
      </c>
      <c r="AE1441" s="7">
        <v>519.034040484</v>
      </c>
      <c r="AF1441" s="7">
        <v>532.04187139099997</v>
      </c>
      <c r="AG1441" s="9">
        <v>5444.3179120000023</v>
      </c>
      <c r="AH1441" s="13">
        <v>0.34788255036826893</v>
      </c>
      <c r="AI1441" s="9">
        <v>3282.8032835000013</v>
      </c>
      <c r="AJ1441" s="13">
        <v>0.20976548340502335</v>
      </c>
      <c r="AK1441" s="9">
        <v>2832.7288578999978</v>
      </c>
      <c r="AL1441" s="13">
        <v>0.14962114907281093</v>
      </c>
      <c r="AM1441" s="9">
        <v>-671.21422939999684</v>
      </c>
      <c r="AN1441" s="13">
        <v>-3.0838581184175481E-2</v>
      </c>
      <c r="AO1441" s="9">
        <v>2161.514628500001</v>
      </c>
      <c r="AP1441" s="13">
        <v>0.11416846393608396</v>
      </c>
      <c r="AQ1441" s="9">
        <v>15649.873516899999</v>
      </c>
      <c r="AR1441" s="9">
        <v>14788.6482743</v>
      </c>
      <c r="AS1441" s="9">
        <v>16780.705550400002</v>
      </c>
      <c r="AT1441" s="9">
        <v>17689.138909699999</v>
      </c>
      <c r="AU1441" s="9">
        <v>18244.440343900002</v>
      </c>
      <c r="AV1441" s="9">
        <v>17602.0349943</v>
      </c>
      <c r="AW1441" s="9">
        <v>18932.676800400001</v>
      </c>
      <c r="AX1441" s="9">
        <v>22601.009069899999</v>
      </c>
      <c r="AY1441" s="9">
        <v>20521.452863899998</v>
      </c>
      <c r="AZ1441" s="9">
        <v>21765.405658299998</v>
      </c>
      <c r="BA1441" s="9">
        <v>21253.503099099999</v>
      </c>
      <c r="BB1441" s="9">
        <v>23102.849220700002</v>
      </c>
      <c r="BC1441" s="9">
        <v>20424.006309299999</v>
      </c>
      <c r="BD1441" s="9">
        <v>19835.9258099</v>
      </c>
      <c r="BE1441" s="9">
        <v>19852.0629438</v>
      </c>
      <c r="BF1441" s="9">
        <v>21094.191428900001</v>
      </c>
      <c r="BG1441" s="11">
        <v>180</v>
      </c>
      <c r="BH1441" s="13">
        <v>7.8260869565217392</v>
      </c>
      <c r="BI1441" s="6">
        <v>-1</v>
      </c>
      <c r="BJ1441" s="13">
        <v>-4.3478260869565216E-2</v>
      </c>
      <c r="BK1441" s="6">
        <v>0</v>
      </c>
      <c r="BL1441" s="13">
        <v>0</v>
      </c>
      <c r="BM1441" s="11">
        <v>181</v>
      </c>
      <c r="BN1441" s="13">
        <v>8.2272727272727266</v>
      </c>
      <c r="BO1441" s="11">
        <v>181</v>
      </c>
      <c r="BP1441" s="13">
        <v>8.2272727272727266</v>
      </c>
      <c r="BQ1441" s="6">
        <v>23</v>
      </c>
      <c r="BR1441" s="6">
        <v>24</v>
      </c>
      <c r="BS1441" s="6">
        <v>24</v>
      </c>
      <c r="BT1441" s="6">
        <v>22</v>
      </c>
      <c r="BU1441" s="6">
        <v>23</v>
      </c>
      <c r="BV1441" s="6">
        <v>23</v>
      </c>
      <c r="BW1441" s="6">
        <v>22</v>
      </c>
      <c r="BX1441" s="6">
        <v>23</v>
      </c>
      <c r="BY1441" s="6">
        <v>27</v>
      </c>
      <c r="BZ1441" s="6">
        <v>197</v>
      </c>
      <c r="CA1441" s="6">
        <v>187</v>
      </c>
      <c r="CB1441" s="6">
        <v>185</v>
      </c>
      <c r="CC1441" s="11">
        <v>203</v>
      </c>
      <c r="CD1441" s="11">
        <v>-248.56200000000001</v>
      </c>
      <c r="CE1441" s="11">
        <v>192.92400000000001</v>
      </c>
      <c r="CF1441" s="11">
        <v>57.910200000000003</v>
      </c>
      <c r="CG1441" s="11">
        <v>251</v>
      </c>
      <c r="CH1441" s="20">
        <v>1.0332699999999999</v>
      </c>
      <c r="CI1441" s="20">
        <v>0.94040800000000002</v>
      </c>
      <c r="CJ1441" s="20">
        <v>0.87063199999999996</v>
      </c>
      <c r="CK1441" s="20">
        <v>0.93193599999999999</v>
      </c>
      <c r="CL1441" s="20">
        <v>0.93350200000000005</v>
      </c>
      <c r="CM1441" s="20">
        <v>0.88254299999999997</v>
      </c>
      <c r="CN1441" s="20">
        <v>0.68802399999999997</v>
      </c>
      <c r="CO1441" s="20">
        <v>0.66642900000000005</v>
      </c>
      <c r="CP1441" s="20">
        <v>0.77655799999999997</v>
      </c>
      <c r="CQ1441" s="20">
        <v>0.71126400000000001</v>
      </c>
      <c r="CR1441" s="20">
        <v>0.62631000000000003</v>
      </c>
      <c r="CS1441" s="20">
        <v>0.68037899999999996</v>
      </c>
      <c r="CT1441" s="20">
        <v>0.81662599999999996</v>
      </c>
      <c r="CU1441" s="20">
        <v>0.76433499999999999</v>
      </c>
      <c r="CV1441" s="20">
        <v>0.77747200000000005</v>
      </c>
      <c r="CW1441" s="20">
        <v>0.77372799999999997</v>
      </c>
      <c r="CX1441" s="20">
        <v>0.77480700000000002</v>
      </c>
      <c r="CY1441" s="6" t="s">
        <v>605</v>
      </c>
      <c r="CZ1441" s="6" t="s">
        <v>606</v>
      </c>
      <c r="DA1441" s="6" t="s">
        <v>63</v>
      </c>
      <c r="DB1441" s="6" t="s">
        <v>345</v>
      </c>
      <c r="DC1441" s="6"/>
      <c r="DD1441" s="6"/>
      <c r="DE1441" s="6"/>
      <c r="DF1441" s="6"/>
      <c r="DG1441" s="6"/>
      <c r="DH1441" s="6" t="s">
        <v>333</v>
      </c>
      <c r="DI1441" s="6"/>
      <c r="DJ1441" s="6"/>
      <c r="DK1441" s="6"/>
      <c r="DL1441" s="6">
        <v>6</v>
      </c>
      <c r="DM1441" s="6" t="s">
        <v>396</v>
      </c>
      <c r="DN1441" s="6">
        <v>6</v>
      </c>
      <c r="DO1441" s="6" t="s">
        <v>393</v>
      </c>
      <c r="DP1441" s="6"/>
      <c r="DQ1441" s="6"/>
    </row>
    <row r="1442" spans="1:121" x14ac:dyDescent="0.2">
      <c r="A1442" s="6" t="s">
        <v>322</v>
      </c>
      <c r="B1442" s="6" t="s">
        <v>322</v>
      </c>
      <c r="C1442" s="6" t="s">
        <v>191</v>
      </c>
      <c r="D1442" s="6" t="s">
        <v>63</v>
      </c>
      <c r="E1442" s="6" t="s">
        <v>204</v>
      </c>
      <c r="F1442" s="11">
        <v>0</v>
      </c>
      <c r="G1442" s="13">
        <v>0</v>
      </c>
      <c r="H1442" s="11">
        <v>2</v>
      </c>
      <c r="I1442" s="13">
        <v>0.14285714285714285</v>
      </c>
      <c r="J1442" s="11">
        <v>-11</v>
      </c>
      <c r="K1442" s="13">
        <v>-0.6875</v>
      </c>
      <c r="L1442" s="11">
        <v>9</v>
      </c>
      <c r="M1442" s="13">
        <v>1.8</v>
      </c>
      <c r="N1442" s="11">
        <v>-2</v>
      </c>
      <c r="O1442" s="13">
        <v>-0.125</v>
      </c>
      <c r="P1442" s="7">
        <v>14</v>
      </c>
      <c r="Q1442" s="7">
        <v>21</v>
      </c>
      <c r="R1442" s="7">
        <v>26</v>
      </c>
      <c r="S1442" s="7">
        <v>22</v>
      </c>
      <c r="T1442" s="7">
        <v>18</v>
      </c>
      <c r="U1442" s="7">
        <v>19</v>
      </c>
      <c r="V1442" s="7">
        <v>16</v>
      </c>
      <c r="W1442" s="7">
        <v>15</v>
      </c>
      <c r="X1442" s="7">
        <v>11</v>
      </c>
      <c r="Y1442" s="7">
        <v>5</v>
      </c>
      <c r="Z1442" s="7">
        <v>10</v>
      </c>
      <c r="AA1442" s="7">
        <v>5</v>
      </c>
      <c r="AB1442" s="7">
        <v>5</v>
      </c>
      <c r="AC1442" s="7">
        <v>10</v>
      </c>
      <c r="AD1442" s="7">
        <v>11</v>
      </c>
      <c r="AE1442" s="7">
        <v>14</v>
      </c>
      <c r="AF1442" s="7">
        <v>14</v>
      </c>
      <c r="AG1442" s="9">
        <v>7237</v>
      </c>
      <c r="AH1442" s="13">
        <v>0.72370000000000001</v>
      </c>
      <c r="AI1442" s="9">
        <v>-1526</v>
      </c>
      <c r="AJ1442" s="13">
        <v>-0.15260000000000001</v>
      </c>
      <c r="AK1442" s="9">
        <v>-8473</v>
      </c>
      <c r="AL1442" s="13">
        <v>-0.99988199197545435</v>
      </c>
      <c r="AM1442" s="9">
        <v>17236</v>
      </c>
      <c r="AN1442" s="13">
        <v>17236</v>
      </c>
      <c r="AO1442" s="9">
        <v>8763</v>
      </c>
      <c r="AP1442" s="13">
        <v>1.0341043190936985</v>
      </c>
      <c r="AQ1442" s="9">
        <v>10000</v>
      </c>
      <c r="AR1442" s="9">
        <v>9422</v>
      </c>
      <c r="AS1442" s="9">
        <v>8349</v>
      </c>
      <c r="AT1442" s="9">
        <v>8086</v>
      </c>
      <c r="AU1442" s="9">
        <v>7629</v>
      </c>
      <c r="AV1442" s="9">
        <v>7638</v>
      </c>
      <c r="AW1442" s="9">
        <v>8474</v>
      </c>
      <c r="AX1442" s="9">
        <v>8523</v>
      </c>
      <c r="AY1442" s="9">
        <v>9070</v>
      </c>
      <c r="AZ1442" s="9">
        <v>1</v>
      </c>
      <c r="BA1442" s="9">
        <v>11418</v>
      </c>
      <c r="BB1442" s="9">
        <v>1</v>
      </c>
      <c r="BC1442" s="9">
        <v>1</v>
      </c>
      <c r="BD1442" s="9">
        <v>12870</v>
      </c>
      <c r="BE1442" s="9">
        <v>17396</v>
      </c>
      <c r="BF1442" s="9">
        <v>17237</v>
      </c>
      <c r="BG1442" s="11">
        <v>-1</v>
      </c>
      <c r="BH1442" s="13">
        <v>-0.16666666666666666</v>
      </c>
      <c r="BI1442" s="6">
        <v>-1</v>
      </c>
      <c r="BJ1442" s="13">
        <v>-0.16666666666666666</v>
      </c>
      <c r="BK1442" s="6">
        <v>-1</v>
      </c>
      <c r="BL1442" s="13">
        <v>-0.2</v>
      </c>
      <c r="BM1442" s="11">
        <v>1</v>
      </c>
      <c r="BN1442" s="13">
        <v>0.25</v>
      </c>
      <c r="BO1442" s="11">
        <v>0</v>
      </c>
      <c r="BP1442" s="13">
        <v>0</v>
      </c>
      <c r="BQ1442" s="6">
        <v>6</v>
      </c>
      <c r="BR1442" s="6">
        <v>5</v>
      </c>
      <c r="BS1442" s="6">
        <v>5</v>
      </c>
      <c r="BT1442" s="6">
        <v>5</v>
      </c>
      <c r="BU1442" s="6">
        <v>4</v>
      </c>
      <c r="BV1442" s="6">
        <v>4</v>
      </c>
      <c r="BW1442" s="6">
        <v>4</v>
      </c>
      <c r="BX1442" s="6">
        <v>4</v>
      </c>
      <c r="BY1442" s="6">
        <v>5</v>
      </c>
      <c r="BZ1442" s="6">
        <v>5</v>
      </c>
      <c r="CA1442" s="6">
        <v>5</v>
      </c>
      <c r="CB1442" s="6">
        <v>6</v>
      </c>
      <c r="CC1442" s="11">
        <v>5</v>
      </c>
      <c r="CD1442" s="11">
        <v>-4</v>
      </c>
      <c r="CE1442" s="11">
        <v>2</v>
      </c>
      <c r="CF1442" s="11">
        <v>1</v>
      </c>
      <c r="CG1442" s="11">
        <v>3</v>
      </c>
      <c r="CH1442" s="20">
        <v>0.17</v>
      </c>
      <c r="CI1442" s="20">
        <v>0.26</v>
      </c>
      <c r="CJ1442" s="20">
        <v>0.31</v>
      </c>
      <c r="CK1442" s="20">
        <v>0.27</v>
      </c>
      <c r="CL1442" s="20">
        <v>0.24</v>
      </c>
      <c r="CM1442" s="20">
        <v>0.24</v>
      </c>
      <c r="CN1442" s="20">
        <v>0.19</v>
      </c>
      <c r="CO1442" s="20">
        <v>0.19</v>
      </c>
      <c r="CP1442" s="20">
        <v>0.12</v>
      </c>
      <c r="CQ1442" s="20">
        <v>0.09</v>
      </c>
      <c r="CR1442" s="20">
        <v>0.11</v>
      </c>
      <c r="CS1442" s="20">
        <v>0.1</v>
      </c>
      <c r="CT1442" s="20">
        <v>0.11</v>
      </c>
      <c r="CU1442" s="20">
        <v>0.11</v>
      </c>
      <c r="CV1442" s="20">
        <v>0.12</v>
      </c>
      <c r="CW1442" s="20">
        <v>0.15</v>
      </c>
      <c r="CX1442" s="20">
        <v>0.15</v>
      </c>
      <c r="CY1442" s="6" t="s">
        <v>605</v>
      </c>
      <c r="CZ1442" s="6" t="s">
        <v>606</v>
      </c>
      <c r="DA1442" s="6" t="s">
        <v>63</v>
      </c>
      <c r="DB1442" s="6" t="s">
        <v>345</v>
      </c>
      <c r="DC1442" s="6"/>
      <c r="DD1442" s="6"/>
      <c r="DE1442" s="6"/>
      <c r="DF1442" s="6"/>
      <c r="DG1442" s="6"/>
      <c r="DH1442" s="6" t="s">
        <v>333</v>
      </c>
      <c r="DI1442" s="6"/>
      <c r="DJ1442" s="6"/>
      <c r="DK1442" s="6"/>
      <c r="DL1442" s="6">
        <v>6</v>
      </c>
      <c r="DM1442" s="6" t="s">
        <v>396</v>
      </c>
      <c r="DN1442" s="6">
        <v>6</v>
      </c>
      <c r="DO1442" s="6" t="s">
        <v>393</v>
      </c>
      <c r="DP1442" s="6"/>
      <c r="DQ1442" s="6"/>
    </row>
    <row r="1443" spans="1:121" x14ac:dyDescent="0.2">
      <c r="A1443" s="6" t="s">
        <v>323</v>
      </c>
      <c r="B1443" s="6" t="s">
        <v>323</v>
      </c>
      <c r="C1443" s="6" t="s">
        <v>192</v>
      </c>
      <c r="D1443" s="6" t="s">
        <v>63</v>
      </c>
      <c r="E1443" s="6" t="s">
        <v>204</v>
      </c>
      <c r="F1443" s="11">
        <v>58</v>
      </c>
      <c r="G1443" s="13">
        <v>0.23481781376499999</v>
      </c>
      <c r="H1443" s="11">
        <v>13.194513600999983</v>
      </c>
      <c r="I1443" s="13">
        <v>5.3383567499380502E-2</v>
      </c>
      <c r="J1443" s="11">
        <v>-33.569730628000002</v>
      </c>
      <c r="K1443" s="13">
        <v>-0.12893639558505962</v>
      </c>
      <c r="L1443" s="11">
        <v>78.368262441000013</v>
      </c>
      <c r="M1443" s="13">
        <v>0.34555566629994267</v>
      </c>
      <c r="N1443" s="11">
        <v>44.798531813000011</v>
      </c>
      <c r="O1443" s="13">
        <v>0.17206456862817479</v>
      </c>
      <c r="P1443" s="7">
        <v>247.16432825800001</v>
      </c>
      <c r="Q1443" s="7">
        <v>276.71185756300002</v>
      </c>
      <c r="R1443" s="7">
        <v>322.60443410099998</v>
      </c>
      <c r="S1443" s="7">
        <v>257.02630201199997</v>
      </c>
      <c r="T1443" s="7">
        <v>212.85917346299999</v>
      </c>
      <c r="U1443" s="7">
        <v>283.33044397399999</v>
      </c>
      <c r="V1443" s="7">
        <v>260.35884185899999</v>
      </c>
      <c r="W1443" s="7">
        <v>230.507422803</v>
      </c>
      <c r="X1443" s="7">
        <v>234.75851120300001</v>
      </c>
      <c r="Y1443" s="7">
        <v>226.78911123099999</v>
      </c>
      <c r="Z1443" s="7">
        <v>228.869644843</v>
      </c>
      <c r="AA1443" s="7">
        <v>218.12866553999999</v>
      </c>
      <c r="AB1443" s="7">
        <v>240.229001756</v>
      </c>
      <c r="AC1443" s="7">
        <v>266.233710272</v>
      </c>
      <c r="AD1443" s="7">
        <v>273.54671351399998</v>
      </c>
      <c r="AE1443" s="7">
        <v>296.87171950099997</v>
      </c>
      <c r="AF1443" s="7">
        <v>305.15737367200001</v>
      </c>
      <c r="AG1443" s="9">
        <v>4808.199918100001</v>
      </c>
      <c r="AH1443" s="13">
        <v>0.46474361892724431</v>
      </c>
      <c r="AI1443" s="9">
        <v>2138.5223634000013</v>
      </c>
      <c r="AJ1443" s="13">
        <v>0.20670201723144943</v>
      </c>
      <c r="AK1443" s="9">
        <v>1522.8175647999997</v>
      </c>
      <c r="AL1443" s="13">
        <v>0.12197722743351022</v>
      </c>
      <c r="AM1443" s="9">
        <v>1146.8599899000001</v>
      </c>
      <c r="AN1443" s="13">
        <v>8.1876117342020521E-2</v>
      </c>
      <c r="AO1443" s="9">
        <v>2669.6775546999997</v>
      </c>
      <c r="AP1443" s="13">
        <v>0.21384036656193117</v>
      </c>
      <c r="AQ1443" s="9">
        <v>10345.9191741</v>
      </c>
      <c r="AR1443" s="9">
        <v>10489.9488241</v>
      </c>
      <c r="AS1443" s="9">
        <v>10426.3043187</v>
      </c>
      <c r="AT1443" s="9">
        <v>12177.234677599999</v>
      </c>
      <c r="AU1443" s="9">
        <v>11268.183620899999</v>
      </c>
      <c r="AV1443" s="9">
        <v>11457.3184021</v>
      </c>
      <c r="AW1443" s="9">
        <v>12484.441537500001</v>
      </c>
      <c r="AX1443" s="9">
        <v>13165.3559575</v>
      </c>
      <c r="AY1443" s="9">
        <v>13145.933400600001</v>
      </c>
      <c r="AZ1443" s="9">
        <v>14007.2591023</v>
      </c>
      <c r="BA1443" s="9">
        <v>13736.812239299999</v>
      </c>
      <c r="BB1443" s="9">
        <v>14508.480298</v>
      </c>
      <c r="BC1443" s="9">
        <v>13996.1791221</v>
      </c>
      <c r="BD1443" s="9">
        <v>14350.849846999999</v>
      </c>
      <c r="BE1443" s="9">
        <v>15532.5608667</v>
      </c>
      <c r="BF1443" s="9">
        <v>15154.119092200001</v>
      </c>
      <c r="BG1443" s="11">
        <v>-4</v>
      </c>
      <c r="BH1443" s="13">
        <v>-0.2</v>
      </c>
      <c r="BI1443" s="6">
        <v>3</v>
      </c>
      <c r="BJ1443" s="13">
        <v>0.15</v>
      </c>
      <c r="BK1443" s="6">
        <v>-5</v>
      </c>
      <c r="BL1443" s="13">
        <v>-0.21739130434782608</v>
      </c>
      <c r="BM1443" s="11">
        <v>-2</v>
      </c>
      <c r="BN1443" s="13">
        <v>-0.1111111111111111</v>
      </c>
      <c r="BO1443" s="11">
        <v>-7</v>
      </c>
      <c r="BP1443" s="13">
        <v>-0.30434782608695654</v>
      </c>
      <c r="BQ1443" s="6">
        <v>20</v>
      </c>
      <c r="BR1443" s="6">
        <v>21</v>
      </c>
      <c r="BS1443" s="6">
        <v>21</v>
      </c>
      <c r="BT1443" s="6">
        <v>23</v>
      </c>
      <c r="BU1443" s="6">
        <v>19</v>
      </c>
      <c r="BV1443" s="6">
        <v>21</v>
      </c>
      <c r="BW1443" s="6">
        <v>18</v>
      </c>
      <c r="BX1443" s="6">
        <v>19</v>
      </c>
      <c r="BY1443" s="6">
        <v>16</v>
      </c>
      <c r="BZ1443" s="6">
        <v>16</v>
      </c>
      <c r="CA1443" s="6">
        <v>15</v>
      </c>
      <c r="CB1443" s="6">
        <v>15</v>
      </c>
      <c r="CC1443" s="11">
        <v>16</v>
      </c>
      <c r="CD1443" s="11">
        <v>-25.2315</v>
      </c>
      <c r="CE1443" s="11">
        <v>56.206499999999998</v>
      </c>
      <c r="CF1443" s="11">
        <v>27.018000000000001</v>
      </c>
      <c r="CG1443" s="11">
        <v>83</v>
      </c>
      <c r="CH1443" s="20">
        <v>0.64958400000000005</v>
      </c>
      <c r="CI1443" s="20">
        <v>0.72992900000000005</v>
      </c>
      <c r="CJ1443" s="20">
        <v>0.81851399999999996</v>
      </c>
      <c r="CK1443" s="20">
        <v>0.65587499999999999</v>
      </c>
      <c r="CL1443" s="20">
        <v>0.56392600000000004</v>
      </c>
      <c r="CM1443" s="20">
        <v>0.71449300000000004</v>
      </c>
      <c r="CN1443" s="20">
        <v>0.62876699999999996</v>
      </c>
      <c r="CO1443" s="20">
        <v>0.58262400000000003</v>
      </c>
      <c r="CP1443" s="20">
        <v>0.536825</v>
      </c>
      <c r="CQ1443" s="20">
        <v>0.51054600000000006</v>
      </c>
      <c r="CR1443" s="20">
        <v>0.52238499999999999</v>
      </c>
      <c r="CS1443" s="20">
        <v>0.47888599999999998</v>
      </c>
      <c r="CT1443" s="20">
        <v>0.51817400000000002</v>
      </c>
      <c r="CU1443" s="20">
        <v>0.56423699999999999</v>
      </c>
      <c r="CV1443" s="20">
        <v>0.60464300000000004</v>
      </c>
      <c r="CW1443" s="20">
        <v>0.65035699999999996</v>
      </c>
      <c r="CX1443" s="20">
        <v>0.66008599999999995</v>
      </c>
      <c r="CY1443" s="6" t="s">
        <v>605</v>
      </c>
      <c r="CZ1443" s="6" t="s">
        <v>606</v>
      </c>
      <c r="DA1443" s="6" t="s">
        <v>63</v>
      </c>
      <c r="DB1443" s="6" t="s">
        <v>345</v>
      </c>
      <c r="DC1443" s="6"/>
      <c r="DD1443" s="6"/>
      <c r="DE1443" s="6"/>
      <c r="DF1443" s="6"/>
      <c r="DG1443" s="6"/>
      <c r="DH1443" s="6" t="s">
        <v>333</v>
      </c>
      <c r="DI1443" s="6"/>
      <c r="DJ1443" s="6"/>
      <c r="DK1443" s="6"/>
      <c r="DL1443" s="6">
        <v>6</v>
      </c>
      <c r="DM1443" s="6" t="s">
        <v>396</v>
      </c>
      <c r="DN1443" s="6">
        <v>6</v>
      </c>
      <c r="DO1443" s="6" t="s">
        <v>393</v>
      </c>
      <c r="DP1443" s="6"/>
      <c r="DQ1443" s="6"/>
    </row>
    <row r="1444" spans="1:121" x14ac:dyDescent="0.2">
      <c r="A1444" s="6" t="s">
        <v>325</v>
      </c>
      <c r="B1444" s="6" t="s">
        <v>325</v>
      </c>
      <c r="C1444" s="6" t="s">
        <v>193</v>
      </c>
      <c r="D1444" s="6" t="s">
        <v>63</v>
      </c>
      <c r="E1444" s="6" t="s">
        <v>204</v>
      </c>
      <c r="F1444" s="11">
        <v>-30</v>
      </c>
      <c r="G1444" s="13">
        <v>-0.167597765363</v>
      </c>
      <c r="H1444" s="11">
        <v>111.01197236800002</v>
      </c>
      <c r="I1444" s="13">
        <v>0.6195133304596715</v>
      </c>
      <c r="J1444" s="11">
        <v>91.050874922999981</v>
      </c>
      <c r="K1444" s="13">
        <v>0.31374761500414527</v>
      </c>
      <c r="L1444" s="11">
        <v>-232.74331755699998</v>
      </c>
      <c r="M1444" s="13">
        <v>-0.61046615300494778</v>
      </c>
      <c r="N1444" s="11">
        <v>-141.692442634</v>
      </c>
      <c r="O1444" s="13">
        <v>-0.48825083754686049</v>
      </c>
      <c r="P1444" s="7">
        <v>179.19222542899999</v>
      </c>
      <c r="Q1444" s="7">
        <v>150.99475174899999</v>
      </c>
      <c r="R1444" s="7">
        <v>166.57395106800001</v>
      </c>
      <c r="S1444" s="7">
        <v>189.85248651500001</v>
      </c>
      <c r="T1444" s="7">
        <v>221.70473088200001</v>
      </c>
      <c r="U1444" s="7">
        <v>265.57791085700001</v>
      </c>
      <c r="V1444" s="7">
        <v>290.20419779700001</v>
      </c>
      <c r="W1444" s="7">
        <v>281.653507214</v>
      </c>
      <c r="X1444" s="7">
        <v>316.054354988</v>
      </c>
      <c r="Y1444" s="7">
        <v>381.25507271999999</v>
      </c>
      <c r="Z1444" s="7">
        <v>369.61544671799999</v>
      </c>
      <c r="AA1444" s="7">
        <v>431.995404769</v>
      </c>
      <c r="AB1444" s="7">
        <v>169.62852324799999</v>
      </c>
      <c r="AC1444" s="7">
        <v>176.11425338500001</v>
      </c>
      <c r="AD1444" s="7">
        <v>161.76383018799999</v>
      </c>
      <c r="AE1444" s="7">
        <v>158.22669487900001</v>
      </c>
      <c r="AF1444" s="7">
        <v>148.511755163</v>
      </c>
      <c r="AG1444" s="9">
        <v>877.97255210000003</v>
      </c>
      <c r="AH1444" s="13">
        <v>5.4915418428997477E-2</v>
      </c>
      <c r="AI1444" s="9">
        <v>-2406.4840492000003</v>
      </c>
      <c r="AJ1444" s="13">
        <v>-0.15052074029926404</v>
      </c>
      <c r="AK1444" s="9">
        <v>-2468.2453705999997</v>
      </c>
      <c r="AL1444" s="13">
        <v>-0.18173932447552749</v>
      </c>
      <c r="AM1444" s="9">
        <v>5752.7019719</v>
      </c>
      <c r="AN1444" s="13">
        <v>0.51765542947345222</v>
      </c>
      <c r="AO1444" s="9">
        <v>3284.4566013000003</v>
      </c>
      <c r="AP1444" s="13">
        <v>0.24183775693433041</v>
      </c>
      <c r="AQ1444" s="9">
        <v>15987.7239802</v>
      </c>
      <c r="AR1444" s="9">
        <v>18800.802126800001</v>
      </c>
      <c r="AS1444" s="9">
        <v>18150.138467699999</v>
      </c>
      <c r="AT1444" s="9">
        <v>17366.4433407</v>
      </c>
      <c r="AU1444" s="9">
        <v>17448.889104599999</v>
      </c>
      <c r="AV1444" s="9">
        <v>16311.2815094</v>
      </c>
      <c r="AW1444" s="9">
        <v>13581.239931</v>
      </c>
      <c r="AX1444" s="9">
        <v>12546.814094900001</v>
      </c>
      <c r="AY1444" s="9">
        <v>12232.280936900001</v>
      </c>
      <c r="AZ1444" s="9">
        <v>11112.9945604</v>
      </c>
      <c r="BA1444" s="9">
        <v>11877.519318299999</v>
      </c>
      <c r="BB1444" s="9">
        <v>14495.584756800001</v>
      </c>
      <c r="BC1444" s="9">
        <v>16986.860024900001</v>
      </c>
      <c r="BD1444" s="9">
        <v>16113.6785626</v>
      </c>
      <c r="BE1444" s="9">
        <v>16377.5792729</v>
      </c>
      <c r="BF1444" s="9">
        <v>16865.6965323</v>
      </c>
      <c r="BG1444" s="11">
        <v>-17</v>
      </c>
      <c r="BH1444" s="13">
        <v>-0.35416666666666669</v>
      </c>
      <c r="BI1444" s="6">
        <v>43</v>
      </c>
      <c r="BJ1444" s="13">
        <v>0.89583333333333337</v>
      </c>
      <c r="BK1444" s="6">
        <v>59</v>
      </c>
      <c r="BL1444" s="13">
        <v>0.64835164835164838</v>
      </c>
      <c r="BM1444" s="11">
        <v>-119</v>
      </c>
      <c r="BN1444" s="13">
        <v>-0.79333333333333333</v>
      </c>
      <c r="BO1444" s="11">
        <v>-60</v>
      </c>
      <c r="BP1444" s="13">
        <v>-0.65934065934065933</v>
      </c>
      <c r="BQ1444" s="6">
        <v>48</v>
      </c>
      <c r="BR1444" s="6">
        <v>58</v>
      </c>
      <c r="BS1444" s="6">
        <v>71</v>
      </c>
      <c r="BT1444" s="6">
        <v>91</v>
      </c>
      <c r="BU1444" s="6">
        <v>100</v>
      </c>
      <c r="BV1444" s="6">
        <v>126</v>
      </c>
      <c r="BW1444" s="6">
        <v>150</v>
      </c>
      <c r="BX1444" s="6">
        <v>172</v>
      </c>
      <c r="BY1444" s="6">
        <v>197</v>
      </c>
      <c r="BZ1444" s="6">
        <v>28</v>
      </c>
      <c r="CA1444" s="6">
        <v>28</v>
      </c>
      <c r="CB1444" s="6">
        <v>29</v>
      </c>
      <c r="CC1444" s="11">
        <v>31</v>
      </c>
      <c r="CD1444" s="11">
        <v>-48.618099999999998</v>
      </c>
      <c r="CE1444" s="11">
        <v>-1.65019</v>
      </c>
      <c r="CF1444" s="11">
        <v>19.587900000000001</v>
      </c>
      <c r="CG1444" s="11">
        <v>18</v>
      </c>
      <c r="CH1444" s="20">
        <v>0.69332300000000002</v>
      </c>
      <c r="CI1444" s="20">
        <v>0.58395200000000003</v>
      </c>
      <c r="CJ1444" s="20">
        <v>0.62317699999999998</v>
      </c>
      <c r="CK1444" s="20">
        <v>0.72727799999999998</v>
      </c>
      <c r="CL1444" s="20">
        <v>0.89636899999999997</v>
      </c>
      <c r="CM1444" s="20">
        <v>1.03163</v>
      </c>
      <c r="CN1444" s="20">
        <v>1.0849</v>
      </c>
      <c r="CO1444" s="20">
        <v>1.10097</v>
      </c>
      <c r="CP1444" s="20">
        <v>1.09493</v>
      </c>
      <c r="CQ1444" s="20">
        <v>1.30993</v>
      </c>
      <c r="CR1444" s="20">
        <v>1.30636</v>
      </c>
      <c r="CS1444" s="20">
        <v>1.4799800000000001</v>
      </c>
      <c r="CT1444" s="20">
        <v>0.62282700000000002</v>
      </c>
      <c r="CU1444" s="20">
        <v>0.64210999999999996</v>
      </c>
      <c r="CV1444" s="20">
        <v>0.627301</v>
      </c>
      <c r="CW1444" s="20">
        <v>0.61458199999999996</v>
      </c>
      <c r="CX1444" s="20">
        <v>0.57465999999999995</v>
      </c>
      <c r="CY1444" s="6" t="s">
        <v>605</v>
      </c>
      <c r="CZ1444" s="6" t="s">
        <v>606</v>
      </c>
      <c r="DA1444" s="6" t="s">
        <v>63</v>
      </c>
      <c r="DB1444" s="6" t="s">
        <v>345</v>
      </c>
      <c r="DC1444" s="6"/>
      <c r="DD1444" s="6"/>
      <c r="DE1444" s="6"/>
      <c r="DF1444" s="6"/>
      <c r="DG1444" s="6"/>
      <c r="DH1444" s="6" t="s">
        <v>333</v>
      </c>
      <c r="DI1444" s="6"/>
      <c r="DJ1444" s="6"/>
      <c r="DK1444" s="6"/>
      <c r="DL1444" s="6">
        <v>6</v>
      </c>
      <c r="DM1444" s="6" t="s">
        <v>396</v>
      </c>
      <c r="DN1444" s="6">
        <v>6</v>
      </c>
      <c r="DO1444" s="6" t="s">
        <v>393</v>
      </c>
      <c r="DP1444" s="6"/>
      <c r="DQ1444" s="6"/>
    </row>
    <row r="1445" spans="1:121" x14ac:dyDescent="0.2">
      <c r="A1445" s="6" t="s">
        <v>327</v>
      </c>
      <c r="B1445" s="6" t="s">
        <v>327</v>
      </c>
      <c r="C1445" s="6" t="s">
        <v>194</v>
      </c>
      <c r="D1445" s="6" t="s">
        <v>63</v>
      </c>
      <c r="E1445" s="6" t="s">
        <v>204</v>
      </c>
      <c r="F1445" s="11">
        <v>210</v>
      </c>
      <c r="G1445" s="13">
        <v>0.236220472441</v>
      </c>
      <c r="H1445" s="11">
        <v>308.40271399999995</v>
      </c>
      <c r="I1445" s="13">
        <v>0.3468964981068447</v>
      </c>
      <c r="J1445" s="11">
        <v>-10.353640999999925</v>
      </c>
      <c r="K1445" s="13">
        <v>-8.6465051191189028E-3</v>
      </c>
      <c r="L1445" s="11">
        <v>-87.740534920000073</v>
      </c>
      <c r="M1445" s="13">
        <v>-7.3912728817985149E-2</v>
      </c>
      <c r="N1445" s="11">
        <v>-98.094175919999998</v>
      </c>
      <c r="O1445" s="13">
        <v>-8.1920147149011302E-2</v>
      </c>
      <c r="P1445" s="7">
        <v>889.03380600000003</v>
      </c>
      <c r="Q1445" s="7">
        <v>991.07306000000005</v>
      </c>
      <c r="R1445" s="7">
        <v>1284.519274</v>
      </c>
      <c r="S1445" s="7">
        <v>1241.2812799999999</v>
      </c>
      <c r="T1445" s="7">
        <v>1201.0215129999999</v>
      </c>
      <c r="U1445" s="7">
        <v>1177.612623</v>
      </c>
      <c r="V1445" s="7">
        <v>1197.43652</v>
      </c>
      <c r="W1445" s="7">
        <v>1216.1284069999999</v>
      </c>
      <c r="X1445" s="7">
        <v>1230.6056349999999</v>
      </c>
      <c r="Y1445" s="7">
        <v>1187.082879</v>
      </c>
      <c r="Z1445" s="7">
        <v>1140.791768</v>
      </c>
      <c r="AA1445" s="7">
        <v>1112.9526800000001</v>
      </c>
      <c r="AB1445" s="7">
        <v>1083.76431</v>
      </c>
      <c r="AC1445" s="7">
        <v>1075.27432</v>
      </c>
      <c r="AD1445" s="7">
        <v>1089.985056</v>
      </c>
      <c r="AE1445" s="7">
        <v>1103.1304815000001</v>
      </c>
      <c r="AF1445" s="7">
        <v>1099.34234408</v>
      </c>
      <c r="AG1445" s="9">
        <v>7818.6148808999969</v>
      </c>
      <c r="AH1445" s="13">
        <v>0.25114007694795626</v>
      </c>
      <c r="AI1445" s="9">
        <v>8768.6122928000004</v>
      </c>
      <c r="AJ1445" s="13">
        <v>0.28165474313361999</v>
      </c>
      <c r="AK1445" s="9">
        <v>1380.0997583999997</v>
      </c>
      <c r="AL1445" s="13">
        <v>3.4588014469744764E-2</v>
      </c>
      <c r="AM1445" s="9">
        <v>-2330.0971703000032</v>
      </c>
      <c r="AN1445" s="13">
        <v>-5.6444514482362637E-2</v>
      </c>
      <c r="AO1445" s="9">
        <v>-949.9974119000035</v>
      </c>
      <c r="AP1445" s="13">
        <v>-2.3808803696271561E-2</v>
      </c>
      <c r="AQ1445" s="9">
        <v>31132.485806000001</v>
      </c>
      <c r="AR1445" s="9">
        <v>33035.509618900003</v>
      </c>
      <c r="AS1445" s="9">
        <v>32955.539876000003</v>
      </c>
      <c r="AT1445" s="9">
        <v>34744.9821276</v>
      </c>
      <c r="AU1445" s="9">
        <v>36108.459706900001</v>
      </c>
      <c r="AV1445" s="9">
        <v>38386.971577099997</v>
      </c>
      <c r="AW1445" s="9">
        <v>39901.098098800001</v>
      </c>
      <c r="AX1445" s="9">
        <v>41225.203350299998</v>
      </c>
      <c r="AY1445" s="9">
        <v>41151.629396299999</v>
      </c>
      <c r="AZ1445" s="9">
        <v>41281.197857200001</v>
      </c>
      <c r="BA1445" s="9">
        <v>41104.790311999997</v>
      </c>
      <c r="BB1445" s="9">
        <v>40836.350705899997</v>
      </c>
      <c r="BC1445" s="9">
        <v>42660.8039068</v>
      </c>
      <c r="BD1445" s="9">
        <v>42933.183810299997</v>
      </c>
      <c r="BE1445" s="9">
        <v>43579.594996200001</v>
      </c>
      <c r="BF1445" s="9">
        <v>38951.100686899998</v>
      </c>
      <c r="BG1445" s="11">
        <v>-8.75</v>
      </c>
      <c r="BH1445" s="13">
        <v>-0.14830508474576271</v>
      </c>
      <c r="BI1445" s="6">
        <v>-1</v>
      </c>
      <c r="BJ1445" s="13">
        <v>-1.6949152542372881E-2</v>
      </c>
      <c r="BK1445" s="6">
        <v>0</v>
      </c>
      <c r="BL1445" s="13">
        <v>0</v>
      </c>
      <c r="BM1445" s="11">
        <v>-7.75</v>
      </c>
      <c r="BN1445" s="13">
        <v>-0.1336206896551724</v>
      </c>
      <c r="BO1445" s="11">
        <v>-7.75</v>
      </c>
      <c r="BP1445" s="13">
        <v>-0.1336206896551724</v>
      </c>
      <c r="BQ1445" s="6">
        <v>59</v>
      </c>
      <c r="BR1445" s="6">
        <v>58</v>
      </c>
      <c r="BS1445" s="6">
        <v>59</v>
      </c>
      <c r="BT1445" s="6">
        <v>58</v>
      </c>
      <c r="BU1445" s="6">
        <v>57</v>
      </c>
      <c r="BV1445" s="6">
        <v>59</v>
      </c>
      <c r="BW1445" s="6">
        <v>58</v>
      </c>
      <c r="BX1445" s="6">
        <v>58</v>
      </c>
      <c r="BY1445" s="6">
        <v>55</v>
      </c>
      <c r="BZ1445" s="6">
        <v>52</v>
      </c>
      <c r="CA1445" s="6">
        <v>51</v>
      </c>
      <c r="CB1445" s="6">
        <v>51</v>
      </c>
      <c r="CC1445" s="11">
        <v>50.25</v>
      </c>
      <c r="CD1445" s="11">
        <v>165.24600000000001</v>
      </c>
      <c r="CE1445" s="11">
        <v>-52.119300000000003</v>
      </c>
      <c r="CF1445" s="11">
        <v>97.182100000000005</v>
      </c>
      <c r="CG1445" s="11">
        <v>45</v>
      </c>
      <c r="CH1445" s="20">
        <v>1.0355300000000001</v>
      </c>
      <c r="CI1445" s="20">
        <v>1.15157</v>
      </c>
      <c r="CJ1445" s="20">
        <v>1.45448</v>
      </c>
      <c r="CK1445" s="20">
        <v>1.4496100000000001</v>
      </c>
      <c r="CL1445" s="20">
        <v>1.4837499999999999</v>
      </c>
      <c r="CM1445" s="20">
        <v>1.4069700000000001</v>
      </c>
      <c r="CN1445" s="20">
        <v>1.3867499999999999</v>
      </c>
      <c r="CO1445" s="20">
        <v>1.4579</v>
      </c>
      <c r="CP1445" s="20">
        <v>1.2928500000000001</v>
      </c>
      <c r="CQ1445" s="20">
        <v>1.22977</v>
      </c>
      <c r="CR1445" s="20">
        <v>1.2442500000000001</v>
      </c>
      <c r="CS1445" s="20">
        <v>1.21654</v>
      </c>
      <c r="CT1445" s="20">
        <v>1.20594</v>
      </c>
      <c r="CU1445" s="20">
        <v>1.21058</v>
      </c>
      <c r="CV1445" s="20">
        <v>1.3164</v>
      </c>
      <c r="CW1445" s="20">
        <v>1.3411900000000001</v>
      </c>
      <c r="CX1445" s="20">
        <v>1.3408199999999999</v>
      </c>
      <c r="CY1445" s="6" t="s">
        <v>605</v>
      </c>
      <c r="CZ1445" s="6" t="s">
        <v>606</v>
      </c>
      <c r="DA1445" s="6" t="s">
        <v>63</v>
      </c>
      <c r="DB1445" s="6" t="s">
        <v>345</v>
      </c>
      <c r="DC1445" s="6"/>
      <c r="DD1445" s="6"/>
      <c r="DE1445" s="6"/>
      <c r="DF1445" s="6"/>
      <c r="DG1445" s="6"/>
      <c r="DH1445" s="6" t="s">
        <v>333</v>
      </c>
      <c r="DI1445" s="6"/>
      <c r="DJ1445" s="6"/>
      <c r="DK1445" s="6"/>
      <c r="DL1445" s="6">
        <v>6</v>
      </c>
      <c r="DM1445" s="6" t="s">
        <v>396</v>
      </c>
      <c r="DN1445" s="6">
        <v>6</v>
      </c>
      <c r="DO1445" s="6" t="s">
        <v>393</v>
      </c>
      <c r="DP1445" s="6"/>
      <c r="DQ1445" s="6"/>
    </row>
    <row r="1446" spans="1:121" x14ac:dyDescent="0.2">
      <c r="A1446" s="6" t="s">
        <v>1</v>
      </c>
      <c r="B1446" s="6" t="s">
        <v>1</v>
      </c>
      <c r="C1446" s="6" t="s">
        <v>2</v>
      </c>
      <c r="D1446" s="6" t="s">
        <v>334</v>
      </c>
      <c r="E1446" s="6" t="s">
        <v>172</v>
      </c>
      <c r="F1446" s="11">
        <v>-2152</v>
      </c>
      <c r="G1446" s="13">
        <v>-5.4697031313499997E-2</v>
      </c>
      <c r="H1446" s="11">
        <v>-1706</v>
      </c>
      <c r="I1446" s="13">
        <v>-4.3361122407482723E-2</v>
      </c>
      <c r="J1446" s="11">
        <v>-2421</v>
      </c>
      <c r="K1446" s="13">
        <v>-6.432329029172644E-2</v>
      </c>
      <c r="L1446" s="11">
        <v>1975</v>
      </c>
      <c r="M1446" s="13">
        <v>5.608087003435841E-2</v>
      </c>
      <c r="N1446" s="11">
        <v>-446</v>
      </c>
      <c r="O1446" s="13">
        <v>-1.184972634040066E-2</v>
      </c>
      <c r="P1446" s="7">
        <v>39344</v>
      </c>
      <c r="Q1446" s="7">
        <v>39190</v>
      </c>
      <c r="R1446" s="7">
        <v>38867</v>
      </c>
      <c r="S1446" s="7">
        <v>38864</v>
      </c>
      <c r="T1446" s="7">
        <v>38953</v>
      </c>
      <c r="U1446" s="7">
        <v>39072</v>
      </c>
      <c r="V1446" s="7">
        <v>37638</v>
      </c>
      <c r="W1446" s="7">
        <v>35224</v>
      </c>
      <c r="X1446" s="7">
        <v>34993</v>
      </c>
      <c r="Y1446" s="7">
        <v>35217</v>
      </c>
      <c r="Z1446" s="7">
        <v>35127</v>
      </c>
      <c r="AA1446" s="7">
        <v>34878</v>
      </c>
      <c r="AB1446" s="7">
        <v>34035</v>
      </c>
      <c r="AC1446" s="7">
        <v>36145</v>
      </c>
      <c r="AD1446" s="7">
        <v>36850</v>
      </c>
      <c r="AE1446" s="7">
        <v>36861</v>
      </c>
      <c r="AF1446" s="7">
        <v>37192</v>
      </c>
      <c r="AG1446" s="9">
        <v>9544.1765916000004</v>
      </c>
      <c r="AH1446" s="13">
        <v>0.46462053757272231</v>
      </c>
      <c r="AI1446" s="9">
        <v>2405.2899120000002</v>
      </c>
      <c r="AJ1446" s="13">
        <v>0.11709203839703251</v>
      </c>
      <c r="AK1446" s="9">
        <v>2412.9000497000015</v>
      </c>
      <c r="AL1446" s="13">
        <v>0.10515025069844104</v>
      </c>
      <c r="AM1446" s="9">
        <v>4725.9866298999987</v>
      </c>
      <c r="AN1446" s="13">
        <v>0.18635546884243739</v>
      </c>
      <c r="AO1446" s="9">
        <v>7138.8866796000002</v>
      </c>
      <c r="AP1446" s="13">
        <v>0.31110104380868625</v>
      </c>
      <c r="AQ1446" s="9">
        <v>20541.874109699998</v>
      </c>
      <c r="AR1446" s="9">
        <v>20877.9715196</v>
      </c>
      <c r="AS1446" s="9">
        <v>21776.893255999999</v>
      </c>
      <c r="AT1446" s="9">
        <v>21893.964805</v>
      </c>
      <c r="AU1446" s="9">
        <v>22179.391925700002</v>
      </c>
      <c r="AV1446" s="9">
        <v>22745.9002468</v>
      </c>
      <c r="AW1446" s="9">
        <v>22947.164021699999</v>
      </c>
      <c r="AX1446" s="9">
        <v>24457.313475200001</v>
      </c>
      <c r="AY1446" s="9">
        <v>25040.677177599999</v>
      </c>
      <c r="AZ1446" s="9">
        <v>25360.0640714</v>
      </c>
      <c r="BA1446" s="9">
        <v>25915.990110999999</v>
      </c>
      <c r="BB1446" s="9">
        <v>27269.373169999999</v>
      </c>
      <c r="BC1446" s="9">
        <v>28559.441592499999</v>
      </c>
      <c r="BD1446" s="9">
        <v>28797.068668100001</v>
      </c>
      <c r="BE1446" s="9">
        <v>29797.025430099999</v>
      </c>
      <c r="BF1446" s="9">
        <v>30086.050701299999</v>
      </c>
      <c r="BG1446" s="11">
        <v>286</v>
      </c>
      <c r="BH1446" s="13">
        <v>0.22680412371134021</v>
      </c>
      <c r="BI1446" s="6">
        <v>88</v>
      </c>
      <c r="BJ1446" s="13">
        <v>6.9785884218873911E-2</v>
      </c>
      <c r="BK1446" s="6">
        <v>-25</v>
      </c>
      <c r="BL1446" s="13">
        <v>-1.8532246108228317E-2</v>
      </c>
      <c r="BM1446" s="11">
        <v>223</v>
      </c>
      <c r="BN1446" s="13">
        <v>0.16842900302114805</v>
      </c>
      <c r="BO1446" s="11">
        <v>198</v>
      </c>
      <c r="BP1446" s="13">
        <v>0.14677538917716829</v>
      </c>
      <c r="BQ1446" s="6">
        <v>1261</v>
      </c>
      <c r="BR1446" s="6">
        <v>1297</v>
      </c>
      <c r="BS1446" s="6">
        <v>1299</v>
      </c>
      <c r="BT1446" s="6">
        <v>1349</v>
      </c>
      <c r="BU1446" s="6">
        <v>1333</v>
      </c>
      <c r="BV1446" s="6">
        <v>1324</v>
      </c>
      <c r="BW1446" s="6">
        <v>1324</v>
      </c>
      <c r="BX1446" s="6">
        <v>1333</v>
      </c>
      <c r="BY1446" s="6">
        <v>1406</v>
      </c>
      <c r="BZ1446" s="6">
        <v>1450</v>
      </c>
      <c r="CA1446" s="6">
        <v>1478</v>
      </c>
      <c r="CB1446" s="6">
        <v>1534</v>
      </c>
      <c r="CC1446" s="11">
        <v>1547</v>
      </c>
      <c r="CD1446" s="11">
        <v>-2865</v>
      </c>
      <c r="CE1446" s="11">
        <v>-3587</v>
      </c>
      <c r="CF1446" s="11">
        <v>4301</v>
      </c>
      <c r="CG1446" s="11">
        <v>714</v>
      </c>
      <c r="CH1446" s="20"/>
      <c r="CI1446" s="20"/>
      <c r="CJ1446" s="20"/>
      <c r="CK1446" s="20"/>
      <c r="CL1446" s="20"/>
      <c r="CM1446" s="20"/>
      <c r="CN1446" s="20"/>
      <c r="CO1446" s="20"/>
      <c r="CP1446" s="20"/>
      <c r="CQ1446" s="20"/>
      <c r="CR1446" s="20"/>
      <c r="CS1446" s="20"/>
      <c r="CT1446" s="20"/>
      <c r="CU1446" s="20"/>
      <c r="CV1446" s="20"/>
      <c r="CW1446" s="20"/>
      <c r="CX1446" s="20"/>
      <c r="CY1446" s="6"/>
      <c r="CZ1446" s="6"/>
      <c r="DA1446" s="6"/>
      <c r="DB1446" s="6"/>
      <c r="DC1446" s="6"/>
      <c r="DD1446" s="6"/>
      <c r="DE1446" s="6"/>
      <c r="DF1446" s="6"/>
      <c r="DG1446" s="6"/>
      <c r="DH1446" s="6"/>
      <c r="DI1446" s="6"/>
      <c r="DJ1446" s="6"/>
      <c r="DK1446" s="6"/>
      <c r="DL1446" s="6"/>
      <c r="DM1446" s="6"/>
      <c r="DN1446" s="6"/>
      <c r="DO1446" s="6"/>
      <c r="DP1446" s="6"/>
      <c r="DQ1446" s="6"/>
    </row>
    <row r="1447" spans="1:121" x14ac:dyDescent="0.2">
      <c r="A1447" s="6" t="s">
        <v>310</v>
      </c>
      <c r="B1447" s="6" t="s">
        <v>310</v>
      </c>
      <c r="C1447" s="6" t="s">
        <v>173</v>
      </c>
      <c r="D1447" s="6" t="s">
        <v>334</v>
      </c>
      <c r="E1447" s="6" t="s">
        <v>172</v>
      </c>
      <c r="F1447" s="11">
        <v>-933</v>
      </c>
      <c r="G1447" s="13">
        <v>-0.192093885114</v>
      </c>
      <c r="H1447" s="11">
        <v>692</v>
      </c>
      <c r="I1447" s="13">
        <v>0.14247477866996089</v>
      </c>
      <c r="J1447" s="11">
        <v>-1418</v>
      </c>
      <c r="K1447" s="13">
        <v>-0.25554153901603893</v>
      </c>
      <c r="L1447" s="11">
        <v>-207</v>
      </c>
      <c r="M1447" s="13">
        <v>-5.0108932461873638E-2</v>
      </c>
      <c r="N1447" s="11">
        <v>-1625</v>
      </c>
      <c r="O1447" s="13">
        <v>-0.29284555775815463</v>
      </c>
      <c r="P1447" s="7">
        <v>4857</v>
      </c>
      <c r="Q1447" s="7">
        <v>4468</v>
      </c>
      <c r="R1447" s="7">
        <v>4491</v>
      </c>
      <c r="S1447" s="7">
        <v>4528</v>
      </c>
      <c r="T1447" s="7">
        <v>5251</v>
      </c>
      <c r="U1447" s="7">
        <v>5292</v>
      </c>
      <c r="V1447" s="7">
        <v>5549</v>
      </c>
      <c r="W1447" s="7">
        <v>4966</v>
      </c>
      <c r="X1447" s="7">
        <v>4170</v>
      </c>
      <c r="Y1447" s="7">
        <v>4131</v>
      </c>
      <c r="Z1447" s="7">
        <v>4063</v>
      </c>
      <c r="AA1447" s="7">
        <v>3998</v>
      </c>
      <c r="AB1447" s="7">
        <v>3971</v>
      </c>
      <c r="AC1447" s="7">
        <v>3942</v>
      </c>
      <c r="AD1447" s="7">
        <v>3952</v>
      </c>
      <c r="AE1447" s="7">
        <v>3909</v>
      </c>
      <c r="AF1447" s="7">
        <v>3924</v>
      </c>
      <c r="AG1447" s="9">
        <v>26793.602558500002</v>
      </c>
      <c r="AH1447" s="13">
        <v>0.50876161749069715</v>
      </c>
      <c r="AI1447" s="9">
        <v>38708.326366499998</v>
      </c>
      <c r="AJ1447" s="13">
        <v>0.73500047966975723</v>
      </c>
      <c r="AK1447" s="9">
        <v>-21760.210007899994</v>
      </c>
      <c r="AL1447" s="13">
        <v>-0.23814787553728867</v>
      </c>
      <c r="AM1447" s="9">
        <v>9845.4861998999986</v>
      </c>
      <c r="AN1447" s="13">
        <v>0.14143279175573739</v>
      </c>
      <c r="AO1447" s="9">
        <v>-11914.723807999995</v>
      </c>
      <c r="AP1447" s="13">
        <v>-0.13039700266948792</v>
      </c>
      <c r="AQ1447" s="9">
        <v>52664.355244899998</v>
      </c>
      <c r="AR1447" s="9">
        <v>54435.8990214</v>
      </c>
      <c r="AS1447" s="9">
        <v>61471.741029800003</v>
      </c>
      <c r="AT1447" s="9">
        <v>59019.157881599996</v>
      </c>
      <c r="AU1447" s="9">
        <v>81131.700171999997</v>
      </c>
      <c r="AV1447" s="9">
        <v>91094.626732999997</v>
      </c>
      <c r="AW1447" s="9">
        <v>91372.681611399996</v>
      </c>
      <c r="AX1447" s="9">
        <v>79814.218846699994</v>
      </c>
      <c r="AY1447" s="9">
        <v>72739.283153199998</v>
      </c>
      <c r="AZ1447" s="9">
        <v>69612.471603500002</v>
      </c>
      <c r="BA1447" s="9">
        <v>81149.236386599994</v>
      </c>
      <c r="BB1447" s="9">
        <v>82698.237072300006</v>
      </c>
      <c r="BC1447" s="9">
        <v>82173.094822200001</v>
      </c>
      <c r="BD1447" s="9">
        <v>84493.001789100002</v>
      </c>
      <c r="BE1447" s="9">
        <v>81071.690710900002</v>
      </c>
      <c r="BF1447" s="9">
        <v>79457.957803400001</v>
      </c>
      <c r="BG1447" s="11">
        <v>-6</v>
      </c>
      <c r="BH1447" s="13">
        <v>-1.948051948051948E-2</v>
      </c>
      <c r="BI1447" s="6">
        <v>7</v>
      </c>
      <c r="BJ1447" s="13">
        <v>2.2727272727272728E-2</v>
      </c>
      <c r="BK1447" s="6">
        <v>6</v>
      </c>
      <c r="BL1447" s="13">
        <v>1.9047619047619049E-2</v>
      </c>
      <c r="BM1447" s="11">
        <v>-19</v>
      </c>
      <c r="BN1447" s="13">
        <v>-5.9190031152647975E-2</v>
      </c>
      <c r="BO1447" s="11">
        <v>-13</v>
      </c>
      <c r="BP1447" s="13">
        <v>-4.1269841269841269E-2</v>
      </c>
      <c r="BQ1447" s="6">
        <v>308</v>
      </c>
      <c r="BR1447" s="6">
        <v>318</v>
      </c>
      <c r="BS1447" s="6">
        <v>307</v>
      </c>
      <c r="BT1447" s="6">
        <v>315</v>
      </c>
      <c r="BU1447" s="6">
        <v>326</v>
      </c>
      <c r="BV1447" s="6">
        <v>325</v>
      </c>
      <c r="BW1447" s="6">
        <v>321</v>
      </c>
      <c r="BX1447" s="6">
        <v>304</v>
      </c>
      <c r="BY1447" s="6">
        <v>309</v>
      </c>
      <c r="BZ1447" s="6">
        <v>303</v>
      </c>
      <c r="CA1447" s="6">
        <v>301</v>
      </c>
      <c r="CB1447" s="6">
        <v>305</v>
      </c>
      <c r="CC1447" s="11">
        <v>302</v>
      </c>
      <c r="CD1447" s="11">
        <v>-1969</v>
      </c>
      <c r="CE1447" s="11">
        <v>504</v>
      </c>
      <c r="CF1447" s="11">
        <v>531</v>
      </c>
      <c r="CG1447" s="11">
        <v>1035</v>
      </c>
      <c r="CH1447" s="20"/>
      <c r="CI1447" s="20"/>
      <c r="CJ1447" s="20"/>
      <c r="CK1447" s="20"/>
      <c r="CL1447" s="20"/>
      <c r="CM1447" s="20"/>
      <c r="CN1447" s="20"/>
      <c r="CO1447" s="20"/>
      <c r="CP1447" s="20"/>
      <c r="CQ1447" s="20"/>
      <c r="CR1447" s="20"/>
      <c r="CS1447" s="20"/>
      <c r="CT1447" s="20"/>
      <c r="CU1447" s="20"/>
      <c r="CV1447" s="20"/>
      <c r="CW1447" s="20"/>
      <c r="CX1447" s="20"/>
      <c r="CY1447" s="6"/>
      <c r="CZ1447" s="6"/>
      <c r="DA1447" s="6"/>
      <c r="DB1447" s="6"/>
      <c r="DC1447" s="6"/>
      <c r="DD1447" s="6"/>
      <c r="DE1447" s="6"/>
      <c r="DF1447" s="6"/>
      <c r="DG1447" s="6"/>
      <c r="DH1447" s="6"/>
      <c r="DI1447" s="6"/>
      <c r="DJ1447" s="6"/>
      <c r="DK1447" s="6"/>
      <c r="DL1447" s="6"/>
      <c r="DM1447" s="6"/>
      <c r="DN1447" s="6"/>
      <c r="DO1447" s="6"/>
      <c r="DP1447" s="6"/>
      <c r="DQ1447" s="6"/>
    </row>
    <row r="1448" spans="1:121" x14ac:dyDescent="0.2">
      <c r="A1448" s="6" t="s">
        <v>311</v>
      </c>
      <c r="B1448" s="6" t="s">
        <v>311</v>
      </c>
      <c r="C1448" s="6" t="s">
        <v>174</v>
      </c>
      <c r="D1448" s="6" t="s">
        <v>334</v>
      </c>
      <c r="E1448" s="6" t="s">
        <v>172</v>
      </c>
      <c r="F1448" s="11">
        <v>-638</v>
      </c>
      <c r="G1448" s="13">
        <v>-5.0129645635300001E-2</v>
      </c>
      <c r="H1448" s="11">
        <v>-468</v>
      </c>
      <c r="I1448" s="13">
        <v>-3.6772216547497447E-2</v>
      </c>
      <c r="J1448" s="11">
        <v>346</v>
      </c>
      <c r="K1448" s="13">
        <v>2.822416184028061E-2</v>
      </c>
      <c r="L1448" s="11">
        <v>-516</v>
      </c>
      <c r="M1448" s="13">
        <v>-4.0936136453788179E-2</v>
      </c>
      <c r="N1448" s="11">
        <v>-170</v>
      </c>
      <c r="O1448" s="13">
        <v>-1.3867362753895097E-2</v>
      </c>
      <c r="P1448" s="7">
        <v>12727</v>
      </c>
      <c r="Q1448" s="7">
        <v>12738</v>
      </c>
      <c r="R1448" s="7">
        <v>12034</v>
      </c>
      <c r="S1448" s="7">
        <v>11892</v>
      </c>
      <c r="T1448" s="7">
        <v>11884</v>
      </c>
      <c r="U1448" s="7">
        <v>11974</v>
      </c>
      <c r="V1448" s="7">
        <v>12259</v>
      </c>
      <c r="W1448" s="7">
        <v>12334</v>
      </c>
      <c r="X1448" s="7">
        <v>12655</v>
      </c>
      <c r="Y1448" s="7">
        <v>12605</v>
      </c>
      <c r="Z1448" s="7">
        <v>12363</v>
      </c>
      <c r="AA1448" s="7">
        <v>12191</v>
      </c>
      <c r="AB1448" s="7">
        <v>12171</v>
      </c>
      <c r="AC1448" s="7">
        <v>12102</v>
      </c>
      <c r="AD1448" s="7">
        <v>12186</v>
      </c>
      <c r="AE1448" s="7">
        <v>12093</v>
      </c>
      <c r="AF1448" s="7">
        <v>12089</v>
      </c>
      <c r="AG1448" s="9">
        <v>32980.227237500003</v>
      </c>
      <c r="AH1448" s="13">
        <v>0.37480866990149753</v>
      </c>
      <c r="AI1448" s="9">
        <v>7433.5340494999982</v>
      </c>
      <c r="AJ1448" s="13">
        <v>8.4479497054301855E-2</v>
      </c>
      <c r="AK1448" s="9">
        <v>13388.115527000002</v>
      </c>
      <c r="AL1448" s="13">
        <v>0.14029884317261301</v>
      </c>
      <c r="AM1448" s="9">
        <v>12158.577661000003</v>
      </c>
      <c r="AN1448" s="13">
        <v>0.11173744286428836</v>
      </c>
      <c r="AO1448" s="9">
        <v>25546.693188000005</v>
      </c>
      <c r="AP1448" s="13">
        <v>0.26771292000982699</v>
      </c>
      <c r="AQ1448" s="9">
        <v>87992.167433499999</v>
      </c>
      <c r="AR1448" s="9">
        <v>95383.962391299996</v>
      </c>
      <c r="AS1448" s="9">
        <v>80666.214303200002</v>
      </c>
      <c r="AT1448" s="9">
        <v>86494.417058299994</v>
      </c>
      <c r="AU1448" s="9">
        <v>88140.699325199996</v>
      </c>
      <c r="AV1448" s="9">
        <v>95709.717622800003</v>
      </c>
      <c r="AW1448" s="9">
        <v>95425.701482999997</v>
      </c>
      <c r="AX1448" s="9">
        <v>103041.49993999999</v>
      </c>
      <c r="AY1448" s="9">
        <v>102092.917091</v>
      </c>
      <c r="AZ1448" s="9">
        <v>108813.81701</v>
      </c>
      <c r="BA1448" s="9">
        <v>111718.109725</v>
      </c>
      <c r="BB1448" s="9">
        <v>106894.325537</v>
      </c>
      <c r="BC1448" s="9">
        <v>113288.727306</v>
      </c>
      <c r="BD1448" s="9">
        <v>116852.671529</v>
      </c>
      <c r="BE1448" s="9">
        <v>116347.39144000001</v>
      </c>
      <c r="BF1448" s="9">
        <v>120972.394671</v>
      </c>
      <c r="BG1448" s="11">
        <v>33</v>
      </c>
      <c r="BH1448" s="13">
        <v>9.4827586206896547E-2</v>
      </c>
      <c r="BI1448" s="6">
        <v>5</v>
      </c>
      <c r="BJ1448" s="13">
        <v>1.4367816091954023E-2</v>
      </c>
      <c r="BK1448" s="6">
        <v>7</v>
      </c>
      <c r="BL1448" s="13">
        <v>1.9830028328611898E-2</v>
      </c>
      <c r="BM1448" s="11">
        <v>21</v>
      </c>
      <c r="BN1448" s="13">
        <v>5.8333333333333334E-2</v>
      </c>
      <c r="BO1448" s="11">
        <v>28</v>
      </c>
      <c r="BP1448" s="13">
        <v>7.9320113314447591E-2</v>
      </c>
      <c r="BQ1448" s="6">
        <v>348</v>
      </c>
      <c r="BR1448" s="6">
        <v>349</v>
      </c>
      <c r="BS1448" s="6">
        <v>356</v>
      </c>
      <c r="BT1448" s="6">
        <v>353</v>
      </c>
      <c r="BU1448" s="6">
        <v>354</v>
      </c>
      <c r="BV1448" s="6">
        <v>360</v>
      </c>
      <c r="BW1448" s="6">
        <v>360</v>
      </c>
      <c r="BX1448" s="6">
        <v>370</v>
      </c>
      <c r="BY1448" s="6">
        <v>383</v>
      </c>
      <c r="BZ1448" s="6">
        <v>377</v>
      </c>
      <c r="CA1448" s="6">
        <v>381</v>
      </c>
      <c r="CB1448" s="6">
        <v>381</v>
      </c>
      <c r="CC1448" s="11">
        <v>381</v>
      </c>
      <c r="CD1448" s="11">
        <v>44</v>
      </c>
      <c r="CE1448" s="11">
        <v>-2074</v>
      </c>
      <c r="CF1448" s="11">
        <v>1392</v>
      </c>
      <c r="CG1448" s="11">
        <v>-682</v>
      </c>
      <c r="CH1448" s="20"/>
      <c r="CI1448" s="20"/>
      <c r="CJ1448" s="20"/>
      <c r="CK1448" s="20"/>
      <c r="CL1448" s="20"/>
      <c r="CM1448" s="20"/>
      <c r="CN1448" s="20"/>
      <c r="CO1448" s="20"/>
      <c r="CP1448" s="20"/>
      <c r="CQ1448" s="20"/>
      <c r="CR1448" s="20"/>
      <c r="CS1448" s="20"/>
      <c r="CT1448" s="20"/>
      <c r="CU1448" s="20"/>
      <c r="CV1448" s="20"/>
      <c r="CW1448" s="20"/>
      <c r="CX1448" s="20"/>
      <c r="CY1448" s="6"/>
      <c r="CZ1448" s="6"/>
      <c r="DA1448" s="6"/>
      <c r="DB1448" s="6"/>
      <c r="DC1448" s="6"/>
      <c r="DD1448" s="6"/>
      <c r="DE1448" s="6"/>
      <c r="DF1448" s="6"/>
      <c r="DG1448" s="6"/>
      <c r="DH1448" s="6"/>
      <c r="DI1448" s="6"/>
      <c r="DJ1448" s="6"/>
      <c r="DK1448" s="6"/>
      <c r="DL1448" s="6"/>
      <c r="DM1448" s="6"/>
      <c r="DN1448" s="6"/>
      <c r="DO1448" s="6"/>
      <c r="DP1448" s="6"/>
      <c r="DQ1448" s="6"/>
    </row>
    <row r="1449" spans="1:121" x14ac:dyDescent="0.2">
      <c r="A1449" s="6" t="s">
        <v>312</v>
      </c>
      <c r="B1449" s="6" t="s">
        <v>312</v>
      </c>
      <c r="C1449" s="6" t="s">
        <v>175</v>
      </c>
      <c r="D1449" s="6" t="s">
        <v>334</v>
      </c>
      <c r="E1449" s="6" t="s">
        <v>172</v>
      </c>
      <c r="F1449" s="11">
        <v>-20164</v>
      </c>
      <c r="G1449" s="13">
        <v>-0.11210754852300001</v>
      </c>
      <c r="H1449" s="11">
        <v>15298</v>
      </c>
      <c r="I1449" s="13">
        <v>8.5053624147267637E-2</v>
      </c>
      <c r="J1449" s="11">
        <v>-47066</v>
      </c>
      <c r="K1449" s="13">
        <v>-0.24116498685700524</v>
      </c>
      <c r="L1449" s="11">
        <v>11604</v>
      </c>
      <c r="M1449" s="13">
        <v>7.8355109895675068E-2</v>
      </c>
      <c r="N1449" s="11">
        <v>-35462</v>
      </c>
      <c r="O1449" s="13">
        <v>-0.18170638600949984</v>
      </c>
      <c r="P1449" s="7">
        <v>179863</v>
      </c>
      <c r="Q1449" s="7">
        <v>178138</v>
      </c>
      <c r="R1449" s="7">
        <v>182426</v>
      </c>
      <c r="S1449" s="7">
        <v>188218</v>
      </c>
      <c r="T1449" s="7">
        <v>193348</v>
      </c>
      <c r="U1449" s="7">
        <v>195982</v>
      </c>
      <c r="V1449" s="7">
        <v>195161</v>
      </c>
      <c r="W1449" s="7">
        <v>187539</v>
      </c>
      <c r="X1449" s="7">
        <v>165571</v>
      </c>
      <c r="Y1449" s="7">
        <v>148095</v>
      </c>
      <c r="Z1449" s="7">
        <v>143914</v>
      </c>
      <c r="AA1449" s="7">
        <v>144765</v>
      </c>
      <c r="AB1449" s="7">
        <v>146930</v>
      </c>
      <c r="AC1449" s="7">
        <v>148036</v>
      </c>
      <c r="AD1449" s="7">
        <v>154747</v>
      </c>
      <c r="AE1449" s="7">
        <v>159488</v>
      </c>
      <c r="AF1449" s="7">
        <v>159699</v>
      </c>
      <c r="AG1449" s="9">
        <v>14958.7119571</v>
      </c>
      <c r="AH1449" s="13">
        <v>0.35636654880204566</v>
      </c>
      <c r="AI1449" s="9">
        <v>5425.6373203999974</v>
      </c>
      <c r="AJ1449" s="13">
        <v>0.12925682722333606</v>
      </c>
      <c r="AK1449" s="9">
        <v>1861.8938092999961</v>
      </c>
      <c r="AL1449" s="13">
        <v>3.9279406281391288E-2</v>
      </c>
      <c r="AM1449" s="9">
        <v>7671.1808274000068</v>
      </c>
      <c r="AN1449" s="13">
        <v>0.15571839016689668</v>
      </c>
      <c r="AO1449" s="9">
        <v>9533.0746367000029</v>
      </c>
      <c r="AP1449" s="13">
        <v>0.20111432236113772</v>
      </c>
      <c r="AQ1449" s="9">
        <v>41975.634378100003</v>
      </c>
      <c r="AR1449" s="9">
        <v>42297.333549000003</v>
      </c>
      <c r="AS1449" s="9">
        <v>42222.056767599999</v>
      </c>
      <c r="AT1449" s="9">
        <v>42658.900216900001</v>
      </c>
      <c r="AU1449" s="9">
        <v>44013.5743105</v>
      </c>
      <c r="AV1449" s="9">
        <v>45241.577769099997</v>
      </c>
      <c r="AW1449" s="9">
        <v>47401.271698500001</v>
      </c>
      <c r="AX1449" s="9">
        <v>49707.605868899998</v>
      </c>
      <c r="AY1449" s="9">
        <v>49602.144406400002</v>
      </c>
      <c r="AZ1449" s="9">
        <v>49263.165507799997</v>
      </c>
      <c r="BA1449" s="9">
        <v>49181.517455900001</v>
      </c>
      <c r="BB1449" s="9">
        <v>50884.543930200001</v>
      </c>
      <c r="BC1449" s="9">
        <v>51909.176979900003</v>
      </c>
      <c r="BD1449" s="9">
        <v>53886.390058800003</v>
      </c>
      <c r="BE1449" s="9">
        <v>55310.0646672</v>
      </c>
      <c r="BF1449" s="9">
        <v>56934.346335200004</v>
      </c>
      <c r="BG1449" s="11">
        <v>-3395</v>
      </c>
      <c r="BH1449" s="13">
        <v>-0.18809906366003656</v>
      </c>
      <c r="BI1449" s="6">
        <v>852</v>
      </c>
      <c r="BJ1449" s="13">
        <v>4.720483129259239E-2</v>
      </c>
      <c r="BK1449" s="6">
        <v>-2578</v>
      </c>
      <c r="BL1449" s="13">
        <v>-0.13639489974075444</v>
      </c>
      <c r="BM1449" s="11">
        <v>-1669</v>
      </c>
      <c r="BN1449" s="13">
        <v>-0.10224836120811126</v>
      </c>
      <c r="BO1449" s="11">
        <v>-4247</v>
      </c>
      <c r="BP1449" s="13">
        <v>-0.22469710597322892</v>
      </c>
      <c r="BQ1449" s="6">
        <v>18049</v>
      </c>
      <c r="BR1449" s="6">
        <v>18498</v>
      </c>
      <c r="BS1449" s="6">
        <v>18827</v>
      </c>
      <c r="BT1449" s="6">
        <v>18901</v>
      </c>
      <c r="BU1449" s="6">
        <v>18326</v>
      </c>
      <c r="BV1449" s="6">
        <v>17151</v>
      </c>
      <c r="BW1449" s="6">
        <v>16323</v>
      </c>
      <c r="BX1449" s="6">
        <v>15480</v>
      </c>
      <c r="BY1449" s="6">
        <v>15095</v>
      </c>
      <c r="BZ1449" s="6">
        <v>14882</v>
      </c>
      <c r="CA1449" s="6">
        <v>14752</v>
      </c>
      <c r="CB1449" s="6">
        <v>14840</v>
      </c>
      <c r="CC1449" s="11">
        <v>14654</v>
      </c>
      <c r="CD1449" s="11">
        <v>-18040</v>
      </c>
      <c r="CE1449" s="11">
        <v>-21786</v>
      </c>
      <c r="CF1449" s="11">
        <v>19661</v>
      </c>
      <c r="CG1449" s="11">
        <v>-2125</v>
      </c>
      <c r="CH1449" s="20"/>
      <c r="CI1449" s="20"/>
      <c r="CJ1449" s="20"/>
      <c r="CK1449" s="20"/>
      <c r="CL1449" s="20"/>
      <c r="CM1449" s="20"/>
      <c r="CN1449" s="20"/>
      <c r="CO1449" s="20"/>
      <c r="CP1449" s="20"/>
      <c r="CQ1449" s="20"/>
      <c r="CR1449" s="20"/>
      <c r="CS1449" s="20"/>
      <c r="CT1449" s="20"/>
      <c r="CU1449" s="20"/>
      <c r="CV1449" s="20"/>
      <c r="CW1449" s="20"/>
      <c r="CX1449" s="20"/>
      <c r="CY1449" s="6"/>
      <c r="CZ1449" s="6"/>
      <c r="DA1449" s="6"/>
      <c r="DB1449" s="6"/>
      <c r="DC1449" s="6"/>
      <c r="DD1449" s="6"/>
      <c r="DE1449" s="6"/>
      <c r="DF1449" s="6"/>
      <c r="DG1449" s="6"/>
      <c r="DH1449" s="6"/>
      <c r="DI1449" s="6"/>
      <c r="DJ1449" s="6"/>
      <c r="DK1449" s="6"/>
      <c r="DL1449" s="6"/>
      <c r="DM1449" s="6"/>
      <c r="DN1449" s="6"/>
      <c r="DO1449" s="6"/>
      <c r="DP1449" s="6"/>
      <c r="DQ1449" s="6"/>
    </row>
    <row r="1450" spans="1:121" x14ac:dyDescent="0.2">
      <c r="A1450" s="6" t="s">
        <v>792</v>
      </c>
      <c r="B1450" s="6" t="s">
        <v>176</v>
      </c>
      <c r="C1450" s="6" t="s">
        <v>177</v>
      </c>
      <c r="D1450" s="6" t="s">
        <v>334</v>
      </c>
      <c r="E1450" s="6" t="s">
        <v>172</v>
      </c>
      <c r="F1450" s="11">
        <v>-76394</v>
      </c>
      <c r="G1450" s="13">
        <v>-0.21946686048700001</v>
      </c>
      <c r="H1450" s="11">
        <v>-42413</v>
      </c>
      <c r="I1450" s="13">
        <v>-0.12184527520260624</v>
      </c>
      <c r="J1450" s="11">
        <v>-58439</v>
      </c>
      <c r="K1450" s="13">
        <v>-0.19117954958845312</v>
      </c>
      <c r="L1450" s="11">
        <v>24458</v>
      </c>
      <c r="M1450" s="13">
        <v>9.8925322666105805E-2</v>
      </c>
      <c r="N1450" s="11">
        <v>-33981</v>
      </c>
      <c r="O1450" s="13">
        <v>-0.11116672555254584</v>
      </c>
      <c r="P1450" s="7">
        <v>348089</v>
      </c>
      <c r="Q1450" s="7">
        <v>328839</v>
      </c>
      <c r="R1450" s="7">
        <v>318693</v>
      </c>
      <c r="S1450" s="7">
        <v>319150</v>
      </c>
      <c r="T1450" s="7">
        <v>314276</v>
      </c>
      <c r="U1450" s="7">
        <v>312581</v>
      </c>
      <c r="V1450" s="7">
        <v>305676</v>
      </c>
      <c r="W1450" s="7">
        <v>294755</v>
      </c>
      <c r="X1450" s="7">
        <v>260012</v>
      </c>
      <c r="Y1450" s="7">
        <v>247237</v>
      </c>
      <c r="Z1450" s="7">
        <v>250126</v>
      </c>
      <c r="AA1450" s="7">
        <v>252393</v>
      </c>
      <c r="AB1450" s="7">
        <v>256780</v>
      </c>
      <c r="AC1450" s="7">
        <v>260043</v>
      </c>
      <c r="AD1450" s="7">
        <v>265710</v>
      </c>
      <c r="AE1450" s="7">
        <v>267133</v>
      </c>
      <c r="AF1450" s="7">
        <v>271695</v>
      </c>
      <c r="AG1450" s="9">
        <v>23289.692210100002</v>
      </c>
      <c r="AH1450" s="13">
        <v>0.48804178260806014</v>
      </c>
      <c r="AI1450" s="9">
        <v>11015.328210400003</v>
      </c>
      <c r="AJ1450" s="13">
        <v>0.23082917401051337</v>
      </c>
      <c r="AK1450" s="9">
        <v>3685.755453699996</v>
      </c>
      <c r="AL1450" s="13">
        <v>6.2751193575781614E-2</v>
      </c>
      <c r="AM1450" s="9">
        <v>8588.6085460000031</v>
      </c>
      <c r="AN1450" s="13">
        <v>0.13758994005024572</v>
      </c>
      <c r="AO1450" s="9">
        <v>12274.363999699999</v>
      </c>
      <c r="AP1450" s="13">
        <v>0.20897506658820048</v>
      </c>
      <c r="AQ1450" s="9">
        <v>47720.6932686</v>
      </c>
      <c r="AR1450" s="9">
        <v>49543.379444400001</v>
      </c>
      <c r="AS1450" s="9">
        <v>51392.762674400001</v>
      </c>
      <c r="AT1450" s="9">
        <v>53185.0494435</v>
      </c>
      <c r="AU1450" s="9">
        <v>54979.883149000001</v>
      </c>
      <c r="AV1450" s="9">
        <v>57046.628805</v>
      </c>
      <c r="AW1450" s="9">
        <v>58736.021479000003</v>
      </c>
      <c r="AX1450" s="9">
        <v>61936.1309492</v>
      </c>
      <c r="AY1450" s="9">
        <v>61717.641319299997</v>
      </c>
      <c r="AZ1450" s="9">
        <v>62421.776932699999</v>
      </c>
      <c r="BA1450" s="9">
        <v>62904.874129000003</v>
      </c>
      <c r="BB1450" s="9">
        <v>65257.672310800001</v>
      </c>
      <c r="BC1450" s="9">
        <v>66271.538562899994</v>
      </c>
      <c r="BD1450" s="9">
        <v>68602.484650400002</v>
      </c>
      <c r="BE1450" s="9">
        <v>70262.337678600001</v>
      </c>
      <c r="BF1450" s="9">
        <v>71010.385478700002</v>
      </c>
      <c r="BG1450" s="11">
        <v>-1260</v>
      </c>
      <c r="BH1450" s="13">
        <v>-0.16205787781350484</v>
      </c>
      <c r="BI1450" s="6">
        <v>-172</v>
      </c>
      <c r="BJ1450" s="13">
        <v>-2.2122186495176849E-2</v>
      </c>
      <c r="BK1450" s="6">
        <v>-580</v>
      </c>
      <c r="BL1450" s="13">
        <v>-7.6285676706563194E-2</v>
      </c>
      <c r="BM1450" s="11">
        <v>-508</v>
      </c>
      <c r="BN1450" s="13">
        <v>-7.2333760501210306E-2</v>
      </c>
      <c r="BO1450" s="11">
        <v>-1088</v>
      </c>
      <c r="BP1450" s="13">
        <v>-0.1431014073392082</v>
      </c>
      <c r="BQ1450" s="6">
        <v>7775</v>
      </c>
      <c r="BR1450" s="6">
        <v>7699</v>
      </c>
      <c r="BS1450" s="6">
        <v>7612</v>
      </c>
      <c r="BT1450" s="6">
        <v>7603</v>
      </c>
      <c r="BU1450" s="6">
        <v>7478</v>
      </c>
      <c r="BV1450" s="6">
        <v>7234</v>
      </c>
      <c r="BW1450" s="6">
        <v>7023</v>
      </c>
      <c r="BX1450" s="6">
        <v>6861</v>
      </c>
      <c r="BY1450" s="6">
        <v>6736</v>
      </c>
      <c r="BZ1450" s="6">
        <v>6692</v>
      </c>
      <c r="CA1450" s="6">
        <v>6641</v>
      </c>
      <c r="CB1450" s="6">
        <v>6630</v>
      </c>
      <c r="CC1450" s="11">
        <v>6515</v>
      </c>
      <c r="CD1450" s="11">
        <v>8424</v>
      </c>
      <c r="CE1450" s="11">
        <v>-122868</v>
      </c>
      <c r="CF1450" s="11">
        <v>38050</v>
      </c>
      <c r="CG1450" s="11">
        <v>-84818</v>
      </c>
      <c r="CH1450" s="20"/>
      <c r="CI1450" s="20"/>
      <c r="CJ1450" s="20"/>
      <c r="CK1450" s="20"/>
      <c r="CL1450" s="20"/>
      <c r="CM1450" s="20"/>
      <c r="CN1450" s="20"/>
      <c r="CO1450" s="20"/>
      <c r="CP1450" s="20"/>
      <c r="CQ1450" s="20"/>
      <c r="CR1450" s="20"/>
      <c r="CS1450" s="20"/>
      <c r="CT1450" s="20"/>
      <c r="CU1450" s="20"/>
      <c r="CV1450" s="20"/>
      <c r="CW1450" s="20"/>
      <c r="CX1450" s="20"/>
      <c r="CY1450" s="6"/>
      <c r="CZ1450" s="6"/>
      <c r="DA1450" s="6"/>
      <c r="DB1450" s="6"/>
      <c r="DC1450" s="6"/>
      <c r="DD1450" s="6"/>
      <c r="DE1450" s="6"/>
      <c r="DF1450" s="6"/>
      <c r="DG1450" s="6"/>
      <c r="DH1450" s="6"/>
      <c r="DI1450" s="6"/>
      <c r="DJ1450" s="6"/>
      <c r="DK1450" s="6"/>
      <c r="DL1450" s="6"/>
      <c r="DM1450" s="6"/>
      <c r="DN1450" s="6"/>
      <c r="DO1450" s="6"/>
      <c r="DP1450" s="6"/>
      <c r="DQ1450" s="6"/>
    </row>
    <row r="1451" spans="1:121" x14ac:dyDescent="0.2">
      <c r="A1451" s="6" t="s">
        <v>313</v>
      </c>
      <c r="B1451" s="6" t="s">
        <v>313</v>
      </c>
      <c r="C1451" s="6" t="s">
        <v>178</v>
      </c>
      <c r="D1451" s="6" t="s">
        <v>334</v>
      </c>
      <c r="E1451" s="6" t="s">
        <v>172</v>
      </c>
      <c r="F1451" s="11">
        <v>1070</v>
      </c>
      <c r="G1451" s="13">
        <v>8.6254151484900007E-3</v>
      </c>
      <c r="H1451" s="11">
        <v>4443</v>
      </c>
      <c r="I1451" s="13">
        <v>3.5815625705349373E-2</v>
      </c>
      <c r="J1451" s="11">
        <v>-8783</v>
      </c>
      <c r="K1451" s="13">
        <v>-6.8352854196661345E-2</v>
      </c>
      <c r="L1451" s="11">
        <v>5410</v>
      </c>
      <c r="M1451" s="13">
        <v>4.5191793638064685E-2</v>
      </c>
      <c r="N1451" s="11">
        <v>-3373</v>
      </c>
      <c r="O1451" s="13">
        <v>-2.6250048640024903E-2</v>
      </c>
      <c r="P1451" s="7">
        <v>124052</v>
      </c>
      <c r="Q1451" s="7">
        <v>122554</v>
      </c>
      <c r="R1451" s="7">
        <v>121804</v>
      </c>
      <c r="S1451" s="7">
        <v>123025</v>
      </c>
      <c r="T1451" s="7">
        <v>125354</v>
      </c>
      <c r="U1451" s="7">
        <v>126422</v>
      </c>
      <c r="V1451" s="7">
        <v>128495</v>
      </c>
      <c r="W1451" s="7">
        <v>128710</v>
      </c>
      <c r="X1451" s="7">
        <v>121352</v>
      </c>
      <c r="Y1451" s="7">
        <v>119712</v>
      </c>
      <c r="Z1451" s="7">
        <v>119468</v>
      </c>
      <c r="AA1451" s="7">
        <v>120581</v>
      </c>
      <c r="AB1451" s="7">
        <v>121265</v>
      </c>
      <c r="AC1451" s="7">
        <v>123541</v>
      </c>
      <c r="AD1451" s="7">
        <v>123285</v>
      </c>
      <c r="AE1451" s="7">
        <v>123407</v>
      </c>
      <c r="AF1451" s="7">
        <v>125122</v>
      </c>
      <c r="AG1451" s="9">
        <v>25993.466582399997</v>
      </c>
      <c r="AH1451" s="13">
        <v>0.51530804948884656</v>
      </c>
      <c r="AI1451" s="9">
        <v>12185.613376399997</v>
      </c>
      <c r="AJ1451" s="13">
        <v>0.24157396016849797</v>
      </c>
      <c r="AK1451" s="9">
        <v>3462.4095156999974</v>
      </c>
      <c r="AL1451" s="13">
        <v>5.5285158786467302E-2</v>
      </c>
      <c r="AM1451" s="9">
        <v>10345.443690300002</v>
      </c>
      <c r="AN1451" s="13">
        <v>0.15653426538209669</v>
      </c>
      <c r="AO1451" s="9">
        <v>13807.853206</v>
      </c>
      <c r="AP1451" s="13">
        <v>0.22047344588573625</v>
      </c>
      <c r="AQ1451" s="9">
        <v>50442.578198000003</v>
      </c>
      <c r="AR1451" s="9">
        <v>51366.839367599998</v>
      </c>
      <c r="AS1451" s="9">
        <v>52651.826316899998</v>
      </c>
      <c r="AT1451" s="9">
        <v>55133.324420700003</v>
      </c>
      <c r="AU1451" s="9">
        <v>57660.009179100001</v>
      </c>
      <c r="AV1451" s="9">
        <v>60023.794674299999</v>
      </c>
      <c r="AW1451" s="9">
        <v>62628.1915744</v>
      </c>
      <c r="AX1451" s="9">
        <v>64548.168409999998</v>
      </c>
      <c r="AY1451" s="9">
        <v>64661.351720999999</v>
      </c>
      <c r="AZ1451" s="9">
        <v>66090.601090099997</v>
      </c>
      <c r="BA1451" s="9">
        <v>67482.576405500004</v>
      </c>
      <c r="BB1451" s="9">
        <v>69684.327613400004</v>
      </c>
      <c r="BC1451" s="9">
        <v>70066.411073499999</v>
      </c>
      <c r="BD1451" s="9">
        <v>72704.546826200007</v>
      </c>
      <c r="BE1451" s="9">
        <v>74991.734037699993</v>
      </c>
      <c r="BF1451" s="9">
        <v>76436.0447804</v>
      </c>
      <c r="BG1451" s="11">
        <v>434</v>
      </c>
      <c r="BH1451" s="13">
        <v>3.2465589467384801E-2</v>
      </c>
      <c r="BI1451" s="6">
        <v>412</v>
      </c>
      <c r="BJ1451" s="13">
        <v>3.0819868342309993E-2</v>
      </c>
      <c r="BK1451" s="6">
        <v>-100</v>
      </c>
      <c r="BL1451" s="13">
        <v>-7.2568940493468797E-3</v>
      </c>
      <c r="BM1451" s="11">
        <v>122</v>
      </c>
      <c r="BN1451" s="13">
        <v>8.9181286549707608E-3</v>
      </c>
      <c r="BO1451" s="11">
        <v>22</v>
      </c>
      <c r="BP1451" s="13">
        <v>1.5965166908563134E-3</v>
      </c>
      <c r="BQ1451" s="6">
        <v>13368</v>
      </c>
      <c r="BR1451" s="6">
        <v>13419</v>
      </c>
      <c r="BS1451" s="6">
        <v>13543</v>
      </c>
      <c r="BT1451" s="6">
        <v>13780</v>
      </c>
      <c r="BU1451" s="6">
        <v>13999</v>
      </c>
      <c r="BV1451" s="6">
        <v>13635</v>
      </c>
      <c r="BW1451" s="6">
        <v>13680</v>
      </c>
      <c r="BX1451" s="6">
        <v>13567</v>
      </c>
      <c r="BY1451" s="6">
        <v>13763</v>
      </c>
      <c r="BZ1451" s="6">
        <v>13898</v>
      </c>
      <c r="CA1451" s="6">
        <v>13934</v>
      </c>
      <c r="CB1451" s="6">
        <v>14000</v>
      </c>
      <c r="CC1451" s="11">
        <v>13802</v>
      </c>
      <c r="CD1451" s="11">
        <v>-2348</v>
      </c>
      <c r="CE1451" s="11">
        <v>-10143</v>
      </c>
      <c r="CF1451" s="11">
        <v>13560</v>
      </c>
      <c r="CG1451" s="11">
        <v>3417</v>
      </c>
      <c r="CH1451" s="20"/>
      <c r="CI1451" s="20"/>
      <c r="CJ1451" s="20"/>
      <c r="CK1451" s="20"/>
      <c r="CL1451" s="20"/>
      <c r="CM1451" s="20"/>
      <c r="CN1451" s="20"/>
      <c r="CO1451" s="20"/>
      <c r="CP1451" s="20"/>
      <c r="CQ1451" s="20"/>
      <c r="CR1451" s="20"/>
      <c r="CS1451" s="20"/>
      <c r="CT1451" s="20"/>
      <c r="CU1451" s="20"/>
      <c r="CV1451" s="20"/>
      <c r="CW1451" s="20"/>
      <c r="CX1451" s="20"/>
      <c r="CY1451" s="6"/>
      <c r="CZ1451" s="6"/>
      <c r="DA1451" s="6"/>
      <c r="DB1451" s="6"/>
      <c r="DC1451" s="6"/>
      <c r="DD1451" s="6"/>
      <c r="DE1451" s="6"/>
      <c r="DF1451" s="6"/>
      <c r="DG1451" s="6"/>
      <c r="DH1451" s="6"/>
      <c r="DI1451" s="6"/>
      <c r="DJ1451" s="6"/>
      <c r="DK1451" s="6"/>
      <c r="DL1451" s="6"/>
      <c r="DM1451" s="6"/>
      <c r="DN1451" s="6"/>
      <c r="DO1451" s="6"/>
      <c r="DP1451" s="6"/>
      <c r="DQ1451" s="6"/>
    </row>
    <row r="1452" spans="1:121" x14ac:dyDescent="0.2">
      <c r="A1452" s="6" t="s">
        <v>793</v>
      </c>
      <c r="B1452" s="6" t="s">
        <v>179</v>
      </c>
      <c r="C1452" s="6" t="s">
        <v>180</v>
      </c>
      <c r="D1452" s="6" t="s">
        <v>334</v>
      </c>
      <c r="E1452" s="6" t="s">
        <v>172</v>
      </c>
      <c r="F1452" s="11">
        <v>4936</v>
      </c>
      <c r="G1452" s="13">
        <v>0.02</v>
      </c>
      <c r="H1452" s="11">
        <v>5623</v>
      </c>
      <c r="I1452" s="13">
        <v>1.7243388450026986E-2</v>
      </c>
      <c r="J1452" s="11">
        <v>-20621</v>
      </c>
      <c r="K1452" s="13">
        <v>-6.2164060545220501E-2</v>
      </c>
      <c r="L1452" s="11">
        <v>19934</v>
      </c>
      <c r="M1452" s="13">
        <v>6.4076271785739547E-2</v>
      </c>
      <c r="N1452" s="11">
        <v>-687</v>
      </c>
      <c r="O1452" s="13">
        <v>-2.0710299982816781E-3</v>
      </c>
      <c r="P1452" s="7">
        <v>326096</v>
      </c>
      <c r="Q1452" s="7">
        <v>328473</v>
      </c>
      <c r="R1452" s="7">
        <v>327398</v>
      </c>
      <c r="S1452" s="7">
        <v>327429</v>
      </c>
      <c r="T1452" s="7">
        <v>331571</v>
      </c>
      <c r="U1452" s="7">
        <v>331459</v>
      </c>
      <c r="V1452" s="7">
        <v>331719</v>
      </c>
      <c r="W1452" s="7">
        <v>325792</v>
      </c>
      <c r="X1452" s="7">
        <v>314434</v>
      </c>
      <c r="Y1452" s="7">
        <v>311098</v>
      </c>
      <c r="Z1452" s="7">
        <v>313651</v>
      </c>
      <c r="AA1452" s="7">
        <v>314728</v>
      </c>
      <c r="AB1452" s="7">
        <v>313724</v>
      </c>
      <c r="AC1452" s="7">
        <v>316898</v>
      </c>
      <c r="AD1452" s="7">
        <v>323692</v>
      </c>
      <c r="AE1452" s="7">
        <v>327271</v>
      </c>
      <c r="AF1452" s="7">
        <v>331032</v>
      </c>
      <c r="AG1452" s="9">
        <v>8485</v>
      </c>
      <c r="AH1452" s="13">
        <v>0.35706771030593781</v>
      </c>
      <c r="AI1452" s="9">
        <v>4140</v>
      </c>
      <c r="AJ1452" s="13">
        <v>0.17422042671379875</v>
      </c>
      <c r="AK1452" s="9">
        <v>1269</v>
      </c>
      <c r="AL1452" s="13">
        <v>4.547898075475755E-2</v>
      </c>
      <c r="AM1452" s="9">
        <v>3076</v>
      </c>
      <c r="AN1452" s="13">
        <v>0.10544357603181131</v>
      </c>
      <c r="AO1452" s="9">
        <v>4345</v>
      </c>
      <c r="AP1452" s="13">
        <v>0.15571802315163244</v>
      </c>
      <c r="AQ1452" s="9">
        <v>23763</v>
      </c>
      <c r="AR1452" s="9">
        <v>24695</v>
      </c>
      <c r="AS1452" s="9">
        <v>25655</v>
      </c>
      <c r="AT1452" s="9">
        <v>26029</v>
      </c>
      <c r="AU1452" s="9">
        <v>26575</v>
      </c>
      <c r="AV1452" s="9">
        <v>27254</v>
      </c>
      <c r="AW1452" s="9">
        <v>27903</v>
      </c>
      <c r="AX1452" s="9">
        <v>28732</v>
      </c>
      <c r="AY1452" s="9">
        <v>28992</v>
      </c>
      <c r="AZ1452" s="9">
        <v>29172</v>
      </c>
      <c r="BA1452" s="9">
        <v>29345</v>
      </c>
      <c r="BB1452" s="9">
        <v>29851</v>
      </c>
      <c r="BC1452" s="9">
        <v>30376</v>
      </c>
      <c r="BD1452" s="9">
        <v>30623</v>
      </c>
      <c r="BE1452" s="9">
        <v>31551</v>
      </c>
      <c r="BF1452" s="9">
        <v>32248</v>
      </c>
      <c r="BG1452" s="11">
        <v>-1907</v>
      </c>
      <c r="BH1452" s="13">
        <v>-8.6662122244944337E-2</v>
      </c>
      <c r="BI1452" s="6">
        <v>-530</v>
      </c>
      <c r="BJ1452" s="13">
        <v>-2.4085435128379913E-2</v>
      </c>
      <c r="BK1452" s="6">
        <v>-956</v>
      </c>
      <c r="BL1452" s="13">
        <v>-4.4516880093131546E-2</v>
      </c>
      <c r="BM1452" s="11">
        <v>-421</v>
      </c>
      <c r="BN1452" s="13">
        <v>-2.0517569082313954E-2</v>
      </c>
      <c r="BO1452" s="11">
        <v>-1377</v>
      </c>
      <c r="BP1452" s="13">
        <v>-6.4121071012805592E-2</v>
      </c>
      <c r="BQ1452" s="6">
        <v>22005</v>
      </c>
      <c r="BR1452" s="6">
        <v>21759</v>
      </c>
      <c r="BS1452" s="6">
        <v>21579</v>
      </c>
      <c r="BT1452" s="6">
        <v>21475</v>
      </c>
      <c r="BU1452" s="6">
        <v>21365</v>
      </c>
      <c r="BV1452" s="6">
        <v>20883</v>
      </c>
      <c r="BW1452" s="6">
        <v>20519</v>
      </c>
      <c r="BX1452" s="6">
        <v>20120</v>
      </c>
      <c r="BY1452" s="6">
        <v>20043</v>
      </c>
      <c r="BZ1452" s="6">
        <v>20058</v>
      </c>
      <c r="CA1452" s="6">
        <v>20127</v>
      </c>
      <c r="CB1452" s="6">
        <v>20313</v>
      </c>
      <c r="CC1452" s="11">
        <v>20098</v>
      </c>
      <c r="CD1452" s="11">
        <v>-9809</v>
      </c>
      <c r="CE1452" s="11">
        <v>-20901</v>
      </c>
      <c r="CF1452" s="11">
        <v>35646</v>
      </c>
      <c r="CG1452" s="11">
        <v>14745</v>
      </c>
      <c r="CH1452" s="20"/>
      <c r="CI1452" s="20"/>
      <c r="CJ1452" s="20"/>
      <c r="CK1452" s="20"/>
      <c r="CL1452" s="20"/>
      <c r="CM1452" s="20"/>
      <c r="CN1452" s="20"/>
      <c r="CO1452" s="20"/>
      <c r="CP1452" s="20"/>
      <c r="CQ1452" s="20"/>
      <c r="CR1452" s="20"/>
      <c r="CS1452" s="20"/>
      <c r="CT1452" s="20"/>
      <c r="CU1452" s="20"/>
      <c r="CV1452" s="20"/>
      <c r="CW1452" s="20"/>
      <c r="CX1452" s="20"/>
      <c r="CY1452" s="6"/>
      <c r="CZ1452" s="6"/>
      <c r="DA1452" s="6"/>
      <c r="DB1452" s="6"/>
      <c r="DC1452" s="6"/>
      <c r="DD1452" s="6"/>
      <c r="DE1452" s="6"/>
      <c r="DF1452" s="6"/>
      <c r="DG1452" s="6"/>
      <c r="DH1452" s="6"/>
      <c r="DI1452" s="6"/>
      <c r="DJ1452" s="6"/>
      <c r="DK1452" s="6"/>
      <c r="DL1452" s="6"/>
      <c r="DM1452" s="6"/>
      <c r="DN1452" s="6"/>
      <c r="DO1452" s="6"/>
      <c r="DP1452" s="6"/>
      <c r="DQ1452" s="6"/>
    </row>
    <row r="1453" spans="1:121" x14ac:dyDescent="0.2">
      <c r="A1453" s="6" t="s">
        <v>794</v>
      </c>
      <c r="B1453" s="6" t="s">
        <v>181</v>
      </c>
      <c r="C1453" s="6" t="s">
        <v>182</v>
      </c>
      <c r="D1453" s="6" t="s">
        <v>334</v>
      </c>
      <c r="E1453" s="6" t="s">
        <v>172</v>
      </c>
      <c r="F1453" s="11">
        <v>-3004</v>
      </c>
      <c r="G1453" s="13">
        <v>-2.74102596857E-2</v>
      </c>
      <c r="H1453" s="11">
        <v>-2386</v>
      </c>
      <c r="I1453" s="13">
        <v>-2.1771264850265527E-2</v>
      </c>
      <c r="J1453" s="11">
        <v>-14062</v>
      </c>
      <c r="K1453" s="13">
        <v>-0.13116558465786135</v>
      </c>
      <c r="L1453" s="11">
        <v>13444</v>
      </c>
      <c r="M1453" s="13">
        <v>0.14433255319605781</v>
      </c>
      <c r="N1453" s="11">
        <v>-618</v>
      </c>
      <c r="O1453" s="13">
        <v>-5.7644951869263491E-3</v>
      </c>
      <c r="P1453" s="7">
        <v>109594</v>
      </c>
      <c r="Q1453" s="7">
        <v>107246</v>
      </c>
      <c r="R1453" s="7">
        <v>103947</v>
      </c>
      <c r="S1453" s="7">
        <v>103178</v>
      </c>
      <c r="T1453" s="7">
        <v>102804</v>
      </c>
      <c r="U1453" s="7">
        <v>105700</v>
      </c>
      <c r="V1453" s="7">
        <v>107208</v>
      </c>
      <c r="W1453" s="7">
        <v>103437</v>
      </c>
      <c r="X1453" s="7">
        <v>98136</v>
      </c>
      <c r="Y1453" s="7">
        <v>93146</v>
      </c>
      <c r="Z1453" s="7">
        <v>93617</v>
      </c>
      <c r="AA1453" s="7">
        <v>95742</v>
      </c>
      <c r="AB1453" s="7">
        <v>99101</v>
      </c>
      <c r="AC1453" s="7">
        <v>100850</v>
      </c>
      <c r="AD1453" s="7">
        <v>104096</v>
      </c>
      <c r="AE1453" s="7">
        <v>105357</v>
      </c>
      <c r="AF1453" s="7">
        <v>106590</v>
      </c>
      <c r="AG1453" s="9">
        <v>14706.881575400002</v>
      </c>
      <c r="AH1453" s="13">
        <v>0.359216783443431</v>
      </c>
      <c r="AI1453" s="9">
        <v>7393.6741993000032</v>
      </c>
      <c r="AJ1453" s="13">
        <v>0.18059109608550689</v>
      </c>
      <c r="AK1453" s="9">
        <v>1937.9291023999976</v>
      </c>
      <c r="AL1453" s="13">
        <v>4.0093540205750046E-2</v>
      </c>
      <c r="AM1453" s="9">
        <v>5375.2782737000016</v>
      </c>
      <c r="AN1453" s="13">
        <v>0.10692150768091306</v>
      </c>
      <c r="AO1453" s="9">
        <v>7313.2073760999992</v>
      </c>
      <c r="AP1453" s="13">
        <v>0.1513019096537272</v>
      </c>
      <c r="AQ1453" s="9">
        <v>40941.521257499997</v>
      </c>
      <c r="AR1453" s="9">
        <v>44130.423683100002</v>
      </c>
      <c r="AS1453" s="9">
        <v>44670.295221499997</v>
      </c>
      <c r="AT1453" s="9">
        <v>44644.916401000002</v>
      </c>
      <c r="AU1453" s="9">
        <v>45749.229833400001</v>
      </c>
      <c r="AV1453" s="9">
        <v>46865.258759800003</v>
      </c>
      <c r="AW1453" s="9">
        <v>48335.1954568</v>
      </c>
      <c r="AX1453" s="9">
        <v>49452.124960900001</v>
      </c>
      <c r="AY1453" s="9">
        <v>49020.633312899998</v>
      </c>
      <c r="AZ1453" s="9">
        <v>50273.124559199998</v>
      </c>
      <c r="BA1453" s="9">
        <v>50719.048944599999</v>
      </c>
      <c r="BB1453" s="9">
        <v>51842.5020124</v>
      </c>
      <c r="BC1453" s="9">
        <v>52789.118319100002</v>
      </c>
      <c r="BD1453" s="9">
        <v>53055.422785900002</v>
      </c>
      <c r="BE1453" s="9">
        <v>54620.855024500001</v>
      </c>
      <c r="BF1453" s="9">
        <v>55648.402832899999</v>
      </c>
      <c r="BG1453" s="11">
        <v>-276</v>
      </c>
      <c r="BH1453" s="13">
        <v>-4.9774571686203785E-2</v>
      </c>
      <c r="BI1453" s="6">
        <v>77</v>
      </c>
      <c r="BJ1453" s="13">
        <v>1.3886384129846708E-2</v>
      </c>
      <c r="BK1453" s="6">
        <v>-382</v>
      </c>
      <c r="BL1453" s="13">
        <v>-6.794734969761651E-2</v>
      </c>
      <c r="BM1453" s="11">
        <v>29</v>
      </c>
      <c r="BN1453" s="13">
        <v>5.534351145038168E-3</v>
      </c>
      <c r="BO1453" s="11">
        <v>-353</v>
      </c>
      <c r="BP1453" s="13">
        <v>-6.2789043045179654E-2</v>
      </c>
      <c r="BQ1453" s="6">
        <v>5545</v>
      </c>
      <c r="BR1453" s="6">
        <v>5533</v>
      </c>
      <c r="BS1453" s="6">
        <v>5578</v>
      </c>
      <c r="BT1453" s="6">
        <v>5622</v>
      </c>
      <c r="BU1453" s="6">
        <v>5530</v>
      </c>
      <c r="BV1453" s="6">
        <v>5366</v>
      </c>
      <c r="BW1453" s="6">
        <v>5240</v>
      </c>
      <c r="BX1453" s="6">
        <v>5124</v>
      </c>
      <c r="BY1453" s="6">
        <v>5106</v>
      </c>
      <c r="BZ1453" s="6">
        <v>5049</v>
      </c>
      <c r="CA1453" s="6">
        <v>5098</v>
      </c>
      <c r="CB1453" s="6">
        <v>5289</v>
      </c>
      <c r="CC1453" s="11">
        <v>5269</v>
      </c>
      <c r="CD1453" s="11">
        <v>-21892</v>
      </c>
      <c r="CE1453" s="11">
        <v>6908</v>
      </c>
      <c r="CF1453" s="11">
        <v>11980</v>
      </c>
      <c r="CG1453" s="11">
        <v>18888</v>
      </c>
      <c r="CH1453" s="20"/>
      <c r="CI1453" s="20"/>
      <c r="CJ1453" s="20"/>
      <c r="CK1453" s="20"/>
      <c r="CL1453" s="20"/>
      <c r="CM1453" s="20"/>
      <c r="CN1453" s="20"/>
      <c r="CO1453" s="20"/>
      <c r="CP1453" s="20"/>
      <c r="CQ1453" s="20"/>
      <c r="CR1453" s="20"/>
      <c r="CS1453" s="20"/>
      <c r="CT1453" s="20"/>
      <c r="CU1453" s="20"/>
      <c r="CV1453" s="20"/>
      <c r="CW1453" s="20"/>
      <c r="CX1453" s="20"/>
      <c r="CY1453" s="6"/>
      <c r="CZ1453" s="6"/>
      <c r="DA1453" s="6"/>
      <c r="DB1453" s="6"/>
      <c r="DC1453" s="6"/>
      <c r="DD1453" s="6"/>
      <c r="DE1453" s="6"/>
      <c r="DF1453" s="6"/>
      <c r="DG1453" s="6"/>
      <c r="DH1453" s="6"/>
      <c r="DI1453" s="6"/>
      <c r="DJ1453" s="6"/>
      <c r="DK1453" s="6"/>
      <c r="DL1453" s="6"/>
      <c r="DM1453" s="6"/>
      <c r="DN1453" s="6"/>
      <c r="DO1453" s="6"/>
      <c r="DP1453" s="6"/>
      <c r="DQ1453" s="6"/>
    </row>
    <row r="1454" spans="1:121" x14ac:dyDescent="0.2">
      <c r="A1454" s="6" t="s">
        <v>314</v>
      </c>
      <c r="B1454" s="6" t="s">
        <v>314</v>
      </c>
      <c r="C1454" s="6" t="s">
        <v>183</v>
      </c>
      <c r="D1454" s="6" t="s">
        <v>334</v>
      </c>
      <c r="E1454" s="6" t="s">
        <v>172</v>
      </c>
      <c r="F1454" s="11">
        <v>-25969</v>
      </c>
      <c r="G1454" s="13">
        <v>-0.34065299804499999</v>
      </c>
      <c r="H1454" s="11">
        <v>-10219</v>
      </c>
      <c r="I1454" s="13">
        <v>-0.13404955859011189</v>
      </c>
      <c r="J1454" s="11">
        <v>-5880</v>
      </c>
      <c r="K1454" s="13">
        <v>-8.9072015027115467E-2</v>
      </c>
      <c r="L1454" s="11">
        <v>-9870</v>
      </c>
      <c r="M1454" s="13">
        <v>-0.16413343532776797</v>
      </c>
      <c r="N1454" s="11">
        <v>-15750</v>
      </c>
      <c r="O1454" s="13">
        <v>-0.23858575453691641</v>
      </c>
      <c r="P1454" s="7">
        <v>76233</v>
      </c>
      <c r="Q1454" s="7">
        <v>72698</v>
      </c>
      <c r="R1454" s="7">
        <v>69903</v>
      </c>
      <c r="S1454" s="7">
        <v>67797</v>
      </c>
      <c r="T1454" s="7">
        <v>65773</v>
      </c>
      <c r="U1454" s="7">
        <v>65252</v>
      </c>
      <c r="V1454" s="7">
        <v>66014</v>
      </c>
      <c r="W1454" s="7">
        <v>66879</v>
      </c>
      <c r="X1454" s="7">
        <v>64172</v>
      </c>
      <c r="Y1454" s="7">
        <v>60134</v>
      </c>
      <c r="Z1454" s="7">
        <v>57286</v>
      </c>
      <c r="AA1454" s="7">
        <v>54133</v>
      </c>
      <c r="AB1454" s="7">
        <v>53719</v>
      </c>
      <c r="AC1454" s="7">
        <v>53671</v>
      </c>
      <c r="AD1454" s="7">
        <v>51351</v>
      </c>
      <c r="AE1454" s="7">
        <v>50977</v>
      </c>
      <c r="AF1454" s="7">
        <v>50264</v>
      </c>
      <c r="AG1454" s="9">
        <v>36693.639228</v>
      </c>
      <c r="AH1454" s="13">
        <v>0.694637405086308</v>
      </c>
      <c r="AI1454" s="9">
        <v>15566.647500799998</v>
      </c>
      <c r="AJ1454" s="13">
        <v>0.29468801278227286</v>
      </c>
      <c r="AK1454" s="9">
        <v>11034.715019900003</v>
      </c>
      <c r="AL1454" s="13">
        <v>0.16134792094295122</v>
      </c>
      <c r="AM1454" s="9">
        <v>10092.2767073</v>
      </c>
      <c r="AN1454" s="13">
        <v>0.12706591102947629</v>
      </c>
      <c r="AO1454" s="9">
        <v>21126.991727200002</v>
      </c>
      <c r="AP1454" s="13">
        <v>0.3089156525397555</v>
      </c>
      <c r="AQ1454" s="9">
        <v>52824.162590899999</v>
      </c>
      <c r="AR1454" s="9">
        <v>53456.572959600002</v>
      </c>
      <c r="AS1454" s="9">
        <v>56941.406276200003</v>
      </c>
      <c r="AT1454" s="9">
        <v>60159.168137200002</v>
      </c>
      <c r="AU1454" s="9">
        <v>61743.268243400002</v>
      </c>
      <c r="AV1454" s="9">
        <v>65618.249458999999</v>
      </c>
      <c r="AW1454" s="9">
        <v>68390.810091699997</v>
      </c>
      <c r="AX1454" s="9">
        <v>70036.903531599994</v>
      </c>
      <c r="AY1454" s="9">
        <v>75839.255588100001</v>
      </c>
      <c r="AZ1454" s="9">
        <v>79425.5251116</v>
      </c>
      <c r="BA1454" s="9">
        <v>82562.863734099999</v>
      </c>
      <c r="BB1454" s="9">
        <v>85452.938684799999</v>
      </c>
      <c r="BC1454" s="9">
        <v>83277.048088299998</v>
      </c>
      <c r="BD1454" s="9">
        <v>84554.644066099994</v>
      </c>
      <c r="BE1454" s="9">
        <v>87960.073874299997</v>
      </c>
      <c r="BF1454" s="9">
        <v>89517.801818899999</v>
      </c>
      <c r="BG1454" s="11">
        <v>-345</v>
      </c>
      <c r="BH1454" s="13">
        <v>-0.11534603811434303</v>
      </c>
      <c r="BI1454" s="6">
        <v>-113</v>
      </c>
      <c r="BJ1454" s="13">
        <v>-3.7780006686726847E-2</v>
      </c>
      <c r="BK1454" s="6">
        <v>-187</v>
      </c>
      <c r="BL1454" s="13">
        <v>-6.4975677553856845E-2</v>
      </c>
      <c r="BM1454" s="11">
        <v>-45</v>
      </c>
      <c r="BN1454" s="13">
        <v>-1.6722408026755852E-2</v>
      </c>
      <c r="BO1454" s="11">
        <v>-232</v>
      </c>
      <c r="BP1454" s="13">
        <v>-8.0611535788742181E-2</v>
      </c>
      <c r="BQ1454" s="6">
        <v>2991</v>
      </c>
      <c r="BR1454" s="6">
        <v>2844</v>
      </c>
      <c r="BS1454" s="6">
        <v>2848</v>
      </c>
      <c r="BT1454" s="6">
        <v>2878</v>
      </c>
      <c r="BU1454" s="6">
        <v>2808</v>
      </c>
      <c r="BV1454" s="6">
        <v>2747</v>
      </c>
      <c r="BW1454" s="6">
        <v>2691</v>
      </c>
      <c r="BX1454" s="6">
        <v>2578</v>
      </c>
      <c r="BY1454" s="6">
        <v>2590</v>
      </c>
      <c r="BZ1454" s="6">
        <v>2619</v>
      </c>
      <c r="CA1454" s="6">
        <v>2705</v>
      </c>
      <c r="CB1454" s="6">
        <v>2616</v>
      </c>
      <c r="CC1454" s="11">
        <v>2646</v>
      </c>
      <c r="CD1454" s="11">
        <v>-10952</v>
      </c>
      <c r="CE1454" s="11">
        <v>-23350</v>
      </c>
      <c r="CF1454" s="11">
        <v>8333</v>
      </c>
      <c r="CG1454" s="11">
        <v>-15017</v>
      </c>
      <c r="CH1454" s="20"/>
      <c r="CI1454" s="20"/>
      <c r="CJ1454" s="20"/>
      <c r="CK1454" s="20"/>
      <c r="CL1454" s="20"/>
      <c r="CM1454" s="20"/>
      <c r="CN1454" s="20"/>
      <c r="CO1454" s="20"/>
      <c r="CP1454" s="20"/>
      <c r="CQ1454" s="20"/>
      <c r="CR1454" s="20"/>
      <c r="CS1454" s="20"/>
      <c r="CT1454" s="20"/>
      <c r="CU1454" s="20"/>
      <c r="CV1454" s="20"/>
      <c r="CW1454" s="20"/>
      <c r="CX1454" s="20"/>
      <c r="CY1454" s="6"/>
      <c r="CZ1454" s="6"/>
      <c r="DA1454" s="6"/>
      <c r="DB1454" s="6"/>
      <c r="DC1454" s="6"/>
      <c r="DD1454" s="6"/>
      <c r="DE1454" s="6"/>
      <c r="DF1454" s="6"/>
      <c r="DG1454" s="6"/>
      <c r="DH1454" s="6"/>
      <c r="DI1454" s="6"/>
      <c r="DJ1454" s="6"/>
      <c r="DK1454" s="6"/>
      <c r="DL1454" s="6"/>
      <c r="DM1454" s="6"/>
      <c r="DN1454" s="6"/>
      <c r="DO1454" s="6"/>
      <c r="DP1454" s="6"/>
      <c r="DQ1454" s="6"/>
    </row>
    <row r="1455" spans="1:121" x14ac:dyDescent="0.2">
      <c r="A1455" s="6" t="s">
        <v>315</v>
      </c>
      <c r="B1455" s="6" t="s">
        <v>315</v>
      </c>
      <c r="C1455" s="6" t="s">
        <v>184</v>
      </c>
      <c r="D1455" s="6" t="s">
        <v>334</v>
      </c>
      <c r="E1455" s="6" t="s">
        <v>172</v>
      </c>
      <c r="F1455" s="11">
        <v>8752</v>
      </c>
      <c r="G1455" s="13">
        <v>7.0000000000000007E-2</v>
      </c>
      <c r="H1455" s="11">
        <v>4423</v>
      </c>
      <c r="I1455" s="13">
        <v>3.6154229709736217E-2</v>
      </c>
      <c r="J1455" s="11">
        <v>-395</v>
      </c>
      <c r="K1455" s="13">
        <v>-3.1161249605553801E-3</v>
      </c>
      <c r="L1455" s="11">
        <v>4724</v>
      </c>
      <c r="M1455" s="13">
        <v>3.7383769239900291E-2</v>
      </c>
      <c r="N1455" s="11">
        <v>4329</v>
      </c>
      <c r="O1455" s="13">
        <v>3.4151151782896814E-2</v>
      </c>
      <c r="P1455" s="7">
        <v>122337</v>
      </c>
      <c r="Q1455" s="7">
        <v>122272</v>
      </c>
      <c r="R1455" s="7">
        <v>124320</v>
      </c>
      <c r="S1455" s="7">
        <v>123581</v>
      </c>
      <c r="T1455" s="7">
        <v>124117</v>
      </c>
      <c r="U1455" s="7">
        <v>126206</v>
      </c>
      <c r="V1455" s="7">
        <v>126760</v>
      </c>
      <c r="W1455" s="7">
        <v>125873</v>
      </c>
      <c r="X1455" s="7">
        <v>125624</v>
      </c>
      <c r="Y1455" s="7">
        <v>126365</v>
      </c>
      <c r="Z1455" s="7">
        <v>125907</v>
      </c>
      <c r="AA1455" s="7">
        <v>128727</v>
      </c>
      <c r="AB1455" s="7">
        <v>128400</v>
      </c>
      <c r="AC1455" s="7">
        <v>128155</v>
      </c>
      <c r="AD1455" s="7">
        <v>128479</v>
      </c>
      <c r="AE1455" s="7">
        <v>129457</v>
      </c>
      <c r="AF1455" s="7">
        <v>131089</v>
      </c>
      <c r="AG1455" s="9">
        <v>34054</v>
      </c>
      <c r="AH1455" s="13">
        <v>0.63904370507984765</v>
      </c>
      <c r="AI1455" s="9">
        <v>12283</v>
      </c>
      <c r="AJ1455" s="13">
        <v>0.23049785133892547</v>
      </c>
      <c r="AK1455" s="9">
        <v>5247</v>
      </c>
      <c r="AL1455" s="13">
        <v>8.0018910510583782E-2</v>
      </c>
      <c r="AM1455" s="9">
        <v>16524</v>
      </c>
      <c r="AN1455" s="13">
        <v>0.23332721444810009</v>
      </c>
      <c r="AO1455" s="9">
        <v>21771</v>
      </c>
      <c r="AP1455" s="13">
        <v>0.33201671445129016</v>
      </c>
      <c r="AQ1455" s="9">
        <v>53289</v>
      </c>
      <c r="AR1455" s="9">
        <v>54564</v>
      </c>
      <c r="AS1455" s="9">
        <v>55908</v>
      </c>
      <c r="AT1455" s="9">
        <v>57528</v>
      </c>
      <c r="AU1455" s="9">
        <v>60832</v>
      </c>
      <c r="AV1455" s="9">
        <v>63085</v>
      </c>
      <c r="AW1455" s="9">
        <v>65572</v>
      </c>
      <c r="AX1455" s="9">
        <v>67647</v>
      </c>
      <c r="AY1455" s="9">
        <v>67315</v>
      </c>
      <c r="AZ1455" s="9">
        <v>70819</v>
      </c>
      <c r="BA1455" s="9">
        <v>73998</v>
      </c>
      <c r="BB1455" s="9">
        <v>77894</v>
      </c>
      <c r="BC1455" s="9">
        <v>78756</v>
      </c>
      <c r="BD1455" s="9">
        <v>81115</v>
      </c>
      <c r="BE1455" s="9">
        <v>85196</v>
      </c>
      <c r="BF1455" s="9">
        <v>87343</v>
      </c>
      <c r="BG1455" s="11">
        <v>645</v>
      </c>
      <c r="BH1455" s="13">
        <v>6.1651691837124829E-2</v>
      </c>
      <c r="BI1455" s="6">
        <v>658</v>
      </c>
      <c r="BJ1455" s="13">
        <v>6.2894284075702536E-2</v>
      </c>
      <c r="BK1455" s="6">
        <v>-319</v>
      </c>
      <c r="BL1455" s="13">
        <v>-2.8687050359712231E-2</v>
      </c>
      <c r="BM1455" s="11">
        <v>306</v>
      </c>
      <c r="BN1455" s="13">
        <v>2.8330710119433385E-2</v>
      </c>
      <c r="BO1455" s="11">
        <v>-13</v>
      </c>
      <c r="BP1455" s="13">
        <v>-1.1690647482014388E-3</v>
      </c>
      <c r="BQ1455" s="6">
        <v>10462</v>
      </c>
      <c r="BR1455" s="6">
        <v>10660</v>
      </c>
      <c r="BS1455" s="6">
        <v>10829</v>
      </c>
      <c r="BT1455" s="6">
        <v>11120</v>
      </c>
      <c r="BU1455" s="6">
        <v>10973</v>
      </c>
      <c r="BV1455" s="6">
        <v>10909</v>
      </c>
      <c r="BW1455" s="6">
        <v>10801</v>
      </c>
      <c r="BX1455" s="6">
        <v>10778</v>
      </c>
      <c r="BY1455" s="6">
        <v>10830</v>
      </c>
      <c r="BZ1455" s="6">
        <v>10853</v>
      </c>
      <c r="CA1455" s="6">
        <v>10957</v>
      </c>
      <c r="CB1455" s="6">
        <v>11157</v>
      </c>
      <c r="CC1455" s="11">
        <v>11107</v>
      </c>
      <c r="CD1455" s="11">
        <v>5110</v>
      </c>
      <c r="CE1455" s="11">
        <v>-9731</v>
      </c>
      <c r="CF1455" s="11">
        <v>13373</v>
      </c>
      <c r="CG1455" s="11">
        <v>3642</v>
      </c>
      <c r="CH1455" s="20"/>
      <c r="CI1455" s="20"/>
      <c r="CJ1455" s="20"/>
      <c r="CK1455" s="20"/>
      <c r="CL1455" s="20"/>
      <c r="CM1455" s="20"/>
      <c r="CN1455" s="20"/>
      <c r="CO1455" s="20"/>
      <c r="CP1455" s="20"/>
      <c r="CQ1455" s="20"/>
      <c r="CR1455" s="20"/>
      <c r="CS1455" s="20"/>
      <c r="CT1455" s="20"/>
      <c r="CU1455" s="20"/>
      <c r="CV1455" s="20"/>
      <c r="CW1455" s="20"/>
      <c r="CX1455" s="20"/>
      <c r="CY1455" s="6"/>
      <c r="CZ1455" s="6"/>
      <c r="DA1455" s="6"/>
      <c r="DB1455" s="6"/>
      <c r="DC1455" s="6"/>
      <c r="DD1455" s="6"/>
      <c r="DE1455" s="6"/>
      <c r="DF1455" s="6"/>
      <c r="DG1455" s="6"/>
      <c r="DH1455" s="6"/>
      <c r="DI1455" s="6"/>
      <c r="DJ1455" s="6"/>
      <c r="DK1455" s="6"/>
      <c r="DL1455" s="6"/>
      <c r="DM1455" s="6"/>
      <c r="DN1455" s="6"/>
      <c r="DO1455" s="6"/>
      <c r="DP1455" s="6"/>
      <c r="DQ1455" s="6"/>
    </row>
    <row r="1456" spans="1:121" x14ac:dyDescent="0.2">
      <c r="A1456" s="6" t="s">
        <v>316</v>
      </c>
      <c r="B1456" s="6" t="s">
        <v>316</v>
      </c>
      <c r="C1456" s="6" t="s">
        <v>185</v>
      </c>
      <c r="D1456" s="6" t="s">
        <v>334</v>
      </c>
      <c r="E1456" s="6" t="s">
        <v>172</v>
      </c>
      <c r="F1456" s="11">
        <v>-2895</v>
      </c>
      <c r="G1456" s="13">
        <v>-0.06</v>
      </c>
      <c r="H1456" s="11">
        <v>2632</v>
      </c>
      <c r="I1456" s="13">
        <v>5.5655410120318875E-2</v>
      </c>
      <c r="J1456" s="11">
        <v>-4719</v>
      </c>
      <c r="K1456" s="13">
        <v>-9.452556937684034E-2</v>
      </c>
      <c r="L1456" s="11">
        <v>-808</v>
      </c>
      <c r="M1456" s="13">
        <v>-1.7874524378373596E-2</v>
      </c>
      <c r="N1456" s="11">
        <v>-5527</v>
      </c>
      <c r="O1456" s="13">
        <v>-0.11071049416100796</v>
      </c>
      <c r="P1456" s="7">
        <v>47291</v>
      </c>
      <c r="Q1456" s="7">
        <v>47045</v>
      </c>
      <c r="R1456" s="7">
        <v>48291</v>
      </c>
      <c r="S1456" s="7">
        <v>48603</v>
      </c>
      <c r="T1456" s="7">
        <v>49689</v>
      </c>
      <c r="U1456" s="7">
        <v>49512</v>
      </c>
      <c r="V1456" s="7">
        <v>49923</v>
      </c>
      <c r="W1456" s="7">
        <v>49453</v>
      </c>
      <c r="X1456" s="7">
        <v>46776</v>
      </c>
      <c r="Y1456" s="7">
        <v>45204</v>
      </c>
      <c r="Z1456" s="7">
        <v>43045</v>
      </c>
      <c r="AA1456" s="7">
        <v>42721</v>
      </c>
      <c r="AB1456" s="7">
        <v>41954</v>
      </c>
      <c r="AC1456" s="7">
        <v>43351</v>
      </c>
      <c r="AD1456" s="7">
        <v>43706</v>
      </c>
      <c r="AE1456" s="7">
        <v>44283</v>
      </c>
      <c r="AF1456" s="7">
        <v>44396</v>
      </c>
      <c r="AG1456" s="9">
        <v>14870</v>
      </c>
      <c r="AH1456" s="13">
        <v>0.46734552768872967</v>
      </c>
      <c r="AI1456" s="9">
        <v>4955</v>
      </c>
      <c r="AJ1456" s="13">
        <v>0.15572946131120749</v>
      </c>
      <c r="AK1456" s="9">
        <v>1603</v>
      </c>
      <c r="AL1456" s="13">
        <v>4.3591765697658609E-2</v>
      </c>
      <c r="AM1456" s="9">
        <v>8312</v>
      </c>
      <c r="AN1456" s="13">
        <v>0.21659370439858244</v>
      </c>
      <c r="AO1456" s="9">
        <v>9915</v>
      </c>
      <c r="AP1456" s="13">
        <v>0.269627172109972</v>
      </c>
      <c r="AQ1456" s="9">
        <v>31818</v>
      </c>
      <c r="AR1456" s="9">
        <v>32829</v>
      </c>
      <c r="AS1456" s="9">
        <v>32601</v>
      </c>
      <c r="AT1456" s="9">
        <v>34009</v>
      </c>
      <c r="AU1456" s="9">
        <v>34620</v>
      </c>
      <c r="AV1456" s="9">
        <v>35176</v>
      </c>
      <c r="AW1456" s="9">
        <v>36773</v>
      </c>
      <c r="AX1456" s="9">
        <v>37022</v>
      </c>
      <c r="AY1456" s="9">
        <v>38063</v>
      </c>
      <c r="AZ1456" s="9">
        <v>38376</v>
      </c>
      <c r="BA1456" s="9">
        <v>38672</v>
      </c>
      <c r="BB1456" s="9">
        <v>41186</v>
      </c>
      <c r="BC1456" s="9">
        <v>42091</v>
      </c>
      <c r="BD1456" s="9">
        <v>43215</v>
      </c>
      <c r="BE1456" s="9">
        <v>46474</v>
      </c>
      <c r="BF1456" s="9">
        <v>46688</v>
      </c>
      <c r="BG1456" s="11">
        <v>-430</v>
      </c>
      <c r="BH1456" s="13">
        <v>-6.6174207448445682E-2</v>
      </c>
      <c r="BI1456" s="6">
        <v>169</v>
      </c>
      <c r="BJ1456" s="13">
        <v>2.6008002462296093E-2</v>
      </c>
      <c r="BK1456" s="6">
        <v>-567</v>
      </c>
      <c r="BL1456" s="13">
        <v>-8.5045747712614375E-2</v>
      </c>
      <c r="BM1456" s="11">
        <v>-32</v>
      </c>
      <c r="BN1456" s="13">
        <v>-5.2459016393442623E-3</v>
      </c>
      <c r="BO1456" s="11">
        <v>-599</v>
      </c>
      <c r="BP1456" s="13">
        <v>-8.9845507724613763E-2</v>
      </c>
      <c r="BQ1456" s="6">
        <v>6498</v>
      </c>
      <c r="BR1456" s="6">
        <v>6557</v>
      </c>
      <c r="BS1456" s="6">
        <v>6640</v>
      </c>
      <c r="BT1456" s="6">
        <v>6667</v>
      </c>
      <c r="BU1456" s="6">
        <v>6490</v>
      </c>
      <c r="BV1456" s="6">
        <v>6319</v>
      </c>
      <c r="BW1456" s="6">
        <v>6100</v>
      </c>
      <c r="BX1456" s="6">
        <v>5871</v>
      </c>
      <c r="BY1456" s="6">
        <v>5880</v>
      </c>
      <c r="BZ1456" s="6">
        <v>5919</v>
      </c>
      <c r="CA1456" s="6">
        <v>5971</v>
      </c>
      <c r="CB1456" s="6">
        <v>6045</v>
      </c>
      <c r="CC1456" s="11">
        <v>6068</v>
      </c>
      <c r="CD1456" s="11">
        <v>-5666</v>
      </c>
      <c r="CE1456" s="11">
        <v>-2399</v>
      </c>
      <c r="CF1456" s="11">
        <v>5169</v>
      </c>
      <c r="CG1456" s="11">
        <v>2770</v>
      </c>
      <c r="CH1456" s="20"/>
      <c r="CI1456" s="20"/>
      <c r="CJ1456" s="20"/>
      <c r="CK1456" s="20"/>
      <c r="CL1456" s="20"/>
      <c r="CM1456" s="20"/>
      <c r="CN1456" s="20"/>
      <c r="CO1456" s="20"/>
      <c r="CP1456" s="20"/>
      <c r="CQ1456" s="20"/>
      <c r="CR1456" s="20"/>
      <c r="CS1456" s="20"/>
      <c r="CT1456" s="20"/>
      <c r="CU1456" s="20"/>
      <c r="CV1456" s="20"/>
      <c r="CW1456" s="20"/>
      <c r="CX1456" s="20"/>
      <c r="CY1456" s="6"/>
      <c r="CZ1456" s="6"/>
      <c r="DA1456" s="6"/>
      <c r="DB1456" s="6"/>
      <c r="DC1456" s="6"/>
      <c r="DD1456" s="6"/>
      <c r="DE1456" s="6"/>
      <c r="DF1456" s="6"/>
      <c r="DG1456" s="6"/>
      <c r="DH1456" s="6"/>
      <c r="DI1456" s="6"/>
      <c r="DJ1456" s="6"/>
      <c r="DK1456" s="6"/>
      <c r="DL1456" s="6"/>
      <c r="DM1456" s="6"/>
      <c r="DN1456" s="6"/>
      <c r="DO1456" s="6"/>
      <c r="DP1456" s="6"/>
      <c r="DQ1456" s="6"/>
    </row>
    <row r="1457" spans="1:121" x14ac:dyDescent="0.2">
      <c r="A1457" s="6" t="s">
        <v>317</v>
      </c>
      <c r="B1457" s="6" t="s">
        <v>317</v>
      </c>
      <c r="C1457" s="6" t="s">
        <v>186</v>
      </c>
      <c r="D1457" s="6" t="s">
        <v>334</v>
      </c>
      <c r="E1457" s="6" t="s">
        <v>172</v>
      </c>
      <c r="F1457" s="11">
        <v>46992</v>
      </c>
      <c r="G1457" s="13">
        <v>0.36</v>
      </c>
      <c r="H1457" s="11">
        <v>14492</v>
      </c>
      <c r="I1457" s="13">
        <v>0.11219323372300068</v>
      </c>
      <c r="J1457" s="11">
        <v>-6485</v>
      </c>
      <c r="K1457" s="13">
        <v>-4.5140677423396586E-2</v>
      </c>
      <c r="L1457" s="11">
        <v>38985</v>
      </c>
      <c r="M1457" s="13">
        <v>0.28419487231824575</v>
      </c>
      <c r="N1457" s="11">
        <v>32500</v>
      </c>
      <c r="O1457" s="13">
        <v>0.22622544583814788</v>
      </c>
      <c r="P1457" s="7">
        <v>129170</v>
      </c>
      <c r="Q1457" s="7">
        <v>127283</v>
      </c>
      <c r="R1457" s="7">
        <v>127708</v>
      </c>
      <c r="S1457" s="7">
        <v>129713</v>
      </c>
      <c r="T1457" s="7">
        <v>135099</v>
      </c>
      <c r="U1457" s="7">
        <v>140475</v>
      </c>
      <c r="V1457" s="7">
        <v>143662</v>
      </c>
      <c r="W1457" s="7">
        <v>145829</v>
      </c>
      <c r="X1457" s="7">
        <v>140301</v>
      </c>
      <c r="Y1457" s="7">
        <v>137177</v>
      </c>
      <c r="Z1457" s="7">
        <v>140751</v>
      </c>
      <c r="AA1457" s="7">
        <v>147128</v>
      </c>
      <c r="AB1457" s="7">
        <v>150042</v>
      </c>
      <c r="AC1457" s="7">
        <v>155013</v>
      </c>
      <c r="AD1457" s="7">
        <v>165331</v>
      </c>
      <c r="AE1457" s="7">
        <v>171262</v>
      </c>
      <c r="AF1457" s="7">
        <v>176162</v>
      </c>
      <c r="AG1457" s="9">
        <v>25354</v>
      </c>
      <c r="AH1457" s="13">
        <v>0.44676651982378857</v>
      </c>
      <c r="AI1457" s="9">
        <v>12775</v>
      </c>
      <c r="AJ1457" s="13">
        <v>0.2251101321585903</v>
      </c>
      <c r="AK1457" s="9">
        <v>3494</v>
      </c>
      <c r="AL1457" s="13">
        <v>5.0255303847536854E-2</v>
      </c>
      <c r="AM1457" s="9">
        <v>9085</v>
      </c>
      <c r="AN1457" s="13">
        <v>0.12441967159232528</v>
      </c>
      <c r="AO1457" s="9">
        <v>12579</v>
      </c>
      <c r="AP1457" s="13">
        <v>0.18092772384034519</v>
      </c>
      <c r="AQ1457" s="9">
        <v>56750</v>
      </c>
      <c r="AR1457" s="9">
        <v>57782</v>
      </c>
      <c r="AS1457" s="9">
        <v>59652</v>
      </c>
      <c r="AT1457" s="9">
        <v>60992</v>
      </c>
      <c r="AU1457" s="9">
        <v>63565</v>
      </c>
      <c r="AV1457" s="9">
        <v>66643</v>
      </c>
      <c r="AW1457" s="9">
        <v>69525</v>
      </c>
      <c r="AX1457" s="9">
        <v>72591</v>
      </c>
      <c r="AY1457" s="9">
        <v>73660</v>
      </c>
      <c r="AZ1457" s="9">
        <v>73019</v>
      </c>
      <c r="BA1457" s="9">
        <v>73508</v>
      </c>
      <c r="BB1457" s="9">
        <v>76510</v>
      </c>
      <c r="BC1457" s="9">
        <v>76581</v>
      </c>
      <c r="BD1457" s="9">
        <v>77303</v>
      </c>
      <c r="BE1457" s="9">
        <v>81429</v>
      </c>
      <c r="BF1457" s="9">
        <v>82104</v>
      </c>
      <c r="BG1457" s="11">
        <v>5153</v>
      </c>
      <c r="BH1457" s="13">
        <v>0.36029925884491681</v>
      </c>
      <c r="BI1457" s="6">
        <v>1580</v>
      </c>
      <c r="BJ1457" s="13">
        <v>0.11047405957208782</v>
      </c>
      <c r="BK1457" s="6">
        <v>222</v>
      </c>
      <c r="BL1457" s="13">
        <v>1.3978088401964487E-2</v>
      </c>
      <c r="BM1457" s="11">
        <v>3351</v>
      </c>
      <c r="BN1457" s="13">
        <v>0.20808494783904619</v>
      </c>
      <c r="BO1457" s="11">
        <v>3573</v>
      </c>
      <c r="BP1457" s="13">
        <v>0.22497166603702304</v>
      </c>
      <c r="BQ1457" s="6">
        <v>14302</v>
      </c>
      <c r="BR1457" s="6">
        <v>14821</v>
      </c>
      <c r="BS1457" s="6">
        <v>15294</v>
      </c>
      <c r="BT1457" s="6">
        <v>15882</v>
      </c>
      <c r="BU1457" s="6">
        <v>16245</v>
      </c>
      <c r="BV1457" s="6">
        <v>16173</v>
      </c>
      <c r="BW1457" s="6">
        <v>16104</v>
      </c>
      <c r="BX1457" s="6">
        <v>16218</v>
      </c>
      <c r="BY1457" s="6">
        <v>16687</v>
      </c>
      <c r="BZ1457" s="6">
        <v>17292</v>
      </c>
      <c r="CA1457" s="6">
        <v>17639</v>
      </c>
      <c r="CB1457" s="6">
        <v>19180</v>
      </c>
      <c r="CC1457" s="11">
        <v>19455</v>
      </c>
      <c r="CD1457" s="11">
        <v>7024</v>
      </c>
      <c r="CE1457" s="11">
        <v>25847</v>
      </c>
      <c r="CF1457" s="11">
        <v>14120</v>
      </c>
      <c r="CG1457" s="11">
        <v>39967</v>
      </c>
      <c r="CH1457" s="20"/>
      <c r="CI1457" s="20"/>
      <c r="CJ1457" s="20"/>
      <c r="CK1457" s="20"/>
      <c r="CL1457" s="20"/>
      <c r="CM1457" s="20"/>
      <c r="CN1457" s="20"/>
      <c r="CO1457" s="20"/>
      <c r="CP1457" s="20"/>
      <c r="CQ1457" s="20"/>
      <c r="CR1457" s="20"/>
      <c r="CS1457" s="20"/>
      <c r="CT1457" s="20"/>
      <c r="CU1457" s="20"/>
      <c r="CV1457" s="20"/>
      <c r="CW1457" s="20"/>
      <c r="CX1457" s="20"/>
      <c r="CY1457" s="6"/>
      <c r="CZ1457" s="6"/>
      <c r="DA1457" s="6"/>
      <c r="DB1457" s="6"/>
      <c r="DC1457" s="6"/>
      <c r="DD1457" s="6"/>
      <c r="DE1457" s="6"/>
      <c r="DF1457" s="6"/>
      <c r="DG1457" s="6"/>
      <c r="DH1457" s="6"/>
      <c r="DI1457" s="6"/>
      <c r="DJ1457" s="6"/>
      <c r="DK1457" s="6"/>
      <c r="DL1457" s="6"/>
      <c r="DM1457" s="6"/>
      <c r="DN1457" s="6"/>
      <c r="DO1457" s="6"/>
      <c r="DP1457" s="6"/>
      <c r="DQ1457" s="6"/>
    </row>
    <row r="1458" spans="1:121" x14ac:dyDescent="0.2">
      <c r="A1458" s="6" t="s">
        <v>318</v>
      </c>
      <c r="B1458" s="6" t="s">
        <v>318</v>
      </c>
      <c r="C1458" s="6" t="s">
        <v>187</v>
      </c>
      <c r="D1458" s="6" t="s">
        <v>334</v>
      </c>
      <c r="E1458" s="6" t="s">
        <v>172</v>
      </c>
      <c r="F1458" s="11">
        <v>-7016</v>
      </c>
      <c r="G1458" s="13">
        <v>-9.71812452386E-2</v>
      </c>
      <c r="H1458" s="11">
        <v>-5167</v>
      </c>
      <c r="I1458" s="13">
        <v>-7.1570053327792788E-2</v>
      </c>
      <c r="J1458" s="11">
        <v>-7298</v>
      </c>
      <c r="K1458" s="13">
        <v>-0.10887987109864534</v>
      </c>
      <c r="L1458" s="11">
        <v>5449</v>
      </c>
      <c r="M1458" s="13">
        <v>9.1227189017244262E-2</v>
      </c>
      <c r="N1458" s="11">
        <v>-1849</v>
      </c>
      <c r="O1458" s="13">
        <v>-2.7585486662290385E-2</v>
      </c>
      <c r="P1458" s="7">
        <v>72195</v>
      </c>
      <c r="Q1458" s="7">
        <v>68588</v>
      </c>
      <c r="R1458" s="7">
        <v>66592</v>
      </c>
      <c r="S1458" s="7">
        <v>64288</v>
      </c>
      <c r="T1458" s="7">
        <v>68352</v>
      </c>
      <c r="U1458" s="7">
        <v>68752</v>
      </c>
      <c r="V1458" s="7">
        <v>67028</v>
      </c>
      <c r="W1458" s="7">
        <v>66326</v>
      </c>
      <c r="X1458" s="7">
        <v>59797</v>
      </c>
      <c r="Y1458" s="7">
        <v>59730</v>
      </c>
      <c r="Z1458" s="7">
        <v>61228</v>
      </c>
      <c r="AA1458" s="7">
        <v>60809</v>
      </c>
      <c r="AB1458" s="7">
        <v>63763</v>
      </c>
      <c r="AC1458" s="7">
        <v>66063</v>
      </c>
      <c r="AD1458" s="7">
        <v>65453</v>
      </c>
      <c r="AE1458" s="7">
        <v>65238</v>
      </c>
      <c r="AF1458" s="7">
        <v>65179</v>
      </c>
      <c r="AG1458" s="9">
        <v>37450.00546819999</v>
      </c>
      <c r="AH1458" s="13">
        <v>0.48076201584712791</v>
      </c>
      <c r="AI1458" s="9">
        <v>20270.142840400003</v>
      </c>
      <c r="AJ1458" s="13">
        <v>0.26021664380622922</v>
      </c>
      <c r="AK1458" s="9">
        <v>4817.4930517999892</v>
      </c>
      <c r="AL1458" s="13">
        <v>4.9074303890244891E-2</v>
      </c>
      <c r="AM1458" s="9">
        <v>12362.369575999997</v>
      </c>
      <c r="AN1458" s="13">
        <v>0.12004070137241324</v>
      </c>
      <c r="AO1458" s="9">
        <v>17179.862627799987</v>
      </c>
      <c r="AP1458" s="13">
        <v>0.1750059191210061</v>
      </c>
      <c r="AQ1458" s="9">
        <v>77897.180379800004</v>
      </c>
      <c r="AR1458" s="9">
        <v>79863.282720799994</v>
      </c>
      <c r="AS1458" s="9">
        <v>81627.392640699996</v>
      </c>
      <c r="AT1458" s="9">
        <v>88121.578514499997</v>
      </c>
      <c r="AU1458" s="9">
        <v>91960.1518144</v>
      </c>
      <c r="AV1458" s="9">
        <v>94015.531277300004</v>
      </c>
      <c r="AW1458" s="9">
        <v>98167.323220200007</v>
      </c>
      <c r="AX1458" s="9">
        <v>116687.50930999999</v>
      </c>
      <c r="AY1458" s="9">
        <v>92623.097857400004</v>
      </c>
      <c r="AZ1458" s="9">
        <v>102984.816272</v>
      </c>
      <c r="BA1458" s="9">
        <v>103368.310771</v>
      </c>
      <c r="BB1458" s="9">
        <v>110379.497898</v>
      </c>
      <c r="BC1458" s="9">
        <v>114216.348608</v>
      </c>
      <c r="BD1458" s="9">
        <v>117086.75247799999</v>
      </c>
      <c r="BE1458" s="9">
        <v>114872.38922300001</v>
      </c>
      <c r="BF1458" s="9">
        <v>115347.18584799999</v>
      </c>
      <c r="BG1458" s="11">
        <v>66</v>
      </c>
      <c r="BH1458" s="13">
        <v>4.4959128065395093E-2</v>
      </c>
      <c r="BI1458" s="6">
        <v>121</v>
      </c>
      <c r="BJ1458" s="13">
        <v>8.2425068119891004E-2</v>
      </c>
      <c r="BK1458" s="6">
        <v>-92</v>
      </c>
      <c r="BL1458" s="13">
        <v>-5.7898049087476401E-2</v>
      </c>
      <c r="BM1458" s="11">
        <v>37</v>
      </c>
      <c r="BN1458" s="13">
        <v>2.4716098864395457E-2</v>
      </c>
      <c r="BO1458" s="11">
        <v>-55</v>
      </c>
      <c r="BP1458" s="13">
        <v>-3.4612964128382634E-2</v>
      </c>
      <c r="BQ1458" s="6">
        <v>1468</v>
      </c>
      <c r="BR1458" s="6">
        <v>1540</v>
      </c>
      <c r="BS1458" s="6">
        <v>1558</v>
      </c>
      <c r="BT1458" s="6">
        <v>1589</v>
      </c>
      <c r="BU1458" s="6">
        <v>1560</v>
      </c>
      <c r="BV1458" s="6">
        <v>1498</v>
      </c>
      <c r="BW1458" s="6">
        <v>1497</v>
      </c>
      <c r="BX1458" s="6">
        <v>1484</v>
      </c>
      <c r="BY1458" s="6">
        <v>1511</v>
      </c>
      <c r="BZ1458" s="6">
        <v>1496</v>
      </c>
      <c r="CA1458" s="6">
        <v>1539</v>
      </c>
      <c r="CB1458" s="6">
        <v>1555</v>
      </c>
      <c r="CC1458" s="11">
        <v>1534</v>
      </c>
      <c r="CD1458" s="11">
        <v>-30367</v>
      </c>
      <c r="CE1458" s="11">
        <v>15459</v>
      </c>
      <c r="CF1458" s="11">
        <v>7892</v>
      </c>
      <c r="CG1458" s="11">
        <v>23351</v>
      </c>
      <c r="CH1458" s="20"/>
      <c r="CI1458" s="20"/>
      <c r="CJ1458" s="20"/>
      <c r="CK1458" s="20"/>
      <c r="CL1458" s="20"/>
      <c r="CM1458" s="20"/>
      <c r="CN1458" s="20"/>
      <c r="CO1458" s="20"/>
      <c r="CP1458" s="20"/>
      <c r="CQ1458" s="20"/>
      <c r="CR1458" s="20"/>
      <c r="CS1458" s="20"/>
      <c r="CT1458" s="20"/>
      <c r="CU1458" s="20"/>
      <c r="CV1458" s="20"/>
      <c r="CW1458" s="20"/>
      <c r="CX1458" s="20"/>
      <c r="CY1458" s="6"/>
      <c r="CZ1458" s="6"/>
      <c r="DA1458" s="6"/>
      <c r="DB1458" s="6"/>
      <c r="DC1458" s="6"/>
      <c r="DD1458" s="6"/>
      <c r="DE1458" s="6"/>
      <c r="DF1458" s="6"/>
      <c r="DG1458" s="6"/>
      <c r="DH1458" s="6"/>
      <c r="DI1458" s="6"/>
      <c r="DJ1458" s="6"/>
      <c r="DK1458" s="6"/>
      <c r="DL1458" s="6"/>
      <c r="DM1458" s="6"/>
      <c r="DN1458" s="6"/>
      <c r="DO1458" s="6"/>
      <c r="DP1458" s="6"/>
      <c r="DQ1458" s="6"/>
    </row>
    <row r="1459" spans="1:121" x14ac:dyDescent="0.2">
      <c r="A1459" s="6" t="s">
        <v>319</v>
      </c>
      <c r="B1459" s="6" t="s">
        <v>319</v>
      </c>
      <c r="C1459" s="6" t="s">
        <v>188</v>
      </c>
      <c r="D1459" s="6" t="s">
        <v>334</v>
      </c>
      <c r="E1459" s="6" t="s">
        <v>172</v>
      </c>
      <c r="F1459" s="11">
        <v>36637</v>
      </c>
      <c r="G1459" s="13">
        <v>0.257974341281</v>
      </c>
      <c r="H1459" s="11">
        <v>17218</v>
      </c>
      <c r="I1459" s="13">
        <v>0.12123815291019448</v>
      </c>
      <c r="J1459" s="11">
        <v>-3740</v>
      </c>
      <c r="K1459" s="13">
        <v>-2.3487151146725616E-2</v>
      </c>
      <c r="L1459" s="11">
        <v>23159</v>
      </c>
      <c r="M1459" s="13">
        <v>0.14893630704326799</v>
      </c>
      <c r="N1459" s="11">
        <v>19419</v>
      </c>
      <c r="O1459" s="13">
        <v>0.121951066341782</v>
      </c>
      <c r="P1459" s="7">
        <v>142018</v>
      </c>
      <c r="Q1459" s="7">
        <v>140089</v>
      </c>
      <c r="R1459" s="7">
        <v>139678</v>
      </c>
      <c r="S1459" s="7">
        <v>142746</v>
      </c>
      <c r="T1459" s="7">
        <v>148801</v>
      </c>
      <c r="U1459" s="7">
        <v>155154</v>
      </c>
      <c r="V1459" s="7">
        <v>159236</v>
      </c>
      <c r="W1459" s="7">
        <v>161958</v>
      </c>
      <c r="X1459" s="7">
        <v>149552</v>
      </c>
      <c r="Y1459" s="7">
        <v>155496</v>
      </c>
      <c r="Z1459" s="7">
        <v>162525</v>
      </c>
      <c r="AA1459" s="7">
        <v>162505</v>
      </c>
      <c r="AB1459" s="7">
        <v>165806</v>
      </c>
      <c r="AC1459" s="7">
        <v>168907</v>
      </c>
      <c r="AD1459" s="7">
        <v>172594</v>
      </c>
      <c r="AE1459" s="7">
        <v>174765</v>
      </c>
      <c r="AF1459" s="7">
        <v>178655</v>
      </c>
      <c r="AG1459" s="9">
        <v>13812.582049900004</v>
      </c>
      <c r="AH1459" s="13">
        <v>0.55733114321656485</v>
      </c>
      <c r="AI1459" s="9">
        <v>5386.5877174000016</v>
      </c>
      <c r="AJ1459" s="13">
        <v>0.21734626297453075</v>
      </c>
      <c r="AK1459" s="9">
        <v>3492.4049239999986</v>
      </c>
      <c r="AL1459" s="13">
        <v>0.11575743792004972</v>
      </c>
      <c r="AM1459" s="9">
        <v>4933.5894085000036</v>
      </c>
      <c r="AN1459" s="13">
        <v>0.14656069860545243</v>
      </c>
      <c r="AO1459" s="9">
        <v>8425.9943325000022</v>
      </c>
      <c r="AP1459" s="13">
        <v>0.27928362749584196</v>
      </c>
      <c r="AQ1459" s="9">
        <v>24783.438388499999</v>
      </c>
      <c r="AR1459" s="9">
        <v>25856.7927571</v>
      </c>
      <c r="AS1459" s="9">
        <v>26472.162336199999</v>
      </c>
      <c r="AT1459" s="9">
        <v>27880.881479799998</v>
      </c>
      <c r="AU1459" s="9">
        <v>28632.303455900001</v>
      </c>
      <c r="AV1459" s="9">
        <v>28992.182046400001</v>
      </c>
      <c r="AW1459" s="9">
        <v>30170.0261059</v>
      </c>
      <c r="AX1459" s="9">
        <v>31838.705709599999</v>
      </c>
      <c r="AY1459" s="9">
        <v>32928.269564399998</v>
      </c>
      <c r="AZ1459" s="9">
        <v>33662.431029899999</v>
      </c>
      <c r="BA1459" s="9">
        <v>34274.9783302</v>
      </c>
      <c r="BB1459" s="9">
        <v>34789.979627599998</v>
      </c>
      <c r="BC1459" s="9">
        <v>35724.722116299999</v>
      </c>
      <c r="BD1459" s="9">
        <v>36860.994206800002</v>
      </c>
      <c r="BE1459" s="9">
        <v>37425.5240462</v>
      </c>
      <c r="BF1459" s="9">
        <v>38596.020438400003</v>
      </c>
      <c r="BG1459" s="11">
        <v>2859</v>
      </c>
      <c r="BH1459" s="13">
        <v>0.3523105360443623</v>
      </c>
      <c r="BI1459" s="6">
        <v>883</v>
      </c>
      <c r="BJ1459" s="13">
        <v>0.10881084411583487</v>
      </c>
      <c r="BK1459" s="6">
        <v>336</v>
      </c>
      <c r="BL1459" s="13">
        <v>3.7341631473660812E-2</v>
      </c>
      <c r="BM1459" s="11">
        <v>1640</v>
      </c>
      <c r="BN1459" s="13">
        <v>0.17570173559031499</v>
      </c>
      <c r="BO1459" s="11">
        <v>1976</v>
      </c>
      <c r="BP1459" s="13">
        <v>0.21960435652367194</v>
      </c>
      <c r="BQ1459" s="6">
        <v>8115</v>
      </c>
      <c r="BR1459" s="6">
        <v>8337</v>
      </c>
      <c r="BS1459" s="6">
        <v>8483</v>
      </c>
      <c r="BT1459" s="6">
        <v>8998</v>
      </c>
      <c r="BU1459" s="6">
        <v>9266</v>
      </c>
      <c r="BV1459" s="6">
        <v>9233</v>
      </c>
      <c r="BW1459" s="6">
        <v>9334</v>
      </c>
      <c r="BX1459" s="6">
        <v>9601</v>
      </c>
      <c r="BY1459" s="6">
        <v>10029</v>
      </c>
      <c r="BZ1459" s="6">
        <v>10344</v>
      </c>
      <c r="CA1459" s="6">
        <v>10660</v>
      </c>
      <c r="CB1459" s="6">
        <v>11076</v>
      </c>
      <c r="CC1459" s="11">
        <v>10974</v>
      </c>
      <c r="CD1459" s="11">
        <v>8335</v>
      </c>
      <c r="CE1459" s="11">
        <v>12778</v>
      </c>
      <c r="CF1459" s="11">
        <v>15524</v>
      </c>
      <c r="CG1459" s="11">
        <v>28302</v>
      </c>
      <c r="CH1459" s="20"/>
      <c r="CI1459" s="20"/>
      <c r="CJ1459" s="20"/>
      <c r="CK1459" s="20"/>
      <c r="CL1459" s="20"/>
      <c r="CM1459" s="20"/>
      <c r="CN1459" s="20"/>
      <c r="CO1459" s="20"/>
      <c r="CP1459" s="20"/>
      <c r="CQ1459" s="20"/>
      <c r="CR1459" s="20"/>
      <c r="CS1459" s="20"/>
      <c r="CT1459" s="20"/>
      <c r="CU1459" s="20"/>
      <c r="CV1459" s="20"/>
      <c r="CW1459" s="20"/>
      <c r="CX1459" s="20"/>
      <c r="CY1459" s="6"/>
      <c r="CZ1459" s="6"/>
      <c r="DA1459" s="6"/>
      <c r="DB1459" s="6"/>
      <c r="DC1459" s="6"/>
      <c r="DD1459" s="6"/>
      <c r="DE1459" s="6"/>
      <c r="DF1459" s="6"/>
      <c r="DG1459" s="6"/>
      <c r="DH1459" s="6"/>
      <c r="DI1459" s="6"/>
      <c r="DJ1459" s="6"/>
      <c r="DK1459" s="6"/>
      <c r="DL1459" s="6"/>
      <c r="DM1459" s="6"/>
      <c r="DN1459" s="6"/>
      <c r="DO1459" s="6"/>
      <c r="DP1459" s="6"/>
      <c r="DQ1459" s="6"/>
    </row>
    <row r="1460" spans="1:121" x14ac:dyDescent="0.2">
      <c r="A1460" s="6" t="s">
        <v>320</v>
      </c>
      <c r="B1460" s="6" t="s">
        <v>320</v>
      </c>
      <c r="C1460" s="6" t="s">
        <v>189</v>
      </c>
      <c r="D1460" s="6" t="s">
        <v>334</v>
      </c>
      <c r="E1460" s="6" t="s">
        <v>172</v>
      </c>
      <c r="F1460" s="11">
        <v>9470</v>
      </c>
      <c r="G1460" s="13">
        <v>0.136535993887</v>
      </c>
      <c r="H1460" s="11">
        <v>1767</v>
      </c>
      <c r="I1460" s="13">
        <v>2.5476145849853655E-2</v>
      </c>
      <c r="J1460" s="11">
        <v>5009</v>
      </c>
      <c r="K1460" s="13">
        <v>7.0424317408542589E-2</v>
      </c>
      <c r="L1460" s="11">
        <v>2694</v>
      </c>
      <c r="M1460" s="13">
        <v>3.5384514349510739E-2</v>
      </c>
      <c r="N1460" s="11">
        <v>7703</v>
      </c>
      <c r="O1460" s="13">
        <v>0.1083007620279504</v>
      </c>
      <c r="P1460" s="7">
        <v>69359</v>
      </c>
      <c r="Q1460" s="7">
        <v>73552</v>
      </c>
      <c r="R1460" s="7">
        <v>75665</v>
      </c>
      <c r="S1460" s="7">
        <v>76213</v>
      </c>
      <c r="T1460" s="7">
        <v>77543</v>
      </c>
      <c r="U1460" s="7">
        <v>77043</v>
      </c>
      <c r="V1460" s="7">
        <v>71126</v>
      </c>
      <c r="W1460" s="7">
        <v>72020</v>
      </c>
      <c r="X1460" s="7">
        <v>74070</v>
      </c>
      <c r="Y1460" s="7">
        <v>76135</v>
      </c>
      <c r="Z1460" s="7">
        <v>79053</v>
      </c>
      <c r="AA1460" s="7">
        <v>80804</v>
      </c>
      <c r="AB1460" s="7">
        <v>80490</v>
      </c>
      <c r="AC1460" s="7">
        <v>78020</v>
      </c>
      <c r="AD1460" s="7">
        <v>77974</v>
      </c>
      <c r="AE1460" s="7">
        <v>78217</v>
      </c>
      <c r="AF1460" s="7">
        <v>78829</v>
      </c>
      <c r="AG1460" s="9">
        <v>13631.861044900004</v>
      </c>
      <c r="AH1460" s="13">
        <v>0.40325570564665786</v>
      </c>
      <c r="AI1460" s="9">
        <v>8100.5304926000026</v>
      </c>
      <c r="AJ1460" s="13">
        <v>0.23962869993659364</v>
      </c>
      <c r="AK1460" s="9">
        <v>1324.6020024000027</v>
      </c>
      <c r="AL1460" s="13">
        <v>3.1609611282431123E-2</v>
      </c>
      <c r="AM1460" s="9">
        <v>4206.7285498999991</v>
      </c>
      <c r="AN1460" s="13">
        <v>9.7311206504536327E-2</v>
      </c>
      <c r="AO1460" s="9">
        <v>5531.3305523000017</v>
      </c>
      <c r="AP1460" s="13">
        <v>0.1319967871980002</v>
      </c>
      <c r="AQ1460" s="9">
        <v>33804.508786899998</v>
      </c>
      <c r="AR1460" s="9">
        <v>34361.541192700002</v>
      </c>
      <c r="AS1460" s="9">
        <v>35311.475388300001</v>
      </c>
      <c r="AT1460" s="9">
        <v>37631.490395000001</v>
      </c>
      <c r="AU1460" s="9">
        <v>38996.4763934</v>
      </c>
      <c r="AV1460" s="9">
        <v>42094.805862699999</v>
      </c>
      <c r="AW1460" s="9">
        <v>41905.039279500001</v>
      </c>
      <c r="AX1460" s="9">
        <v>42452.688365100003</v>
      </c>
      <c r="AY1460" s="9">
        <v>44570.871982099998</v>
      </c>
      <c r="AZ1460" s="9">
        <v>43229.641281900003</v>
      </c>
      <c r="BA1460" s="9">
        <v>44726.9826627</v>
      </c>
      <c r="BB1460" s="9">
        <v>44910.599294200001</v>
      </c>
      <c r="BC1460" s="9">
        <v>43263.964789999998</v>
      </c>
      <c r="BD1460" s="9">
        <v>46064.143020099997</v>
      </c>
      <c r="BE1460" s="9">
        <v>46988.302491199996</v>
      </c>
      <c r="BF1460" s="9">
        <v>47436.369831800002</v>
      </c>
      <c r="BG1460" s="11">
        <v>530</v>
      </c>
      <c r="BH1460" s="13">
        <v>0.42845594179466451</v>
      </c>
      <c r="BI1460" s="6">
        <v>216</v>
      </c>
      <c r="BJ1460" s="13">
        <v>0.1746160064672595</v>
      </c>
      <c r="BK1460" s="6">
        <v>51</v>
      </c>
      <c r="BL1460" s="13">
        <v>3.509979353062629E-2</v>
      </c>
      <c r="BM1460" s="11">
        <v>263</v>
      </c>
      <c r="BN1460" s="13">
        <v>0.17486702127659576</v>
      </c>
      <c r="BO1460" s="11">
        <v>314</v>
      </c>
      <c r="BP1460" s="13">
        <v>0.21610461114934618</v>
      </c>
      <c r="BQ1460" s="6">
        <v>1237</v>
      </c>
      <c r="BR1460" s="6">
        <v>1298</v>
      </c>
      <c r="BS1460" s="6">
        <v>1365</v>
      </c>
      <c r="BT1460" s="6">
        <v>1453</v>
      </c>
      <c r="BU1460" s="6">
        <v>1489</v>
      </c>
      <c r="BV1460" s="6">
        <v>1482</v>
      </c>
      <c r="BW1460" s="6">
        <v>1504</v>
      </c>
      <c r="BX1460" s="6">
        <v>1535</v>
      </c>
      <c r="BY1460" s="6">
        <v>1634</v>
      </c>
      <c r="BZ1460" s="6">
        <v>1660</v>
      </c>
      <c r="CA1460" s="6">
        <v>1693</v>
      </c>
      <c r="CB1460" s="6">
        <v>1771</v>
      </c>
      <c r="CC1460" s="11">
        <v>1767</v>
      </c>
      <c r="CD1460" s="11">
        <v>-23230</v>
      </c>
      <c r="CE1460" s="11">
        <v>25118</v>
      </c>
      <c r="CF1460" s="11">
        <v>7583</v>
      </c>
      <c r="CG1460" s="11">
        <v>32701</v>
      </c>
      <c r="CH1460" s="20"/>
      <c r="CI1460" s="20"/>
      <c r="CJ1460" s="20"/>
      <c r="CK1460" s="20"/>
      <c r="CL1460" s="20"/>
      <c r="CM1460" s="20"/>
      <c r="CN1460" s="20"/>
      <c r="CO1460" s="20"/>
      <c r="CP1460" s="20"/>
      <c r="CQ1460" s="20"/>
      <c r="CR1460" s="20"/>
      <c r="CS1460" s="20"/>
      <c r="CT1460" s="20"/>
      <c r="CU1460" s="20"/>
      <c r="CV1460" s="20"/>
      <c r="CW1460" s="20"/>
      <c r="CX1460" s="20"/>
      <c r="CY1460" s="6"/>
      <c r="CZ1460" s="6"/>
      <c r="DA1460" s="6"/>
      <c r="DB1460" s="6"/>
      <c r="DC1460" s="6"/>
      <c r="DD1460" s="6"/>
      <c r="DE1460" s="6"/>
      <c r="DF1460" s="6"/>
      <c r="DG1460" s="6"/>
      <c r="DH1460" s="6"/>
      <c r="DI1460" s="6"/>
      <c r="DJ1460" s="6"/>
      <c r="DK1460" s="6"/>
      <c r="DL1460" s="6"/>
      <c r="DM1460" s="6"/>
      <c r="DN1460" s="6"/>
      <c r="DO1460" s="6"/>
      <c r="DP1460" s="6"/>
      <c r="DQ1460" s="6"/>
    </row>
    <row r="1461" spans="1:121" x14ac:dyDescent="0.2">
      <c r="A1461" s="6" t="s">
        <v>321</v>
      </c>
      <c r="B1461" s="6" t="s">
        <v>321</v>
      </c>
      <c r="C1461" s="6" t="s">
        <v>190</v>
      </c>
      <c r="D1461" s="6" t="s">
        <v>334</v>
      </c>
      <c r="E1461" s="6" t="s">
        <v>172</v>
      </c>
      <c r="F1461" s="11">
        <v>122647</v>
      </c>
      <c r="G1461" s="13">
        <v>0.41029904222199998</v>
      </c>
      <c r="H1461" s="11">
        <v>35475</v>
      </c>
      <c r="I1461" s="13">
        <v>0.11867684103826764</v>
      </c>
      <c r="J1461" s="11">
        <v>29090</v>
      </c>
      <c r="K1461" s="13">
        <v>8.6992667376404029E-2</v>
      </c>
      <c r="L1461" s="11">
        <v>58082</v>
      </c>
      <c r="M1461" s="13">
        <v>0.15979157381577283</v>
      </c>
      <c r="N1461" s="11">
        <v>87172</v>
      </c>
      <c r="O1461" s="13">
        <v>0.26068493642268448</v>
      </c>
      <c r="P1461" s="7">
        <v>298921</v>
      </c>
      <c r="Q1461" s="7">
        <v>306017</v>
      </c>
      <c r="R1461" s="7">
        <v>310809</v>
      </c>
      <c r="S1461" s="7">
        <v>314320</v>
      </c>
      <c r="T1461" s="7">
        <v>320769</v>
      </c>
      <c r="U1461" s="7">
        <v>329903</v>
      </c>
      <c r="V1461" s="7">
        <v>334396</v>
      </c>
      <c r="W1461" s="7">
        <v>341340</v>
      </c>
      <c r="X1461" s="7">
        <v>349580</v>
      </c>
      <c r="Y1461" s="7">
        <v>363486</v>
      </c>
      <c r="Z1461" s="7">
        <v>367406</v>
      </c>
      <c r="AA1461" s="7">
        <v>387232</v>
      </c>
      <c r="AB1461" s="7">
        <v>393592</v>
      </c>
      <c r="AC1461" s="7">
        <v>395106</v>
      </c>
      <c r="AD1461" s="7">
        <v>404823</v>
      </c>
      <c r="AE1461" s="7">
        <v>410296</v>
      </c>
      <c r="AF1461" s="7">
        <v>421568</v>
      </c>
      <c r="AG1461" s="9">
        <v>16480.449566900003</v>
      </c>
      <c r="AH1461" s="13">
        <v>0.45765816466812315</v>
      </c>
      <c r="AI1461" s="9">
        <v>8225.9148564000061</v>
      </c>
      <c r="AJ1461" s="13">
        <v>0.22843169906343841</v>
      </c>
      <c r="AK1461" s="9">
        <v>4821.5233711999972</v>
      </c>
      <c r="AL1461" s="13">
        <v>0.1089947103624236</v>
      </c>
      <c r="AM1461" s="9">
        <v>3433.0113392999992</v>
      </c>
      <c r="AN1461" s="13">
        <v>6.9978867310170209E-2</v>
      </c>
      <c r="AO1461" s="9">
        <v>8254.5347104999964</v>
      </c>
      <c r="AP1461" s="13">
        <v>0.1866009040465563</v>
      </c>
      <c r="AQ1461" s="9">
        <v>36010.391246599997</v>
      </c>
      <c r="AR1461" s="9">
        <v>37360.699371499999</v>
      </c>
      <c r="AS1461" s="9">
        <v>38711.4949356</v>
      </c>
      <c r="AT1461" s="9">
        <v>40507.563161899998</v>
      </c>
      <c r="AU1461" s="9">
        <v>41626.602431500003</v>
      </c>
      <c r="AV1461" s="9">
        <v>42850.5163264</v>
      </c>
      <c r="AW1461" s="9">
        <v>44236.306103000003</v>
      </c>
      <c r="AX1461" s="9">
        <v>45850.2459093</v>
      </c>
      <c r="AY1461" s="9">
        <v>47224.677971700003</v>
      </c>
      <c r="AZ1461" s="9">
        <v>49057.8294742</v>
      </c>
      <c r="BA1461" s="9">
        <v>49350.709496000003</v>
      </c>
      <c r="BB1461" s="9">
        <v>48926.631178700001</v>
      </c>
      <c r="BC1461" s="9">
        <v>49726.808194800004</v>
      </c>
      <c r="BD1461" s="9">
        <v>49872.123855500002</v>
      </c>
      <c r="BE1461" s="9">
        <v>51540.191085699997</v>
      </c>
      <c r="BF1461" s="9">
        <v>52490.840813499999</v>
      </c>
      <c r="BG1461" s="11">
        <v>27272</v>
      </c>
      <c r="BH1461" s="13">
        <v>2.0785001143205548</v>
      </c>
      <c r="BI1461" s="6">
        <v>563</v>
      </c>
      <c r="BJ1461" s="13">
        <v>4.2908314915021721E-2</v>
      </c>
      <c r="BK1461" s="6">
        <v>452</v>
      </c>
      <c r="BL1461" s="13">
        <v>3.3031277404267756E-2</v>
      </c>
      <c r="BM1461" s="11">
        <v>26257</v>
      </c>
      <c r="BN1461" s="13">
        <v>1.8574561403508771</v>
      </c>
      <c r="BO1461" s="11">
        <v>26709</v>
      </c>
      <c r="BP1461" s="13">
        <v>1.9518415667933353</v>
      </c>
      <c r="BQ1461" s="6">
        <v>13121</v>
      </c>
      <c r="BR1461" s="6">
        <v>13217</v>
      </c>
      <c r="BS1461" s="6">
        <v>13444</v>
      </c>
      <c r="BT1461" s="6">
        <v>13684</v>
      </c>
      <c r="BU1461" s="6">
        <v>13824</v>
      </c>
      <c r="BV1461" s="6">
        <v>13974</v>
      </c>
      <c r="BW1461" s="6">
        <v>14136</v>
      </c>
      <c r="BX1461" s="6">
        <v>14279</v>
      </c>
      <c r="BY1461" s="6">
        <v>14807</v>
      </c>
      <c r="BZ1461" s="6">
        <v>31976</v>
      </c>
      <c r="CA1461" s="6">
        <v>34817</v>
      </c>
      <c r="CB1461" s="6">
        <v>38542</v>
      </c>
      <c r="CC1461" s="11">
        <v>40393</v>
      </c>
      <c r="CD1461" s="11">
        <v>-18885</v>
      </c>
      <c r="CE1461" s="11">
        <v>108857</v>
      </c>
      <c r="CF1461" s="11">
        <v>32676</v>
      </c>
      <c r="CG1461" s="11">
        <v>141533</v>
      </c>
      <c r="CH1461" s="20"/>
      <c r="CI1461" s="20"/>
      <c r="CJ1461" s="20"/>
      <c r="CK1461" s="20"/>
      <c r="CL1461" s="20"/>
      <c r="CM1461" s="20"/>
      <c r="CN1461" s="20"/>
      <c r="CO1461" s="20"/>
      <c r="CP1461" s="20"/>
      <c r="CQ1461" s="20"/>
      <c r="CR1461" s="20"/>
      <c r="CS1461" s="20"/>
      <c r="CT1461" s="20"/>
      <c r="CU1461" s="20"/>
      <c r="CV1461" s="20"/>
      <c r="CW1461" s="20"/>
      <c r="CX1461" s="20"/>
      <c r="CY1461" s="6"/>
      <c r="CZ1461" s="6"/>
      <c r="DA1461" s="6"/>
      <c r="DB1461" s="6"/>
      <c r="DC1461" s="6"/>
      <c r="DD1461" s="6"/>
      <c r="DE1461" s="6"/>
      <c r="DF1461" s="6"/>
      <c r="DG1461" s="6"/>
      <c r="DH1461" s="6"/>
      <c r="DI1461" s="6"/>
      <c r="DJ1461" s="6"/>
      <c r="DK1461" s="6"/>
      <c r="DL1461" s="6"/>
      <c r="DM1461" s="6"/>
      <c r="DN1461" s="6"/>
      <c r="DO1461" s="6"/>
      <c r="DP1461" s="6"/>
      <c r="DQ1461" s="6"/>
    </row>
    <row r="1462" spans="1:121" x14ac:dyDescent="0.2">
      <c r="A1462" s="6" t="s">
        <v>322</v>
      </c>
      <c r="B1462" s="6" t="s">
        <v>322</v>
      </c>
      <c r="C1462" s="6" t="s">
        <v>191</v>
      </c>
      <c r="D1462" s="6" t="s">
        <v>334</v>
      </c>
      <c r="E1462" s="6" t="s">
        <v>172</v>
      </c>
      <c r="F1462" s="11">
        <v>-101</v>
      </c>
      <c r="G1462" s="13">
        <v>0</v>
      </c>
      <c r="H1462" s="11">
        <v>3995</v>
      </c>
      <c r="I1462" s="13">
        <v>8.5217576791808858E-2</v>
      </c>
      <c r="J1462" s="11">
        <v>-2930</v>
      </c>
      <c r="K1462" s="13">
        <v>-5.7592137592137591E-2</v>
      </c>
      <c r="L1462" s="11">
        <v>-1166</v>
      </c>
      <c r="M1462" s="13">
        <v>-2.4319532797997704E-2</v>
      </c>
      <c r="N1462" s="11">
        <v>-4096</v>
      </c>
      <c r="O1462" s="13">
        <v>-8.0511056511056514E-2</v>
      </c>
      <c r="P1462" s="7">
        <v>46880</v>
      </c>
      <c r="Q1462" s="7">
        <v>47847</v>
      </c>
      <c r="R1462" s="7">
        <v>47590</v>
      </c>
      <c r="S1462" s="7">
        <v>48794</v>
      </c>
      <c r="T1462" s="7">
        <v>49445</v>
      </c>
      <c r="U1462" s="7">
        <v>50481</v>
      </c>
      <c r="V1462" s="7">
        <v>50875</v>
      </c>
      <c r="W1462" s="7">
        <v>50958</v>
      </c>
      <c r="X1462" s="7">
        <v>48856</v>
      </c>
      <c r="Y1462" s="7">
        <v>47945</v>
      </c>
      <c r="Z1462" s="7">
        <v>46813</v>
      </c>
      <c r="AA1462" s="7">
        <v>47226</v>
      </c>
      <c r="AB1462" s="7">
        <v>47485</v>
      </c>
      <c r="AC1462" s="7">
        <v>48100</v>
      </c>
      <c r="AD1462" s="7">
        <v>45796</v>
      </c>
      <c r="AE1462" s="7">
        <v>46485</v>
      </c>
      <c r="AF1462" s="7">
        <v>46779</v>
      </c>
      <c r="AG1462" s="9">
        <v>15606</v>
      </c>
      <c r="AH1462" s="13">
        <v>0.56611165523996088</v>
      </c>
      <c r="AI1462" s="9">
        <v>6578</v>
      </c>
      <c r="AJ1462" s="13">
        <v>0.23861863822686544</v>
      </c>
      <c r="AK1462" s="9">
        <v>1072</v>
      </c>
      <c r="AL1462" s="13">
        <v>3.1395519109679311E-2</v>
      </c>
      <c r="AM1462" s="9">
        <v>7956</v>
      </c>
      <c r="AN1462" s="13">
        <v>0.22591362126245848</v>
      </c>
      <c r="AO1462" s="9">
        <v>9028</v>
      </c>
      <c r="AP1462" s="13">
        <v>0.26440181578562016</v>
      </c>
      <c r="AQ1462" s="9">
        <v>27567</v>
      </c>
      <c r="AR1462" s="9">
        <v>30069</v>
      </c>
      <c r="AS1462" s="9">
        <v>30549</v>
      </c>
      <c r="AT1462" s="9">
        <v>30659</v>
      </c>
      <c r="AU1462" s="9">
        <v>30708</v>
      </c>
      <c r="AV1462" s="9">
        <v>33205</v>
      </c>
      <c r="AW1462" s="9">
        <v>34145</v>
      </c>
      <c r="AX1462" s="9">
        <v>33871</v>
      </c>
      <c r="AY1462" s="9">
        <v>35118</v>
      </c>
      <c r="AZ1462" s="9">
        <v>35217</v>
      </c>
      <c r="BA1462" s="9">
        <v>36540</v>
      </c>
      <c r="BB1462" s="9">
        <v>36956</v>
      </c>
      <c r="BC1462" s="9">
        <v>39392</v>
      </c>
      <c r="BD1462" s="9">
        <v>39954</v>
      </c>
      <c r="BE1462" s="9">
        <v>41941</v>
      </c>
      <c r="BF1462" s="9">
        <v>43173</v>
      </c>
      <c r="BG1462" s="11">
        <v>-2</v>
      </c>
      <c r="BH1462" s="13">
        <v>-9.4741828517290385E-4</v>
      </c>
      <c r="BI1462" s="6">
        <v>39</v>
      </c>
      <c r="BJ1462" s="13">
        <v>1.8474656560871626E-2</v>
      </c>
      <c r="BK1462" s="6">
        <v>-88</v>
      </c>
      <c r="BL1462" s="13">
        <v>-4.0930232558139532E-2</v>
      </c>
      <c r="BM1462" s="11">
        <v>47</v>
      </c>
      <c r="BN1462" s="13">
        <v>2.2793404461687681E-2</v>
      </c>
      <c r="BO1462" s="11">
        <v>-41</v>
      </c>
      <c r="BP1462" s="13">
        <v>-1.9069767441860466E-2</v>
      </c>
      <c r="BQ1462" s="6">
        <v>2111</v>
      </c>
      <c r="BR1462" s="6">
        <v>2172</v>
      </c>
      <c r="BS1462" s="6">
        <v>2166</v>
      </c>
      <c r="BT1462" s="6">
        <v>2150</v>
      </c>
      <c r="BU1462" s="6">
        <v>2135</v>
      </c>
      <c r="BV1462" s="6">
        <v>2105</v>
      </c>
      <c r="BW1462" s="6">
        <v>2062</v>
      </c>
      <c r="BX1462" s="6">
        <v>2031</v>
      </c>
      <c r="BY1462" s="6">
        <v>2039</v>
      </c>
      <c r="BZ1462" s="6">
        <v>2072</v>
      </c>
      <c r="CA1462" s="6">
        <v>2079</v>
      </c>
      <c r="CB1462" s="6">
        <v>2111</v>
      </c>
      <c r="CC1462" s="11">
        <v>2109</v>
      </c>
      <c r="CD1462" s="11">
        <v>-13754</v>
      </c>
      <c r="CE1462" s="11">
        <v>8528</v>
      </c>
      <c r="CF1462" s="11">
        <v>5125</v>
      </c>
      <c r="CG1462" s="11">
        <v>13653</v>
      </c>
      <c r="CH1462" s="20"/>
      <c r="CI1462" s="20"/>
      <c r="CJ1462" s="20"/>
      <c r="CK1462" s="20"/>
      <c r="CL1462" s="20"/>
      <c r="CM1462" s="20"/>
      <c r="CN1462" s="20"/>
      <c r="CO1462" s="20"/>
      <c r="CP1462" s="20"/>
      <c r="CQ1462" s="20"/>
      <c r="CR1462" s="20"/>
      <c r="CS1462" s="20"/>
      <c r="CT1462" s="20"/>
      <c r="CU1462" s="20"/>
      <c r="CV1462" s="20"/>
      <c r="CW1462" s="20"/>
      <c r="CX1462" s="20"/>
      <c r="CY1462" s="6"/>
      <c r="CZ1462" s="6"/>
      <c r="DA1462" s="6"/>
      <c r="DB1462" s="6"/>
      <c r="DC1462" s="6"/>
      <c r="DD1462" s="6"/>
      <c r="DE1462" s="6"/>
      <c r="DF1462" s="6"/>
      <c r="DG1462" s="6"/>
      <c r="DH1462" s="6"/>
      <c r="DI1462" s="6"/>
      <c r="DJ1462" s="6"/>
      <c r="DK1462" s="6"/>
      <c r="DL1462" s="6"/>
      <c r="DM1462" s="6"/>
      <c r="DN1462" s="6"/>
      <c r="DO1462" s="6"/>
      <c r="DP1462" s="6"/>
      <c r="DQ1462" s="6"/>
    </row>
    <row r="1463" spans="1:121" x14ac:dyDescent="0.2">
      <c r="A1463" s="6" t="s">
        <v>323</v>
      </c>
      <c r="B1463" s="6" t="s">
        <v>323</v>
      </c>
      <c r="C1463" s="6" t="s">
        <v>192</v>
      </c>
      <c r="D1463" s="6" t="s">
        <v>334</v>
      </c>
      <c r="E1463" s="6" t="s">
        <v>172</v>
      </c>
      <c r="F1463" s="11">
        <v>45039</v>
      </c>
      <c r="G1463" s="13">
        <v>0.207506139167</v>
      </c>
      <c r="H1463" s="11">
        <v>23613</v>
      </c>
      <c r="I1463" s="13">
        <v>0.10879110246994918</v>
      </c>
      <c r="J1463" s="11">
        <v>-7705</v>
      </c>
      <c r="K1463" s="13">
        <v>-3.2015856263140838E-2</v>
      </c>
      <c r="L1463" s="11">
        <v>29131</v>
      </c>
      <c r="M1463" s="13">
        <v>0.12504882875380435</v>
      </c>
      <c r="N1463" s="11">
        <v>21426</v>
      </c>
      <c r="O1463" s="13">
        <v>8.9029427163407601E-2</v>
      </c>
      <c r="P1463" s="7">
        <v>217049</v>
      </c>
      <c r="Q1463" s="7">
        <v>220206</v>
      </c>
      <c r="R1463" s="7">
        <v>223115</v>
      </c>
      <c r="S1463" s="7">
        <v>228152</v>
      </c>
      <c r="T1463" s="7">
        <v>232494</v>
      </c>
      <c r="U1463" s="7">
        <v>237744</v>
      </c>
      <c r="V1463" s="7">
        <v>240662</v>
      </c>
      <c r="W1463" s="7">
        <v>240464</v>
      </c>
      <c r="X1463" s="7">
        <v>234255</v>
      </c>
      <c r="Y1463" s="7">
        <v>232957</v>
      </c>
      <c r="Z1463" s="7">
        <v>233219</v>
      </c>
      <c r="AA1463" s="7">
        <v>236611</v>
      </c>
      <c r="AB1463" s="7">
        <v>240812</v>
      </c>
      <c r="AC1463" s="7">
        <v>245627</v>
      </c>
      <c r="AD1463" s="7">
        <v>253956</v>
      </c>
      <c r="AE1463" s="7">
        <v>259037</v>
      </c>
      <c r="AF1463" s="7">
        <v>262088</v>
      </c>
      <c r="AG1463" s="9">
        <v>5789.8783346000018</v>
      </c>
      <c r="AH1463" s="13">
        <v>0.41710241221163558</v>
      </c>
      <c r="AI1463" s="9">
        <v>2387.213866600001</v>
      </c>
      <c r="AJ1463" s="13">
        <v>0.17197471253818938</v>
      </c>
      <c r="AK1463" s="9">
        <v>955.3472066000013</v>
      </c>
      <c r="AL1463" s="13">
        <v>5.8724085279973443E-2</v>
      </c>
      <c r="AM1463" s="9">
        <v>2447.3172613999996</v>
      </c>
      <c r="AN1463" s="13">
        <v>0.14208966909994694</v>
      </c>
      <c r="AO1463" s="9">
        <v>3402.6644680000009</v>
      </c>
      <c r="AP1463" s="13">
        <v>0.20915784022554887</v>
      </c>
      <c r="AQ1463" s="9">
        <v>13881.1912017</v>
      </c>
      <c r="AR1463" s="9">
        <v>14218.3585625</v>
      </c>
      <c r="AS1463" s="9">
        <v>14575.080615000001</v>
      </c>
      <c r="AT1463" s="9">
        <v>14942.6288702</v>
      </c>
      <c r="AU1463" s="9">
        <v>15348.8068933</v>
      </c>
      <c r="AV1463" s="9">
        <v>15378.119653</v>
      </c>
      <c r="AW1463" s="9">
        <v>16268.4050683</v>
      </c>
      <c r="AX1463" s="9">
        <v>16657.260593399998</v>
      </c>
      <c r="AY1463" s="9">
        <v>16794.041876300002</v>
      </c>
      <c r="AZ1463" s="9">
        <v>17223.752274900002</v>
      </c>
      <c r="BA1463" s="9">
        <v>17315.370964099999</v>
      </c>
      <c r="BB1463" s="9">
        <v>17674.549566500002</v>
      </c>
      <c r="BC1463" s="9">
        <v>17789.8034969</v>
      </c>
      <c r="BD1463" s="9">
        <v>18199.3512495</v>
      </c>
      <c r="BE1463" s="9">
        <v>19196.60439</v>
      </c>
      <c r="BF1463" s="9">
        <v>19671.069536300001</v>
      </c>
      <c r="BG1463" s="11">
        <v>838</v>
      </c>
      <c r="BH1463" s="13">
        <v>7.3399316808268375E-2</v>
      </c>
      <c r="BI1463" s="6">
        <v>398</v>
      </c>
      <c r="BJ1463" s="13">
        <v>3.4860296049750369E-2</v>
      </c>
      <c r="BK1463" s="6">
        <v>238</v>
      </c>
      <c r="BL1463" s="13">
        <v>2.0143884892086329E-2</v>
      </c>
      <c r="BM1463" s="11">
        <v>202</v>
      </c>
      <c r="BN1463" s="13">
        <v>1.6759313034099395E-2</v>
      </c>
      <c r="BO1463" s="11">
        <v>440</v>
      </c>
      <c r="BP1463" s="13">
        <v>3.7240795598815067E-2</v>
      </c>
      <c r="BQ1463" s="6">
        <v>11417</v>
      </c>
      <c r="BR1463" s="6">
        <v>11551</v>
      </c>
      <c r="BS1463" s="6">
        <v>11656</v>
      </c>
      <c r="BT1463" s="6">
        <v>11815</v>
      </c>
      <c r="BU1463" s="6">
        <v>11903</v>
      </c>
      <c r="BV1463" s="6">
        <v>11938</v>
      </c>
      <c r="BW1463" s="6">
        <v>12053</v>
      </c>
      <c r="BX1463" s="6">
        <v>12036</v>
      </c>
      <c r="BY1463" s="6">
        <v>12049</v>
      </c>
      <c r="BZ1463" s="6">
        <v>12102</v>
      </c>
      <c r="CA1463" s="6">
        <v>12092</v>
      </c>
      <c r="CB1463" s="6">
        <v>12282</v>
      </c>
      <c r="CC1463" s="11">
        <v>12255</v>
      </c>
      <c r="CD1463" s="11">
        <v>-28045</v>
      </c>
      <c r="CE1463" s="11">
        <v>49358</v>
      </c>
      <c r="CF1463" s="11">
        <v>23726</v>
      </c>
      <c r="CG1463" s="11">
        <v>73084</v>
      </c>
      <c r="CH1463" s="20"/>
      <c r="CI1463" s="20"/>
      <c r="CJ1463" s="20"/>
      <c r="CK1463" s="20"/>
      <c r="CL1463" s="20"/>
      <c r="CM1463" s="20"/>
      <c r="CN1463" s="20"/>
      <c r="CO1463" s="20"/>
      <c r="CP1463" s="20"/>
      <c r="CQ1463" s="20"/>
      <c r="CR1463" s="20"/>
      <c r="CS1463" s="20"/>
      <c r="CT1463" s="20"/>
      <c r="CU1463" s="20"/>
      <c r="CV1463" s="20"/>
      <c r="CW1463" s="20"/>
      <c r="CX1463" s="20"/>
      <c r="CY1463" s="6"/>
      <c r="CZ1463" s="6"/>
      <c r="DA1463" s="6"/>
      <c r="DB1463" s="6"/>
      <c r="DC1463" s="6"/>
      <c r="DD1463" s="6"/>
      <c r="DE1463" s="6"/>
      <c r="DF1463" s="6"/>
      <c r="DG1463" s="6"/>
      <c r="DH1463" s="6"/>
      <c r="DI1463" s="6"/>
      <c r="DJ1463" s="6"/>
      <c r="DK1463" s="6"/>
      <c r="DL1463" s="6"/>
      <c r="DM1463" s="6"/>
      <c r="DN1463" s="6"/>
      <c r="DO1463" s="6"/>
      <c r="DP1463" s="6"/>
      <c r="DQ1463" s="6"/>
    </row>
    <row r="1464" spans="1:121" x14ac:dyDescent="0.2">
      <c r="A1464" s="6" t="s">
        <v>325</v>
      </c>
      <c r="B1464" s="6" t="s">
        <v>325</v>
      </c>
      <c r="C1464" s="6" t="s">
        <v>193</v>
      </c>
      <c r="D1464" s="6" t="s">
        <v>334</v>
      </c>
      <c r="E1464" s="6" t="s">
        <v>172</v>
      </c>
      <c r="F1464" s="11">
        <v>-813</v>
      </c>
      <c r="G1464" s="13">
        <v>-5.5176626285200004E-3</v>
      </c>
      <c r="H1464" s="11">
        <v>10478</v>
      </c>
      <c r="I1464" s="13">
        <v>7.1112016016831245E-2</v>
      </c>
      <c r="J1464" s="11">
        <v>-1808</v>
      </c>
      <c r="K1464" s="13">
        <v>-1.1455871450929205E-2</v>
      </c>
      <c r="L1464" s="11">
        <v>-9483</v>
      </c>
      <c r="M1464" s="13">
        <v>-6.0782617056052306E-2</v>
      </c>
      <c r="N1464" s="11">
        <v>-11291</v>
      </c>
      <c r="O1464" s="13">
        <v>-7.1542170659536317E-2</v>
      </c>
      <c r="P1464" s="7">
        <v>147345</v>
      </c>
      <c r="Q1464" s="7">
        <v>148372</v>
      </c>
      <c r="R1464" s="7">
        <v>151979</v>
      </c>
      <c r="S1464" s="7">
        <v>153927</v>
      </c>
      <c r="T1464" s="7">
        <v>155396</v>
      </c>
      <c r="U1464" s="7">
        <v>156831</v>
      </c>
      <c r="V1464" s="7">
        <v>157823</v>
      </c>
      <c r="W1464" s="7">
        <v>156121</v>
      </c>
      <c r="X1464" s="7">
        <v>155133</v>
      </c>
      <c r="Y1464" s="7">
        <v>156015</v>
      </c>
      <c r="Z1464" s="7">
        <v>157779</v>
      </c>
      <c r="AA1464" s="7">
        <v>159645</v>
      </c>
      <c r="AB1464" s="7">
        <v>144185</v>
      </c>
      <c r="AC1464" s="7">
        <v>143493</v>
      </c>
      <c r="AD1464" s="7">
        <v>144603</v>
      </c>
      <c r="AE1464" s="7">
        <v>146217</v>
      </c>
      <c r="AF1464" s="7">
        <v>146532</v>
      </c>
      <c r="AG1464" s="9">
        <v>7162.3294765999999</v>
      </c>
      <c r="AH1464" s="13">
        <v>0.34165349417833818</v>
      </c>
      <c r="AI1464" s="9">
        <v>2103.9282153000022</v>
      </c>
      <c r="AJ1464" s="13">
        <v>0.1003604244409692</v>
      </c>
      <c r="AK1464" s="9">
        <v>18.047051499997906</v>
      </c>
      <c r="AL1464" s="13">
        <v>7.8235320666521755E-4</v>
      </c>
      <c r="AM1464" s="9">
        <v>5040.3542097999998</v>
      </c>
      <c r="AN1464" s="13">
        <v>0.21833231915686721</v>
      </c>
      <c r="AO1464" s="9">
        <v>5058.4012612999977</v>
      </c>
      <c r="AP1464" s="13">
        <v>0.21928548535354345</v>
      </c>
      <c r="AQ1464" s="9">
        <v>20963.723768799999</v>
      </c>
      <c r="AR1464" s="9">
        <v>21110.374193700001</v>
      </c>
      <c r="AS1464" s="9">
        <v>21166.937664699999</v>
      </c>
      <c r="AT1464" s="9">
        <v>21586.744097300001</v>
      </c>
      <c r="AU1464" s="9">
        <v>21981.5683321</v>
      </c>
      <c r="AV1464" s="9">
        <v>22395.256186400002</v>
      </c>
      <c r="AW1464" s="9">
        <v>23067.651984100001</v>
      </c>
      <c r="AX1464" s="9">
        <v>23805.488471000001</v>
      </c>
      <c r="AY1464" s="9">
        <v>23403.289167800001</v>
      </c>
      <c r="AZ1464" s="9">
        <v>23085.699035599999</v>
      </c>
      <c r="BA1464" s="9">
        <v>23343.884458</v>
      </c>
      <c r="BB1464" s="9">
        <v>23683.480982900001</v>
      </c>
      <c r="BC1464" s="9">
        <v>25745.258273899999</v>
      </c>
      <c r="BD1464" s="9">
        <v>26578.9737671</v>
      </c>
      <c r="BE1464" s="9">
        <v>27536.969560400001</v>
      </c>
      <c r="BF1464" s="9">
        <v>28126.053245399999</v>
      </c>
      <c r="BG1464" s="11">
        <v>-5759</v>
      </c>
      <c r="BH1464" s="13">
        <v>-0.30224624750708512</v>
      </c>
      <c r="BI1464" s="6">
        <v>1403</v>
      </c>
      <c r="BJ1464" s="13">
        <v>7.3632833000944684E-2</v>
      </c>
      <c r="BK1464" s="6">
        <v>3299</v>
      </c>
      <c r="BL1464" s="13">
        <v>0.16126509263332844</v>
      </c>
      <c r="BM1464" s="11">
        <v>-10461</v>
      </c>
      <c r="BN1464" s="13">
        <v>-0.44035191109614413</v>
      </c>
      <c r="BO1464" s="11">
        <v>-7162</v>
      </c>
      <c r="BP1464" s="13">
        <v>-0.35010021019699861</v>
      </c>
      <c r="BQ1464" s="6">
        <v>19054</v>
      </c>
      <c r="BR1464" s="6">
        <v>19429</v>
      </c>
      <c r="BS1464" s="6">
        <v>19738</v>
      </c>
      <c r="BT1464" s="6">
        <v>20457</v>
      </c>
      <c r="BU1464" s="6">
        <v>21052</v>
      </c>
      <c r="BV1464" s="6">
        <v>21862</v>
      </c>
      <c r="BW1464" s="6">
        <v>23756</v>
      </c>
      <c r="BX1464" s="6">
        <v>25810</v>
      </c>
      <c r="BY1464" s="6">
        <v>27345</v>
      </c>
      <c r="BZ1464" s="6">
        <v>12892</v>
      </c>
      <c r="CA1464" s="6">
        <v>13105</v>
      </c>
      <c r="CB1464" s="6">
        <v>13315</v>
      </c>
      <c r="CC1464" s="11">
        <v>13295</v>
      </c>
      <c r="CD1464" s="11">
        <v>-15563</v>
      </c>
      <c r="CE1464" s="11">
        <v>-1357</v>
      </c>
      <c r="CF1464" s="11">
        <v>16107</v>
      </c>
      <c r="CG1464" s="11">
        <v>14750</v>
      </c>
      <c r="CH1464" s="20"/>
      <c r="CI1464" s="20"/>
      <c r="CJ1464" s="20"/>
      <c r="CK1464" s="20"/>
      <c r="CL1464" s="20"/>
      <c r="CM1464" s="20"/>
      <c r="CN1464" s="20"/>
      <c r="CO1464" s="20"/>
      <c r="CP1464" s="20"/>
      <c r="CQ1464" s="20"/>
      <c r="CR1464" s="20"/>
      <c r="CS1464" s="20"/>
      <c r="CT1464" s="20"/>
      <c r="CU1464" s="20"/>
      <c r="CV1464" s="20"/>
      <c r="CW1464" s="20"/>
      <c r="CX1464" s="20"/>
      <c r="CY1464" s="6"/>
      <c r="CZ1464" s="6"/>
      <c r="DA1464" s="6"/>
      <c r="DB1464" s="6"/>
      <c r="DC1464" s="6"/>
      <c r="DD1464" s="6"/>
      <c r="DE1464" s="6"/>
      <c r="DF1464" s="6"/>
      <c r="DG1464" s="6"/>
      <c r="DH1464" s="6"/>
      <c r="DI1464" s="6"/>
      <c r="DJ1464" s="6"/>
      <c r="DK1464" s="6"/>
      <c r="DL1464" s="6"/>
      <c r="DM1464" s="6"/>
      <c r="DN1464" s="6"/>
      <c r="DO1464" s="6"/>
      <c r="DP1464" s="6"/>
      <c r="DQ1464" s="6"/>
    </row>
    <row r="1465" spans="1:121" x14ac:dyDescent="0.2">
      <c r="A1465" s="6" t="s">
        <v>327</v>
      </c>
      <c r="B1465" s="6" t="s">
        <v>327</v>
      </c>
      <c r="C1465" s="6" t="s">
        <v>194</v>
      </c>
      <c r="D1465" s="6" t="s">
        <v>334</v>
      </c>
      <c r="E1465" s="6" t="s">
        <v>172</v>
      </c>
      <c r="F1465" s="11">
        <v>1542</v>
      </c>
      <c r="G1465" s="13">
        <v>3.33464527765E-3</v>
      </c>
      <c r="H1465" s="11">
        <v>17746</v>
      </c>
      <c r="I1465" s="13">
        <v>3.8376533785449529E-2</v>
      </c>
      <c r="J1465" s="11">
        <v>4666</v>
      </c>
      <c r="K1465" s="13">
        <v>9.71751318299581E-3</v>
      </c>
      <c r="L1465" s="11">
        <v>-20870</v>
      </c>
      <c r="M1465" s="13">
        <v>-4.3046016129364935E-2</v>
      </c>
      <c r="N1465" s="11">
        <v>-16204</v>
      </c>
      <c r="O1465" s="13">
        <v>-3.3746803175581673E-2</v>
      </c>
      <c r="P1465" s="7">
        <v>462418</v>
      </c>
      <c r="Q1465" s="7">
        <v>466079</v>
      </c>
      <c r="R1465" s="7">
        <v>468900</v>
      </c>
      <c r="S1465" s="7">
        <v>468149</v>
      </c>
      <c r="T1465" s="7">
        <v>469172</v>
      </c>
      <c r="U1465" s="7">
        <v>473127</v>
      </c>
      <c r="V1465" s="7">
        <v>480164</v>
      </c>
      <c r="W1465" s="7">
        <v>487966</v>
      </c>
      <c r="X1465" s="7">
        <v>493343</v>
      </c>
      <c r="Y1465" s="7">
        <v>484830</v>
      </c>
      <c r="Z1465" s="7">
        <v>476640</v>
      </c>
      <c r="AA1465" s="7">
        <v>471740</v>
      </c>
      <c r="AB1465" s="7">
        <v>470700</v>
      </c>
      <c r="AC1465" s="7">
        <v>468086</v>
      </c>
      <c r="AD1465" s="7">
        <v>465650</v>
      </c>
      <c r="AE1465" s="7">
        <v>465290</v>
      </c>
      <c r="AF1465" s="7">
        <v>463960</v>
      </c>
      <c r="AG1465" s="9">
        <v>19445.993997199999</v>
      </c>
      <c r="AH1465" s="13">
        <v>0.48665781327681507</v>
      </c>
      <c r="AI1465" s="9">
        <v>10420.717349700004</v>
      </c>
      <c r="AJ1465" s="13">
        <v>0.26079014109080689</v>
      </c>
      <c r="AK1465" s="9">
        <v>4905.5301574999976</v>
      </c>
      <c r="AL1465" s="13">
        <v>9.7372584823553945E-2</v>
      </c>
      <c r="AM1465" s="9">
        <v>4119.7464899999977</v>
      </c>
      <c r="AN1465" s="13">
        <v>7.4519020033960603E-2</v>
      </c>
      <c r="AO1465" s="9">
        <v>9025.2766474999953</v>
      </c>
      <c r="AP1465" s="13">
        <v>0.17914771445673949</v>
      </c>
      <c r="AQ1465" s="9">
        <v>39958.248828399999</v>
      </c>
      <c r="AR1465" s="9">
        <v>41577.256941300002</v>
      </c>
      <c r="AS1465" s="9">
        <v>43276.442561099997</v>
      </c>
      <c r="AT1465" s="9">
        <v>45573.9549587</v>
      </c>
      <c r="AU1465" s="9">
        <v>47116.197161800003</v>
      </c>
      <c r="AV1465" s="9">
        <v>48855.1320777</v>
      </c>
      <c r="AW1465" s="9">
        <v>50378.966178100003</v>
      </c>
      <c r="AX1465" s="9">
        <v>51786.076772100001</v>
      </c>
      <c r="AY1465" s="9">
        <v>53378.091440800003</v>
      </c>
      <c r="AZ1465" s="9">
        <v>55284.496335600001</v>
      </c>
      <c r="BA1465" s="9">
        <v>55609.046069800002</v>
      </c>
      <c r="BB1465" s="9">
        <v>55946.2824397</v>
      </c>
      <c r="BC1465" s="9">
        <v>56736.890900099999</v>
      </c>
      <c r="BD1465" s="9">
        <v>56996.302901800002</v>
      </c>
      <c r="BE1465" s="9">
        <v>58651.615470299999</v>
      </c>
      <c r="BF1465" s="9">
        <v>59404.242825599998</v>
      </c>
      <c r="BG1465" s="11">
        <v>66</v>
      </c>
      <c r="BH1465" s="13">
        <v>6.929133858267717E-3</v>
      </c>
      <c r="BI1465" s="6">
        <v>290</v>
      </c>
      <c r="BJ1465" s="13">
        <v>3.0446194225721784E-2</v>
      </c>
      <c r="BK1465" s="6">
        <v>112</v>
      </c>
      <c r="BL1465" s="13">
        <v>1.141110545084055E-2</v>
      </c>
      <c r="BM1465" s="11">
        <v>-336</v>
      </c>
      <c r="BN1465" s="13">
        <v>-3.3847083711090964E-2</v>
      </c>
      <c r="BO1465" s="11">
        <v>-224</v>
      </c>
      <c r="BP1465" s="13">
        <v>-2.28222109016811E-2</v>
      </c>
      <c r="BQ1465" s="6">
        <v>9525</v>
      </c>
      <c r="BR1465" s="6">
        <v>9446</v>
      </c>
      <c r="BS1465" s="6">
        <v>9492</v>
      </c>
      <c r="BT1465" s="6">
        <v>9815</v>
      </c>
      <c r="BU1465" s="6">
        <v>9792</v>
      </c>
      <c r="BV1465" s="6">
        <v>9912</v>
      </c>
      <c r="BW1465" s="6">
        <v>9927</v>
      </c>
      <c r="BX1465" s="6">
        <v>9853</v>
      </c>
      <c r="BY1465" s="6">
        <v>9718</v>
      </c>
      <c r="BZ1465" s="6">
        <v>9670</v>
      </c>
      <c r="CA1465" s="6">
        <v>9647</v>
      </c>
      <c r="CB1465" s="6">
        <v>9635</v>
      </c>
      <c r="CC1465" s="11">
        <v>9591</v>
      </c>
      <c r="CD1465" s="11">
        <v>-21897</v>
      </c>
      <c r="CE1465" s="11">
        <v>-27109</v>
      </c>
      <c r="CF1465" s="11">
        <v>50548</v>
      </c>
      <c r="CG1465" s="11">
        <v>23439</v>
      </c>
      <c r="CH1465" s="20"/>
      <c r="CI1465" s="20"/>
      <c r="CJ1465" s="20"/>
      <c r="CK1465" s="20"/>
      <c r="CL1465" s="20"/>
      <c r="CM1465" s="20"/>
      <c r="CN1465" s="20"/>
      <c r="CO1465" s="20"/>
      <c r="CP1465" s="20"/>
      <c r="CQ1465" s="20"/>
      <c r="CR1465" s="20"/>
      <c r="CS1465" s="20"/>
      <c r="CT1465" s="20"/>
      <c r="CU1465" s="20"/>
      <c r="CV1465" s="20"/>
      <c r="CW1465" s="20"/>
      <c r="CX1465" s="20"/>
      <c r="CY1465" s="6"/>
      <c r="CZ1465" s="6"/>
      <c r="DA1465" s="6"/>
      <c r="DB1465" s="6"/>
      <c r="DC1465" s="6"/>
      <c r="DD1465" s="6"/>
      <c r="DE1465" s="6"/>
      <c r="DF1465" s="6"/>
      <c r="DG1465" s="6"/>
      <c r="DH1465" s="6"/>
      <c r="DI1465" s="6"/>
      <c r="DJ1465" s="6"/>
      <c r="DK1465" s="6"/>
      <c r="DL1465" s="6"/>
      <c r="DM1465" s="6"/>
      <c r="DN1465" s="6"/>
      <c r="DO1465" s="6"/>
      <c r="DP1465" s="6"/>
      <c r="DQ1465" s="6"/>
    </row>
    <row r="1466" spans="1:121" x14ac:dyDescent="0.2">
      <c r="A1466" s="6" t="s">
        <v>1</v>
      </c>
      <c r="B1466" s="6" t="s">
        <v>1</v>
      </c>
      <c r="C1466" s="6" t="s">
        <v>2</v>
      </c>
      <c r="D1466" s="6" t="s">
        <v>54</v>
      </c>
      <c r="E1466" s="6" t="s">
        <v>195</v>
      </c>
      <c r="F1466" s="11">
        <v>762</v>
      </c>
      <c r="G1466" s="13">
        <v>6.6842105263200002</v>
      </c>
      <c r="H1466" s="11">
        <v>-7.3344289130000107</v>
      </c>
      <c r="I1466" s="13">
        <v>-6.4482771391097676E-2</v>
      </c>
      <c r="J1466" s="11">
        <v>203.30403412699999</v>
      </c>
      <c r="K1466" s="13">
        <v>1.9106080244159185</v>
      </c>
      <c r="L1466" s="11">
        <v>566.30498114600005</v>
      </c>
      <c r="M1466" s="13">
        <v>1.828488614145221</v>
      </c>
      <c r="N1466" s="11">
        <v>769.60901527300007</v>
      </c>
      <c r="O1466" s="13">
        <v>7.2326216573001405</v>
      </c>
      <c r="P1466" s="7">
        <v>113.74245794300001</v>
      </c>
      <c r="Q1466" s="7">
        <v>156.06744721600001</v>
      </c>
      <c r="R1466" s="7">
        <v>122.367510373</v>
      </c>
      <c r="S1466" s="7">
        <v>75.416528779800004</v>
      </c>
      <c r="T1466" s="7">
        <v>87.850821122499994</v>
      </c>
      <c r="U1466" s="7">
        <v>76.510377415799994</v>
      </c>
      <c r="V1466" s="7">
        <v>106.40802902999999</v>
      </c>
      <c r="W1466" s="7">
        <v>131.718044572</v>
      </c>
      <c r="X1466" s="7">
        <v>204.45723400200001</v>
      </c>
      <c r="Y1466" s="7">
        <v>309.71206315699999</v>
      </c>
      <c r="Z1466" s="7">
        <v>374.87439809300002</v>
      </c>
      <c r="AA1466" s="7">
        <v>573.99214748700001</v>
      </c>
      <c r="AB1466" s="7">
        <v>619.50170103599999</v>
      </c>
      <c r="AC1466" s="7">
        <v>690.69044551100001</v>
      </c>
      <c r="AD1466" s="7">
        <v>739.76950474800003</v>
      </c>
      <c r="AE1466" s="7">
        <v>799.02956777199995</v>
      </c>
      <c r="AF1466" s="7">
        <v>876.01704430300003</v>
      </c>
      <c r="AG1466" s="9">
        <v>11721.166471799999</v>
      </c>
      <c r="AH1466" s="13">
        <v>0.63647059431263198</v>
      </c>
      <c r="AI1466" s="9">
        <v>695.25217549999797</v>
      </c>
      <c r="AJ1466" s="13">
        <v>3.7752860724422327E-2</v>
      </c>
      <c r="AK1466" s="9">
        <v>9411.3474457000011</v>
      </c>
      <c r="AL1466" s="13">
        <v>0.4924536685017033</v>
      </c>
      <c r="AM1466" s="9">
        <v>1614.5668506000002</v>
      </c>
      <c r="AN1466" s="13">
        <v>5.6606818128813331E-2</v>
      </c>
      <c r="AO1466" s="9">
        <v>11025.914296300001</v>
      </c>
      <c r="AP1466" s="13">
        <v>0.57693672188025946</v>
      </c>
      <c r="AQ1466" s="9">
        <v>18415.8806024</v>
      </c>
      <c r="AR1466" s="9">
        <v>21105.770804</v>
      </c>
      <c r="AS1466" s="9">
        <v>20020.186923500001</v>
      </c>
      <c r="AT1466" s="9">
        <v>21162.459354899998</v>
      </c>
      <c r="AU1466" s="9">
        <v>19730.769011799999</v>
      </c>
      <c r="AV1466" s="9">
        <v>16935.744147699999</v>
      </c>
      <c r="AW1466" s="9">
        <v>19111.132777899998</v>
      </c>
      <c r="AX1466" s="9">
        <v>23311.3349777</v>
      </c>
      <c r="AY1466" s="9">
        <v>30125.417340200001</v>
      </c>
      <c r="AZ1466" s="9">
        <v>28522.4802236</v>
      </c>
      <c r="BA1466" s="9">
        <v>27937.780074599999</v>
      </c>
      <c r="BB1466" s="9">
        <v>25974.6372801</v>
      </c>
      <c r="BC1466" s="9">
        <v>27965.014958799999</v>
      </c>
      <c r="BD1466" s="9">
        <v>28351.336184299998</v>
      </c>
      <c r="BE1466" s="9">
        <v>30816.044572999999</v>
      </c>
      <c r="BF1466" s="9">
        <v>30137.0470742</v>
      </c>
      <c r="BG1466" s="11">
        <v>2.75</v>
      </c>
      <c r="BH1466" s="13">
        <v>0.55000000000000004</v>
      </c>
      <c r="BI1466" s="6">
        <v>1</v>
      </c>
      <c r="BJ1466" s="13">
        <v>0.2</v>
      </c>
      <c r="BK1466" s="6">
        <v>0</v>
      </c>
      <c r="BL1466" s="13">
        <v>0</v>
      </c>
      <c r="BM1466" s="11">
        <v>1.75</v>
      </c>
      <c r="BN1466" s="13">
        <v>0.29166666666666669</v>
      </c>
      <c r="BO1466" s="11">
        <v>1.75</v>
      </c>
      <c r="BP1466" s="13">
        <v>0.29166666666666669</v>
      </c>
      <c r="BQ1466" s="6">
        <v>5</v>
      </c>
      <c r="BR1466" s="6">
        <v>6</v>
      </c>
      <c r="BS1466" s="6">
        <v>5</v>
      </c>
      <c r="BT1466" s="6">
        <v>6</v>
      </c>
      <c r="BU1466" s="6">
        <v>4</v>
      </c>
      <c r="BV1466" s="6">
        <v>5</v>
      </c>
      <c r="BW1466" s="6">
        <v>6</v>
      </c>
      <c r="BX1466" s="6">
        <v>6</v>
      </c>
      <c r="BY1466" s="6">
        <v>7</v>
      </c>
      <c r="BZ1466" s="6">
        <v>7</v>
      </c>
      <c r="CA1466" s="6">
        <v>8</v>
      </c>
      <c r="CB1466" s="6">
        <v>7</v>
      </c>
      <c r="CC1466" s="11">
        <v>7.75</v>
      </c>
      <c r="CD1466" s="11">
        <v>760.21100000000001</v>
      </c>
      <c r="CE1466" s="11">
        <v>-10.3703</v>
      </c>
      <c r="CF1466" s="11">
        <v>12.433400000000001</v>
      </c>
      <c r="CG1466" s="11">
        <v>2</v>
      </c>
      <c r="CH1466" s="20">
        <v>1.70549</v>
      </c>
      <c r="CI1466" s="20">
        <v>2.4818899999999999</v>
      </c>
      <c r="CJ1466" s="20">
        <v>1.9029499999999999</v>
      </c>
      <c r="CK1466" s="20">
        <v>1.1970000000000001</v>
      </c>
      <c r="CL1466" s="20">
        <v>1.4806999999999999</v>
      </c>
      <c r="CM1466" s="20">
        <v>1.3061700000000001</v>
      </c>
      <c r="CN1466" s="20">
        <v>1.8054399999999999</v>
      </c>
      <c r="CO1466" s="20">
        <v>2.2524700000000002</v>
      </c>
      <c r="CP1466" s="20">
        <v>3.2932600000000001</v>
      </c>
      <c r="CQ1466" s="20">
        <v>4.9984799999999998</v>
      </c>
      <c r="CR1466" s="20">
        <v>5.9577900000000001</v>
      </c>
      <c r="CS1466" s="20">
        <v>9.1161799999999999</v>
      </c>
      <c r="CT1466" s="20">
        <v>9.9548900000000007</v>
      </c>
      <c r="CU1466" s="20">
        <v>10.8939</v>
      </c>
      <c r="CV1466" s="20">
        <v>11.3832</v>
      </c>
      <c r="CW1466" s="20">
        <v>12.2851</v>
      </c>
      <c r="CX1466" s="20">
        <v>13.2811</v>
      </c>
      <c r="CY1466" s="6" t="s">
        <v>607</v>
      </c>
      <c r="CZ1466" s="6" t="s">
        <v>608</v>
      </c>
      <c r="DA1466" s="6" t="s">
        <v>54</v>
      </c>
      <c r="DB1466" s="6"/>
      <c r="DC1466" s="6">
        <v>27620</v>
      </c>
      <c r="DD1466" s="6"/>
      <c r="DE1466" s="6" t="s">
        <v>436</v>
      </c>
      <c r="DF1466" s="6" t="s">
        <v>375</v>
      </c>
      <c r="DG1466" s="6" t="s">
        <v>376</v>
      </c>
      <c r="DH1466" s="6" t="s">
        <v>328</v>
      </c>
      <c r="DI1466" s="6"/>
      <c r="DJ1466" s="6">
        <v>29</v>
      </c>
      <c r="DK1466" s="6">
        <v>135</v>
      </c>
      <c r="DL1466" s="6">
        <v>2</v>
      </c>
      <c r="DM1466" s="6" t="s">
        <v>379</v>
      </c>
      <c r="DN1466" s="6">
        <v>3</v>
      </c>
      <c r="DO1466" s="6" t="s">
        <v>380</v>
      </c>
      <c r="DP1466" s="6"/>
      <c r="DQ1466" s="6"/>
    </row>
    <row r="1467" spans="1:121" x14ac:dyDescent="0.2">
      <c r="A1467" s="6" t="s">
        <v>310</v>
      </c>
      <c r="B1467" s="6" t="s">
        <v>310</v>
      </c>
      <c r="C1467" s="6" t="s">
        <v>173</v>
      </c>
      <c r="D1467" s="6" t="s">
        <v>54</v>
      </c>
      <c r="E1467" s="6" t="s">
        <v>195</v>
      </c>
      <c r="F1467" s="11">
        <v>1</v>
      </c>
      <c r="G1467" s="13">
        <v>1</v>
      </c>
      <c r="H1467" s="11">
        <v>14.087603000000001</v>
      </c>
      <c r="I1467" s="13">
        <v>2.8175206000000004</v>
      </c>
      <c r="J1467" s="11">
        <v>-9.0026790000000005</v>
      </c>
      <c r="K1467" s="13">
        <v>-0.47165057865044657</v>
      </c>
      <c r="L1467" s="11">
        <v>1.8621493636999986</v>
      </c>
      <c r="M1467" s="13">
        <v>0.18464684153296529</v>
      </c>
      <c r="N1467" s="11">
        <v>-7.1405296363000019</v>
      </c>
      <c r="O1467" s="13">
        <v>-0.37409252677248167</v>
      </c>
      <c r="P1467" s="7">
        <v>5</v>
      </c>
      <c r="Q1467" s="7">
        <v>5</v>
      </c>
      <c r="R1467" s="7">
        <v>5</v>
      </c>
      <c r="S1467" s="7">
        <v>5</v>
      </c>
      <c r="T1467" s="7">
        <v>5</v>
      </c>
      <c r="U1467" s="7">
        <v>5</v>
      </c>
      <c r="V1467" s="7">
        <v>19.087603000000001</v>
      </c>
      <c r="W1467" s="7">
        <v>5</v>
      </c>
      <c r="X1467" s="7">
        <v>5</v>
      </c>
      <c r="Y1467" s="7">
        <v>10.084924000000001</v>
      </c>
      <c r="Z1467" s="7">
        <v>10.901921</v>
      </c>
      <c r="AA1467" s="7">
        <v>5</v>
      </c>
      <c r="AB1467" s="7">
        <v>5</v>
      </c>
      <c r="AC1467" s="7">
        <v>5</v>
      </c>
      <c r="AD1467" s="7">
        <v>10.3401772323</v>
      </c>
      <c r="AE1467" s="7">
        <v>11.4577719151</v>
      </c>
      <c r="AF1467" s="7">
        <v>11.9470733637</v>
      </c>
      <c r="AG1467" s="9">
        <v>51459.8989286</v>
      </c>
      <c r="AH1467" s="13">
        <v>51459.8989286</v>
      </c>
      <c r="AI1467" s="9">
        <v>41695.192533900001</v>
      </c>
      <c r="AJ1467" s="13">
        <v>41695.192533900001</v>
      </c>
      <c r="AK1467" s="9">
        <v>10434.343123400002</v>
      </c>
      <c r="AL1467" s="13">
        <v>0.25024690479632239</v>
      </c>
      <c r="AM1467" s="9">
        <v>-669.636728700003</v>
      </c>
      <c r="AN1467" s="13">
        <v>-1.2845383617427528E-2</v>
      </c>
      <c r="AO1467" s="9">
        <v>9764.7063946999988</v>
      </c>
      <c r="AP1467" s="13">
        <v>0.23418700368771225</v>
      </c>
      <c r="AQ1467" s="9">
        <v>1</v>
      </c>
      <c r="AR1467" s="9">
        <v>1</v>
      </c>
      <c r="AS1467" s="9">
        <v>1</v>
      </c>
      <c r="AT1467" s="9">
        <v>1</v>
      </c>
      <c r="AU1467" s="9">
        <v>1</v>
      </c>
      <c r="AV1467" s="9">
        <v>1</v>
      </c>
      <c r="AW1467" s="9">
        <v>41696.192533900001</v>
      </c>
      <c r="AX1467" s="9">
        <v>1</v>
      </c>
      <c r="AY1467" s="9">
        <v>1</v>
      </c>
      <c r="AZ1467" s="9">
        <v>52130.535657300003</v>
      </c>
      <c r="BA1467" s="9">
        <v>64903.409176900001</v>
      </c>
      <c r="BB1467" s="9">
        <v>1</v>
      </c>
      <c r="BC1467" s="9">
        <v>1</v>
      </c>
      <c r="BD1467" s="9">
        <v>1</v>
      </c>
      <c r="BE1467" s="9">
        <v>36437.061247799997</v>
      </c>
      <c r="BF1467" s="9">
        <v>51460.8989286</v>
      </c>
      <c r="BG1467" s="11">
        <v>1</v>
      </c>
      <c r="BH1467" s="13">
        <v>1</v>
      </c>
      <c r="BI1467" s="6">
        <v>0</v>
      </c>
      <c r="BJ1467" s="13">
        <v>0</v>
      </c>
      <c r="BK1467" s="6">
        <v>0</v>
      </c>
      <c r="BL1467" s="13">
        <v>0</v>
      </c>
      <c r="BM1467" s="11">
        <v>1</v>
      </c>
      <c r="BN1467" s="13">
        <v>1</v>
      </c>
      <c r="BO1467" s="11">
        <v>1</v>
      </c>
      <c r="BP1467" s="13">
        <v>1</v>
      </c>
      <c r="BQ1467" s="6">
        <v>1</v>
      </c>
      <c r="BR1467" s="6">
        <v>1</v>
      </c>
      <c r="BS1467" s="6">
        <v>1</v>
      </c>
      <c r="BT1467" s="6">
        <v>1</v>
      </c>
      <c r="BU1467" s="6">
        <v>1</v>
      </c>
      <c r="BV1467" s="6">
        <v>1</v>
      </c>
      <c r="BW1467" s="6">
        <v>1</v>
      </c>
      <c r="BX1467" s="6">
        <v>1</v>
      </c>
      <c r="BY1467" s="6">
        <v>1</v>
      </c>
      <c r="BZ1467" s="6">
        <v>1</v>
      </c>
      <c r="CA1467" s="6">
        <v>1</v>
      </c>
      <c r="CB1467" s="6">
        <v>2</v>
      </c>
      <c r="CC1467" s="11">
        <v>2</v>
      </c>
      <c r="CD1467" s="11">
        <v>3.3357199999999998</v>
      </c>
      <c r="CE1467" s="11">
        <v>0.73649200000000004</v>
      </c>
      <c r="CF1467" s="11">
        <v>0.77599200000000002</v>
      </c>
      <c r="CG1467" s="11">
        <v>2</v>
      </c>
      <c r="CH1467" s="20">
        <v>0.375166</v>
      </c>
      <c r="CI1467" s="20">
        <v>0.51217599999999996</v>
      </c>
      <c r="CJ1467" s="20">
        <v>0.25154199999999999</v>
      </c>
      <c r="CK1467" s="20">
        <v>7.93909E-2</v>
      </c>
      <c r="CL1467" s="20">
        <v>0.31240099999999998</v>
      </c>
      <c r="CM1467" s="20">
        <v>0.38737500000000002</v>
      </c>
      <c r="CN1467" s="20">
        <v>0.919601</v>
      </c>
      <c r="CO1467" s="20">
        <v>1.09525E-2</v>
      </c>
      <c r="CP1467" s="20">
        <v>0.25632500000000003</v>
      </c>
      <c r="CQ1467" s="20">
        <v>0.449183</v>
      </c>
      <c r="CR1467" s="20">
        <v>0.430446</v>
      </c>
      <c r="CS1467" s="20">
        <v>0.25643899999999997</v>
      </c>
      <c r="CT1467" s="20">
        <v>0.108705</v>
      </c>
      <c r="CU1467" s="20">
        <v>0.14449899999999999</v>
      </c>
      <c r="CV1467" s="20">
        <v>0.40382000000000001</v>
      </c>
      <c r="CW1467" s="20">
        <v>0.52627900000000005</v>
      </c>
      <c r="CX1467" s="20">
        <v>0.53581400000000001</v>
      </c>
      <c r="CY1467" s="6" t="s">
        <v>607</v>
      </c>
      <c r="CZ1467" s="6" t="s">
        <v>608</v>
      </c>
      <c r="DA1467" s="6" t="s">
        <v>54</v>
      </c>
      <c r="DB1467" s="6"/>
      <c r="DC1467" s="6">
        <v>27620</v>
      </c>
      <c r="DD1467" s="6"/>
      <c r="DE1467" s="6" t="s">
        <v>436</v>
      </c>
      <c r="DF1467" s="6" t="s">
        <v>375</v>
      </c>
      <c r="DG1467" s="6" t="s">
        <v>376</v>
      </c>
      <c r="DH1467" s="6" t="s">
        <v>328</v>
      </c>
      <c r="DI1467" s="6"/>
      <c r="DJ1467" s="6">
        <v>29</v>
      </c>
      <c r="DK1467" s="6">
        <v>135</v>
      </c>
      <c r="DL1467" s="6">
        <v>2</v>
      </c>
      <c r="DM1467" s="6" t="s">
        <v>379</v>
      </c>
      <c r="DN1467" s="6">
        <v>3</v>
      </c>
      <c r="DO1467" s="6" t="s">
        <v>380</v>
      </c>
      <c r="DP1467" s="6"/>
      <c r="DQ1467" s="6"/>
    </row>
    <row r="1468" spans="1:121" x14ac:dyDescent="0.2">
      <c r="A1468" s="6" t="s">
        <v>311</v>
      </c>
      <c r="B1468" s="6" t="s">
        <v>311</v>
      </c>
      <c r="C1468" s="6" t="s">
        <v>174</v>
      </c>
      <c r="D1468" s="6" t="s">
        <v>54</v>
      </c>
      <c r="E1468" s="6" t="s">
        <v>195</v>
      </c>
      <c r="F1468" s="11">
        <v>-12</v>
      </c>
      <c r="G1468" s="13">
        <v>-0.218181818182</v>
      </c>
      <c r="H1468" s="11">
        <v>-6.6109399999999994</v>
      </c>
      <c r="I1468" s="13">
        <v>-0.11936241511555357</v>
      </c>
      <c r="J1468" s="11">
        <v>2.0097480000000019</v>
      </c>
      <c r="K1468" s="13">
        <v>4.1204891055676846E-2</v>
      </c>
      <c r="L1468" s="11">
        <v>-7.643108680600001</v>
      </c>
      <c r="M1468" s="13">
        <v>-0.1505015596587832</v>
      </c>
      <c r="N1468" s="11">
        <v>-5.6333606805999992</v>
      </c>
      <c r="O1468" s="13">
        <v>-0.11549806897255596</v>
      </c>
      <c r="P1468" s="7">
        <v>55.385441</v>
      </c>
      <c r="Q1468" s="7">
        <v>57.125473999999997</v>
      </c>
      <c r="R1468" s="7">
        <v>43.527155999999998</v>
      </c>
      <c r="S1468" s="7">
        <v>42.994444000000001</v>
      </c>
      <c r="T1468" s="7">
        <v>39.762037999999997</v>
      </c>
      <c r="U1468" s="7">
        <v>44.178671000000001</v>
      </c>
      <c r="V1468" s="7">
        <v>48.774501000000001</v>
      </c>
      <c r="W1468" s="7">
        <v>50.307181999999997</v>
      </c>
      <c r="X1468" s="7">
        <v>49.803142999999999</v>
      </c>
      <c r="Y1468" s="7">
        <v>50.784249000000003</v>
      </c>
      <c r="Z1468" s="7">
        <v>45.685197000000002</v>
      </c>
      <c r="AA1468" s="7">
        <v>53.705475</v>
      </c>
      <c r="AB1468" s="7">
        <v>49.150461</v>
      </c>
      <c r="AC1468" s="7">
        <v>49.024081000000002</v>
      </c>
      <c r="AD1468" s="7">
        <v>46.231590558900002</v>
      </c>
      <c r="AE1468" s="7">
        <v>44.935778434500001</v>
      </c>
      <c r="AF1468" s="7">
        <v>43.141140319400002</v>
      </c>
      <c r="AG1468" s="9">
        <v>55573.862022099987</v>
      </c>
      <c r="AH1468" s="13">
        <v>0.84488292094600692</v>
      </c>
      <c r="AI1468" s="9">
        <v>21376.020504099986</v>
      </c>
      <c r="AJ1468" s="13">
        <v>0.32497713825473817</v>
      </c>
      <c r="AK1468" s="9">
        <v>4994.2248923000006</v>
      </c>
      <c r="AL1468" s="13">
        <v>5.7304095603059949E-2</v>
      </c>
      <c r="AM1468" s="9">
        <v>29203.6166257</v>
      </c>
      <c r="AN1468" s="13">
        <v>0.31692338931172387</v>
      </c>
      <c r="AO1468" s="9">
        <v>34197.841518000001</v>
      </c>
      <c r="AP1468" s="13">
        <v>0.39238849311474866</v>
      </c>
      <c r="AQ1468" s="9">
        <v>65776.997787900007</v>
      </c>
      <c r="AR1468" s="9">
        <v>62796.513113100002</v>
      </c>
      <c r="AS1468" s="9">
        <v>78285.478864000004</v>
      </c>
      <c r="AT1468" s="9">
        <v>78061.179400299996</v>
      </c>
      <c r="AU1468" s="9">
        <v>78934.447975500007</v>
      </c>
      <c r="AV1468" s="9">
        <v>86932.102050700007</v>
      </c>
      <c r="AW1468" s="9">
        <v>87153.018291999993</v>
      </c>
      <c r="AX1468" s="9">
        <v>92386.5316705</v>
      </c>
      <c r="AY1468" s="9">
        <v>94900.8853714</v>
      </c>
      <c r="AZ1468" s="9">
        <v>92147.243184299994</v>
      </c>
      <c r="BA1468" s="9">
        <v>100870.60189000001</v>
      </c>
      <c r="BB1468" s="9">
        <v>87981.438008600002</v>
      </c>
      <c r="BC1468" s="9">
        <v>99325.649387400001</v>
      </c>
      <c r="BD1468" s="9">
        <v>108370.82325</v>
      </c>
      <c r="BE1468" s="9">
        <v>117708.097085</v>
      </c>
      <c r="BF1468" s="9">
        <v>121350.85980999999</v>
      </c>
      <c r="BG1468" s="11">
        <v>-1</v>
      </c>
      <c r="BH1468" s="13">
        <v>-0.5</v>
      </c>
      <c r="BI1468" s="6">
        <v>0</v>
      </c>
      <c r="BJ1468" s="13">
        <v>0</v>
      </c>
      <c r="BK1468" s="6">
        <v>-1</v>
      </c>
      <c r="BL1468" s="13">
        <v>-0.5</v>
      </c>
      <c r="BM1468" s="11">
        <v>0</v>
      </c>
      <c r="BN1468" s="13">
        <v>0</v>
      </c>
      <c r="BO1468" s="11">
        <v>-1</v>
      </c>
      <c r="BP1468" s="13">
        <v>-0.5</v>
      </c>
      <c r="BQ1468" s="6">
        <v>2</v>
      </c>
      <c r="BR1468" s="6">
        <v>2</v>
      </c>
      <c r="BS1468" s="6">
        <v>2</v>
      </c>
      <c r="BT1468" s="6">
        <v>2</v>
      </c>
      <c r="BU1468" s="6">
        <v>1</v>
      </c>
      <c r="BV1468" s="6">
        <v>1</v>
      </c>
      <c r="BW1468" s="6">
        <v>1</v>
      </c>
      <c r="BX1468" s="6">
        <v>1</v>
      </c>
      <c r="BY1468" s="6">
        <v>1</v>
      </c>
      <c r="BZ1468" s="6">
        <v>1</v>
      </c>
      <c r="CA1468" s="6">
        <v>1</v>
      </c>
      <c r="CB1468" s="6">
        <v>1</v>
      </c>
      <c r="CC1468" s="11">
        <v>1</v>
      </c>
      <c r="CD1468" s="11">
        <v>-9.27942</v>
      </c>
      <c r="CE1468" s="11">
        <v>-9.0191700000000008</v>
      </c>
      <c r="CF1468" s="11">
        <v>6.0542999999999996</v>
      </c>
      <c r="CG1468" s="11">
        <v>-3</v>
      </c>
      <c r="CH1468" s="20">
        <v>2.6715200000000001</v>
      </c>
      <c r="CI1468" s="20">
        <v>2.9321199999999998</v>
      </c>
      <c r="CJ1468" s="20">
        <v>2.25597</v>
      </c>
      <c r="CK1468" s="20">
        <v>2.3361900000000002</v>
      </c>
      <c r="CL1468" s="20">
        <v>2.3647100000000001</v>
      </c>
      <c r="CM1468" s="20">
        <v>2.67516</v>
      </c>
      <c r="CN1468" s="20">
        <v>2.8957700000000002</v>
      </c>
      <c r="CO1468" s="20">
        <v>2.8828999999999998</v>
      </c>
      <c r="CP1468" s="20">
        <v>2.6513</v>
      </c>
      <c r="CQ1468" s="20">
        <v>2.7373099999999999</v>
      </c>
      <c r="CR1468" s="20">
        <v>2.4456899999999999</v>
      </c>
      <c r="CS1468" s="20">
        <v>2.91086</v>
      </c>
      <c r="CT1468" s="20">
        <v>2.7287499999999998</v>
      </c>
      <c r="CU1468" s="20">
        <v>2.6914600000000002</v>
      </c>
      <c r="CV1468" s="20">
        <v>2.4798499999999999</v>
      </c>
      <c r="CW1468" s="20">
        <v>2.4053200000000001</v>
      </c>
      <c r="CX1468" s="20">
        <v>2.2633399999999999</v>
      </c>
      <c r="CY1468" s="6" t="s">
        <v>607</v>
      </c>
      <c r="CZ1468" s="6" t="s">
        <v>608</v>
      </c>
      <c r="DA1468" s="6" t="s">
        <v>54</v>
      </c>
      <c r="DB1468" s="6"/>
      <c r="DC1468" s="6">
        <v>27620</v>
      </c>
      <c r="DD1468" s="6"/>
      <c r="DE1468" s="6" t="s">
        <v>436</v>
      </c>
      <c r="DF1468" s="6" t="s">
        <v>375</v>
      </c>
      <c r="DG1468" s="6" t="s">
        <v>376</v>
      </c>
      <c r="DH1468" s="6" t="s">
        <v>328</v>
      </c>
      <c r="DI1468" s="6"/>
      <c r="DJ1468" s="6">
        <v>29</v>
      </c>
      <c r="DK1468" s="6">
        <v>135</v>
      </c>
      <c r="DL1468" s="6">
        <v>2</v>
      </c>
      <c r="DM1468" s="6" t="s">
        <v>379</v>
      </c>
      <c r="DN1468" s="6">
        <v>3</v>
      </c>
      <c r="DO1468" s="6" t="s">
        <v>380</v>
      </c>
      <c r="DP1468" s="6"/>
      <c r="DQ1468" s="6"/>
    </row>
    <row r="1469" spans="1:121" x14ac:dyDescent="0.2">
      <c r="A1469" s="6" t="s">
        <v>312</v>
      </c>
      <c r="B1469" s="6" t="s">
        <v>312</v>
      </c>
      <c r="C1469" s="6" t="s">
        <v>175</v>
      </c>
      <c r="D1469" s="6" t="s">
        <v>54</v>
      </c>
      <c r="E1469" s="6" t="s">
        <v>195</v>
      </c>
      <c r="F1469" s="11">
        <v>171</v>
      </c>
      <c r="G1469" s="13">
        <v>0.44186046511600002</v>
      </c>
      <c r="H1469" s="11">
        <v>123.00899132000001</v>
      </c>
      <c r="I1469" s="13">
        <v>0.31805472935858536</v>
      </c>
      <c r="J1469" s="11">
        <v>-13.342850876</v>
      </c>
      <c r="K1469" s="13">
        <v>-2.617460816276947E-2</v>
      </c>
      <c r="L1469" s="11">
        <v>61.106339658000024</v>
      </c>
      <c r="M1469" s="13">
        <v>0.12309395681720094</v>
      </c>
      <c r="N1469" s="11">
        <v>47.763488782000024</v>
      </c>
      <c r="O1469" s="13">
        <v>9.3697412567536345E-2</v>
      </c>
      <c r="P1469" s="7">
        <v>386.754165134</v>
      </c>
      <c r="Q1469" s="7">
        <v>393.11493712700002</v>
      </c>
      <c r="R1469" s="7">
        <v>417.007615859</v>
      </c>
      <c r="S1469" s="7">
        <v>467.17296207099997</v>
      </c>
      <c r="T1469" s="7">
        <v>489.46172141599999</v>
      </c>
      <c r="U1469" s="7">
        <v>492.38371441100003</v>
      </c>
      <c r="V1469" s="7">
        <v>509.76315645400001</v>
      </c>
      <c r="W1469" s="7">
        <v>513.42398721200004</v>
      </c>
      <c r="X1469" s="7">
        <v>493.28774240500002</v>
      </c>
      <c r="Y1469" s="7">
        <v>496.42030557800001</v>
      </c>
      <c r="Z1469" s="7">
        <v>518.213732166</v>
      </c>
      <c r="AA1469" s="7">
        <v>508.18734827399999</v>
      </c>
      <c r="AB1469" s="7">
        <v>488.45176765100001</v>
      </c>
      <c r="AC1469" s="7">
        <v>498.15043181099998</v>
      </c>
      <c r="AD1469" s="7">
        <v>543.008926503</v>
      </c>
      <c r="AE1469" s="7">
        <v>541.11990014599996</v>
      </c>
      <c r="AF1469" s="7">
        <v>557.52664523600004</v>
      </c>
      <c r="AG1469" s="9">
        <v>21210.521073899999</v>
      </c>
      <c r="AH1469" s="13">
        <v>0.79930167034752619</v>
      </c>
      <c r="AI1469" s="9">
        <v>11927.918318200002</v>
      </c>
      <c r="AJ1469" s="13">
        <v>0.44949414501833784</v>
      </c>
      <c r="AK1469" s="9">
        <v>-269.31604199999856</v>
      </c>
      <c r="AL1469" s="13">
        <v>-7.0017264685086275E-3</v>
      </c>
      <c r="AM1469" s="9">
        <v>9551.9187976999965</v>
      </c>
      <c r="AN1469" s="13">
        <v>0.25008350392760959</v>
      </c>
      <c r="AO1469" s="9">
        <v>9282.6027556999979</v>
      </c>
      <c r="AP1469" s="13">
        <v>0.2413307611703136</v>
      </c>
      <c r="AQ1469" s="9">
        <v>26536.315212099998</v>
      </c>
      <c r="AR1469" s="9">
        <v>26733.727175399999</v>
      </c>
      <c r="AS1469" s="9">
        <v>27954.824179399999</v>
      </c>
      <c r="AT1469" s="9">
        <v>29522.973097400001</v>
      </c>
      <c r="AU1469" s="9">
        <v>31316.334937700001</v>
      </c>
      <c r="AV1469" s="9">
        <v>34208.094382499999</v>
      </c>
      <c r="AW1469" s="9">
        <v>38464.2335303</v>
      </c>
      <c r="AX1469" s="9">
        <v>37470.954513800003</v>
      </c>
      <c r="AY1469" s="9">
        <v>39628.250498599999</v>
      </c>
      <c r="AZ1469" s="9">
        <v>38194.917488300001</v>
      </c>
      <c r="BA1469" s="9">
        <v>40141.299747800003</v>
      </c>
      <c r="BB1469" s="9">
        <v>41643.174812800004</v>
      </c>
      <c r="BC1469" s="9">
        <v>42736.925737600002</v>
      </c>
      <c r="BD1469" s="9">
        <v>45240.007640800002</v>
      </c>
      <c r="BE1469" s="9">
        <v>46711.069513800001</v>
      </c>
      <c r="BF1469" s="9">
        <v>47746.836285999998</v>
      </c>
      <c r="BG1469" s="11">
        <v>2</v>
      </c>
      <c r="BH1469" s="13">
        <v>3.5714285714285712E-2</v>
      </c>
      <c r="BI1469" s="6">
        <v>7</v>
      </c>
      <c r="BJ1469" s="13">
        <v>0.125</v>
      </c>
      <c r="BK1469" s="6">
        <v>0</v>
      </c>
      <c r="BL1469" s="13">
        <v>0</v>
      </c>
      <c r="BM1469" s="11">
        <v>-5</v>
      </c>
      <c r="BN1469" s="13">
        <v>-7.9365079365079361E-2</v>
      </c>
      <c r="BO1469" s="11">
        <v>-5</v>
      </c>
      <c r="BP1469" s="13">
        <v>-7.9365079365079361E-2</v>
      </c>
      <c r="BQ1469" s="6">
        <v>56</v>
      </c>
      <c r="BR1469" s="6">
        <v>59</v>
      </c>
      <c r="BS1469" s="6">
        <v>60</v>
      </c>
      <c r="BT1469" s="6">
        <v>63</v>
      </c>
      <c r="BU1469" s="6">
        <v>66</v>
      </c>
      <c r="BV1469" s="6">
        <v>60</v>
      </c>
      <c r="BW1469" s="6">
        <v>63</v>
      </c>
      <c r="BX1469" s="6">
        <v>62</v>
      </c>
      <c r="BY1469" s="6">
        <v>62</v>
      </c>
      <c r="BZ1469" s="6">
        <v>58</v>
      </c>
      <c r="CA1469" s="6">
        <v>58</v>
      </c>
      <c r="CB1469" s="6">
        <v>60</v>
      </c>
      <c r="CC1469" s="11">
        <v>58</v>
      </c>
      <c r="CD1469" s="11">
        <v>175.34100000000001</v>
      </c>
      <c r="CE1469" s="11">
        <v>-46.845799999999997</v>
      </c>
      <c r="CF1469" s="11">
        <v>42.276899999999998</v>
      </c>
      <c r="CG1469" s="11">
        <v>-5</v>
      </c>
      <c r="CH1469" s="20">
        <v>1.28617</v>
      </c>
      <c r="CI1469" s="20">
        <v>1.3815299999999999</v>
      </c>
      <c r="CJ1469" s="20">
        <v>1.41414</v>
      </c>
      <c r="CK1469" s="20">
        <v>1.55728</v>
      </c>
      <c r="CL1469" s="20">
        <v>1.6648700000000001</v>
      </c>
      <c r="CM1469" s="20">
        <v>1.62405</v>
      </c>
      <c r="CN1469" s="20">
        <v>1.67073</v>
      </c>
      <c r="CO1469" s="20">
        <v>1.7431300000000001</v>
      </c>
      <c r="CP1469" s="20">
        <v>1.7946</v>
      </c>
      <c r="CQ1469" s="20">
        <v>1.95628</v>
      </c>
      <c r="CR1469" s="20">
        <v>2.0495899999999998</v>
      </c>
      <c r="CS1469" s="20">
        <v>2.0158100000000001</v>
      </c>
      <c r="CT1469" s="20">
        <v>1.93658</v>
      </c>
      <c r="CU1469" s="20">
        <v>1.8937900000000001</v>
      </c>
      <c r="CV1469" s="20">
        <v>1.96106</v>
      </c>
      <c r="CW1469" s="20">
        <v>1.9099299999999999</v>
      </c>
      <c r="CX1469" s="20">
        <v>1.9314899999999999</v>
      </c>
      <c r="CY1469" s="6" t="s">
        <v>607</v>
      </c>
      <c r="CZ1469" s="6" t="s">
        <v>608</v>
      </c>
      <c r="DA1469" s="6" t="s">
        <v>54</v>
      </c>
      <c r="DB1469" s="6"/>
      <c r="DC1469" s="6">
        <v>27620</v>
      </c>
      <c r="DD1469" s="6"/>
      <c r="DE1469" s="6" t="s">
        <v>436</v>
      </c>
      <c r="DF1469" s="6" t="s">
        <v>375</v>
      </c>
      <c r="DG1469" s="6" t="s">
        <v>376</v>
      </c>
      <c r="DH1469" s="6" t="s">
        <v>328</v>
      </c>
      <c r="DI1469" s="6"/>
      <c r="DJ1469" s="6">
        <v>29</v>
      </c>
      <c r="DK1469" s="6">
        <v>135</v>
      </c>
      <c r="DL1469" s="6">
        <v>2</v>
      </c>
      <c r="DM1469" s="6" t="s">
        <v>379</v>
      </c>
      <c r="DN1469" s="6">
        <v>3</v>
      </c>
      <c r="DO1469" s="6" t="s">
        <v>380</v>
      </c>
      <c r="DP1469" s="6"/>
      <c r="DQ1469" s="6"/>
    </row>
    <row r="1470" spans="1:121" x14ac:dyDescent="0.2">
      <c r="A1470" s="6" t="s">
        <v>792</v>
      </c>
      <c r="B1470" s="6" t="s">
        <v>176</v>
      </c>
      <c r="C1470" s="6" t="s">
        <v>177</v>
      </c>
      <c r="D1470" s="6" t="s">
        <v>54</v>
      </c>
      <c r="E1470" s="6" t="s">
        <v>195</v>
      </c>
      <c r="F1470" s="11">
        <v>-384</v>
      </c>
      <c r="G1470" s="13">
        <v>-0.32792485055499998</v>
      </c>
      <c r="H1470" s="11">
        <v>-401.07806613999992</v>
      </c>
      <c r="I1470" s="13">
        <v>-0.342544689222337</v>
      </c>
      <c r="J1470" s="11">
        <v>80.927231284000072</v>
      </c>
      <c r="K1470" s="13">
        <v>0.1051276051016314</v>
      </c>
      <c r="L1470" s="11">
        <v>-63.786357128000077</v>
      </c>
      <c r="M1470" s="13">
        <v>-7.4978623179142626E-2</v>
      </c>
      <c r="N1470" s="11">
        <v>17.140874155999995</v>
      </c>
      <c r="O1470" s="13">
        <v>2.2266658833847833E-2</v>
      </c>
      <c r="P1470" s="7">
        <v>1170.8780744799999</v>
      </c>
      <c r="Q1470" s="7">
        <v>946.68092056700004</v>
      </c>
      <c r="R1470" s="7">
        <v>1103.11101143</v>
      </c>
      <c r="S1470" s="7">
        <v>1040.33792425</v>
      </c>
      <c r="T1470" s="7">
        <v>805.23758981599997</v>
      </c>
      <c r="U1470" s="7">
        <v>774.58984164000003</v>
      </c>
      <c r="V1470" s="7">
        <v>769.80000833999998</v>
      </c>
      <c r="W1470" s="7">
        <v>811.340288988</v>
      </c>
      <c r="X1470" s="7">
        <v>932.38892144700003</v>
      </c>
      <c r="Y1470" s="7">
        <v>850.72723962400005</v>
      </c>
      <c r="Z1470" s="7">
        <v>846.22972711700004</v>
      </c>
      <c r="AA1470" s="7">
        <v>763.06070501700003</v>
      </c>
      <c r="AB1470" s="7">
        <v>720.42970153600004</v>
      </c>
      <c r="AC1470" s="7">
        <v>720.29080231600005</v>
      </c>
      <c r="AD1470" s="7">
        <v>773.53981315299995</v>
      </c>
      <c r="AE1470" s="7">
        <v>775.11434830600001</v>
      </c>
      <c r="AF1470" s="7">
        <v>786.94088249599997</v>
      </c>
      <c r="AG1470" s="9">
        <v>13230.876313800003</v>
      </c>
      <c r="AH1470" s="13">
        <v>0.45380344813634338</v>
      </c>
      <c r="AI1470" s="9">
        <v>5751.4070394000046</v>
      </c>
      <c r="AJ1470" s="13">
        <v>0.19726647609826736</v>
      </c>
      <c r="AK1470" s="9">
        <v>2851.4306228999994</v>
      </c>
      <c r="AL1470" s="13">
        <v>8.168666564866553E-2</v>
      </c>
      <c r="AM1470" s="9">
        <v>4628.0386514999991</v>
      </c>
      <c r="AN1470" s="13">
        <v>0.12256990823874692</v>
      </c>
      <c r="AO1470" s="9">
        <v>7479.4692743999985</v>
      </c>
      <c r="AP1470" s="13">
        <v>0.21426890100029861</v>
      </c>
      <c r="AQ1470" s="9">
        <v>29155.521775199999</v>
      </c>
      <c r="AR1470" s="9">
        <v>30406.6614433</v>
      </c>
      <c r="AS1470" s="9">
        <v>32036.662967600001</v>
      </c>
      <c r="AT1470" s="9">
        <v>34779.074670800001</v>
      </c>
      <c r="AU1470" s="9">
        <v>31763.458011399998</v>
      </c>
      <c r="AV1470" s="9">
        <v>31709.5542322</v>
      </c>
      <c r="AW1470" s="9">
        <v>34906.928814600004</v>
      </c>
      <c r="AX1470" s="9">
        <v>35588.307427899999</v>
      </c>
      <c r="AY1470" s="9">
        <v>35243.084607600002</v>
      </c>
      <c r="AZ1470" s="9">
        <v>37758.359437500003</v>
      </c>
      <c r="BA1470" s="9">
        <v>36898.527174800001</v>
      </c>
      <c r="BB1470" s="9">
        <v>39326.083108300001</v>
      </c>
      <c r="BC1470" s="9">
        <v>35884.552341100003</v>
      </c>
      <c r="BD1470" s="9">
        <v>37691.174215699997</v>
      </c>
      <c r="BE1470" s="9">
        <v>39270.340743799999</v>
      </c>
      <c r="BF1470" s="9">
        <v>42386.398089000002</v>
      </c>
      <c r="BG1470" s="11">
        <v>1.5</v>
      </c>
      <c r="BH1470" s="13">
        <v>5.5555555555555552E-2</v>
      </c>
      <c r="BI1470" s="6">
        <v>2</v>
      </c>
      <c r="BJ1470" s="13">
        <v>7.407407407407407E-2</v>
      </c>
      <c r="BK1470" s="6">
        <v>-1</v>
      </c>
      <c r="BL1470" s="13">
        <v>-3.4482758620689655E-2</v>
      </c>
      <c r="BM1470" s="11">
        <v>0.5</v>
      </c>
      <c r="BN1470" s="13">
        <v>1.7857142857142856E-2</v>
      </c>
      <c r="BO1470" s="11">
        <v>-0.5</v>
      </c>
      <c r="BP1470" s="13">
        <v>-1.7241379310344827E-2</v>
      </c>
      <c r="BQ1470" s="6">
        <v>27</v>
      </c>
      <c r="BR1470" s="6">
        <v>30</v>
      </c>
      <c r="BS1470" s="6">
        <v>28</v>
      </c>
      <c r="BT1470" s="6">
        <v>29</v>
      </c>
      <c r="BU1470" s="6">
        <v>29</v>
      </c>
      <c r="BV1470" s="6">
        <v>27</v>
      </c>
      <c r="BW1470" s="6">
        <v>28</v>
      </c>
      <c r="BX1470" s="6">
        <v>26</v>
      </c>
      <c r="BY1470" s="6">
        <v>27</v>
      </c>
      <c r="BZ1470" s="6">
        <v>30</v>
      </c>
      <c r="CA1470" s="6">
        <v>30</v>
      </c>
      <c r="CB1470" s="6">
        <v>29</v>
      </c>
      <c r="CC1470" s="11">
        <v>28.5</v>
      </c>
      <c r="CD1470" s="11">
        <v>-98.634399999999999</v>
      </c>
      <c r="CE1470" s="11">
        <v>-413.29399999999998</v>
      </c>
      <c r="CF1470" s="11">
        <v>127.991</v>
      </c>
      <c r="CG1470" s="11">
        <v>-285</v>
      </c>
      <c r="CH1470" s="20">
        <v>2.0339100000000001</v>
      </c>
      <c r="CI1470" s="20">
        <v>1.8570899999999999</v>
      </c>
      <c r="CJ1470" s="20">
        <v>2.23211</v>
      </c>
      <c r="CK1470" s="20">
        <v>2.1916799999999999</v>
      </c>
      <c r="CL1470" s="20">
        <v>1.8227800000000001</v>
      </c>
      <c r="CM1470" s="20">
        <v>1.7821400000000001</v>
      </c>
      <c r="CN1470" s="20">
        <v>1.78176</v>
      </c>
      <c r="CO1470" s="20">
        <v>1.9032899999999999</v>
      </c>
      <c r="CP1470" s="20">
        <v>2.3091599999999999</v>
      </c>
      <c r="CQ1470" s="20">
        <v>2.1589999999999998</v>
      </c>
      <c r="CR1470" s="20">
        <v>2.0912000000000002</v>
      </c>
      <c r="CS1470" s="20">
        <v>1.8776200000000001</v>
      </c>
      <c r="CT1470" s="20">
        <v>1.79976</v>
      </c>
      <c r="CU1470" s="20">
        <v>1.7676799999999999</v>
      </c>
      <c r="CV1470" s="20">
        <v>1.8539099999999999</v>
      </c>
      <c r="CW1470" s="20">
        <v>1.8551800000000001</v>
      </c>
      <c r="CX1470" s="20">
        <v>1.8605799999999999</v>
      </c>
      <c r="CY1470" s="6" t="s">
        <v>607</v>
      </c>
      <c r="CZ1470" s="6" t="s">
        <v>608</v>
      </c>
      <c r="DA1470" s="6" t="s">
        <v>54</v>
      </c>
      <c r="DB1470" s="6"/>
      <c r="DC1470" s="6">
        <v>27620</v>
      </c>
      <c r="DD1470" s="6"/>
      <c r="DE1470" s="6" t="s">
        <v>436</v>
      </c>
      <c r="DF1470" s="6" t="s">
        <v>375</v>
      </c>
      <c r="DG1470" s="6" t="s">
        <v>376</v>
      </c>
      <c r="DH1470" s="6" t="s">
        <v>328</v>
      </c>
      <c r="DI1470" s="6"/>
      <c r="DJ1470" s="6">
        <v>29</v>
      </c>
      <c r="DK1470" s="6">
        <v>135</v>
      </c>
      <c r="DL1470" s="6">
        <v>2</v>
      </c>
      <c r="DM1470" s="6" t="s">
        <v>379</v>
      </c>
      <c r="DN1470" s="6">
        <v>3</v>
      </c>
      <c r="DO1470" s="6" t="s">
        <v>380</v>
      </c>
      <c r="DP1470" s="6"/>
      <c r="DQ1470" s="6"/>
    </row>
    <row r="1471" spans="1:121" x14ac:dyDescent="0.2">
      <c r="A1471" s="6" t="s">
        <v>313</v>
      </c>
      <c r="B1471" s="6" t="s">
        <v>313</v>
      </c>
      <c r="C1471" s="6" t="s">
        <v>178</v>
      </c>
      <c r="D1471" s="6" t="s">
        <v>54</v>
      </c>
      <c r="E1471" s="6" t="s">
        <v>195</v>
      </c>
      <c r="F1471" s="11">
        <v>-22</v>
      </c>
      <c r="G1471" s="13">
        <v>-0.12429378531099999</v>
      </c>
      <c r="H1471" s="11">
        <v>13.042648439000004</v>
      </c>
      <c r="I1471" s="13">
        <v>7.3856397618420805E-2</v>
      </c>
      <c r="J1471" s="11">
        <v>-7.9542827129999978</v>
      </c>
      <c r="K1471" s="13">
        <v>-4.1944705224237079E-2</v>
      </c>
      <c r="L1471" s="11">
        <v>-26.693784620999992</v>
      </c>
      <c r="M1471" s="13">
        <v>-0.14692500040093356</v>
      </c>
      <c r="N1471" s="11">
        <v>-34.64806733399999</v>
      </c>
      <c r="O1471" s="13">
        <v>-0.18270697979328257</v>
      </c>
      <c r="P1471" s="7">
        <v>176.594700792</v>
      </c>
      <c r="Q1471" s="7">
        <v>161.39682705000001</v>
      </c>
      <c r="R1471" s="7">
        <v>154.105453673</v>
      </c>
      <c r="S1471" s="7">
        <v>170.56466125899999</v>
      </c>
      <c r="T1471" s="7">
        <v>187.917760276</v>
      </c>
      <c r="U1471" s="7">
        <v>209.560884558</v>
      </c>
      <c r="V1471" s="7">
        <v>189.637349231</v>
      </c>
      <c r="W1471" s="7">
        <v>166.38616956499999</v>
      </c>
      <c r="X1471" s="7">
        <v>180.368750334</v>
      </c>
      <c r="Y1471" s="7">
        <v>181.683066518</v>
      </c>
      <c r="Z1471" s="7">
        <v>194.13647207700001</v>
      </c>
      <c r="AA1471" s="7">
        <v>208.51612349800001</v>
      </c>
      <c r="AB1471" s="7">
        <v>165.36156045600001</v>
      </c>
      <c r="AC1471" s="7">
        <v>176.66373858399999</v>
      </c>
      <c r="AD1471" s="7">
        <v>158.82374321500001</v>
      </c>
      <c r="AE1471" s="7">
        <v>158.23011833999999</v>
      </c>
      <c r="AF1471" s="7">
        <v>154.98928189700001</v>
      </c>
      <c r="AG1471" s="9">
        <v>8493.6514928000033</v>
      </c>
      <c r="AH1471" s="13">
        <v>0.29820766897973855</v>
      </c>
      <c r="AI1471" s="9">
        <v>7111.3092613000044</v>
      </c>
      <c r="AJ1471" s="13">
        <v>0.24967435501726851</v>
      </c>
      <c r="AK1471" s="9">
        <v>-1314.0961955000021</v>
      </c>
      <c r="AL1471" s="13">
        <v>-3.6919403113075858E-2</v>
      </c>
      <c r="AM1471" s="9">
        <v>2696.438427000001</v>
      </c>
      <c r="AN1471" s="13">
        <v>7.8660261796409739E-2</v>
      </c>
      <c r="AO1471" s="9">
        <v>1382.3422314999989</v>
      </c>
      <c r="AP1471" s="13">
        <v>3.8836768769092145E-2</v>
      </c>
      <c r="AQ1471" s="9">
        <v>28482.337566499999</v>
      </c>
      <c r="AR1471" s="9">
        <v>30103.1889367</v>
      </c>
      <c r="AS1471" s="9">
        <v>31059.527146199998</v>
      </c>
      <c r="AT1471" s="9">
        <v>34496.530284100001</v>
      </c>
      <c r="AU1471" s="9">
        <v>34006.633074899997</v>
      </c>
      <c r="AV1471" s="9">
        <v>32428.0875022</v>
      </c>
      <c r="AW1471" s="9">
        <v>35593.646827800003</v>
      </c>
      <c r="AX1471" s="9">
        <v>35939.354003200002</v>
      </c>
      <c r="AY1471" s="9">
        <v>35974.049898899997</v>
      </c>
      <c r="AZ1471" s="9">
        <v>34279.550632300001</v>
      </c>
      <c r="BA1471" s="9">
        <v>34325.074315700003</v>
      </c>
      <c r="BB1471" s="9">
        <v>34475.581405700003</v>
      </c>
      <c r="BC1471" s="9">
        <v>37873.974936500003</v>
      </c>
      <c r="BD1471" s="9">
        <v>38574.855564400001</v>
      </c>
      <c r="BE1471" s="9">
        <v>35689.8039727</v>
      </c>
      <c r="BF1471" s="9">
        <v>36975.989059300002</v>
      </c>
      <c r="BG1471" s="11">
        <v>0.25</v>
      </c>
      <c r="BH1471" s="13">
        <v>1.6666666666666666E-2</v>
      </c>
      <c r="BI1471" s="6">
        <v>3</v>
      </c>
      <c r="BJ1471" s="13">
        <v>0.2</v>
      </c>
      <c r="BK1471" s="6">
        <v>-2</v>
      </c>
      <c r="BL1471" s="13">
        <v>-0.1111111111111111</v>
      </c>
      <c r="BM1471" s="11">
        <v>-0.75</v>
      </c>
      <c r="BN1471" s="13">
        <v>-4.6875E-2</v>
      </c>
      <c r="BO1471" s="11">
        <v>-2.75</v>
      </c>
      <c r="BP1471" s="13">
        <v>-0.15277777777777779</v>
      </c>
      <c r="BQ1471" s="6">
        <v>15</v>
      </c>
      <c r="BR1471" s="6">
        <v>17</v>
      </c>
      <c r="BS1471" s="6">
        <v>17</v>
      </c>
      <c r="BT1471" s="6">
        <v>18</v>
      </c>
      <c r="BU1471" s="6">
        <v>17</v>
      </c>
      <c r="BV1471" s="6">
        <v>18</v>
      </c>
      <c r="BW1471" s="6">
        <v>16</v>
      </c>
      <c r="BX1471" s="6">
        <v>15</v>
      </c>
      <c r="BY1471" s="6">
        <v>13</v>
      </c>
      <c r="BZ1471" s="6">
        <v>13</v>
      </c>
      <c r="CA1471" s="6">
        <v>17</v>
      </c>
      <c r="CB1471" s="6">
        <v>16</v>
      </c>
      <c r="CC1471" s="11">
        <v>15.25</v>
      </c>
      <c r="CD1471" s="11">
        <v>-26.4696</v>
      </c>
      <c r="CE1471" s="11">
        <v>-14.4397</v>
      </c>
      <c r="CF1471" s="11">
        <v>19.303899999999999</v>
      </c>
      <c r="CG1471" s="11">
        <v>5</v>
      </c>
      <c r="CH1471" s="20">
        <v>0.86149200000000004</v>
      </c>
      <c r="CI1471" s="20">
        <v>0.84448100000000004</v>
      </c>
      <c r="CJ1471" s="20">
        <v>0.79505800000000004</v>
      </c>
      <c r="CK1471" s="20">
        <v>0.89449000000000001</v>
      </c>
      <c r="CL1471" s="20">
        <v>1.0338000000000001</v>
      </c>
      <c r="CM1471" s="20">
        <v>1.14009</v>
      </c>
      <c r="CN1471" s="20">
        <v>1.00115</v>
      </c>
      <c r="CO1471" s="20">
        <v>0.86745700000000003</v>
      </c>
      <c r="CP1471" s="20">
        <v>0.93845199999999995</v>
      </c>
      <c r="CQ1471" s="20">
        <v>0.95900799999999997</v>
      </c>
      <c r="CR1471" s="20">
        <v>1.0022200000000001</v>
      </c>
      <c r="CS1471" s="20">
        <v>1.0706</v>
      </c>
      <c r="CT1471" s="20">
        <v>0.85709000000000002</v>
      </c>
      <c r="CU1471" s="20">
        <v>0.90064999999999995</v>
      </c>
      <c r="CV1471" s="20">
        <v>0.79125699999999999</v>
      </c>
      <c r="CW1471" s="20">
        <v>0.78926700000000005</v>
      </c>
      <c r="CX1471" s="20">
        <v>0.75748800000000005</v>
      </c>
      <c r="CY1471" s="6" t="s">
        <v>607</v>
      </c>
      <c r="CZ1471" s="6" t="s">
        <v>608</v>
      </c>
      <c r="DA1471" s="6" t="s">
        <v>54</v>
      </c>
      <c r="DB1471" s="6"/>
      <c r="DC1471" s="6">
        <v>27620</v>
      </c>
      <c r="DD1471" s="6"/>
      <c r="DE1471" s="6" t="s">
        <v>436</v>
      </c>
      <c r="DF1471" s="6" t="s">
        <v>375</v>
      </c>
      <c r="DG1471" s="6" t="s">
        <v>376</v>
      </c>
      <c r="DH1471" s="6" t="s">
        <v>328</v>
      </c>
      <c r="DI1471" s="6"/>
      <c r="DJ1471" s="6">
        <v>29</v>
      </c>
      <c r="DK1471" s="6">
        <v>135</v>
      </c>
      <c r="DL1471" s="6">
        <v>2</v>
      </c>
      <c r="DM1471" s="6" t="s">
        <v>379</v>
      </c>
      <c r="DN1471" s="6">
        <v>3</v>
      </c>
      <c r="DO1471" s="6" t="s">
        <v>380</v>
      </c>
      <c r="DP1471" s="6"/>
      <c r="DQ1471" s="6"/>
    </row>
    <row r="1472" spans="1:121" x14ac:dyDescent="0.2">
      <c r="A1472" s="6" t="s">
        <v>793</v>
      </c>
      <c r="B1472" s="6" t="s">
        <v>179</v>
      </c>
      <c r="C1472" s="6" t="s">
        <v>180</v>
      </c>
      <c r="D1472" s="6" t="s">
        <v>54</v>
      </c>
      <c r="E1472" s="6" t="s">
        <v>195</v>
      </c>
      <c r="F1472" s="11">
        <v>2</v>
      </c>
      <c r="G1472" s="13">
        <v>0</v>
      </c>
      <c r="H1472" s="11">
        <v>14</v>
      </c>
      <c r="I1472" s="13">
        <v>2.6022304832713755E-2</v>
      </c>
      <c r="J1472" s="11">
        <v>-59</v>
      </c>
      <c r="K1472" s="13">
        <v>-0.1068840579710145</v>
      </c>
      <c r="L1472" s="11">
        <v>47</v>
      </c>
      <c r="M1472" s="13">
        <v>9.5334685598377281E-2</v>
      </c>
      <c r="N1472" s="11">
        <v>-12</v>
      </c>
      <c r="O1472" s="13">
        <v>-2.1739130434782608E-2</v>
      </c>
      <c r="P1472" s="7">
        <v>538</v>
      </c>
      <c r="Q1472" s="7">
        <v>545</v>
      </c>
      <c r="R1472" s="7">
        <v>539</v>
      </c>
      <c r="S1472" s="7">
        <v>521</v>
      </c>
      <c r="T1472" s="7">
        <v>497</v>
      </c>
      <c r="U1472" s="7">
        <v>518</v>
      </c>
      <c r="V1472" s="7">
        <v>552</v>
      </c>
      <c r="W1472" s="7">
        <v>565</v>
      </c>
      <c r="X1472" s="7">
        <v>517</v>
      </c>
      <c r="Y1472" s="7">
        <v>493</v>
      </c>
      <c r="Z1472" s="7">
        <v>513</v>
      </c>
      <c r="AA1472" s="7">
        <v>503</v>
      </c>
      <c r="AB1472" s="7">
        <v>539</v>
      </c>
      <c r="AC1472" s="7">
        <v>526</v>
      </c>
      <c r="AD1472" s="7">
        <v>536</v>
      </c>
      <c r="AE1472" s="7">
        <v>533</v>
      </c>
      <c r="AF1472" s="7">
        <v>540</v>
      </c>
      <c r="AG1472" s="9">
        <v>3290</v>
      </c>
      <c r="AH1472" s="13">
        <v>0.15902170235390786</v>
      </c>
      <c r="AI1472" s="9">
        <v>1178</v>
      </c>
      <c r="AJ1472" s="13">
        <v>5.6938469718207742E-2</v>
      </c>
      <c r="AK1472" s="9">
        <v>-224</v>
      </c>
      <c r="AL1472" s="13">
        <v>-1.0243746284355419E-2</v>
      </c>
      <c r="AM1472" s="9">
        <v>2336</v>
      </c>
      <c r="AN1472" s="13">
        <v>0.10793328096844246</v>
      </c>
      <c r="AO1472" s="9">
        <v>2112</v>
      </c>
      <c r="AP1472" s="13">
        <v>9.658389353820826E-2</v>
      </c>
      <c r="AQ1472" s="9">
        <v>20689</v>
      </c>
      <c r="AR1472" s="9">
        <v>21002</v>
      </c>
      <c r="AS1472" s="9">
        <v>22467</v>
      </c>
      <c r="AT1472" s="9">
        <v>21918</v>
      </c>
      <c r="AU1472" s="9">
        <v>22278</v>
      </c>
      <c r="AV1472" s="9">
        <v>22101</v>
      </c>
      <c r="AW1472" s="9">
        <v>21867</v>
      </c>
      <c r="AX1472" s="9">
        <v>21371</v>
      </c>
      <c r="AY1472" s="9">
        <v>21107</v>
      </c>
      <c r="AZ1472" s="9">
        <v>21643</v>
      </c>
      <c r="BA1472" s="9">
        <v>21782</v>
      </c>
      <c r="BB1472" s="9">
        <v>22596</v>
      </c>
      <c r="BC1472" s="9">
        <v>22738</v>
      </c>
      <c r="BD1472" s="9">
        <v>22636</v>
      </c>
      <c r="BE1472" s="9">
        <v>23451</v>
      </c>
      <c r="BF1472" s="9">
        <v>23979</v>
      </c>
      <c r="BG1472" s="11">
        <v>-5</v>
      </c>
      <c r="BH1472" s="13">
        <v>-8.9285714285714288E-2</v>
      </c>
      <c r="BI1472" s="6">
        <v>0</v>
      </c>
      <c r="BJ1472" s="13">
        <v>0</v>
      </c>
      <c r="BK1472" s="6">
        <v>-6</v>
      </c>
      <c r="BL1472" s="13">
        <v>-0.10714285714285714</v>
      </c>
      <c r="BM1472" s="11">
        <v>1</v>
      </c>
      <c r="BN1472" s="13">
        <v>0.02</v>
      </c>
      <c r="BO1472" s="11">
        <v>-5</v>
      </c>
      <c r="BP1472" s="13">
        <v>-8.9285714285714288E-2</v>
      </c>
      <c r="BQ1472" s="6">
        <v>56</v>
      </c>
      <c r="BR1472" s="6">
        <v>55</v>
      </c>
      <c r="BS1472" s="6">
        <v>54</v>
      </c>
      <c r="BT1472" s="6">
        <v>56</v>
      </c>
      <c r="BU1472" s="6">
        <v>55</v>
      </c>
      <c r="BV1472" s="6">
        <v>53</v>
      </c>
      <c r="BW1472" s="6">
        <v>50</v>
      </c>
      <c r="BX1472" s="6">
        <v>51</v>
      </c>
      <c r="BY1472" s="6">
        <v>50</v>
      </c>
      <c r="BZ1472" s="6">
        <v>51</v>
      </c>
      <c r="CA1472" s="6">
        <v>49</v>
      </c>
      <c r="CB1472" s="6">
        <v>50</v>
      </c>
      <c r="CC1472" s="11">
        <v>51</v>
      </c>
      <c r="CD1472" s="11">
        <v>-22</v>
      </c>
      <c r="CE1472" s="11">
        <v>-34</v>
      </c>
      <c r="CF1472" s="11">
        <v>59</v>
      </c>
      <c r="CG1472" s="11">
        <v>25</v>
      </c>
      <c r="CH1472" s="20">
        <v>0.98</v>
      </c>
      <c r="CI1472" s="20">
        <v>1.04</v>
      </c>
      <c r="CJ1472" s="20">
        <v>1.02</v>
      </c>
      <c r="CK1472" s="20">
        <v>1.01</v>
      </c>
      <c r="CL1472" s="20">
        <v>1.01</v>
      </c>
      <c r="CM1472" s="20">
        <v>1.06</v>
      </c>
      <c r="CN1472" s="20">
        <v>1.1100000000000001</v>
      </c>
      <c r="CO1472" s="20">
        <v>1.1299999999999999</v>
      </c>
      <c r="CP1472" s="20">
        <v>1.01</v>
      </c>
      <c r="CQ1472" s="20">
        <v>0.97</v>
      </c>
      <c r="CR1472" s="20">
        <v>0.99</v>
      </c>
      <c r="CS1472" s="20">
        <v>0.97</v>
      </c>
      <c r="CT1472" s="20">
        <v>1.05</v>
      </c>
      <c r="CU1472" s="20">
        <v>1</v>
      </c>
      <c r="CV1472" s="20">
        <v>0.99</v>
      </c>
      <c r="CW1472" s="20">
        <v>0.97</v>
      </c>
      <c r="CX1472" s="20">
        <v>0.97</v>
      </c>
      <c r="CY1472" s="6" t="s">
        <v>607</v>
      </c>
      <c r="CZ1472" s="6" t="s">
        <v>608</v>
      </c>
      <c r="DA1472" s="6" t="s">
        <v>54</v>
      </c>
      <c r="DB1472" s="6"/>
      <c r="DC1472" s="6">
        <v>27620</v>
      </c>
      <c r="DD1472" s="6"/>
      <c r="DE1472" s="6" t="s">
        <v>436</v>
      </c>
      <c r="DF1472" s="6" t="s">
        <v>375</v>
      </c>
      <c r="DG1472" s="6" t="s">
        <v>376</v>
      </c>
      <c r="DH1472" s="6" t="s">
        <v>328</v>
      </c>
      <c r="DI1472" s="6"/>
      <c r="DJ1472" s="6">
        <v>29</v>
      </c>
      <c r="DK1472" s="6">
        <v>135</v>
      </c>
      <c r="DL1472" s="6">
        <v>2</v>
      </c>
      <c r="DM1472" s="6" t="s">
        <v>379</v>
      </c>
      <c r="DN1472" s="6">
        <v>3</v>
      </c>
      <c r="DO1472" s="6" t="s">
        <v>380</v>
      </c>
      <c r="DP1472" s="6"/>
      <c r="DQ1472" s="6"/>
    </row>
    <row r="1473" spans="1:121" x14ac:dyDescent="0.2">
      <c r="A1473" s="6" t="s">
        <v>794</v>
      </c>
      <c r="B1473" s="6" t="s">
        <v>181</v>
      </c>
      <c r="C1473" s="6" t="s">
        <v>182</v>
      </c>
      <c r="D1473" s="6" t="s">
        <v>54</v>
      </c>
      <c r="E1473" s="6" t="s">
        <v>195</v>
      </c>
      <c r="F1473" s="11">
        <v>29</v>
      </c>
      <c r="G1473" s="13">
        <v>0.43283582089599998</v>
      </c>
      <c r="H1473" s="11">
        <v>4.8003400695999972</v>
      </c>
      <c r="I1473" s="13">
        <v>7.1512416209154703E-2</v>
      </c>
      <c r="J1473" s="11">
        <v>-6.5996342146000018</v>
      </c>
      <c r="K1473" s="13">
        <v>-9.1755499626708273E-2</v>
      </c>
      <c r="L1473" s="11">
        <v>30.6218437287</v>
      </c>
      <c r="M1473" s="13">
        <v>0.4687494790063072</v>
      </c>
      <c r="N1473" s="11">
        <v>24.022209514099998</v>
      </c>
      <c r="O1473" s="13">
        <v>0.33398363673361603</v>
      </c>
      <c r="P1473" s="7">
        <v>67.125966707100005</v>
      </c>
      <c r="Q1473" s="7">
        <v>67.303001713399993</v>
      </c>
      <c r="R1473" s="7">
        <v>69.018285827900002</v>
      </c>
      <c r="S1473" s="7">
        <v>77.670427657100007</v>
      </c>
      <c r="T1473" s="7">
        <v>67.7334884988</v>
      </c>
      <c r="U1473" s="7">
        <v>67.824170105500002</v>
      </c>
      <c r="V1473" s="7">
        <v>71.926306776700002</v>
      </c>
      <c r="W1473" s="7">
        <v>60.260585156499999</v>
      </c>
      <c r="X1473" s="7">
        <v>66.8260840067</v>
      </c>
      <c r="Y1473" s="7">
        <v>65.326672562100001</v>
      </c>
      <c r="Z1473" s="7">
        <v>69.006066386800001</v>
      </c>
      <c r="AA1473" s="7">
        <v>66.492400814199996</v>
      </c>
      <c r="AB1473" s="7">
        <v>78.878872092199998</v>
      </c>
      <c r="AC1473" s="7">
        <v>85.9601095851</v>
      </c>
      <c r="AD1473" s="7">
        <v>91.7047448876</v>
      </c>
      <c r="AE1473" s="7">
        <v>90.790901402499998</v>
      </c>
      <c r="AF1473" s="7">
        <v>95.948516290800001</v>
      </c>
      <c r="AG1473" s="9">
        <v>17812.255101500003</v>
      </c>
      <c r="AH1473" s="13">
        <v>0.56357024425879942</v>
      </c>
      <c r="AI1473" s="9">
        <v>7750.6743905000003</v>
      </c>
      <c r="AJ1473" s="13">
        <v>0.24522720085322972</v>
      </c>
      <c r="AK1473" s="9">
        <v>4230.9242892000038</v>
      </c>
      <c r="AL1473" s="13">
        <v>0.10750181669306832</v>
      </c>
      <c r="AM1473" s="9">
        <v>5830.6564217999985</v>
      </c>
      <c r="AN1473" s="13">
        <v>0.1337684063858334</v>
      </c>
      <c r="AO1473" s="9">
        <v>10061.580711000002</v>
      </c>
      <c r="AP1473" s="13">
        <v>0.2556505697815154</v>
      </c>
      <c r="AQ1473" s="9">
        <v>31606.095749299999</v>
      </c>
      <c r="AR1473" s="9">
        <v>35809.3361707</v>
      </c>
      <c r="AS1473" s="9">
        <v>33188.520834100003</v>
      </c>
      <c r="AT1473" s="9">
        <v>37649.297556400001</v>
      </c>
      <c r="AU1473" s="9">
        <v>36139.960165199998</v>
      </c>
      <c r="AV1473" s="9">
        <v>38986.352618899997</v>
      </c>
      <c r="AW1473" s="9">
        <v>39356.770139799999</v>
      </c>
      <c r="AX1473" s="9">
        <v>44322.990779100001</v>
      </c>
      <c r="AY1473" s="9">
        <v>39863.3636415</v>
      </c>
      <c r="AZ1473" s="9">
        <v>43587.694429000003</v>
      </c>
      <c r="BA1473" s="9">
        <v>44504.495431900003</v>
      </c>
      <c r="BB1473" s="9">
        <v>46013.4301777</v>
      </c>
      <c r="BC1473" s="9">
        <v>50680.241836300003</v>
      </c>
      <c r="BD1473" s="9">
        <v>52798.9664653</v>
      </c>
      <c r="BE1473" s="9">
        <v>48719.295109699997</v>
      </c>
      <c r="BF1473" s="9">
        <v>49418.350850800001</v>
      </c>
      <c r="BG1473" s="11">
        <v>5</v>
      </c>
      <c r="BH1473" s="13">
        <v>1.25</v>
      </c>
      <c r="BI1473" s="6">
        <v>2</v>
      </c>
      <c r="BJ1473" s="13">
        <v>0.5</v>
      </c>
      <c r="BK1473" s="6">
        <v>-1</v>
      </c>
      <c r="BL1473" s="13">
        <v>-0.16666666666666666</v>
      </c>
      <c r="BM1473" s="11">
        <v>4</v>
      </c>
      <c r="BN1473" s="13">
        <v>0.8</v>
      </c>
      <c r="BO1473" s="11">
        <v>3</v>
      </c>
      <c r="BP1473" s="13">
        <v>0.5</v>
      </c>
      <c r="BQ1473" s="6">
        <v>4</v>
      </c>
      <c r="BR1473" s="6">
        <v>3</v>
      </c>
      <c r="BS1473" s="6">
        <v>3</v>
      </c>
      <c r="BT1473" s="6">
        <v>6</v>
      </c>
      <c r="BU1473" s="6">
        <v>6</v>
      </c>
      <c r="BV1473" s="6">
        <v>7</v>
      </c>
      <c r="BW1473" s="6">
        <v>5</v>
      </c>
      <c r="BX1473" s="6">
        <v>6</v>
      </c>
      <c r="BY1473" s="6">
        <v>7</v>
      </c>
      <c r="BZ1473" s="6">
        <v>7</v>
      </c>
      <c r="CA1473" s="6">
        <v>10</v>
      </c>
      <c r="CB1473" s="6">
        <v>9</v>
      </c>
      <c r="CC1473" s="11">
        <v>9</v>
      </c>
      <c r="CD1473" s="11">
        <v>17.253900000000002</v>
      </c>
      <c r="CE1473" s="11">
        <v>4.2309799999999997</v>
      </c>
      <c r="CF1473" s="11">
        <v>7.3376799999999998</v>
      </c>
      <c r="CG1473" s="11">
        <v>11</v>
      </c>
      <c r="CH1473" s="20">
        <v>0.41367199999999998</v>
      </c>
      <c r="CI1473" s="20">
        <v>0.448633</v>
      </c>
      <c r="CJ1473" s="20">
        <v>0.45458900000000002</v>
      </c>
      <c r="CK1473" s="20">
        <v>0.51500699999999999</v>
      </c>
      <c r="CL1473" s="20">
        <v>0.46831200000000001</v>
      </c>
      <c r="CM1473" s="20">
        <v>0.46240500000000001</v>
      </c>
      <c r="CN1473" s="20">
        <v>0.474829</v>
      </c>
      <c r="CO1473" s="20">
        <v>0.39290399999999998</v>
      </c>
      <c r="CP1473" s="20">
        <v>0.433562</v>
      </c>
      <c r="CQ1473" s="20">
        <v>0.42738900000000002</v>
      </c>
      <c r="CR1473" s="20">
        <v>0.43581599999999998</v>
      </c>
      <c r="CS1473" s="20">
        <v>0.41602699999999998</v>
      </c>
      <c r="CT1473" s="20">
        <v>0.49522300000000002</v>
      </c>
      <c r="CU1473" s="20">
        <v>0.51899899999999999</v>
      </c>
      <c r="CV1473" s="20">
        <v>0.52254599999999995</v>
      </c>
      <c r="CW1473" s="20">
        <v>0.50473299999999999</v>
      </c>
      <c r="CX1473" s="20">
        <v>0.51921799999999996</v>
      </c>
      <c r="CY1473" s="6" t="s">
        <v>607</v>
      </c>
      <c r="CZ1473" s="6" t="s">
        <v>608</v>
      </c>
      <c r="DA1473" s="6" t="s">
        <v>54</v>
      </c>
      <c r="DB1473" s="6"/>
      <c r="DC1473" s="6">
        <v>27620</v>
      </c>
      <c r="DD1473" s="6"/>
      <c r="DE1473" s="6" t="s">
        <v>436</v>
      </c>
      <c r="DF1473" s="6" t="s">
        <v>375</v>
      </c>
      <c r="DG1473" s="6" t="s">
        <v>376</v>
      </c>
      <c r="DH1473" s="6" t="s">
        <v>328</v>
      </c>
      <c r="DI1473" s="6"/>
      <c r="DJ1473" s="6">
        <v>29</v>
      </c>
      <c r="DK1473" s="6">
        <v>135</v>
      </c>
      <c r="DL1473" s="6">
        <v>2</v>
      </c>
      <c r="DM1473" s="6" t="s">
        <v>379</v>
      </c>
      <c r="DN1473" s="6">
        <v>3</v>
      </c>
      <c r="DO1473" s="6" t="s">
        <v>380</v>
      </c>
      <c r="DP1473" s="6"/>
      <c r="DQ1473" s="6"/>
    </row>
    <row r="1474" spans="1:121" x14ac:dyDescent="0.2">
      <c r="A1474" s="6" t="s">
        <v>314</v>
      </c>
      <c r="B1474" s="6" t="s">
        <v>314</v>
      </c>
      <c r="C1474" s="6" t="s">
        <v>183</v>
      </c>
      <c r="D1474" s="6" t="s">
        <v>54</v>
      </c>
      <c r="E1474" s="6" t="s">
        <v>195</v>
      </c>
      <c r="F1474" s="11">
        <v>17</v>
      </c>
      <c r="G1474" s="13">
        <v>0.5</v>
      </c>
      <c r="H1474" s="11">
        <v>-11.455914973400002</v>
      </c>
      <c r="I1474" s="13">
        <v>-0.33504263601711787</v>
      </c>
      <c r="J1474" s="11">
        <v>4.2890622927000024</v>
      </c>
      <c r="K1474" s="13">
        <v>0.18864219849982297</v>
      </c>
      <c r="L1474" s="11">
        <v>24.061069045900002</v>
      </c>
      <c r="M1474" s="13">
        <v>0.89030798905572628</v>
      </c>
      <c r="N1474" s="11">
        <v>28.350131338600004</v>
      </c>
      <c r="O1474" s="13">
        <v>1.2468998439529777</v>
      </c>
      <c r="P1474" s="7">
        <v>34.192409388800002</v>
      </c>
      <c r="Q1474" s="7">
        <v>34.357183879600001</v>
      </c>
      <c r="R1474" s="7">
        <v>28.309019236000001</v>
      </c>
      <c r="S1474" s="7">
        <v>22.088517616000001</v>
      </c>
      <c r="T1474" s="7">
        <v>25.526524592400001</v>
      </c>
      <c r="U1474" s="7">
        <v>24.458463018900002</v>
      </c>
      <c r="V1474" s="7">
        <v>22.736494415399999</v>
      </c>
      <c r="W1474" s="7">
        <v>15.983632345</v>
      </c>
      <c r="X1474" s="7">
        <v>20.238679192100001</v>
      </c>
      <c r="Y1474" s="7">
        <v>27.025556708100002</v>
      </c>
      <c r="Z1474" s="7">
        <v>25.3479834362</v>
      </c>
      <c r="AA1474" s="7">
        <v>15.517812123500001</v>
      </c>
      <c r="AB1474" s="7">
        <v>24.8757252461</v>
      </c>
      <c r="AC1474" s="7">
        <v>29.863416006600001</v>
      </c>
      <c r="AD1474" s="7">
        <v>41.752707633500002</v>
      </c>
      <c r="AE1474" s="7">
        <v>46.053783138699998</v>
      </c>
      <c r="AF1474" s="7">
        <v>51.086625754000003</v>
      </c>
      <c r="AG1474" s="9">
        <v>17162.3550951</v>
      </c>
      <c r="AH1474" s="13">
        <v>0.57108157698774664</v>
      </c>
      <c r="AI1474" s="9">
        <v>-4646.4966650000024</v>
      </c>
      <c r="AJ1474" s="13">
        <v>-0.15461331665804492</v>
      </c>
      <c r="AK1474" s="9">
        <v>2940.0801167000027</v>
      </c>
      <c r="AL1474" s="13">
        <v>0.11572442437359724</v>
      </c>
      <c r="AM1474" s="9">
        <v>18868.771643399999</v>
      </c>
      <c r="AN1474" s="13">
        <v>0.66566014059044309</v>
      </c>
      <c r="AO1474" s="9">
        <v>21808.851760100002</v>
      </c>
      <c r="AP1474" s="13">
        <v>0.85841770156231723</v>
      </c>
      <c r="AQ1474" s="9">
        <v>30052.370426000001</v>
      </c>
      <c r="AR1474" s="9">
        <v>32766.5449635</v>
      </c>
      <c r="AS1474" s="9">
        <v>33912.011614900002</v>
      </c>
      <c r="AT1474" s="9">
        <v>25144.4095413</v>
      </c>
      <c r="AU1474" s="9">
        <v>25204.4902115</v>
      </c>
      <c r="AV1474" s="9">
        <v>26654.406283699998</v>
      </c>
      <c r="AW1474" s="9">
        <v>25405.873760999999</v>
      </c>
      <c r="AX1474" s="9">
        <v>31909.6100711</v>
      </c>
      <c r="AY1474" s="9">
        <v>31938.135132799998</v>
      </c>
      <c r="AZ1474" s="9">
        <v>28345.953877700002</v>
      </c>
      <c r="BA1474" s="9">
        <v>26824.533085800002</v>
      </c>
      <c r="BB1474" s="9">
        <v>30333.080492699999</v>
      </c>
      <c r="BC1474" s="9">
        <v>37553.021345699999</v>
      </c>
      <c r="BD1474" s="9">
        <v>42659.123848499999</v>
      </c>
      <c r="BE1474" s="9">
        <v>42563.307669299997</v>
      </c>
      <c r="BF1474" s="9">
        <v>47214.725521100001</v>
      </c>
      <c r="BG1474" s="11">
        <v>1</v>
      </c>
      <c r="BH1474" s="13">
        <v>0.2</v>
      </c>
      <c r="BI1474" s="6">
        <v>0</v>
      </c>
      <c r="BJ1474" s="13">
        <v>0</v>
      </c>
      <c r="BK1474" s="6">
        <v>0</v>
      </c>
      <c r="BL1474" s="13">
        <v>0</v>
      </c>
      <c r="BM1474" s="11">
        <v>1</v>
      </c>
      <c r="BN1474" s="13">
        <v>0.2</v>
      </c>
      <c r="BO1474" s="11">
        <v>1</v>
      </c>
      <c r="BP1474" s="13">
        <v>0.2</v>
      </c>
      <c r="BQ1474" s="6">
        <v>5</v>
      </c>
      <c r="BR1474" s="6">
        <v>5</v>
      </c>
      <c r="BS1474" s="6">
        <v>4</v>
      </c>
      <c r="BT1474" s="6">
        <v>5</v>
      </c>
      <c r="BU1474" s="6">
        <v>5</v>
      </c>
      <c r="BV1474" s="6">
        <v>5</v>
      </c>
      <c r="BW1474" s="6">
        <v>5</v>
      </c>
      <c r="BX1474" s="6">
        <v>5</v>
      </c>
      <c r="BY1474" s="6">
        <v>6</v>
      </c>
      <c r="BZ1474" s="6">
        <v>6</v>
      </c>
      <c r="CA1474" s="6">
        <v>6</v>
      </c>
      <c r="CB1474" s="6">
        <v>6</v>
      </c>
      <c r="CC1474" s="11">
        <v>6</v>
      </c>
      <c r="CD1474" s="11">
        <v>23.6294</v>
      </c>
      <c r="CE1474" s="11">
        <v>-10.472799999999999</v>
      </c>
      <c r="CF1474" s="11">
        <v>3.7376399999999999</v>
      </c>
      <c r="CG1474" s="11">
        <v>-6</v>
      </c>
      <c r="CH1474" s="20">
        <v>0.26758100000000001</v>
      </c>
      <c r="CI1474" s="20">
        <v>0.29903099999999999</v>
      </c>
      <c r="CJ1474" s="20">
        <v>0.25420900000000002</v>
      </c>
      <c r="CK1474" s="20">
        <v>0.20812700000000001</v>
      </c>
      <c r="CL1474" s="20">
        <v>0.26030900000000001</v>
      </c>
      <c r="CM1474" s="20">
        <v>0.253272</v>
      </c>
      <c r="CN1474" s="20">
        <v>0.23319799999999999</v>
      </c>
      <c r="CO1474" s="20">
        <v>0.16332099999999999</v>
      </c>
      <c r="CP1474" s="20">
        <v>0.20480300000000001</v>
      </c>
      <c r="CQ1474" s="20">
        <v>0.28287299999999999</v>
      </c>
      <c r="CR1474" s="20">
        <v>0.265652</v>
      </c>
      <c r="CS1474" s="20">
        <v>0.16436899999999999</v>
      </c>
      <c r="CT1474" s="20">
        <v>0.26713999999999999</v>
      </c>
      <c r="CU1474" s="20">
        <v>0.31503300000000001</v>
      </c>
      <c r="CV1474" s="20">
        <v>0.43086600000000003</v>
      </c>
      <c r="CW1474" s="20">
        <v>0.468725</v>
      </c>
      <c r="CX1474" s="20">
        <v>0.51251500000000005</v>
      </c>
      <c r="CY1474" s="6" t="s">
        <v>607</v>
      </c>
      <c r="CZ1474" s="6" t="s">
        <v>608</v>
      </c>
      <c r="DA1474" s="6" t="s">
        <v>54</v>
      </c>
      <c r="DB1474" s="6"/>
      <c r="DC1474" s="6">
        <v>27620</v>
      </c>
      <c r="DD1474" s="6"/>
      <c r="DE1474" s="6" t="s">
        <v>436</v>
      </c>
      <c r="DF1474" s="6" t="s">
        <v>375</v>
      </c>
      <c r="DG1474" s="6" t="s">
        <v>376</v>
      </c>
      <c r="DH1474" s="6" t="s">
        <v>328</v>
      </c>
      <c r="DI1474" s="6"/>
      <c r="DJ1474" s="6">
        <v>29</v>
      </c>
      <c r="DK1474" s="6">
        <v>135</v>
      </c>
      <c r="DL1474" s="6">
        <v>2</v>
      </c>
      <c r="DM1474" s="6" t="s">
        <v>379</v>
      </c>
      <c r="DN1474" s="6">
        <v>3</v>
      </c>
      <c r="DO1474" s="6" t="s">
        <v>380</v>
      </c>
      <c r="DP1474" s="6"/>
      <c r="DQ1474" s="6"/>
    </row>
    <row r="1475" spans="1:121" x14ac:dyDescent="0.2">
      <c r="A1475" s="6" t="s">
        <v>315</v>
      </c>
      <c r="B1475" s="6" t="s">
        <v>315</v>
      </c>
      <c r="C1475" s="6" t="s">
        <v>184</v>
      </c>
      <c r="D1475" s="6" t="s">
        <v>54</v>
      </c>
      <c r="E1475" s="6" t="s">
        <v>195</v>
      </c>
      <c r="F1475" s="11">
        <v>22</v>
      </c>
      <c r="G1475" s="13">
        <v>0.19</v>
      </c>
      <c r="H1475" s="11">
        <v>26</v>
      </c>
      <c r="I1475" s="13">
        <v>0.22807017543859648</v>
      </c>
      <c r="J1475" s="11">
        <v>2</v>
      </c>
      <c r="K1475" s="13">
        <v>1.4285714285714284E-2</v>
      </c>
      <c r="L1475" s="11">
        <v>-6</v>
      </c>
      <c r="M1475" s="13">
        <v>-4.2253521126760563E-2</v>
      </c>
      <c r="N1475" s="11">
        <v>-4</v>
      </c>
      <c r="O1475" s="13">
        <v>-2.8571428571428571E-2</v>
      </c>
      <c r="P1475" s="7">
        <v>114</v>
      </c>
      <c r="Q1475" s="7">
        <v>121</v>
      </c>
      <c r="R1475" s="7">
        <v>129</v>
      </c>
      <c r="S1475" s="7">
        <v>129</v>
      </c>
      <c r="T1475" s="7">
        <v>132</v>
      </c>
      <c r="U1475" s="7">
        <v>141</v>
      </c>
      <c r="V1475" s="7">
        <v>140</v>
      </c>
      <c r="W1475" s="7">
        <v>136</v>
      </c>
      <c r="X1475" s="7">
        <v>136</v>
      </c>
      <c r="Y1475" s="7">
        <v>142</v>
      </c>
      <c r="Z1475" s="7">
        <v>140</v>
      </c>
      <c r="AA1475" s="7">
        <v>135</v>
      </c>
      <c r="AB1475" s="7">
        <v>125</v>
      </c>
      <c r="AC1475" s="7">
        <v>133</v>
      </c>
      <c r="AD1475" s="7">
        <v>135</v>
      </c>
      <c r="AE1475" s="7">
        <v>135</v>
      </c>
      <c r="AF1475" s="7">
        <v>136</v>
      </c>
      <c r="AG1475" s="9">
        <v>16266</v>
      </c>
      <c r="AH1475" s="13">
        <v>0.44863060926165982</v>
      </c>
      <c r="AI1475" s="9">
        <v>3665</v>
      </c>
      <c r="AJ1475" s="13">
        <v>0.10108392862068016</v>
      </c>
      <c r="AK1475" s="9">
        <v>3847</v>
      </c>
      <c r="AL1475" s="13">
        <v>9.6362907669956421E-2</v>
      </c>
      <c r="AM1475" s="9">
        <v>8754</v>
      </c>
      <c r="AN1475" s="13">
        <v>0.20000456944412712</v>
      </c>
      <c r="AO1475" s="9">
        <v>12601</v>
      </c>
      <c r="AP1475" s="13">
        <v>0.31564049897299734</v>
      </c>
      <c r="AQ1475" s="9">
        <v>36257</v>
      </c>
      <c r="AR1475" s="9">
        <v>36234</v>
      </c>
      <c r="AS1475" s="9">
        <v>35763</v>
      </c>
      <c r="AT1475" s="9">
        <v>36536</v>
      </c>
      <c r="AU1475" s="9">
        <v>37828</v>
      </c>
      <c r="AV1475" s="9">
        <v>39896</v>
      </c>
      <c r="AW1475" s="9">
        <v>39922</v>
      </c>
      <c r="AX1475" s="9">
        <v>41451</v>
      </c>
      <c r="AY1475" s="9">
        <v>42040</v>
      </c>
      <c r="AZ1475" s="9">
        <v>43769</v>
      </c>
      <c r="BA1475" s="9">
        <v>44562</v>
      </c>
      <c r="BB1475" s="9">
        <v>45903</v>
      </c>
      <c r="BC1475" s="9">
        <v>49063</v>
      </c>
      <c r="BD1475" s="9">
        <v>48305</v>
      </c>
      <c r="BE1475" s="9">
        <v>50339</v>
      </c>
      <c r="BF1475" s="9">
        <v>52523</v>
      </c>
      <c r="BG1475" s="11">
        <v>-2</v>
      </c>
      <c r="BH1475" s="13">
        <v>-8.3333333333333329E-2</v>
      </c>
      <c r="BI1475" s="6">
        <v>-1</v>
      </c>
      <c r="BJ1475" s="13">
        <v>-4.1666666666666664E-2</v>
      </c>
      <c r="BK1475" s="6">
        <v>1</v>
      </c>
      <c r="BL1475" s="13">
        <v>4.3478260869565216E-2</v>
      </c>
      <c r="BM1475" s="11">
        <v>-2</v>
      </c>
      <c r="BN1475" s="13">
        <v>-8.3333333333333329E-2</v>
      </c>
      <c r="BO1475" s="11">
        <v>-1</v>
      </c>
      <c r="BP1475" s="13">
        <v>-4.3478260869565216E-2</v>
      </c>
      <c r="BQ1475" s="6">
        <v>24</v>
      </c>
      <c r="BR1475" s="6">
        <v>25</v>
      </c>
      <c r="BS1475" s="6">
        <v>25</v>
      </c>
      <c r="BT1475" s="6">
        <v>23</v>
      </c>
      <c r="BU1475" s="6">
        <v>23</v>
      </c>
      <c r="BV1475" s="6">
        <v>24</v>
      </c>
      <c r="BW1475" s="6">
        <v>24</v>
      </c>
      <c r="BX1475" s="6">
        <v>24</v>
      </c>
      <c r="BY1475" s="6">
        <v>24</v>
      </c>
      <c r="BZ1475" s="6">
        <v>23</v>
      </c>
      <c r="CA1475" s="6">
        <v>23</v>
      </c>
      <c r="CB1475" s="6">
        <v>22</v>
      </c>
      <c r="CC1475" s="11">
        <v>22</v>
      </c>
      <c r="CD1475" s="11">
        <v>19</v>
      </c>
      <c r="CE1475" s="11">
        <v>-9</v>
      </c>
      <c r="CF1475" s="11">
        <v>12</v>
      </c>
      <c r="CG1475" s="11">
        <v>3</v>
      </c>
      <c r="CH1475" s="20">
        <v>0.55000000000000004</v>
      </c>
      <c r="CI1475" s="20">
        <v>0.61</v>
      </c>
      <c r="CJ1475" s="20">
        <v>0.63</v>
      </c>
      <c r="CK1475" s="20">
        <v>0.64</v>
      </c>
      <c r="CL1475" s="20">
        <v>0.69</v>
      </c>
      <c r="CM1475" s="20">
        <v>0.73</v>
      </c>
      <c r="CN1475" s="20">
        <v>0.72</v>
      </c>
      <c r="CO1475" s="20">
        <v>0.7</v>
      </c>
      <c r="CP1475" s="20">
        <v>0.68</v>
      </c>
      <c r="CQ1475" s="20">
        <v>0.72</v>
      </c>
      <c r="CR1475" s="20">
        <v>0.7</v>
      </c>
      <c r="CS1475" s="20">
        <v>0.68</v>
      </c>
      <c r="CT1475" s="20">
        <v>0.64</v>
      </c>
      <c r="CU1475" s="20">
        <v>0.68</v>
      </c>
      <c r="CV1475" s="20">
        <v>0.67</v>
      </c>
      <c r="CW1475" s="20">
        <v>0.66</v>
      </c>
      <c r="CX1475" s="20">
        <v>0.65</v>
      </c>
      <c r="CY1475" s="6" t="s">
        <v>607</v>
      </c>
      <c r="CZ1475" s="6" t="s">
        <v>608</v>
      </c>
      <c r="DA1475" s="6" t="s">
        <v>54</v>
      </c>
      <c r="DB1475" s="6"/>
      <c r="DC1475" s="6">
        <v>27620</v>
      </c>
      <c r="DD1475" s="6"/>
      <c r="DE1475" s="6" t="s">
        <v>436</v>
      </c>
      <c r="DF1475" s="6" t="s">
        <v>375</v>
      </c>
      <c r="DG1475" s="6" t="s">
        <v>376</v>
      </c>
      <c r="DH1475" s="6" t="s">
        <v>328</v>
      </c>
      <c r="DI1475" s="6"/>
      <c r="DJ1475" s="6">
        <v>29</v>
      </c>
      <c r="DK1475" s="6">
        <v>135</v>
      </c>
      <c r="DL1475" s="6">
        <v>2</v>
      </c>
      <c r="DM1475" s="6" t="s">
        <v>379</v>
      </c>
      <c r="DN1475" s="6">
        <v>3</v>
      </c>
      <c r="DO1475" s="6" t="s">
        <v>380</v>
      </c>
      <c r="DP1475" s="6"/>
      <c r="DQ1475" s="6"/>
    </row>
    <row r="1476" spans="1:121" x14ac:dyDescent="0.2">
      <c r="A1476" s="6" t="s">
        <v>316</v>
      </c>
      <c r="B1476" s="6" t="s">
        <v>316</v>
      </c>
      <c r="C1476" s="6" t="s">
        <v>185</v>
      </c>
      <c r="D1476" s="6" t="s">
        <v>54</v>
      </c>
      <c r="E1476" s="6" t="s">
        <v>195</v>
      </c>
      <c r="F1476" s="11">
        <v>-13</v>
      </c>
      <c r="G1476" s="13">
        <v>-0.46</v>
      </c>
      <c r="H1476" s="11">
        <v>-1</v>
      </c>
      <c r="I1476" s="13">
        <v>-3.5714285714285712E-2</v>
      </c>
      <c r="J1476" s="11">
        <v>-3</v>
      </c>
      <c r="K1476" s="13">
        <v>-0.1111111111111111</v>
      </c>
      <c r="L1476" s="11">
        <v>-9</v>
      </c>
      <c r="M1476" s="13">
        <v>-0.375</v>
      </c>
      <c r="N1476" s="11">
        <v>-12</v>
      </c>
      <c r="O1476" s="13">
        <v>-0.44444444444444442</v>
      </c>
      <c r="P1476" s="7">
        <v>28</v>
      </c>
      <c r="Q1476" s="7">
        <v>22</v>
      </c>
      <c r="R1476" s="7">
        <v>23</v>
      </c>
      <c r="S1476" s="7">
        <v>23</v>
      </c>
      <c r="T1476" s="7">
        <v>24</v>
      </c>
      <c r="U1476" s="7">
        <v>29</v>
      </c>
      <c r="V1476" s="7">
        <v>27</v>
      </c>
      <c r="W1476" s="7">
        <v>26</v>
      </c>
      <c r="X1476" s="7">
        <v>25</v>
      </c>
      <c r="Y1476" s="7">
        <v>24</v>
      </c>
      <c r="Z1476" s="7">
        <v>18</v>
      </c>
      <c r="AA1476" s="7">
        <v>17</v>
      </c>
      <c r="AB1476" s="7">
        <v>16</v>
      </c>
      <c r="AC1476" s="7">
        <v>17</v>
      </c>
      <c r="AD1476" s="7">
        <v>14</v>
      </c>
      <c r="AE1476" s="7">
        <v>15</v>
      </c>
      <c r="AF1476" s="7">
        <v>15</v>
      </c>
      <c r="AG1476" s="9">
        <v>10116</v>
      </c>
      <c r="AH1476" s="13">
        <v>0.6385960482292784</v>
      </c>
      <c r="AI1476" s="9">
        <v>2441</v>
      </c>
      <c r="AJ1476" s="13">
        <v>0.15409380720914084</v>
      </c>
      <c r="AK1476" s="9">
        <v>-1790</v>
      </c>
      <c r="AL1476" s="13">
        <v>-9.7910513072967942E-2</v>
      </c>
      <c r="AM1476" s="9">
        <v>9465</v>
      </c>
      <c r="AN1476" s="13">
        <v>0.57391462527285952</v>
      </c>
      <c r="AO1476" s="9">
        <v>7675</v>
      </c>
      <c r="AP1476" s="13">
        <v>0.4198118367793458</v>
      </c>
      <c r="AQ1476" s="9">
        <v>15841</v>
      </c>
      <c r="AR1476" s="9">
        <v>19010</v>
      </c>
      <c r="AS1476" s="9">
        <v>20183</v>
      </c>
      <c r="AT1476" s="9">
        <v>19228</v>
      </c>
      <c r="AU1476" s="9">
        <v>19785</v>
      </c>
      <c r="AV1476" s="9">
        <v>16842</v>
      </c>
      <c r="AW1476" s="9">
        <v>18282</v>
      </c>
      <c r="AX1476" s="9">
        <v>17407</v>
      </c>
      <c r="AY1476" s="9">
        <v>16567</v>
      </c>
      <c r="AZ1476" s="9">
        <v>16492</v>
      </c>
      <c r="BA1476" s="9">
        <v>16465</v>
      </c>
      <c r="BB1476" s="9">
        <v>20840</v>
      </c>
      <c r="BC1476" s="9">
        <v>23943</v>
      </c>
      <c r="BD1476" s="9">
        <v>22455</v>
      </c>
      <c r="BE1476" s="9">
        <v>27594</v>
      </c>
      <c r="BF1476" s="9">
        <v>25957</v>
      </c>
      <c r="BG1476" s="11">
        <v>-4</v>
      </c>
      <c r="BH1476" s="13">
        <v>-0.5</v>
      </c>
      <c r="BI1476" s="6">
        <v>0</v>
      </c>
      <c r="BJ1476" s="13">
        <v>0</v>
      </c>
      <c r="BK1476" s="6">
        <v>-1</v>
      </c>
      <c r="BL1476" s="13">
        <v>-0.125</v>
      </c>
      <c r="BM1476" s="11">
        <v>-3</v>
      </c>
      <c r="BN1476" s="13">
        <v>-0.42857142857142855</v>
      </c>
      <c r="BO1476" s="11">
        <v>-4</v>
      </c>
      <c r="BP1476" s="13">
        <v>-0.5</v>
      </c>
      <c r="BQ1476" s="6">
        <v>8</v>
      </c>
      <c r="BR1476" s="6">
        <v>9</v>
      </c>
      <c r="BS1476" s="6">
        <v>9</v>
      </c>
      <c r="BT1476" s="6">
        <v>8</v>
      </c>
      <c r="BU1476" s="6">
        <v>8</v>
      </c>
      <c r="BV1476" s="6">
        <v>8</v>
      </c>
      <c r="BW1476" s="6">
        <v>7</v>
      </c>
      <c r="BX1476" s="6">
        <v>6</v>
      </c>
      <c r="BY1476" s="6">
        <v>6</v>
      </c>
      <c r="BZ1476" s="6">
        <v>6</v>
      </c>
      <c r="CA1476" s="6">
        <v>5</v>
      </c>
      <c r="CB1476" s="6">
        <v>4</v>
      </c>
      <c r="CC1476" s="11">
        <v>4</v>
      </c>
      <c r="CD1476" s="11">
        <v>-14</v>
      </c>
      <c r="CE1476" s="11">
        <v>-1</v>
      </c>
      <c r="CF1476" s="11">
        <v>3</v>
      </c>
      <c r="CG1476" s="11">
        <v>2</v>
      </c>
      <c r="CH1476" s="20">
        <v>0.32</v>
      </c>
      <c r="CI1476" s="20">
        <v>0.26</v>
      </c>
      <c r="CJ1476" s="20">
        <v>0.27</v>
      </c>
      <c r="CK1476" s="20">
        <v>0.27</v>
      </c>
      <c r="CL1476" s="20">
        <v>0.28999999999999998</v>
      </c>
      <c r="CM1476" s="20">
        <v>0.34</v>
      </c>
      <c r="CN1476" s="20">
        <v>0.32</v>
      </c>
      <c r="CO1476" s="20">
        <v>0.31</v>
      </c>
      <c r="CP1476" s="20">
        <v>0.3</v>
      </c>
      <c r="CQ1476" s="20">
        <v>0.28999999999999998</v>
      </c>
      <c r="CR1476" s="20">
        <v>0.22</v>
      </c>
      <c r="CS1476" s="20">
        <v>0.21</v>
      </c>
      <c r="CT1476" s="20">
        <v>0.2</v>
      </c>
      <c r="CU1476" s="20">
        <v>0.21</v>
      </c>
      <c r="CV1476" s="20">
        <v>0.17</v>
      </c>
      <c r="CW1476" s="20">
        <v>0.18</v>
      </c>
      <c r="CX1476" s="20">
        <v>0.17</v>
      </c>
      <c r="CY1476" s="6" t="s">
        <v>607</v>
      </c>
      <c r="CZ1476" s="6" t="s">
        <v>608</v>
      </c>
      <c r="DA1476" s="6" t="s">
        <v>54</v>
      </c>
      <c r="DB1476" s="6"/>
      <c r="DC1476" s="6">
        <v>27620</v>
      </c>
      <c r="DD1476" s="6"/>
      <c r="DE1476" s="6" t="s">
        <v>436</v>
      </c>
      <c r="DF1476" s="6" t="s">
        <v>375</v>
      </c>
      <c r="DG1476" s="6" t="s">
        <v>376</v>
      </c>
      <c r="DH1476" s="6" t="s">
        <v>328</v>
      </c>
      <c r="DI1476" s="6"/>
      <c r="DJ1476" s="6">
        <v>29</v>
      </c>
      <c r="DK1476" s="6">
        <v>135</v>
      </c>
      <c r="DL1476" s="6">
        <v>2</v>
      </c>
      <c r="DM1476" s="6" t="s">
        <v>379</v>
      </c>
      <c r="DN1476" s="6">
        <v>3</v>
      </c>
      <c r="DO1476" s="6" t="s">
        <v>380</v>
      </c>
      <c r="DP1476" s="6"/>
      <c r="DQ1476" s="6"/>
    </row>
    <row r="1477" spans="1:121" x14ac:dyDescent="0.2">
      <c r="A1477" s="6" t="s">
        <v>317</v>
      </c>
      <c r="B1477" s="6" t="s">
        <v>317</v>
      </c>
      <c r="C1477" s="6" t="s">
        <v>186</v>
      </c>
      <c r="D1477" s="6" t="s">
        <v>54</v>
      </c>
      <c r="E1477" s="6" t="s">
        <v>195</v>
      </c>
      <c r="F1477" s="11">
        <v>34</v>
      </c>
      <c r="G1477" s="13">
        <v>0.62</v>
      </c>
      <c r="H1477" s="11">
        <v>7</v>
      </c>
      <c r="I1477" s="13">
        <v>0.12727272727272726</v>
      </c>
      <c r="J1477" s="11">
        <v>2</v>
      </c>
      <c r="K1477" s="13">
        <v>3.2258064516129031E-2</v>
      </c>
      <c r="L1477" s="11">
        <v>25</v>
      </c>
      <c r="M1477" s="13">
        <v>0.390625</v>
      </c>
      <c r="N1477" s="11">
        <v>27</v>
      </c>
      <c r="O1477" s="13">
        <v>0.43548387096774194</v>
      </c>
      <c r="P1477" s="7">
        <v>55</v>
      </c>
      <c r="Q1477" s="7">
        <v>61</v>
      </c>
      <c r="R1477" s="7">
        <v>77</v>
      </c>
      <c r="S1477" s="7">
        <v>77</v>
      </c>
      <c r="T1477" s="7">
        <v>66</v>
      </c>
      <c r="U1477" s="7">
        <v>66</v>
      </c>
      <c r="V1477" s="7">
        <v>62</v>
      </c>
      <c r="W1477" s="7">
        <v>59</v>
      </c>
      <c r="X1477" s="7">
        <v>63</v>
      </c>
      <c r="Y1477" s="7">
        <v>64</v>
      </c>
      <c r="Z1477" s="7">
        <v>58</v>
      </c>
      <c r="AA1477" s="7">
        <v>66</v>
      </c>
      <c r="AB1477" s="7">
        <v>70</v>
      </c>
      <c r="AC1477" s="7">
        <v>77</v>
      </c>
      <c r="AD1477" s="7">
        <v>82</v>
      </c>
      <c r="AE1477" s="7">
        <v>85</v>
      </c>
      <c r="AF1477" s="7">
        <v>89</v>
      </c>
      <c r="AG1477" s="9">
        <v>13397</v>
      </c>
      <c r="AH1477" s="13">
        <v>0.55746504660452734</v>
      </c>
      <c r="AI1477" s="9">
        <v>8212</v>
      </c>
      <c r="AJ1477" s="13">
        <v>0.34171105193075901</v>
      </c>
      <c r="AK1477" s="9">
        <v>3829</v>
      </c>
      <c r="AL1477" s="13">
        <v>0.11875077533804738</v>
      </c>
      <c r="AM1477" s="9">
        <v>1356</v>
      </c>
      <c r="AN1477" s="13">
        <v>3.7590441604524162E-2</v>
      </c>
      <c r="AO1477" s="9">
        <v>5185</v>
      </c>
      <c r="AP1477" s="13">
        <v>0.16080511102840839</v>
      </c>
      <c r="AQ1477" s="9">
        <v>24032</v>
      </c>
      <c r="AR1477" s="9">
        <v>25056</v>
      </c>
      <c r="AS1477" s="9">
        <v>24325</v>
      </c>
      <c r="AT1477" s="9">
        <v>27531</v>
      </c>
      <c r="AU1477" s="9">
        <v>26348</v>
      </c>
      <c r="AV1477" s="9">
        <v>29686</v>
      </c>
      <c r="AW1477" s="9">
        <v>32244</v>
      </c>
      <c r="AX1477" s="9">
        <v>30778</v>
      </c>
      <c r="AY1477" s="9">
        <v>33573</v>
      </c>
      <c r="AZ1477" s="9">
        <v>36073</v>
      </c>
      <c r="BA1477" s="9">
        <v>38627</v>
      </c>
      <c r="BB1477" s="9">
        <v>37733</v>
      </c>
      <c r="BC1477" s="9">
        <v>40045</v>
      </c>
      <c r="BD1477" s="9">
        <v>40606</v>
      </c>
      <c r="BE1477" s="9">
        <v>39388</v>
      </c>
      <c r="BF1477" s="9">
        <v>37429</v>
      </c>
      <c r="BG1477" s="11">
        <v>1</v>
      </c>
      <c r="BH1477" s="13">
        <v>5.5555555555555552E-2</v>
      </c>
      <c r="BI1477" s="6">
        <v>-2</v>
      </c>
      <c r="BJ1477" s="13">
        <v>-0.1111111111111111</v>
      </c>
      <c r="BK1477" s="6">
        <v>-1</v>
      </c>
      <c r="BL1477" s="13">
        <v>-6.25E-2</v>
      </c>
      <c r="BM1477" s="11">
        <v>4</v>
      </c>
      <c r="BN1477" s="13">
        <v>0.26666666666666666</v>
      </c>
      <c r="BO1477" s="11">
        <v>3</v>
      </c>
      <c r="BP1477" s="13">
        <v>0.1875</v>
      </c>
      <c r="BQ1477" s="6">
        <v>18</v>
      </c>
      <c r="BR1477" s="6">
        <v>18</v>
      </c>
      <c r="BS1477" s="6">
        <v>19</v>
      </c>
      <c r="BT1477" s="6">
        <v>16</v>
      </c>
      <c r="BU1477" s="6">
        <v>16</v>
      </c>
      <c r="BV1477" s="6">
        <v>15</v>
      </c>
      <c r="BW1477" s="6">
        <v>15</v>
      </c>
      <c r="BX1477" s="6">
        <v>15</v>
      </c>
      <c r="BY1477" s="6">
        <v>13</v>
      </c>
      <c r="BZ1477" s="6">
        <v>14</v>
      </c>
      <c r="CA1477" s="6">
        <v>17</v>
      </c>
      <c r="CB1477" s="6">
        <v>18</v>
      </c>
      <c r="CC1477" s="11">
        <v>19</v>
      </c>
      <c r="CD1477" s="11">
        <v>17</v>
      </c>
      <c r="CE1477" s="11">
        <v>11</v>
      </c>
      <c r="CF1477" s="11">
        <v>6</v>
      </c>
      <c r="CG1477" s="11">
        <v>17</v>
      </c>
      <c r="CH1477" s="20">
        <v>0.2</v>
      </c>
      <c r="CI1477" s="20">
        <v>0.24</v>
      </c>
      <c r="CJ1477" s="20">
        <v>0.3</v>
      </c>
      <c r="CK1477" s="20">
        <v>0.3</v>
      </c>
      <c r="CL1477" s="20">
        <v>0.26</v>
      </c>
      <c r="CM1477" s="20">
        <v>0.25</v>
      </c>
      <c r="CN1477" s="20">
        <v>0.23</v>
      </c>
      <c r="CO1477" s="20">
        <v>0.21</v>
      </c>
      <c r="CP1477" s="20">
        <v>0.22</v>
      </c>
      <c r="CQ1477" s="20">
        <v>0.22</v>
      </c>
      <c r="CR1477" s="20">
        <v>0.19</v>
      </c>
      <c r="CS1477" s="20">
        <v>0.21</v>
      </c>
      <c r="CT1477" s="20">
        <v>0.23</v>
      </c>
      <c r="CU1477" s="20">
        <v>0.25</v>
      </c>
      <c r="CV1477" s="20">
        <v>0.25</v>
      </c>
      <c r="CW1477" s="20">
        <v>0.25</v>
      </c>
      <c r="CX1477" s="20">
        <v>0.26</v>
      </c>
      <c r="CY1477" s="6" t="s">
        <v>607</v>
      </c>
      <c r="CZ1477" s="6" t="s">
        <v>608</v>
      </c>
      <c r="DA1477" s="6" t="s">
        <v>54</v>
      </c>
      <c r="DB1477" s="6"/>
      <c r="DC1477" s="6">
        <v>27620</v>
      </c>
      <c r="DD1477" s="6"/>
      <c r="DE1477" s="6" t="s">
        <v>436</v>
      </c>
      <c r="DF1477" s="6" t="s">
        <v>375</v>
      </c>
      <c r="DG1477" s="6" t="s">
        <v>376</v>
      </c>
      <c r="DH1477" s="6" t="s">
        <v>328</v>
      </c>
      <c r="DI1477" s="6"/>
      <c r="DJ1477" s="6">
        <v>29</v>
      </c>
      <c r="DK1477" s="6">
        <v>135</v>
      </c>
      <c r="DL1477" s="6">
        <v>2</v>
      </c>
      <c r="DM1477" s="6" t="s">
        <v>379</v>
      </c>
      <c r="DN1477" s="6">
        <v>3</v>
      </c>
      <c r="DO1477" s="6" t="s">
        <v>380</v>
      </c>
      <c r="DP1477" s="6"/>
      <c r="DQ1477" s="6"/>
    </row>
    <row r="1478" spans="1:121" x14ac:dyDescent="0.2">
      <c r="A1478" s="6" t="s">
        <v>318</v>
      </c>
      <c r="B1478" s="6" t="s">
        <v>318</v>
      </c>
      <c r="C1478" s="6" t="s">
        <v>187</v>
      </c>
      <c r="D1478" s="6" t="s">
        <v>54</v>
      </c>
      <c r="E1478" s="6" t="s">
        <v>195</v>
      </c>
      <c r="F1478" s="11">
        <v>1</v>
      </c>
      <c r="G1478" s="13">
        <v>1</v>
      </c>
      <c r="H1478" s="11">
        <v>12.605627</v>
      </c>
      <c r="I1478" s="13"/>
      <c r="J1478" s="11">
        <v>-7.6056270000000001</v>
      </c>
      <c r="K1478" s="13">
        <v>-0.60335174125015756</v>
      </c>
      <c r="L1478" s="11">
        <v>0</v>
      </c>
      <c r="M1478" s="13">
        <v>0</v>
      </c>
      <c r="N1478" s="11">
        <v>-7.6056270000000001</v>
      </c>
      <c r="O1478" s="13">
        <v>-0.60335174125015756</v>
      </c>
      <c r="P1478" s="7">
        <v>0</v>
      </c>
      <c r="Q1478" s="7">
        <v>5</v>
      </c>
      <c r="R1478" s="7">
        <v>5</v>
      </c>
      <c r="S1478" s="7">
        <v>5</v>
      </c>
      <c r="T1478" s="7">
        <v>5</v>
      </c>
      <c r="U1478" s="7">
        <v>5</v>
      </c>
      <c r="V1478" s="7">
        <v>12.605627</v>
      </c>
      <c r="W1478" s="7">
        <v>14.255623</v>
      </c>
      <c r="X1478" s="7">
        <v>15.085844</v>
      </c>
      <c r="Y1478" s="7">
        <v>5</v>
      </c>
      <c r="Z1478" s="7">
        <v>5</v>
      </c>
      <c r="AA1478" s="7">
        <v>5</v>
      </c>
      <c r="AB1478" s="7">
        <v>5</v>
      </c>
      <c r="AC1478" s="7">
        <v>5</v>
      </c>
      <c r="AD1478" s="7">
        <v>5</v>
      </c>
      <c r="AE1478" s="7">
        <v>5</v>
      </c>
      <c r="AF1478" s="7">
        <v>5</v>
      </c>
      <c r="AG1478" s="9">
        <v>1</v>
      </c>
      <c r="AH1478" s="13"/>
      <c r="AI1478" s="9">
        <v>32257.773764599999</v>
      </c>
      <c r="AJ1478" s="13"/>
      <c r="AK1478" s="9">
        <v>-32256.773764599999</v>
      </c>
      <c r="AL1478" s="13">
        <v>-0.99996899972058528</v>
      </c>
      <c r="AM1478" s="9">
        <v>0</v>
      </c>
      <c r="AN1478" s="13">
        <v>0</v>
      </c>
      <c r="AO1478" s="9">
        <v>-32256.773764599999</v>
      </c>
      <c r="AP1478" s="13">
        <v>-0.99996899972058528</v>
      </c>
      <c r="AQ1478" s="9">
        <v>0</v>
      </c>
      <c r="AR1478" s="9">
        <v>1</v>
      </c>
      <c r="AS1478" s="9">
        <v>1</v>
      </c>
      <c r="AT1478" s="9">
        <v>1</v>
      </c>
      <c r="AU1478" s="9">
        <v>1</v>
      </c>
      <c r="AV1478" s="9">
        <v>1</v>
      </c>
      <c r="AW1478" s="9">
        <v>32257.773764599999</v>
      </c>
      <c r="AX1478" s="9">
        <v>45727.082703</v>
      </c>
      <c r="AY1478" s="9">
        <v>27564.216542499998</v>
      </c>
      <c r="AZ1478" s="9">
        <v>1</v>
      </c>
      <c r="BA1478" s="9">
        <v>1</v>
      </c>
      <c r="BB1478" s="9">
        <v>1</v>
      </c>
      <c r="BC1478" s="9">
        <v>1</v>
      </c>
      <c r="BD1478" s="9">
        <v>1</v>
      </c>
      <c r="BE1478" s="9">
        <v>1</v>
      </c>
      <c r="BF1478" s="9">
        <v>1</v>
      </c>
      <c r="BG1478" s="11">
        <v>0.25</v>
      </c>
      <c r="BH1478" s="13">
        <v>0.25</v>
      </c>
      <c r="BI1478" s="6">
        <v>0</v>
      </c>
      <c r="BJ1478" s="13">
        <v>0</v>
      </c>
      <c r="BK1478" s="6">
        <v>0</v>
      </c>
      <c r="BL1478" s="13">
        <v>0</v>
      </c>
      <c r="BM1478" s="11">
        <v>0.25</v>
      </c>
      <c r="BN1478" s="13">
        <v>0.25</v>
      </c>
      <c r="BO1478" s="11">
        <v>0.25</v>
      </c>
      <c r="BP1478" s="13">
        <v>0.25</v>
      </c>
      <c r="BQ1478" s="6">
        <v>1</v>
      </c>
      <c r="BR1478" s="6">
        <v>1</v>
      </c>
      <c r="BS1478" s="6">
        <v>1</v>
      </c>
      <c r="BT1478" s="6">
        <v>1</v>
      </c>
      <c r="BU1478" s="6">
        <v>1</v>
      </c>
      <c r="BV1478" s="6">
        <v>1</v>
      </c>
      <c r="BW1478" s="6">
        <v>1</v>
      </c>
      <c r="BX1478" s="6">
        <v>1</v>
      </c>
      <c r="BY1478" s="6">
        <v>1</v>
      </c>
      <c r="BZ1478" s="6">
        <v>1</v>
      </c>
      <c r="CA1478" s="6">
        <v>2</v>
      </c>
      <c r="CB1478" s="6">
        <v>2</v>
      </c>
      <c r="CC1478" s="11">
        <v>1.25</v>
      </c>
      <c r="CD1478" s="11">
        <v>7.3572300000000004</v>
      </c>
      <c r="CE1478" s="11">
        <v>0.21410799999999999</v>
      </c>
      <c r="CF1478" s="11">
        <v>0.10931200000000001</v>
      </c>
      <c r="CG1478" s="11">
        <v>0</v>
      </c>
      <c r="CH1478" s="20">
        <v>0</v>
      </c>
      <c r="CI1478" s="20">
        <v>0.172379</v>
      </c>
      <c r="CJ1478" s="20">
        <v>6.6949700000000001E-2</v>
      </c>
      <c r="CK1478" s="20">
        <v>0.146564</v>
      </c>
      <c r="CL1478" s="20">
        <v>0.15831300000000001</v>
      </c>
      <c r="CM1478" s="20">
        <v>0.154276</v>
      </c>
      <c r="CN1478" s="20">
        <v>0.22356599999999999</v>
      </c>
      <c r="CO1478" s="20">
        <v>0.24049300000000001</v>
      </c>
      <c r="CP1478" s="20">
        <v>0.24273700000000001</v>
      </c>
      <c r="CQ1478" s="20">
        <v>9.8644200000000001E-2</v>
      </c>
      <c r="CR1478" s="20">
        <v>0.111625</v>
      </c>
      <c r="CS1478" s="20">
        <v>0.12889600000000001</v>
      </c>
      <c r="CT1478" s="20">
        <v>8.2265900000000003E-2</v>
      </c>
      <c r="CU1478" s="20">
        <v>8.9751300000000006E-2</v>
      </c>
      <c r="CV1478" s="20">
        <v>0.107891</v>
      </c>
      <c r="CW1478" s="20">
        <v>0.10763499999999999</v>
      </c>
      <c r="CX1478" s="20">
        <v>0.10073799999999999</v>
      </c>
      <c r="CY1478" s="6" t="s">
        <v>607</v>
      </c>
      <c r="CZ1478" s="6" t="s">
        <v>608</v>
      </c>
      <c r="DA1478" s="6" t="s">
        <v>54</v>
      </c>
      <c r="DB1478" s="6"/>
      <c r="DC1478" s="6">
        <v>27620</v>
      </c>
      <c r="DD1478" s="6"/>
      <c r="DE1478" s="6" t="s">
        <v>436</v>
      </c>
      <c r="DF1478" s="6" t="s">
        <v>375</v>
      </c>
      <c r="DG1478" s="6" t="s">
        <v>376</v>
      </c>
      <c r="DH1478" s="6" t="s">
        <v>328</v>
      </c>
      <c r="DI1478" s="6"/>
      <c r="DJ1478" s="6">
        <v>29</v>
      </c>
      <c r="DK1478" s="6">
        <v>135</v>
      </c>
      <c r="DL1478" s="6">
        <v>2</v>
      </c>
      <c r="DM1478" s="6" t="s">
        <v>379</v>
      </c>
      <c r="DN1478" s="6">
        <v>3</v>
      </c>
      <c r="DO1478" s="6" t="s">
        <v>380</v>
      </c>
      <c r="DP1478" s="6"/>
      <c r="DQ1478" s="6"/>
    </row>
    <row r="1479" spans="1:121" x14ac:dyDescent="0.2">
      <c r="A1479" s="6" t="s">
        <v>319</v>
      </c>
      <c r="B1479" s="6" t="s">
        <v>319</v>
      </c>
      <c r="C1479" s="6" t="s">
        <v>188</v>
      </c>
      <c r="D1479" s="6" t="s">
        <v>54</v>
      </c>
      <c r="E1479" s="6" t="s">
        <v>195</v>
      </c>
      <c r="F1479" s="11">
        <v>-5</v>
      </c>
      <c r="G1479" s="13">
        <v>-8.19672131148E-2</v>
      </c>
      <c r="H1479" s="11">
        <v>5.2542763887999939</v>
      </c>
      <c r="I1479" s="13">
        <v>8.5639707657682265E-2</v>
      </c>
      <c r="J1479" s="11">
        <v>-15.284223481599994</v>
      </c>
      <c r="K1479" s="13">
        <v>-0.22946683302758092</v>
      </c>
      <c r="L1479" s="11">
        <v>5.1097219669999987</v>
      </c>
      <c r="M1479" s="13">
        <v>9.9559446846818667E-2</v>
      </c>
      <c r="N1479" s="11">
        <v>-10.174501514599996</v>
      </c>
      <c r="O1479" s="13">
        <v>-0.15275297714667951</v>
      </c>
      <c r="P1479" s="7">
        <v>61.353273294700003</v>
      </c>
      <c r="Q1479" s="7">
        <v>52.734589954</v>
      </c>
      <c r="R1479" s="7">
        <v>51.276529590899997</v>
      </c>
      <c r="S1479" s="7">
        <v>47.908728047300002</v>
      </c>
      <c r="T1479" s="7">
        <v>58.923631268100003</v>
      </c>
      <c r="U1479" s="7">
        <v>57.539156652899997</v>
      </c>
      <c r="V1479" s="7">
        <v>66.607549683499997</v>
      </c>
      <c r="W1479" s="7">
        <v>80.140685127300003</v>
      </c>
      <c r="X1479" s="7">
        <v>61.097978936899999</v>
      </c>
      <c r="Y1479" s="7">
        <v>51.323326201900002</v>
      </c>
      <c r="Z1479" s="7">
        <v>52.034712391500001</v>
      </c>
      <c r="AA1479" s="7">
        <v>53.076835840400001</v>
      </c>
      <c r="AB1479" s="7">
        <v>55.773160419600003</v>
      </c>
      <c r="AC1479" s="7">
        <v>51.1844082036</v>
      </c>
      <c r="AD1479" s="7">
        <v>58.420988746399999</v>
      </c>
      <c r="AE1479" s="7">
        <v>55.684161364700003</v>
      </c>
      <c r="AF1479" s="7">
        <v>56.433048168900001</v>
      </c>
      <c r="AG1479" s="9">
        <v>7382.0245435000015</v>
      </c>
      <c r="AH1479" s="13">
        <v>0.59782493714925533</v>
      </c>
      <c r="AI1479" s="9">
        <v>941.28340349999962</v>
      </c>
      <c r="AJ1479" s="13">
        <v>7.6228775483076855E-2</v>
      </c>
      <c r="AK1479" s="9">
        <v>3136.7213788000008</v>
      </c>
      <c r="AL1479" s="13">
        <v>0.23603145646547391</v>
      </c>
      <c r="AM1479" s="9">
        <v>3304.0197612000011</v>
      </c>
      <c r="AN1479" s="13">
        <v>0.20114398731859015</v>
      </c>
      <c r="AO1479" s="9">
        <v>6440.7411400000019</v>
      </c>
      <c r="AP1479" s="13">
        <v>0.48465175207014366</v>
      </c>
      <c r="AQ1479" s="9">
        <v>12348.1375312</v>
      </c>
      <c r="AR1479" s="9">
        <v>13800.294191499999</v>
      </c>
      <c r="AS1479" s="9">
        <v>12909.691290000001</v>
      </c>
      <c r="AT1479" s="9">
        <v>13634.794873500001</v>
      </c>
      <c r="AU1479" s="9">
        <v>15248.202371199999</v>
      </c>
      <c r="AV1479" s="9">
        <v>12587.4655946</v>
      </c>
      <c r="AW1479" s="9">
        <v>13289.4209347</v>
      </c>
      <c r="AX1479" s="9">
        <v>13640.4757087</v>
      </c>
      <c r="AY1479" s="9">
        <v>14788.530912599999</v>
      </c>
      <c r="AZ1479" s="9">
        <v>16426.1423135</v>
      </c>
      <c r="BA1479" s="9">
        <v>15939.2257094</v>
      </c>
      <c r="BB1479" s="9">
        <v>16172.199812700001</v>
      </c>
      <c r="BC1479" s="9">
        <v>15410.3586834</v>
      </c>
      <c r="BD1479" s="9">
        <v>16596.6464222</v>
      </c>
      <c r="BE1479" s="9">
        <v>19761.0301688</v>
      </c>
      <c r="BF1479" s="9">
        <v>19730.162074700002</v>
      </c>
      <c r="BG1479" s="11">
        <v>6.25</v>
      </c>
      <c r="BH1479" s="13">
        <v>0.8928571428571429</v>
      </c>
      <c r="BI1479" s="6">
        <v>3</v>
      </c>
      <c r="BJ1479" s="13">
        <v>0.42857142857142855</v>
      </c>
      <c r="BK1479" s="6">
        <v>1</v>
      </c>
      <c r="BL1479" s="13">
        <v>0.1</v>
      </c>
      <c r="BM1479" s="11">
        <v>2.25</v>
      </c>
      <c r="BN1479" s="13">
        <v>0.20454545454545456</v>
      </c>
      <c r="BO1479" s="11">
        <v>3.25</v>
      </c>
      <c r="BP1479" s="13">
        <v>0.32500000000000001</v>
      </c>
      <c r="BQ1479" s="6">
        <v>7</v>
      </c>
      <c r="BR1479" s="6">
        <v>8</v>
      </c>
      <c r="BS1479" s="6">
        <v>9</v>
      </c>
      <c r="BT1479" s="6">
        <v>10</v>
      </c>
      <c r="BU1479" s="6">
        <v>13</v>
      </c>
      <c r="BV1479" s="6">
        <v>11</v>
      </c>
      <c r="BW1479" s="6">
        <v>11</v>
      </c>
      <c r="BX1479" s="6">
        <v>10</v>
      </c>
      <c r="BY1479" s="6">
        <v>11</v>
      </c>
      <c r="BZ1479" s="6">
        <v>13</v>
      </c>
      <c r="CA1479" s="6">
        <v>12</v>
      </c>
      <c r="CB1479" s="6">
        <v>13</v>
      </c>
      <c r="CC1479" s="11">
        <v>13.25</v>
      </c>
      <c r="CD1479" s="11">
        <v>-17.146999999999998</v>
      </c>
      <c r="CE1479" s="11">
        <v>5.5201099999999999</v>
      </c>
      <c r="CF1479" s="11">
        <v>6.7066499999999998</v>
      </c>
      <c r="CG1479" s="11">
        <v>13</v>
      </c>
      <c r="CH1479" s="20">
        <v>0.210897</v>
      </c>
      <c r="CI1479" s="20">
        <v>0.190832</v>
      </c>
      <c r="CJ1479" s="20">
        <v>0.18279899999999999</v>
      </c>
      <c r="CK1479" s="20">
        <v>0.169575</v>
      </c>
      <c r="CL1479" s="20">
        <v>0.21537500000000001</v>
      </c>
      <c r="CM1479" s="20">
        <v>0.20660400000000001</v>
      </c>
      <c r="CN1479" s="20">
        <v>0.233626</v>
      </c>
      <c r="CO1479" s="20">
        <v>0.28811300000000001</v>
      </c>
      <c r="CP1479" s="20">
        <v>0.22553300000000001</v>
      </c>
      <c r="CQ1479" s="20">
        <v>0.183417</v>
      </c>
      <c r="CR1479" s="20">
        <v>0.177569</v>
      </c>
      <c r="CS1479" s="20">
        <v>0.17758299999999999</v>
      </c>
      <c r="CT1479" s="20">
        <v>0.18523400000000001</v>
      </c>
      <c r="CU1479" s="20">
        <v>0.163797</v>
      </c>
      <c r="CV1479" s="20">
        <v>0.18037800000000001</v>
      </c>
      <c r="CW1479" s="20">
        <v>0.16921700000000001</v>
      </c>
      <c r="CX1479" s="20">
        <v>0.16651199999999999</v>
      </c>
      <c r="CY1479" s="6" t="s">
        <v>607</v>
      </c>
      <c r="CZ1479" s="6" t="s">
        <v>608</v>
      </c>
      <c r="DA1479" s="6" t="s">
        <v>54</v>
      </c>
      <c r="DB1479" s="6"/>
      <c r="DC1479" s="6">
        <v>27620</v>
      </c>
      <c r="DD1479" s="6"/>
      <c r="DE1479" s="6" t="s">
        <v>436</v>
      </c>
      <c r="DF1479" s="6" t="s">
        <v>375</v>
      </c>
      <c r="DG1479" s="6" t="s">
        <v>376</v>
      </c>
      <c r="DH1479" s="6" t="s">
        <v>328</v>
      </c>
      <c r="DI1479" s="6"/>
      <c r="DJ1479" s="6">
        <v>29</v>
      </c>
      <c r="DK1479" s="6">
        <v>135</v>
      </c>
      <c r="DL1479" s="6">
        <v>2</v>
      </c>
      <c r="DM1479" s="6" t="s">
        <v>379</v>
      </c>
      <c r="DN1479" s="6">
        <v>3</v>
      </c>
      <c r="DO1479" s="6" t="s">
        <v>380</v>
      </c>
      <c r="DP1479" s="6"/>
      <c r="DQ1479" s="6"/>
    </row>
    <row r="1480" spans="1:121" x14ac:dyDescent="0.2">
      <c r="A1480" s="6" t="s">
        <v>320</v>
      </c>
      <c r="B1480" s="6" t="s">
        <v>320</v>
      </c>
      <c r="C1480" s="6" t="s">
        <v>189</v>
      </c>
      <c r="D1480" s="6" t="s">
        <v>54</v>
      </c>
      <c r="E1480" s="6" t="s">
        <v>195</v>
      </c>
      <c r="F1480" s="11">
        <v>1</v>
      </c>
      <c r="G1480" s="13">
        <v>1</v>
      </c>
      <c r="H1480" s="11">
        <v>14.903534581900001</v>
      </c>
      <c r="I1480" s="13">
        <v>2.98070691638</v>
      </c>
      <c r="J1480" s="11">
        <v>-4.5305390136000003</v>
      </c>
      <c r="K1480" s="13">
        <v>-0.22762484698170193</v>
      </c>
      <c r="L1480" s="11">
        <v>-3.8635679229999997</v>
      </c>
      <c r="M1480" s="13">
        <v>-0.25132173530101698</v>
      </c>
      <c r="N1480" s="11">
        <v>-8.3941069366000001</v>
      </c>
      <c r="O1480" s="13">
        <v>-0.42173951074164912</v>
      </c>
      <c r="P1480" s="7">
        <v>5</v>
      </c>
      <c r="Q1480" s="7">
        <v>5</v>
      </c>
      <c r="R1480" s="7">
        <v>5</v>
      </c>
      <c r="S1480" s="7">
        <v>5</v>
      </c>
      <c r="T1480" s="7">
        <v>5</v>
      </c>
      <c r="U1480" s="7">
        <v>16.933461434200002</v>
      </c>
      <c r="V1480" s="7">
        <v>19.903534581900001</v>
      </c>
      <c r="W1480" s="7">
        <v>14.4229540797</v>
      </c>
      <c r="X1480" s="7">
        <v>13.886372592200001</v>
      </c>
      <c r="Y1480" s="7">
        <v>15.3729955683</v>
      </c>
      <c r="Z1480" s="7">
        <v>17.161083860000002</v>
      </c>
      <c r="AA1480" s="7">
        <v>20.6743892659</v>
      </c>
      <c r="AB1480" s="7">
        <v>21.430751973700001</v>
      </c>
      <c r="AC1480" s="7">
        <v>20.566204548399998</v>
      </c>
      <c r="AD1480" s="7">
        <v>5</v>
      </c>
      <c r="AE1480" s="7">
        <v>11.345523955099999</v>
      </c>
      <c r="AF1480" s="7">
        <v>11.509427645300001</v>
      </c>
      <c r="AG1480" s="9">
        <v>32746.610083200001</v>
      </c>
      <c r="AH1480" s="13">
        <v>32746.610083200001</v>
      </c>
      <c r="AI1480" s="9">
        <v>12722.650854199999</v>
      </c>
      <c r="AJ1480" s="13">
        <v>12722.650854199999</v>
      </c>
      <c r="AK1480" s="9">
        <v>3100.4803247</v>
      </c>
      <c r="AL1480" s="13">
        <v>0.2436785133628962</v>
      </c>
      <c r="AM1480" s="9">
        <v>16923.478904300002</v>
      </c>
      <c r="AN1480" s="13">
        <v>1.0694728647640308</v>
      </c>
      <c r="AO1480" s="9">
        <v>20023.959229</v>
      </c>
      <c r="AP1480" s="13">
        <v>1.5737589358945836</v>
      </c>
      <c r="AQ1480" s="9">
        <v>1</v>
      </c>
      <c r="AR1480" s="9">
        <v>1</v>
      </c>
      <c r="AS1480" s="9">
        <v>1</v>
      </c>
      <c r="AT1480" s="9">
        <v>1</v>
      </c>
      <c r="AU1480" s="9">
        <v>1</v>
      </c>
      <c r="AV1480" s="9">
        <v>19376.1252652</v>
      </c>
      <c r="AW1480" s="9">
        <v>12723.650854199999</v>
      </c>
      <c r="AX1480" s="9">
        <v>15787.6960757</v>
      </c>
      <c r="AY1480" s="9">
        <v>15026.7254846</v>
      </c>
      <c r="AZ1480" s="9">
        <v>15824.131178899999</v>
      </c>
      <c r="BA1480" s="9">
        <v>19869.1450343</v>
      </c>
      <c r="BB1480" s="9">
        <v>14761.461403900001</v>
      </c>
      <c r="BC1480" s="9">
        <v>19166.0374892</v>
      </c>
      <c r="BD1480" s="9">
        <v>46257.694600199997</v>
      </c>
      <c r="BE1480" s="9">
        <v>1</v>
      </c>
      <c r="BF1480" s="9">
        <v>32747.610083200001</v>
      </c>
      <c r="BG1480" s="11">
        <v>0</v>
      </c>
      <c r="BH1480" s="13">
        <v>0</v>
      </c>
      <c r="BI1480" s="6">
        <v>0</v>
      </c>
      <c r="BJ1480" s="13">
        <v>0</v>
      </c>
      <c r="BK1480" s="6">
        <v>1</v>
      </c>
      <c r="BL1480" s="13">
        <v>1</v>
      </c>
      <c r="BM1480" s="11">
        <v>-1</v>
      </c>
      <c r="BN1480" s="13">
        <v>-0.5</v>
      </c>
      <c r="BO1480" s="11">
        <v>0</v>
      </c>
      <c r="BP1480" s="13">
        <v>0</v>
      </c>
      <c r="BQ1480" s="6">
        <v>1</v>
      </c>
      <c r="BR1480" s="6">
        <v>1</v>
      </c>
      <c r="BS1480" s="6">
        <v>1</v>
      </c>
      <c r="BT1480" s="6">
        <v>1</v>
      </c>
      <c r="BU1480" s="6">
        <v>1</v>
      </c>
      <c r="BV1480" s="6">
        <v>2</v>
      </c>
      <c r="BW1480" s="6">
        <v>2</v>
      </c>
      <c r="BX1480" s="6">
        <v>1</v>
      </c>
      <c r="BY1480" s="6">
        <v>1</v>
      </c>
      <c r="BZ1480" s="6">
        <v>1</v>
      </c>
      <c r="CA1480" s="6">
        <v>1</v>
      </c>
      <c r="CB1480" s="6">
        <v>1</v>
      </c>
      <c r="CC1480" s="11">
        <v>1</v>
      </c>
      <c r="CD1480" s="11">
        <v>4.0665100000000001</v>
      </c>
      <c r="CE1480" s="11">
        <v>1.83165</v>
      </c>
      <c r="CF1480" s="11">
        <v>0.55293700000000001</v>
      </c>
      <c r="CG1480" s="11">
        <v>3</v>
      </c>
      <c r="CH1480" s="20">
        <v>5.2116700000000002E-2</v>
      </c>
      <c r="CI1480" s="20">
        <v>7.9808900000000002E-2</v>
      </c>
      <c r="CJ1480" s="20">
        <v>9.14774E-2</v>
      </c>
      <c r="CK1480" s="20">
        <v>8.60316E-2</v>
      </c>
      <c r="CL1480" s="20">
        <v>9.9525100000000005E-2</v>
      </c>
      <c r="CM1480" s="20">
        <v>0.17310400000000001</v>
      </c>
      <c r="CN1480" s="20">
        <v>0.19565299999999999</v>
      </c>
      <c r="CO1480" s="20">
        <v>0.13506199999999999</v>
      </c>
      <c r="CP1480" s="20">
        <v>0.118205</v>
      </c>
      <c r="CQ1480" s="20">
        <v>0.12764200000000001</v>
      </c>
      <c r="CR1480" s="20">
        <v>0.13705500000000001</v>
      </c>
      <c r="CS1480" s="20">
        <v>0.16344700000000001</v>
      </c>
      <c r="CT1480" s="20">
        <v>0.17038</v>
      </c>
      <c r="CU1480" s="20">
        <v>0.15943499999999999</v>
      </c>
      <c r="CV1480" s="20">
        <v>7.2581699999999999E-2</v>
      </c>
      <c r="CW1480" s="20">
        <v>8.4534100000000001E-2</v>
      </c>
      <c r="CX1480" s="20">
        <v>8.2963800000000004E-2</v>
      </c>
      <c r="CY1480" s="6" t="s">
        <v>607</v>
      </c>
      <c r="CZ1480" s="6" t="s">
        <v>608</v>
      </c>
      <c r="DA1480" s="6" t="s">
        <v>54</v>
      </c>
      <c r="DB1480" s="6"/>
      <c r="DC1480" s="6">
        <v>27620</v>
      </c>
      <c r="DD1480" s="6"/>
      <c r="DE1480" s="6" t="s">
        <v>436</v>
      </c>
      <c r="DF1480" s="6" t="s">
        <v>375</v>
      </c>
      <c r="DG1480" s="6" t="s">
        <v>376</v>
      </c>
      <c r="DH1480" s="6" t="s">
        <v>328</v>
      </c>
      <c r="DI1480" s="6"/>
      <c r="DJ1480" s="6">
        <v>29</v>
      </c>
      <c r="DK1480" s="6">
        <v>135</v>
      </c>
      <c r="DL1480" s="6">
        <v>2</v>
      </c>
      <c r="DM1480" s="6" t="s">
        <v>379</v>
      </c>
      <c r="DN1480" s="6">
        <v>3</v>
      </c>
      <c r="DO1480" s="6" t="s">
        <v>380</v>
      </c>
      <c r="DP1480" s="6"/>
      <c r="DQ1480" s="6"/>
    </row>
    <row r="1481" spans="1:121" x14ac:dyDescent="0.2">
      <c r="A1481" s="6" t="s">
        <v>321</v>
      </c>
      <c r="B1481" s="6" t="s">
        <v>321</v>
      </c>
      <c r="C1481" s="6" t="s">
        <v>190</v>
      </c>
      <c r="D1481" s="6" t="s">
        <v>54</v>
      </c>
      <c r="E1481" s="6" t="s">
        <v>195</v>
      </c>
      <c r="F1481" s="11">
        <v>-43</v>
      </c>
      <c r="G1481" s="13">
        <v>-0.104622871046</v>
      </c>
      <c r="H1481" s="11">
        <v>-41.666009830000007</v>
      </c>
      <c r="I1481" s="13">
        <v>-0.10149837228816631</v>
      </c>
      <c r="J1481" s="11">
        <v>-5.066483011999992</v>
      </c>
      <c r="K1481" s="13">
        <v>-1.3736145682399566E-2</v>
      </c>
      <c r="L1481" s="11">
        <v>4.1137719860000175</v>
      </c>
      <c r="M1481" s="13">
        <v>1.1308510272813724E-2</v>
      </c>
      <c r="N1481" s="11">
        <v>-0.95271102599997448</v>
      </c>
      <c r="O1481" s="13">
        <v>-2.582970754144123E-3</v>
      </c>
      <c r="P1481" s="7">
        <v>410.50914305999999</v>
      </c>
      <c r="Q1481" s="7">
        <v>391.85496503899998</v>
      </c>
      <c r="R1481" s="7">
        <v>385.54610251600002</v>
      </c>
      <c r="S1481" s="7">
        <v>378.13587674299998</v>
      </c>
      <c r="T1481" s="7">
        <v>362.55562431200002</v>
      </c>
      <c r="U1481" s="7">
        <v>373.40079824100002</v>
      </c>
      <c r="V1481" s="7">
        <v>368.84313322999998</v>
      </c>
      <c r="W1481" s="7">
        <v>374.59494845099999</v>
      </c>
      <c r="X1481" s="7">
        <v>357.559443176</v>
      </c>
      <c r="Y1481" s="7">
        <v>363.77665021799999</v>
      </c>
      <c r="Z1481" s="7">
        <v>341.04336384700002</v>
      </c>
      <c r="AA1481" s="7">
        <v>343.42837137700002</v>
      </c>
      <c r="AB1481" s="7">
        <v>350.94155969100001</v>
      </c>
      <c r="AC1481" s="7">
        <v>364.482274614</v>
      </c>
      <c r="AD1481" s="7">
        <v>373.12918842900001</v>
      </c>
      <c r="AE1481" s="7">
        <v>363.41940658800002</v>
      </c>
      <c r="AF1481" s="7">
        <v>367.890422204</v>
      </c>
      <c r="AG1481" s="9">
        <v>5900.6951297000014</v>
      </c>
      <c r="AH1481" s="13">
        <v>0.31052131560066559</v>
      </c>
      <c r="AI1481" s="9">
        <v>2495.5257617000025</v>
      </c>
      <c r="AJ1481" s="13">
        <v>0.13132587358022604</v>
      </c>
      <c r="AK1481" s="9">
        <v>696.52651870000045</v>
      </c>
      <c r="AL1481" s="13">
        <v>3.2399490232838259E-2</v>
      </c>
      <c r="AM1481" s="9">
        <v>2708.6428492999985</v>
      </c>
      <c r="AN1481" s="13">
        <v>0.12204064220956924</v>
      </c>
      <c r="AO1481" s="9">
        <v>3405.1693679999989</v>
      </c>
      <c r="AP1481" s="13">
        <v>0.15839418703768576</v>
      </c>
      <c r="AQ1481" s="9">
        <v>19002.544537999998</v>
      </c>
      <c r="AR1481" s="9">
        <v>19554.939338299999</v>
      </c>
      <c r="AS1481" s="9">
        <v>19564.536146900002</v>
      </c>
      <c r="AT1481" s="9">
        <v>18999.555897300001</v>
      </c>
      <c r="AU1481" s="9">
        <v>20122.3291737</v>
      </c>
      <c r="AV1481" s="9">
        <v>19604.098056899998</v>
      </c>
      <c r="AW1481" s="9">
        <v>21498.070299700001</v>
      </c>
      <c r="AX1481" s="9">
        <v>21950.559237900001</v>
      </c>
      <c r="AY1481" s="9">
        <v>22564.857872100001</v>
      </c>
      <c r="AZ1481" s="9">
        <v>22194.596818400001</v>
      </c>
      <c r="BA1481" s="9">
        <v>22341.566502000001</v>
      </c>
      <c r="BB1481" s="9">
        <v>24515.393902600001</v>
      </c>
      <c r="BC1481" s="9">
        <v>24703.008588699999</v>
      </c>
      <c r="BD1481" s="9">
        <v>23277.136664900001</v>
      </c>
      <c r="BE1481" s="9">
        <v>25224.830649799998</v>
      </c>
      <c r="BF1481" s="9">
        <v>24903.2396677</v>
      </c>
      <c r="BG1481" s="11">
        <v>15.75</v>
      </c>
      <c r="BH1481" s="13">
        <v>0.60576923076923073</v>
      </c>
      <c r="BI1481" s="6">
        <v>1</v>
      </c>
      <c r="BJ1481" s="13">
        <v>3.8461538461538464E-2</v>
      </c>
      <c r="BK1481" s="6">
        <v>0</v>
      </c>
      <c r="BL1481" s="13">
        <v>0</v>
      </c>
      <c r="BM1481" s="11">
        <v>14.75</v>
      </c>
      <c r="BN1481" s="13">
        <v>0.54629629629629628</v>
      </c>
      <c r="BO1481" s="11">
        <v>14.75</v>
      </c>
      <c r="BP1481" s="13">
        <v>0.54629629629629628</v>
      </c>
      <c r="BQ1481" s="6">
        <v>26</v>
      </c>
      <c r="BR1481" s="6">
        <v>27</v>
      </c>
      <c r="BS1481" s="6">
        <v>27</v>
      </c>
      <c r="BT1481" s="6">
        <v>27</v>
      </c>
      <c r="BU1481" s="6">
        <v>30</v>
      </c>
      <c r="BV1481" s="6">
        <v>27</v>
      </c>
      <c r="BW1481" s="6">
        <v>27</v>
      </c>
      <c r="BX1481" s="6">
        <v>25</v>
      </c>
      <c r="BY1481" s="6">
        <v>29</v>
      </c>
      <c r="BZ1481" s="6">
        <v>45</v>
      </c>
      <c r="CA1481" s="6">
        <v>48</v>
      </c>
      <c r="CB1481" s="6">
        <v>45</v>
      </c>
      <c r="CC1481" s="11">
        <v>41.75</v>
      </c>
      <c r="CD1481" s="11">
        <v>-236.98599999999999</v>
      </c>
      <c r="CE1481" s="11">
        <v>149.494</v>
      </c>
      <c r="CF1481" s="11">
        <v>44.873600000000003</v>
      </c>
      <c r="CG1481" s="11">
        <v>194</v>
      </c>
      <c r="CH1481" s="20">
        <v>0.85640300000000003</v>
      </c>
      <c r="CI1481" s="20">
        <v>0.82839300000000005</v>
      </c>
      <c r="CJ1481" s="20">
        <v>0.77842</v>
      </c>
      <c r="CK1481" s="20">
        <v>0.76738300000000004</v>
      </c>
      <c r="CL1481" s="20">
        <v>0.76840299999999995</v>
      </c>
      <c r="CM1481" s="20">
        <v>0.77876500000000004</v>
      </c>
      <c r="CN1481" s="20">
        <v>0.73808600000000002</v>
      </c>
      <c r="CO1481" s="20">
        <v>0.71649300000000005</v>
      </c>
      <c r="CP1481" s="20">
        <v>0.62645300000000004</v>
      </c>
      <c r="CQ1481" s="20">
        <v>0.62558599999999998</v>
      </c>
      <c r="CR1481" s="20">
        <v>0.57419799999999999</v>
      </c>
      <c r="CS1481" s="20">
        <v>0.56295300000000004</v>
      </c>
      <c r="CT1481" s="20">
        <v>0.57546200000000003</v>
      </c>
      <c r="CU1481" s="20">
        <v>0.58397500000000002</v>
      </c>
      <c r="CV1481" s="20">
        <v>0.57721900000000004</v>
      </c>
      <c r="CW1481" s="20">
        <v>0.55072500000000002</v>
      </c>
      <c r="CX1481" s="20">
        <v>0.53620500000000004</v>
      </c>
      <c r="CY1481" s="6" t="s">
        <v>607</v>
      </c>
      <c r="CZ1481" s="6" t="s">
        <v>608</v>
      </c>
      <c r="DA1481" s="6" t="s">
        <v>54</v>
      </c>
      <c r="DB1481" s="6"/>
      <c r="DC1481" s="6">
        <v>27620</v>
      </c>
      <c r="DD1481" s="6"/>
      <c r="DE1481" s="6" t="s">
        <v>436</v>
      </c>
      <c r="DF1481" s="6" t="s">
        <v>375</v>
      </c>
      <c r="DG1481" s="6" t="s">
        <v>376</v>
      </c>
      <c r="DH1481" s="6" t="s">
        <v>328</v>
      </c>
      <c r="DI1481" s="6"/>
      <c r="DJ1481" s="6">
        <v>29</v>
      </c>
      <c r="DK1481" s="6">
        <v>135</v>
      </c>
      <c r="DL1481" s="6">
        <v>2</v>
      </c>
      <c r="DM1481" s="6" t="s">
        <v>379</v>
      </c>
      <c r="DN1481" s="6">
        <v>3</v>
      </c>
      <c r="DO1481" s="6" t="s">
        <v>380</v>
      </c>
      <c r="DP1481" s="6"/>
      <c r="DQ1481" s="6"/>
    </row>
    <row r="1482" spans="1:121" x14ac:dyDescent="0.2">
      <c r="A1482" s="6" t="s">
        <v>322</v>
      </c>
      <c r="B1482" s="6" t="s">
        <v>322</v>
      </c>
      <c r="C1482" s="6" t="s">
        <v>191</v>
      </c>
      <c r="D1482" s="6" t="s">
        <v>54</v>
      </c>
      <c r="E1482" s="6" t="s">
        <v>195</v>
      </c>
      <c r="F1482" s="11">
        <v>-8</v>
      </c>
      <c r="G1482" s="13">
        <v>-0.19</v>
      </c>
      <c r="H1482" s="11">
        <v>-1</v>
      </c>
      <c r="I1482" s="13">
        <v>-2.3809523809523808E-2</v>
      </c>
      <c r="J1482" s="11">
        <v>-4</v>
      </c>
      <c r="K1482" s="13">
        <v>-9.7560975609756101E-2</v>
      </c>
      <c r="L1482" s="11">
        <v>-3</v>
      </c>
      <c r="M1482" s="13">
        <v>-8.1081081081081086E-2</v>
      </c>
      <c r="N1482" s="11">
        <v>-7</v>
      </c>
      <c r="O1482" s="13">
        <v>-0.17073170731707318</v>
      </c>
      <c r="P1482" s="7">
        <v>42</v>
      </c>
      <c r="Q1482" s="7">
        <v>45</v>
      </c>
      <c r="R1482" s="7">
        <v>35</v>
      </c>
      <c r="S1482" s="7">
        <v>38</v>
      </c>
      <c r="T1482" s="7">
        <v>42</v>
      </c>
      <c r="U1482" s="7">
        <v>45</v>
      </c>
      <c r="V1482" s="7">
        <v>41</v>
      </c>
      <c r="W1482" s="7">
        <v>49</v>
      </c>
      <c r="X1482" s="7">
        <v>46</v>
      </c>
      <c r="Y1482" s="7">
        <v>37</v>
      </c>
      <c r="Z1482" s="7">
        <v>43</v>
      </c>
      <c r="AA1482" s="7">
        <v>35</v>
      </c>
      <c r="AB1482" s="7">
        <v>36</v>
      </c>
      <c r="AC1482" s="7">
        <v>33</v>
      </c>
      <c r="AD1482" s="7">
        <v>38</v>
      </c>
      <c r="AE1482" s="7">
        <v>34</v>
      </c>
      <c r="AF1482" s="7">
        <v>34</v>
      </c>
      <c r="AG1482" s="9">
        <v>4516</v>
      </c>
      <c r="AH1482" s="13">
        <v>0.28375746151429471</v>
      </c>
      <c r="AI1482" s="9">
        <v>-3769</v>
      </c>
      <c r="AJ1482" s="13">
        <v>-0.23682060948790448</v>
      </c>
      <c r="AK1482" s="9">
        <v>2584</v>
      </c>
      <c r="AL1482" s="13">
        <v>0.2127449366046435</v>
      </c>
      <c r="AM1482" s="9">
        <v>5701</v>
      </c>
      <c r="AN1482" s="13">
        <v>0.3870332654446707</v>
      </c>
      <c r="AO1482" s="9">
        <v>8285</v>
      </c>
      <c r="AP1482" s="13">
        <v>0.68211756957022884</v>
      </c>
      <c r="AQ1482" s="9">
        <v>15915</v>
      </c>
      <c r="AR1482" s="9">
        <v>14643</v>
      </c>
      <c r="AS1482" s="9">
        <v>12019</v>
      </c>
      <c r="AT1482" s="9">
        <v>12057</v>
      </c>
      <c r="AU1482" s="9">
        <v>11139</v>
      </c>
      <c r="AV1482" s="9">
        <v>10864</v>
      </c>
      <c r="AW1482" s="9">
        <v>12146</v>
      </c>
      <c r="AX1482" s="9">
        <v>11579</v>
      </c>
      <c r="AY1482" s="9">
        <v>11235</v>
      </c>
      <c r="AZ1482" s="9">
        <v>14730</v>
      </c>
      <c r="BA1482" s="9">
        <v>12927</v>
      </c>
      <c r="BB1482" s="9">
        <v>18328</v>
      </c>
      <c r="BC1482" s="9">
        <v>18199</v>
      </c>
      <c r="BD1482" s="9">
        <v>21446</v>
      </c>
      <c r="BE1482" s="9">
        <v>17629</v>
      </c>
      <c r="BF1482" s="9">
        <v>20431</v>
      </c>
      <c r="BG1482" s="11">
        <v>-1</v>
      </c>
      <c r="BH1482" s="13">
        <v>-0.14285714285714285</v>
      </c>
      <c r="BI1482" s="6">
        <v>-3</v>
      </c>
      <c r="BJ1482" s="13">
        <v>-0.42857142857142855</v>
      </c>
      <c r="BK1482" s="6">
        <v>3</v>
      </c>
      <c r="BL1482" s="13">
        <v>0.75</v>
      </c>
      <c r="BM1482" s="11">
        <v>-1</v>
      </c>
      <c r="BN1482" s="13">
        <v>-0.14285714285714285</v>
      </c>
      <c r="BO1482" s="11">
        <v>2</v>
      </c>
      <c r="BP1482" s="13">
        <v>0.5</v>
      </c>
      <c r="BQ1482" s="6">
        <v>7</v>
      </c>
      <c r="BR1482" s="6">
        <v>6</v>
      </c>
      <c r="BS1482" s="6">
        <v>6</v>
      </c>
      <c r="BT1482" s="6">
        <v>4</v>
      </c>
      <c r="BU1482" s="6">
        <v>7</v>
      </c>
      <c r="BV1482" s="6">
        <v>7</v>
      </c>
      <c r="BW1482" s="6">
        <v>7</v>
      </c>
      <c r="BX1482" s="6">
        <v>8</v>
      </c>
      <c r="BY1482" s="6">
        <v>7</v>
      </c>
      <c r="BZ1482" s="6">
        <v>7</v>
      </c>
      <c r="CA1482" s="6">
        <v>7</v>
      </c>
      <c r="CB1482" s="6">
        <v>7</v>
      </c>
      <c r="CC1482" s="11">
        <v>6</v>
      </c>
      <c r="CD1482" s="11">
        <v>-20</v>
      </c>
      <c r="CE1482" s="11">
        <v>8</v>
      </c>
      <c r="CF1482" s="11">
        <v>5</v>
      </c>
      <c r="CG1482" s="11">
        <v>13</v>
      </c>
      <c r="CH1482" s="20">
        <v>0.56999999999999995</v>
      </c>
      <c r="CI1482" s="20">
        <v>0.63</v>
      </c>
      <c r="CJ1482" s="20">
        <v>0.47</v>
      </c>
      <c r="CK1482" s="20">
        <v>0.52</v>
      </c>
      <c r="CL1482" s="20">
        <v>0.61</v>
      </c>
      <c r="CM1482" s="20">
        <v>0.64</v>
      </c>
      <c r="CN1482" s="20">
        <v>0.56000000000000005</v>
      </c>
      <c r="CO1482" s="20">
        <v>0.66</v>
      </c>
      <c r="CP1482" s="20">
        <v>0.59</v>
      </c>
      <c r="CQ1482" s="20">
        <v>0.48</v>
      </c>
      <c r="CR1482" s="20">
        <v>0.54</v>
      </c>
      <c r="CS1482" s="20">
        <v>0.43</v>
      </c>
      <c r="CT1482" s="20">
        <v>0.44</v>
      </c>
      <c r="CU1482" s="20">
        <v>0.4</v>
      </c>
      <c r="CV1482" s="20">
        <v>0.44</v>
      </c>
      <c r="CW1482" s="20">
        <v>0.38</v>
      </c>
      <c r="CX1482" s="20">
        <v>0.37</v>
      </c>
      <c r="CY1482" s="6" t="s">
        <v>607</v>
      </c>
      <c r="CZ1482" s="6" t="s">
        <v>608</v>
      </c>
      <c r="DA1482" s="6" t="s">
        <v>54</v>
      </c>
      <c r="DB1482" s="6"/>
      <c r="DC1482" s="6">
        <v>27620</v>
      </c>
      <c r="DD1482" s="6"/>
      <c r="DE1482" s="6" t="s">
        <v>436</v>
      </c>
      <c r="DF1482" s="6" t="s">
        <v>375</v>
      </c>
      <c r="DG1482" s="6" t="s">
        <v>376</v>
      </c>
      <c r="DH1482" s="6" t="s">
        <v>328</v>
      </c>
      <c r="DI1482" s="6"/>
      <c r="DJ1482" s="6">
        <v>29</v>
      </c>
      <c r="DK1482" s="6">
        <v>135</v>
      </c>
      <c r="DL1482" s="6">
        <v>2</v>
      </c>
      <c r="DM1482" s="6" t="s">
        <v>379</v>
      </c>
      <c r="DN1482" s="6">
        <v>3</v>
      </c>
      <c r="DO1482" s="6" t="s">
        <v>380</v>
      </c>
      <c r="DP1482" s="6"/>
      <c r="DQ1482" s="6"/>
    </row>
    <row r="1483" spans="1:121" x14ac:dyDescent="0.2">
      <c r="A1483" s="6" t="s">
        <v>323</v>
      </c>
      <c r="B1483" s="6" t="s">
        <v>323</v>
      </c>
      <c r="C1483" s="6" t="s">
        <v>192</v>
      </c>
      <c r="D1483" s="6" t="s">
        <v>54</v>
      </c>
      <c r="E1483" s="6" t="s">
        <v>195</v>
      </c>
      <c r="F1483" s="11">
        <v>-162</v>
      </c>
      <c r="G1483" s="13">
        <v>-0.44383561643800001</v>
      </c>
      <c r="H1483" s="11">
        <v>-69.644708567999999</v>
      </c>
      <c r="I1483" s="13">
        <v>-0.19094900288367431</v>
      </c>
      <c r="J1483" s="11">
        <v>4.2099531060000004</v>
      </c>
      <c r="K1483" s="13">
        <v>1.4266933282773901E-2</v>
      </c>
      <c r="L1483" s="11">
        <v>-96.113642594999988</v>
      </c>
      <c r="M1483" s="13">
        <v>-0.32113389126951086</v>
      </c>
      <c r="N1483" s="11">
        <v>-91.903689488999987</v>
      </c>
      <c r="O1483" s="13">
        <v>-0.31144855378831665</v>
      </c>
      <c r="P1483" s="7">
        <v>364.72936499399998</v>
      </c>
      <c r="Q1483" s="7">
        <v>325.94522281600001</v>
      </c>
      <c r="R1483" s="7">
        <v>248.93951381400001</v>
      </c>
      <c r="S1483" s="7">
        <v>271.41465920600001</v>
      </c>
      <c r="T1483" s="7">
        <v>262.438203735</v>
      </c>
      <c r="U1483" s="7">
        <v>240.01092380099999</v>
      </c>
      <c r="V1483" s="7">
        <v>295.08465642599998</v>
      </c>
      <c r="W1483" s="7">
        <v>312.052229969</v>
      </c>
      <c r="X1483" s="7">
        <v>301.972015038</v>
      </c>
      <c r="Y1483" s="7">
        <v>299.29460953199998</v>
      </c>
      <c r="Z1483" s="7">
        <v>314.95267900300001</v>
      </c>
      <c r="AA1483" s="7">
        <v>238.55475555699999</v>
      </c>
      <c r="AB1483" s="7">
        <v>218.97283941800001</v>
      </c>
      <c r="AC1483" s="7">
        <v>209.74675579800001</v>
      </c>
      <c r="AD1483" s="7">
        <v>206.53644678800001</v>
      </c>
      <c r="AE1483" s="7">
        <v>214.51247730399999</v>
      </c>
      <c r="AF1483" s="7">
        <v>203.18096693699999</v>
      </c>
      <c r="AG1483" s="9">
        <v>11726.784388329999</v>
      </c>
      <c r="AH1483" s="13">
        <v>1.4778749763910706</v>
      </c>
      <c r="AI1483" s="9">
        <v>5270.6448225299991</v>
      </c>
      <c r="AJ1483" s="13">
        <v>0.66423614818175369</v>
      </c>
      <c r="AK1483" s="9">
        <v>2323.8813217000006</v>
      </c>
      <c r="AL1483" s="13">
        <v>0.17597774563794888</v>
      </c>
      <c r="AM1483" s="9">
        <v>4132.2582440999995</v>
      </c>
      <c r="AN1483" s="13">
        <v>0.26609220734515182</v>
      </c>
      <c r="AO1483" s="9">
        <v>6456.1395658000001</v>
      </c>
      <c r="AP1483" s="13">
        <v>0.48889625976352619</v>
      </c>
      <c r="AQ1483" s="9">
        <v>7934.8961012700001</v>
      </c>
      <c r="AR1483" s="9">
        <v>9152.6551700599994</v>
      </c>
      <c r="AS1483" s="9">
        <v>9231.7884184699997</v>
      </c>
      <c r="AT1483" s="9">
        <v>8942.1815661799992</v>
      </c>
      <c r="AU1483" s="9">
        <v>8766.5731006200003</v>
      </c>
      <c r="AV1483" s="9">
        <v>9038.3275856300006</v>
      </c>
      <c r="AW1483" s="9">
        <v>13205.540923799999</v>
      </c>
      <c r="AX1483" s="9">
        <v>13952.1699635</v>
      </c>
      <c r="AY1483" s="9">
        <v>14914.9694963</v>
      </c>
      <c r="AZ1483" s="9">
        <v>15529.4222455</v>
      </c>
      <c r="BA1483" s="9">
        <v>15246.6095878</v>
      </c>
      <c r="BB1483" s="9">
        <v>15248.162810100001</v>
      </c>
      <c r="BC1483" s="9">
        <v>17066.887415699999</v>
      </c>
      <c r="BD1483" s="9">
        <v>19058.2379836</v>
      </c>
      <c r="BE1483" s="9">
        <v>20487.7308772</v>
      </c>
      <c r="BF1483" s="9">
        <v>19661.680489599999</v>
      </c>
      <c r="BG1483" s="11">
        <v>-8</v>
      </c>
      <c r="BH1483" s="13">
        <v>-0.34782608695652173</v>
      </c>
      <c r="BI1483" s="6">
        <v>-2</v>
      </c>
      <c r="BJ1483" s="13">
        <v>-8.6956521739130432E-2</v>
      </c>
      <c r="BK1483" s="6">
        <v>-2</v>
      </c>
      <c r="BL1483" s="13">
        <v>-9.5238095238095233E-2</v>
      </c>
      <c r="BM1483" s="11">
        <v>-4</v>
      </c>
      <c r="BN1483" s="13">
        <v>-0.21052631578947367</v>
      </c>
      <c r="BO1483" s="11">
        <v>-6</v>
      </c>
      <c r="BP1483" s="13">
        <v>-0.2857142857142857</v>
      </c>
      <c r="BQ1483" s="6">
        <v>23</v>
      </c>
      <c r="BR1483" s="6">
        <v>22</v>
      </c>
      <c r="BS1483" s="6">
        <v>17</v>
      </c>
      <c r="BT1483" s="6">
        <v>21</v>
      </c>
      <c r="BU1483" s="6">
        <v>19</v>
      </c>
      <c r="BV1483" s="6">
        <v>18</v>
      </c>
      <c r="BW1483" s="6">
        <v>19</v>
      </c>
      <c r="BX1483" s="6">
        <v>20</v>
      </c>
      <c r="BY1483" s="6">
        <v>18</v>
      </c>
      <c r="BZ1483" s="6">
        <v>16</v>
      </c>
      <c r="CA1483" s="6">
        <v>18</v>
      </c>
      <c r="CB1483" s="6">
        <v>17</v>
      </c>
      <c r="CC1483" s="11">
        <v>15</v>
      </c>
      <c r="CD1483" s="11">
        <v>-284.35899999999998</v>
      </c>
      <c r="CE1483" s="11">
        <v>82.941500000000005</v>
      </c>
      <c r="CF1483" s="11">
        <v>39.869300000000003</v>
      </c>
      <c r="CG1483" s="11">
        <v>123</v>
      </c>
      <c r="CH1483" s="20">
        <v>1.0253000000000001</v>
      </c>
      <c r="CI1483" s="20">
        <v>0.95210799999999995</v>
      </c>
      <c r="CJ1483" s="20">
        <v>0.70298499999999997</v>
      </c>
      <c r="CK1483" s="20">
        <v>0.76636899999999997</v>
      </c>
      <c r="CL1483" s="20">
        <v>0.77331300000000003</v>
      </c>
      <c r="CM1483" s="20">
        <v>0.69870100000000002</v>
      </c>
      <c r="CN1483" s="20">
        <v>0.82883700000000005</v>
      </c>
      <c r="CO1483" s="20">
        <v>0.85697199999999996</v>
      </c>
      <c r="CP1483" s="20">
        <v>0.79727599999999998</v>
      </c>
      <c r="CQ1483" s="20">
        <v>0.78577399999999997</v>
      </c>
      <c r="CR1483" s="20">
        <v>0.80068799999999996</v>
      </c>
      <c r="CS1483" s="20">
        <v>0.59411899999999995</v>
      </c>
      <c r="CT1483" s="20">
        <v>0.53971400000000003</v>
      </c>
      <c r="CU1483" s="20">
        <v>0.49981199999999998</v>
      </c>
      <c r="CV1483" s="20">
        <v>0.47064299999999998</v>
      </c>
      <c r="CW1483" s="20">
        <v>0.47771599999999997</v>
      </c>
      <c r="CX1483" s="20">
        <v>0.43986999999999998</v>
      </c>
      <c r="CY1483" s="6" t="s">
        <v>607</v>
      </c>
      <c r="CZ1483" s="6" t="s">
        <v>608</v>
      </c>
      <c r="DA1483" s="6" t="s">
        <v>54</v>
      </c>
      <c r="DB1483" s="6"/>
      <c r="DC1483" s="6">
        <v>27620</v>
      </c>
      <c r="DD1483" s="6"/>
      <c r="DE1483" s="6" t="s">
        <v>436</v>
      </c>
      <c r="DF1483" s="6" t="s">
        <v>375</v>
      </c>
      <c r="DG1483" s="6" t="s">
        <v>376</v>
      </c>
      <c r="DH1483" s="6" t="s">
        <v>328</v>
      </c>
      <c r="DI1483" s="6"/>
      <c r="DJ1483" s="6">
        <v>29</v>
      </c>
      <c r="DK1483" s="6">
        <v>135</v>
      </c>
      <c r="DL1483" s="6">
        <v>2</v>
      </c>
      <c r="DM1483" s="6" t="s">
        <v>379</v>
      </c>
      <c r="DN1483" s="6">
        <v>3</v>
      </c>
      <c r="DO1483" s="6" t="s">
        <v>380</v>
      </c>
      <c r="DP1483" s="6"/>
      <c r="DQ1483" s="6"/>
    </row>
    <row r="1484" spans="1:121" x14ac:dyDescent="0.2">
      <c r="A1484" s="6" t="s">
        <v>325</v>
      </c>
      <c r="B1484" s="6" t="s">
        <v>325</v>
      </c>
      <c r="C1484" s="6" t="s">
        <v>193</v>
      </c>
      <c r="D1484" s="6" t="s">
        <v>54</v>
      </c>
      <c r="E1484" s="6" t="s">
        <v>195</v>
      </c>
      <c r="F1484" s="11">
        <v>-30</v>
      </c>
      <c r="G1484" s="13">
        <v>-0.13100436681200001</v>
      </c>
      <c r="H1484" s="11">
        <v>28.921943196000001</v>
      </c>
      <c r="I1484" s="13">
        <v>0.12650177705486518</v>
      </c>
      <c r="J1484" s="11">
        <v>-11.901271354000016</v>
      </c>
      <c r="K1484" s="13">
        <v>-4.62094323780241E-2</v>
      </c>
      <c r="L1484" s="11">
        <v>-46.153455247000011</v>
      </c>
      <c r="M1484" s="13">
        <v>-0.18788342691257787</v>
      </c>
      <c r="N1484" s="11">
        <v>-58.054726601000027</v>
      </c>
      <c r="O1484" s="13">
        <v>-0.22541087277973379</v>
      </c>
      <c r="P1484" s="7">
        <v>228.62875027800001</v>
      </c>
      <c r="Q1484" s="7">
        <v>207.421845418</v>
      </c>
      <c r="R1484" s="7">
        <v>214.15455447900001</v>
      </c>
      <c r="S1484" s="7">
        <v>238.97843050899999</v>
      </c>
      <c r="T1484" s="7">
        <v>261.02806221600002</v>
      </c>
      <c r="U1484" s="7">
        <v>272.97485640899998</v>
      </c>
      <c r="V1484" s="7">
        <v>257.55069347400001</v>
      </c>
      <c r="W1484" s="7">
        <v>248.27836232300001</v>
      </c>
      <c r="X1484" s="7">
        <v>255.90554910399999</v>
      </c>
      <c r="Y1484" s="7">
        <v>245.64942212</v>
      </c>
      <c r="Z1484" s="7">
        <v>241.978440371</v>
      </c>
      <c r="AA1484" s="7">
        <v>238.12363899900001</v>
      </c>
      <c r="AB1484" s="7">
        <v>217.65770717699999</v>
      </c>
      <c r="AC1484" s="7">
        <v>204.81294340700001</v>
      </c>
      <c r="AD1484" s="7">
        <v>202.79902169100001</v>
      </c>
      <c r="AE1484" s="7">
        <v>199.37472196600001</v>
      </c>
      <c r="AF1484" s="7">
        <v>199.49596687299999</v>
      </c>
      <c r="AG1484" s="9">
        <v>1141.8217703999999</v>
      </c>
      <c r="AH1484" s="13">
        <v>7.7592180649976014E-2</v>
      </c>
      <c r="AI1484" s="9">
        <v>-523.08645939999951</v>
      </c>
      <c r="AJ1484" s="13">
        <v>-3.5546194778807404E-2</v>
      </c>
      <c r="AK1484" s="9">
        <v>1417.9082244000001</v>
      </c>
      <c r="AL1484" s="13">
        <v>9.9904794068757338E-2</v>
      </c>
      <c r="AM1484" s="9">
        <v>247.00000539999928</v>
      </c>
      <c r="AN1484" s="13">
        <v>1.5822681099906172E-2</v>
      </c>
      <c r="AO1484" s="9">
        <v>1664.9082297999994</v>
      </c>
      <c r="AP1484" s="13">
        <v>0.11730823686556528</v>
      </c>
      <c r="AQ1484" s="9">
        <v>14715.6808951</v>
      </c>
      <c r="AR1484" s="9">
        <v>15046.492584899999</v>
      </c>
      <c r="AS1484" s="9">
        <v>14546.226100399999</v>
      </c>
      <c r="AT1484" s="9">
        <v>14812.401253</v>
      </c>
      <c r="AU1484" s="9">
        <v>14610.6248037</v>
      </c>
      <c r="AV1484" s="9">
        <v>13675.6432565</v>
      </c>
      <c r="AW1484" s="9">
        <v>14192.594435700001</v>
      </c>
      <c r="AX1484" s="9">
        <v>14910.448551699999</v>
      </c>
      <c r="AY1484" s="9">
        <v>14334.5561722</v>
      </c>
      <c r="AZ1484" s="9">
        <v>15610.502660100001</v>
      </c>
      <c r="BA1484" s="9">
        <v>14724.9152497</v>
      </c>
      <c r="BB1484" s="9">
        <v>14991.0789406</v>
      </c>
      <c r="BC1484" s="9">
        <v>15424.788261600001</v>
      </c>
      <c r="BD1484" s="9">
        <v>16252.898330800001</v>
      </c>
      <c r="BE1484" s="9">
        <v>16060.4204763</v>
      </c>
      <c r="BF1484" s="9">
        <v>15857.5026655</v>
      </c>
      <c r="BG1484" s="11">
        <v>-12.25</v>
      </c>
      <c r="BH1484" s="13">
        <v>-0.39516129032258063</v>
      </c>
      <c r="BI1484" s="6">
        <v>7</v>
      </c>
      <c r="BJ1484" s="13">
        <v>0.22580645161290322</v>
      </c>
      <c r="BK1484" s="6">
        <v>4</v>
      </c>
      <c r="BL1484" s="13">
        <v>0.10526315789473684</v>
      </c>
      <c r="BM1484" s="11">
        <v>-23.25</v>
      </c>
      <c r="BN1484" s="13">
        <v>-0.5535714285714286</v>
      </c>
      <c r="BO1484" s="11">
        <v>-19.25</v>
      </c>
      <c r="BP1484" s="13">
        <v>-0.50657894736842102</v>
      </c>
      <c r="BQ1484" s="6">
        <v>31</v>
      </c>
      <c r="BR1484" s="6">
        <v>38</v>
      </c>
      <c r="BS1484" s="6">
        <v>41</v>
      </c>
      <c r="BT1484" s="6">
        <v>38</v>
      </c>
      <c r="BU1484" s="6">
        <v>36</v>
      </c>
      <c r="BV1484" s="6">
        <v>37</v>
      </c>
      <c r="BW1484" s="6">
        <v>42</v>
      </c>
      <c r="BX1484" s="6">
        <v>39</v>
      </c>
      <c r="BY1484" s="6">
        <v>34</v>
      </c>
      <c r="BZ1484" s="6">
        <v>21</v>
      </c>
      <c r="CA1484" s="6">
        <v>23</v>
      </c>
      <c r="CB1484" s="6">
        <v>21</v>
      </c>
      <c r="CC1484" s="11">
        <v>18.75</v>
      </c>
      <c r="CD1484" s="11">
        <v>-52.019199999999998</v>
      </c>
      <c r="CE1484" s="11">
        <v>-2.1054499999999998</v>
      </c>
      <c r="CF1484" s="11">
        <v>24.991900000000001</v>
      </c>
      <c r="CG1484" s="11">
        <v>23</v>
      </c>
      <c r="CH1484" s="20">
        <v>0.94618800000000003</v>
      </c>
      <c r="CI1484" s="20">
        <v>0.888297</v>
      </c>
      <c r="CJ1484" s="20">
        <v>0.89171999999999996</v>
      </c>
      <c r="CK1484" s="20">
        <v>1.0129900000000001</v>
      </c>
      <c r="CL1484" s="20">
        <v>1.17381</v>
      </c>
      <c r="CM1484" s="20">
        <v>1.2240800000000001</v>
      </c>
      <c r="CN1484" s="20">
        <v>1.1198399999999999</v>
      </c>
      <c r="CO1484" s="20">
        <v>1.05447</v>
      </c>
      <c r="CP1484" s="20">
        <v>1.0236099999999999</v>
      </c>
      <c r="CQ1484" s="20">
        <v>0.98431299999999999</v>
      </c>
      <c r="CR1484" s="20">
        <v>0.95259000000000005</v>
      </c>
      <c r="CS1484" s="20">
        <v>0.925431</v>
      </c>
      <c r="CT1484" s="20">
        <v>0.91319899999999998</v>
      </c>
      <c r="CU1484" s="20">
        <v>0.83962400000000004</v>
      </c>
      <c r="CV1484" s="20">
        <v>0.81075200000000003</v>
      </c>
      <c r="CW1484" s="20">
        <v>0.78723399999999999</v>
      </c>
      <c r="CX1484" s="20">
        <v>0.77258899999999997</v>
      </c>
      <c r="CY1484" s="6" t="s">
        <v>607</v>
      </c>
      <c r="CZ1484" s="6" t="s">
        <v>608</v>
      </c>
      <c r="DA1484" s="6" t="s">
        <v>54</v>
      </c>
      <c r="DB1484" s="6"/>
      <c r="DC1484" s="6">
        <v>27620</v>
      </c>
      <c r="DD1484" s="6"/>
      <c r="DE1484" s="6" t="s">
        <v>436</v>
      </c>
      <c r="DF1484" s="6" t="s">
        <v>375</v>
      </c>
      <c r="DG1484" s="6" t="s">
        <v>376</v>
      </c>
      <c r="DH1484" s="6" t="s">
        <v>328</v>
      </c>
      <c r="DI1484" s="6"/>
      <c r="DJ1484" s="6">
        <v>29</v>
      </c>
      <c r="DK1484" s="6">
        <v>135</v>
      </c>
      <c r="DL1484" s="6">
        <v>2</v>
      </c>
      <c r="DM1484" s="6" t="s">
        <v>379</v>
      </c>
      <c r="DN1484" s="6">
        <v>3</v>
      </c>
      <c r="DO1484" s="6" t="s">
        <v>380</v>
      </c>
      <c r="DP1484" s="6"/>
      <c r="DQ1484" s="6"/>
    </row>
    <row r="1485" spans="1:121" x14ac:dyDescent="0.2">
      <c r="A1485" s="6" t="s">
        <v>327</v>
      </c>
      <c r="B1485" s="6" t="s">
        <v>327</v>
      </c>
      <c r="C1485" s="6" t="s">
        <v>194</v>
      </c>
      <c r="D1485" s="6" t="s">
        <v>54</v>
      </c>
      <c r="E1485" s="6" t="s">
        <v>195</v>
      </c>
      <c r="F1485" s="11">
        <v>9</v>
      </c>
      <c r="G1485" s="13">
        <v>7.8602620087299992E-3</v>
      </c>
      <c r="H1485" s="11">
        <v>-54.479442000000063</v>
      </c>
      <c r="I1485" s="13">
        <v>-4.7581375691278474E-2</v>
      </c>
      <c r="J1485" s="11">
        <v>28.102722000000085</v>
      </c>
      <c r="K1485" s="13">
        <v>2.5770619078173063E-2</v>
      </c>
      <c r="L1485" s="11">
        <v>35.155288359999986</v>
      </c>
      <c r="M1485" s="13">
        <v>3.1428009329215613E-2</v>
      </c>
      <c r="N1485" s="11">
        <v>63.258010360000071</v>
      </c>
      <c r="O1485" s="13">
        <v>5.8008547664197163E-2</v>
      </c>
      <c r="P1485" s="7">
        <v>1144.9740830000001</v>
      </c>
      <c r="Q1485" s="7">
        <v>1125.8923669999999</v>
      </c>
      <c r="R1485" s="7">
        <v>1166.9086380000001</v>
      </c>
      <c r="S1485" s="7">
        <v>1122.511753</v>
      </c>
      <c r="T1485" s="7">
        <v>1099.4881760000001</v>
      </c>
      <c r="U1485" s="7">
        <v>1098.3947029999999</v>
      </c>
      <c r="V1485" s="7">
        <v>1090.494641</v>
      </c>
      <c r="W1485" s="7">
        <v>1109.9772029999999</v>
      </c>
      <c r="X1485" s="7">
        <v>1124.8336039999999</v>
      </c>
      <c r="Y1485" s="7">
        <v>1118.5973630000001</v>
      </c>
      <c r="Z1485" s="7">
        <v>1115.178721</v>
      </c>
      <c r="AA1485" s="7">
        <v>1120.518644</v>
      </c>
      <c r="AB1485" s="7">
        <v>1117.4921810000001</v>
      </c>
      <c r="AC1485" s="7">
        <v>1139.8561340000001</v>
      </c>
      <c r="AD1485" s="7">
        <v>1131.738807</v>
      </c>
      <c r="AE1485" s="7">
        <v>1146.6957857499999</v>
      </c>
      <c r="AF1485" s="7">
        <v>1153.7526513600001</v>
      </c>
      <c r="AG1485" s="9">
        <v>10823.644450999996</v>
      </c>
      <c r="AH1485" s="13">
        <v>0.34875551427038154</v>
      </c>
      <c r="AI1485" s="9">
        <v>8059.3250959999968</v>
      </c>
      <c r="AJ1485" s="13">
        <v>0.25968462667562842</v>
      </c>
      <c r="AK1485" s="9">
        <v>1969.0458859999999</v>
      </c>
      <c r="AL1485" s="13">
        <v>5.0366476888577594E-2</v>
      </c>
      <c r="AM1485" s="9">
        <v>795.27346899999975</v>
      </c>
      <c r="AN1485" s="13">
        <v>1.9366956543028509E-2</v>
      </c>
      <c r="AO1485" s="9">
        <v>2764.3193549999996</v>
      </c>
      <c r="AP1485" s="13">
        <v>7.0708878800732636E-2</v>
      </c>
      <c r="AQ1485" s="9">
        <v>31035.048932900001</v>
      </c>
      <c r="AR1485" s="9">
        <v>30647.092011500001</v>
      </c>
      <c r="AS1485" s="9">
        <v>31713.838157800001</v>
      </c>
      <c r="AT1485" s="9">
        <v>34731.606525100004</v>
      </c>
      <c r="AU1485" s="9">
        <v>36054.157904899999</v>
      </c>
      <c r="AV1485" s="9">
        <v>37507.276738799999</v>
      </c>
      <c r="AW1485" s="9">
        <v>39094.374028899998</v>
      </c>
      <c r="AX1485" s="9">
        <v>40116.638152200001</v>
      </c>
      <c r="AY1485" s="9">
        <v>40257.652414900003</v>
      </c>
      <c r="AZ1485" s="9">
        <v>41063.419914899998</v>
      </c>
      <c r="BA1485" s="9">
        <v>41104.545750800004</v>
      </c>
      <c r="BB1485" s="9">
        <v>40890.228675999999</v>
      </c>
      <c r="BC1485" s="9">
        <v>39182.052177199999</v>
      </c>
      <c r="BD1485" s="9">
        <v>37130.261745700001</v>
      </c>
      <c r="BE1485" s="9">
        <v>38121.007918800002</v>
      </c>
      <c r="BF1485" s="9">
        <v>41858.693383899998</v>
      </c>
      <c r="BG1485" s="11">
        <v>-3.25</v>
      </c>
      <c r="BH1485" s="13">
        <v>-7.3863636363636367E-2</v>
      </c>
      <c r="BI1485" s="6">
        <v>-1</v>
      </c>
      <c r="BJ1485" s="13">
        <v>-2.2727272727272728E-2</v>
      </c>
      <c r="BK1485" s="6">
        <v>6</v>
      </c>
      <c r="BL1485" s="13">
        <v>0.13953488372093023</v>
      </c>
      <c r="BM1485" s="11">
        <v>-8.25</v>
      </c>
      <c r="BN1485" s="13">
        <v>-0.1683673469387755</v>
      </c>
      <c r="BO1485" s="11">
        <v>-2.25</v>
      </c>
      <c r="BP1485" s="13">
        <v>-5.232558139534884E-2</v>
      </c>
      <c r="BQ1485" s="6">
        <v>44</v>
      </c>
      <c r="BR1485" s="6">
        <v>43</v>
      </c>
      <c r="BS1485" s="6">
        <v>42</v>
      </c>
      <c r="BT1485" s="6">
        <v>43</v>
      </c>
      <c r="BU1485" s="6">
        <v>44</v>
      </c>
      <c r="BV1485" s="6">
        <v>47</v>
      </c>
      <c r="BW1485" s="6">
        <v>49</v>
      </c>
      <c r="BX1485" s="6">
        <v>47</v>
      </c>
      <c r="BY1485" s="6">
        <v>44</v>
      </c>
      <c r="BZ1485" s="6">
        <v>41</v>
      </c>
      <c r="CA1485" s="6">
        <v>41</v>
      </c>
      <c r="CB1485" s="6">
        <v>40</v>
      </c>
      <c r="CC1485" s="11">
        <v>40.75</v>
      </c>
      <c r="CD1485" s="11">
        <v>-49.257199999999997</v>
      </c>
      <c r="CE1485" s="11">
        <v>-67.123699999999999</v>
      </c>
      <c r="CF1485" s="11">
        <v>125.15900000000001</v>
      </c>
      <c r="CG1485" s="11">
        <v>58</v>
      </c>
      <c r="CH1485" s="20">
        <v>1.42649</v>
      </c>
      <c r="CI1485" s="20">
        <v>1.4486699999999999</v>
      </c>
      <c r="CJ1485" s="20">
        <v>1.47062</v>
      </c>
      <c r="CK1485" s="20">
        <v>1.45055</v>
      </c>
      <c r="CL1485" s="20">
        <v>1.5107699999999999</v>
      </c>
      <c r="CM1485" s="20">
        <v>1.51495</v>
      </c>
      <c r="CN1485" s="20">
        <v>1.4688399999999999</v>
      </c>
      <c r="CO1485" s="20">
        <v>1.44577</v>
      </c>
      <c r="CP1485" s="20">
        <v>1.36442</v>
      </c>
      <c r="CQ1485" s="20">
        <v>1.3514600000000001</v>
      </c>
      <c r="CR1485" s="20">
        <v>1.35476</v>
      </c>
      <c r="CS1485" s="20">
        <v>1.3894299999999999</v>
      </c>
      <c r="CT1485" s="20">
        <v>1.4208799999999999</v>
      </c>
      <c r="CU1485" s="20">
        <v>1.4429000000000001</v>
      </c>
      <c r="CV1485" s="20">
        <v>1.4091</v>
      </c>
      <c r="CW1485" s="20">
        <v>1.4172400000000001</v>
      </c>
      <c r="CX1485" s="20">
        <v>1.4083600000000001</v>
      </c>
      <c r="CY1485" s="6" t="s">
        <v>607</v>
      </c>
      <c r="CZ1485" s="6" t="s">
        <v>608</v>
      </c>
      <c r="DA1485" s="6" t="s">
        <v>54</v>
      </c>
      <c r="DB1485" s="6"/>
      <c r="DC1485" s="6">
        <v>27620</v>
      </c>
      <c r="DD1485" s="6"/>
      <c r="DE1485" s="6" t="s">
        <v>436</v>
      </c>
      <c r="DF1485" s="6" t="s">
        <v>375</v>
      </c>
      <c r="DG1485" s="6" t="s">
        <v>376</v>
      </c>
      <c r="DH1485" s="6" t="s">
        <v>328</v>
      </c>
      <c r="DI1485" s="6"/>
      <c r="DJ1485" s="6">
        <v>29</v>
      </c>
      <c r="DK1485" s="6">
        <v>135</v>
      </c>
      <c r="DL1485" s="6">
        <v>2</v>
      </c>
      <c r="DM1485" s="6" t="s">
        <v>379</v>
      </c>
      <c r="DN1485" s="6">
        <v>3</v>
      </c>
      <c r="DO1485" s="6" t="s">
        <v>380</v>
      </c>
      <c r="DP1485" s="6"/>
      <c r="DQ1485" s="6"/>
    </row>
    <row r="1486" spans="1:121" x14ac:dyDescent="0.2">
      <c r="A1486" s="6" t="s">
        <v>1</v>
      </c>
      <c r="B1486" s="6" t="s">
        <v>1</v>
      </c>
      <c r="C1486" s="6" t="s">
        <v>2</v>
      </c>
      <c r="D1486" s="6" t="s">
        <v>68</v>
      </c>
      <c r="E1486" s="6" t="s">
        <v>209</v>
      </c>
      <c r="F1486" s="11">
        <v>134</v>
      </c>
      <c r="G1486" s="13">
        <v>1.2523364485999999</v>
      </c>
      <c r="H1486" s="11">
        <v>-42.009251816000003</v>
      </c>
      <c r="I1486" s="13">
        <v>-0.39217564906699742</v>
      </c>
      <c r="J1486" s="11">
        <v>51.527970338999992</v>
      </c>
      <c r="K1486" s="13">
        <v>0.79140833217022988</v>
      </c>
      <c r="L1486" s="11">
        <v>124.15162154600002</v>
      </c>
      <c r="M1486" s="13">
        <v>1.0644257900524174</v>
      </c>
      <c r="N1486" s="11">
        <v>175.67959188500001</v>
      </c>
      <c r="O1486" s="13">
        <v>2.6982295614470102</v>
      </c>
      <c r="P1486" s="7">
        <v>107.11846060800001</v>
      </c>
      <c r="Q1486" s="7">
        <v>46.465302785399999</v>
      </c>
      <c r="R1486" s="7">
        <v>29.148277312600001</v>
      </c>
      <c r="S1486" s="7">
        <v>48.553343784399999</v>
      </c>
      <c r="T1486" s="7">
        <v>42.022471883500003</v>
      </c>
      <c r="U1486" s="7">
        <v>44.017081892999997</v>
      </c>
      <c r="V1486" s="7">
        <v>65.109208792000004</v>
      </c>
      <c r="W1486" s="7">
        <v>128.96610334100001</v>
      </c>
      <c r="X1486" s="7">
        <v>169.39746850200001</v>
      </c>
      <c r="Y1486" s="7">
        <v>116.637179131</v>
      </c>
      <c r="Z1486" s="7">
        <v>90.183324458200005</v>
      </c>
      <c r="AA1486" s="7">
        <v>67.282840224300003</v>
      </c>
      <c r="AB1486" s="7">
        <v>104.5887331</v>
      </c>
      <c r="AC1486" s="7">
        <v>132.17370310199999</v>
      </c>
      <c r="AD1486" s="7">
        <v>213.09212734100001</v>
      </c>
      <c r="AE1486" s="7">
        <v>221.11439502299999</v>
      </c>
      <c r="AF1486" s="7">
        <v>240.78880067700001</v>
      </c>
      <c r="AG1486" s="9">
        <v>10343.7678528</v>
      </c>
      <c r="AH1486" s="13">
        <v>0.49227433489081207</v>
      </c>
      <c r="AI1486" s="9">
        <v>7328.7896259000008</v>
      </c>
      <c r="AJ1486" s="13">
        <v>0.34878731715426137</v>
      </c>
      <c r="AK1486" s="9">
        <v>-135.48619840000174</v>
      </c>
      <c r="AL1486" s="13">
        <v>-4.7805736414389807E-3</v>
      </c>
      <c r="AM1486" s="9">
        <v>3150.4644253000006</v>
      </c>
      <c r="AN1486" s="13">
        <v>0.11169678959596828</v>
      </c>
      <c r="AO1486" s="9">
        <v>3014.9782268999988</v>
      </c>
      <c r="AP1486" s="13">
        <v>0.10638224122635344</v>
      </c>
      <c r="AQ1486" s="9">
        <v>21012.202180100001</v>
      </c>
      <c r="AR1486" s="9">
        <v>21822.924360699999</v>
      </c>
      <c r="AS1486" s="9">
        <v>19846.704943799999</v>
      </c>
      <c r="AT1486" s="9">
        <v>21569.142204</v>
      </c>
      <c r="AU1486" s="9">
        <v>30041.342832599999</v>
      </c>
      <c r="AV1486" s="9">
        <v>24552.382838099998</v>
      </c>
      <c r="AW1486" s="9">
        <v>28340.991806000002</v>
      </c>
      <c r="AX1486" s="9">
        <v>29775.2601641</v>
      </c>
      <c r="AY1486" s="9">
        <v>26721.873300399999</v>
      </c>
      <c r="AZ1486" s="9">
        <v>28205.5056076</v>
      </c>
      <c r="BA1486" s="9">
        <v>27840.0753191</v>
      </c>
      <c r="BB1486" s="9">
        <v>28847.9364298</v>
      </c>
      <c r="BC1486" s="9">
        <v>30972.142652400002</v>
      </c>
      <c r="BD1486" s="9">
        <v>28620.1026408</v>
      </c>
      <c r="BE1486" s="9">
        <v>32797.650716800003</v>
      </c>
      <c r="BF1486" s="9">
        <v>31355.970032900001</v>
      </c>
      <c r="BG1486" s="11">
        <v>7.25</v>
      </c>
      <c r="BH1486" s="13">
        <v>3.625</v>
      </c>
      <c r="BI1486" s="6">
        <v>2</v>
      </c>
      <c r="BJ1486" s="13">
        <v>1</v>
      </c>
      <c r="BK1486" s="6">
        <v>1</v>
      </c>
      <c r="BL1486" s="13">
        <v>0.25</v>
      </c>
      <c r="BM1486" s="11">
        <v>4.25</v>
      </c>
      <c r="BN1486" s="13">
        <v>0.85</v>
      </c>
      <c r="BO1486" s="11">
        <v>5.25</v>
      </c>
      <c r="BP1486" s="13">
        <v>1.3125</v>
      </c>
      <c r="BQ1486" s="6">
        <v>2</v>
      </c>
      <c r="BR1486" s="6">
        <v>3</v>
      </c>
      <c r="BS1486" s="6">
        <v>3</v>
      </c>
      <c r="BT1486" s="6">
        <v>4</v>
      </c>
      <c r="BU1486" s="6">
        <v>5</v>
      </c>
      <c r="BV1486" s="6">
        <v>6</v>
      </c>
      <c r="BW1486" s="6">
        <v>5</v>
      </c>
      <c r="BX1486" s="6">
        <v>4</v>
      </c>
      <c r="BY1486" s="6">
        <v>4</v>
      </c>
      <c r="BZ1486" s="6">
        <v>6</v>
      </c>
      <c r="CA1486" s="6">
        <v>8</v>
      </c>
      <c r="CB1486" s="6">
        <v>10</v>
      </c>
      <c r="CC1486" s="11">
        <v>9.25</v>
      </c>
      <c r="CD1486" s="11">
        <v>131.727</v>
      </c>
      <c r="CE1486" s="11">
        <v>-9.7663899999999995</v>
      </c>
      <c r="CF1486" s="11">
        <v>11.709300000000001</v>
      </c>
      <c r="CG1486" s="11">
        <v>2</v>
      </c>
      <c r="CH1486" s="20">
        <v>2.4843000000000002</v>
      </c>
      <c r="CI1486" s="20">
        <v>1.1422000000000001</v>
      </c>
      <c r="CJ1486" s="20">
        <v>0.72765000000000002</v>
      </c>
      <c r="CK1486" s="20">
        <v>1.1726799999999999</v>
      </c>
      <c r="CL1486" s="20">
        <v>1.05505</v>
      </c>
      <c r="CM1486" s="20">
        <v>1.1741900000000001</v>
      </c>
      <c r="CN1486" s="20">
        <v>1.80796</v>
      </c>
      <c r="CO1486" s="20">
        <v>3.7374299999999998</v>
      </c>
      <c r="CP1486" s="20">
        <v>5.2567500000000003</v>
      </c>
      <c r="CQ1486" s="20">
        <v>4.1312300000000004</v>
      </c>
      <c r="CR1486" s="20">
        <v>3.1899700000000002</v>
      </c>
      <c r="CS1486" s="20">
        <v>2.3744200000000002</v>
      </c>
      <c r="CT1486" s="20">
        <v>3.5804999999999998</v>
      </c>
      <c r="CU1486" s="20">
        <v>4.3696700000000002</v>
      </c>
      <c r="CV1486" s="20">
        <v>6.7319199999999997</v>
      </c>
      <c r="CW1486" s="20">
        <v>7.0916399999999999</v>
      </c>
      <c r="CX1486" s="20">
        <v>7.7421600000000002</v>
      </c>
      <c r="CY1486" s="6" t="s">
        <v>610</v>
      </c>
      <c r="CZ1486" s="6" t="s">
        <v>611</v>
      </c>
      <c r="DA1486" s="6" t="s">
        <v>68</v>
      </c>
      <c r="DB1486" s="6"/>
      <c r="DC1486" s="6"/>
      <c r="DD1486" s="6"/>
      <c r="DE1486" s="6"/>
      <c r="DF1486" s="6"/>
      <c r="DG1486" s="6"/>
      <c r="DH1486" s="6" t="s">
        <v>333</v>
      </c>
      <c r="DI1486" s="6"/>
      <c r="DJ1486" s="6"/>
      <c r="DK1486" s="6"/>
      <c r="DL1486" s="6">
        <v>9</v>
      </c>
      <c r="DM1486" s="6" t="s">
        <v>440</v>
      </c>
      <c r="DN1486" s="6">
        <v>9</v>
      </c>
      <c r="DO1486" s="6" t="s">
        <v>384</v>
      </c>
      <c r="DP1486" s="6"/>
      <c r="DQ1486" s="6"/>
    </row>
    <row r="1487" spans="1:121" x14ac:dyDescent="0.2">
      <c r="A1487" s="6" t="s">
        <v>310</v>
      </c>
      <c r="B1487" s="6" t="s">
        <v>310</v>
      </c>
      <c r="C1487" s="6" t="s">
        <v>173</v>
      </c>
      <c r="D1487" s="6" t="s">
        <v>68</v>
      </c>
      <c r="E1487" s="6" t="s">
        <v>209</v>
      </c>
      <c r="F1487" s="11">
        <v>1</v>
      </c>
      <c r="G1487" s="13">
        <v>1</v>
      </c>
      <c r="H1487" s="11">
        <v>0</v>
      </c>
      <c r="I1487" s="13">
        <v>0</v>
      </c>
      <c r="J1487" s="11">
        <v>0</v>
      </c>
      <c r="K1487" s="13">
        <v>0</v>
      </c>
      <c r="L1487" s="11">
        <v>8.2451743064999992</v>
      </c>
      <c r="M1487" s="13">
        <v>1.6490348613000001</v>
      </c>
      <c r="N1487" s="11">
        <v>8.2451743064999992</v>
      </c>
      <c r="O1487" s="13">
        <v>1.6490348613000001</v>
      </c>
      <c r="P1487" s="7">
        <v>5</v>
      </c>
      <c r="Q1487" s="7">
        <v>5</v>
      </c>
      <c r="R1487" s="7">
        <v>5</v>
      </c>
      <c r="S1487" s="7">
        <v>5</v>
      </c>
      <c r="T1487" s="7">
        <v>5</v>
      </c>
      <c r="U1487" s="7">
        <v>5</v>
      </c>
      <c r="V1487" s="7">
        <v>5</v>
      </c>
      <c r="W1487" s="7">
        <v>5</v>
      </c>
      <c r="X1487" s="7">
        <v>5</v>
      </c>
      <c r="Y1487" s="7">
        <v>5</v>
      </c>
      <c r="Z1487" s="7">
        <v>5</v>
      </c>
      <c r="AA1487" s="7">
        <v>5</v>
      </c>
      <c r="AB1487" s="7">
        <v>11.603198000000001</v>
      </c>
      <c r="AC1487" s="7">
        <v>13.180821999999999</v>
      </c>
      <c r="AD1487" s="7">
        <v>14.381729</v>
      </c>
      <c r="AE1487" s="7">
        <v>11.90514475</v>
      </c>
      <c r="AF1487" s="7">
        <v>13.245174306499999</v>
      </c>
      <c r="AG1487" s="9">
        <v>76344.271863400005</v>
      </c>
      <c r="AH1487" s="13">
        <v>76344.271863400005</v>
      </c>
      <c r="AI1487" s="9">
        <v>0</v>
      </c>
      <c r="AJ1487" s="13">
        <v>0</v>
      </c>
      <c r="AK1487" s="9">
        <v>0</v>
      </c>
      <c r="AL1487" s="13">
        <v>0</v>
      </c>
      <c r="AM1487" s="9">
        <v>76344.271863400005</v>
      </c>
      <c r="AN1487" s="13">
        <v>76344.271863400005</v>
      </c>
      <c r="AO1487" s="9">
        <v>76344.271863400005</v>
      </c>
      <c r="AP1487" s="13">
        <v>76344.271863400005</v>
      </c>
      <c r="AQ1487" s="9">
        <v>1</v>
      </c>
      <c r="AR1487" s="9">
        <v>1</v>
      </c>
      <c r="AS1487" s="9">
        <v>1</v>
      </c>
      <c r="AT1487" s="9">
        <v>1</v>
      </c>
      <c r="AU1487" s="9">
        <v>1</v>
      </c>
      <c r="AV1487" s="9">
        <v>1</v>
      </c>
      <c r="AW1487" s="9">
        <v>1</v>
      </c>
      <c r="AX1487" s="9">
        <v>1</v>
      </c>
      <c r="AY1487" s="9">
        <v>1</v>
      </c>
      <c r="AZ1487" s="9">
        <v>1</v>
      </c>
      <c r="BA1487" s="9">
        <v>1</v>
      </c>
      <c r="BB1487" s="9">
        <v>1</v>
      </c>
      <c r="BC1487" s="9">
        <v>63388.569271200002</v>
      </c>
      <c r="BD1487" s="9">
        <v>77358.059977900004</v>
      </c>
      <c r="BE1487" s="9">
        <v>67275.983571000004</v>
      </c>
      <c r="BF1487" s="9">
        <v>76345.271863400005</v>
      </c>
      <c r="BG1487" s="11">
        <v>0</v>
      </c>
      <c r="BH1487" s="13">
        <v>0</v>
      </c>
      <c r="BI1487" s="6">
        <v>0</v>
      </c>
      <c r="BJ1487" s="13">
        <v>0</v>
      </c>
      <c r="BK1487" s="6">
        <v>0</v>
      </c>
      <c r="BL1487" s="13">
        <v>0</v>
      </c>
      <c r="BM1487" s="11">
        <v>0</v>
      </c>
      <c r="BN1487" s="13">
        <v>0</v>
      </c>
      <c r="BO1487" s="11">
        <v>0</v>
      </c>
      <c r="BP1487" s="13">
        <v>0</v>
      </c>
      <c r="BQ1487" s="6">
        <v>1</v>
      </c>
      <c r="BR1487" s="6">
        <v>1</v>
      </c>
      <c r="BS1487" s="6">
        <v>1</v>
      </c>
      <c r="BT1487" s="6">
        <v>1</v>
      </c>
      <c r="BU1487" s="6">
        <v>1</v>
      </c>
      <c r="BV1487" s="6">
        <v>1</v>
      </c>
      <c r="BW1487" s="6">
        <v>1</v>
      </c>
      <c r="BX1487" s="6">
        <v>1</v>
      </c>
      <c r="BY1487" s="6">
        <v>1</v>
      </c>
      <c r="BZ1487" s="6">
        <v>1</v>
      </c>
      <c r="CA1487" s="6">
        <v>1</v>
      </c>
      <c r="CB1487" s="6">
        <v>1</v>
      </c>
      <c r="CC1487" s="11">
        <v>1</v>
      </c>
      <c r="CD1487" s="11">
        <v>9.3620900000000002</v>
      </c>
      <c r="CE1487" s="11">
        <v>0.33210400000000001</v>
      </c>
      <c r="CF1487" s="11">
        <v>0.34991499999999998</v>
      </c>
      <c r="CG1487" s="11">
        <v>0</v>
      </c>
      <c r="CH1487" s="20">
        <v>0.26166299999999998</v>
      </c>
      <c r="CI1487" s="20">
        <v>0.42620999999999998</v>
      </c>
      <c r="CJ1487" s="20">
        <v>0.42099799999999998</v>
      </c>
      <c r="CK1487" s="20">
        <v>0.83603899999999998</v>
      </c>
      <c r="CL1487" s="20">
        <v>0.67859199999999997</v>
      </c>
      <c r="CM1487" s="20">
        <v>0.35922799999999999</v>
      </c>
      <c r="CN1487" s="20">
        <v>0.54903800000000003</v>
      </c>
      <c r="CO1487" s="20">
        <v>0.11405800000000001</v>
      </c>
      <c r="CP1487" s="20">
        <v>7.5490399999999999E-2</v>
      </c>
      <c r="CQ1487" s="20">
        <v>6.6495499999999999E-2</v>
      </c>
      <c r="CR1487" s="20">
        <v>0.31991799999999998</v>
      </c>
      <c r="CS1487" s="20">
        <v>0.466422</v>
      </c>
      <c r="CT1487" s="20">
        <v>0.90886900000000004</v>
      </c>
      <c r="CU1487" s="20">
        <v>0.97845400000000005</v>
      </c>
      <c r="CV1487" s="20">
        <v>1.1531199999999999</v>
      </c>
      <c r="CW1487" s="20">
        <v>1.1406799999999999</v>
      </c>
      <c r="CX1487" s="20">
        <v>1.2598400000000001</v>
      </c>
      <c r="CY1487" s="6" t="s">
        <v>610</v>
      </c>
      <c r="CZ1487" s="6" t="s">
        <v>611</v>
      </c>
      <c r="DA1487" s="6" t="s">
        <v>68</v>
      </c>
      <c r="DB1487" s="6"/>
      <c r="DC1487" s="6"/>
      <c r="DD1487" s="6"/>
      <c r="DE1487" s="6"/>
      <c r="DF1487" s="6"/>
      <c r="DG1487" s="6"/>
      <c r="DH1487" s="6" t="s">
        <v>333</v>
      </c>
      <c r="DI1487" s="6"/>
      <c r="DJ1487" s="6"/>
      <c r="DK1487" s="6"/>
      <c r="DL1487" s="6">
        <v>9</v>
      </c>
      <c r="DM1487" s="6" t="s">
        <v>440</v>
      </c>
      <c r="DN1487" s="6">
        <v>9</v>
      </c>
      <c r="DO1487" s="6" t="s">
        <v>384</v>
      </c>
      <c r="DP1487" s="6"/>
      <c r="DQ1487" s="6"/>
    </row>
    <row r="1488" spans="1:121" x14ac:dyDescent="0.2">
      <c r="A1488" s="6" t="s">
        <v>311</v>
      </c>
      <c r="B1488" s="6" t="s">
        <v>311</v>
      </c>
      <c r="C1488" s="6" t="s">
        <v>174</v>
      </c>
      <c r="D1488" s="6" t="s">
        <v>68</v>
      </c>
      <c r="E1488" s="6" t="s">
        <v>209</v>
      </c>
      <c r="F1488" s="11">
        <v>1</v>
      </c>
      <c r="G1488" s="13">
        <v>1</v>
      </c>
      <c r="H1488" s="11">
        <v>0</v>
      </c>
      <c r="I1488" s="13">
        <v>0</v>
      </c>
      <c r="J1488" s="11">
        <v>0</v>
      </c>
      <c r="K1488" s="13">
        <v>0</v>
      </c>
      <c r="L1488" s="11">
        <v>0</v>
      </c>
      <c r="M1488" s="13">
        <v>0</v>
      </c>
      <c r="N1488" s="11">
        <v>0</v>
      </c>
      <c r="O1488" s="13">
        <v>0</v>
      </c>
      <c r="P1488" s="7">
        <v>5</v>
      </c>
      <c r="Q1488" s="7">
        <v>5</v>
      </c>
      <c r="R1488" s="7">
        <v>5</v>
      </c>
      <c r="S1488" s="7">
        <v>5</v>
      </c>
      <c r="T1488" s="7">
        <v>5</v>
      </c>
      <c r="U1488" s="7">
        <v>5</v>
      </c>
      <c r="V1488" s="7">
        <v>5</v>
      </c>
      <c r="W1488" s="7">
        <v>5</v>
      </c>
      <c r="X1488" s="7">
        <v>5</v>
      </c>
      <c r="Y1488" s="7">
        <v>5</v>
      </c>
      <c r="Z1488" s="7">
        <v>5</v>
      </c>
      <c r="AA1488" s="7">
        <v>10.965043</v>
      </c>
      <c r="AB1488" s="7">
        <v>5</v>
      </c>
      <c r="AC1488" s="7">
        <v>5</v>
      </c>
      <c r="AD1488" s="7">
        <v>5</v>
      </c>
      <c r="AE1488" s="7">
        <v>5</v>
      </c>
      <c r="AF1488" s="7">
        <v>5</v>
      </c>
      <c r="AG1488" s="9">
        <v>0</v>
      </c>
      <c r="AH1488" s="13">
        <v>0</v>
      </c>
      <c r="AI1488" s="9">
        <v>0</v>
      </c>
      <c r="AJ1488" s="13">
        <v>0</v>
      </c>
      <c r="AK1488" s="9">
        <v>0</v>
      </c>
      <c r="AL1488" s="13">
        <v>0</v>
      </c>
      <c r="AM1488" s="9">
        <v>0</v>
      </c>
      <c r="AN1488" s="13">
        <v>0</v>
      </c>
      <c r="AO1488" s="9">
        <v>0</v>
      </c>
      <c r="AP1488" s="13">
        <v>0</v>
      </c>
      <c r="AQ1488" s="9">
        <v>1</v>
      </c>
      <c r="AR1488" s="9">
        <v>1</v>
      </c>
      <c r="AS1488" s="9">
        <v>1</v>
      </c>
      <c r="AT1488" s="9">
        <v>1</v>
      </c>
      <c r="AU1488" s="9">
        <v>1</v>
      </c>
      <c r="AV1488" s="9">
        <v>1</v>
      </c>
      <c r="AW1488" s="9">
        <v>1</v>
      </c>
      <c r="AX1488" s="9">
        <v>1</v>
      </c>
      <c r="AY1488" s="9">
        <v>1</v>
      </c>
      <c r="AZ1488" s="9">
        <v>1</v>
      </c>
      <c r="BA1488" s="9">
        <v>1</v>
      </c>
      <c r="BB1488" s="9">
        <v>38616.390533199999</v>
      </c>
      <c r="BC1488" s="9">
        <v>1</v>
      </c>
      <c r="BD1488" s="9">
        <v>1</v>
      </c>
      <c r="BE1488" s="9">
        <v>1</v>
      </c>
      <c r="BF1488" s="9">
        <v>1</v>
      </c>
      <c r="BG1488" s="11">
        <v>0</v>
      </c>
      <c r="BH1488" s="13">
        <v>0</v>
      </c>
      <c r="BI1488" s="6">
        <v>0</v>
      </c>
      <c r="BJ1488" s="13">
        <v>0</v>
      </c>
      <c r="BK1488" s="6">
        <v>0</v>
      </c>
      <c r="BL1488" s="13">
        <v>0</v>
      </c>
      <c r="BM1488" s="11">
        <v>0</v>
      </c>
      <c r="BN1488" s="13">
        <v>0</v>
      </c>
      <c r="BO1488" s="11">
        <v>0</v>
      </c>
      <c r="BP1488" s="13">
        <v>0</v>
      </c>
      <c r="BQ1488" s="6">
        <v>1</v>
      </c>
      <c r="BR1488" s="6">
        <v>1</v>
      </c>
      <c r="BS1488" s="6">
        <v>1</v>
      </c>
      <c r="BT1488" s="6">
        <v>1</v>
      </c>
      <c r="BU1488" s="6">
        <v>1</v>
      </c>
      <c r="BV1488" s="6">
        <v>1</v>
      </c>
      <c r="BW1488" s="6">
        <v>1</v>
      </c>
      <c r="BX1488" s="6">
        <v>1</v>
      </c>
      <c r="BY1488" s="6">
        <v>1</v>
      </c>
      <c r="BZ1488" s="6">
        <v>1</v>
      </c>
      <c r="CA1488" s="6">
        <v>1</v>
      </c>
      <c r="CB1488" s="6">
        <v>1</v>
      </c>
      <c r="CC1488" s="11">
        <v>1</v>
      </c>
      <c r="CD1488" s="11">
        <v>-1.55921</v>
      </c>
      <c r="CE1488" s="11">
        <v>-0.61757899999999999</v>
      </c>
      <c r="CF1488" s="11">
        <v>0.41456199999999999</v>
      </c>
      <c r="CG1488" s="11">
        <v>-1</v>
      </c>
      <c r="CH1488" s="20">
        <v>0.282943</v>
      </c>
      <c r="CI1488" s="20">
        <v>0.15714900000000001</v>
      </c>
      <c r="CJ1488" s="20">
        <v>0.26565100000000003</v>
      </c>
      <c r="CK1488" s="20">
        <v>0.29131699999999999</v>
      </c>
      <c r="CL1488" s="20">
        <v>0.41189599999999998</v>
      </c>
      <c r="CM1488" s="20">
        <v>0.34852300000000003</v>
      </c>
      <c r="CN1488" s="20">
        <v>0.307396</v>
      </c>
      <c r="CO1488" s="20">
        <v>0.47239100000000001</v>
      </c>
      <c r="CP1488" s="20">
        <v>0.38972699999999999</v>
      </c>
      <c r="CQ1488" s="20">
        <v>0.54932000000000003</v>
      </c>
      <c r="CR1488" s="20">
        <v>0.30477700000000002</v>
      </c>
      <c r="CS1488" s="20">
        <v>1.32057</v>
      </c>
      <c r="CT1488" s="20">
        <v>0.43522</v>
      </c>
      <c r="CU1488" s="20">
        <v>0.42071199999999997</v>
      </c>
      <c r="CV1488" s="20">
        <v>0.37558999999999998</v>
      </c>
      <c r="CW1488" s="20">
        <v>0.27066699999999999</v>
      </c>
      <c r="CX1488" s="20">
        <v>0.22589699999999999</v>
      </c>
      <c r="CY1488" s="6" t="s">
        <v>610</v>
      </c>
      <c r="CZ1488" s="6" t="s">
        <v>611</v>
      </c>
      <c r="DA1488" s="6" t="s">
        <v>68</v>
      </c>
      <c r="DB1488" s="6"/>
      <c r="DC1488" s="6"/>
      <c r="DD1488" s="6"/>
      <c r="DE1488" s="6"/>
      <c r="DF1488" s="6"/>
      <c r="DG1488" s="6"/>
      <c r="DH1488" s="6" t="s">
        <v>333</v>
      </c>
      <c r="DI1488" s="6"/>
      <c r="DJ1488" s="6"/>
      <c r="DK1488" s="6"/>
      <c r="DL1488" s="6">
        <v>9</v>
      </c>
      <c r="DM1488" s="6" t="s">
        <v>440</v>
      </c>
      <c r="DN1488" s="6">
        <v>9</v>
      </c>
      <c r="DO1488" s="6" t="s">
        <v>384</v>
      </c>
      <c r="DP1488" s="6"/>
      <c r="DQ1488" s="6"/>
    </row>
    <row r="1489" spans="1:121" x14ac:dyDescent="0.2">
      <c r="A1489" s="6" t="s">
        <v>312</v>
      </c>
      <c r="B1489" s="6" t="s">
        <v>312</v>
      </c>
      <c r="C1489" s="6" t="s">
        <v>175</v>
      </c>
      <c r="D1489" s="6" t="s">
        <v>68</v>
      </c>
      <c r="E1489" s="6" t="s">
        <v>209</v>
      </c>
      <c r="F1489" s="11">
        <v>-32</v>
      </c>
      <c r="G1489" s="13">
        <v>-0.240601503759</v>
      </c>
      <c r="H1489" s="11">
        <v>32.821261389999989</v>
      </c>
      <c r="I1489" s="13">
        <v>0.24632514565016964</v>
      </c>
      <c r="J1489" s="11">
        <v>-60.372391343999993</v>
      </c>
      <c r="K1489" s="13">
        <v>-0.36354694673905474</v>
      </c>
      <c r="L1489" s="11">
        <v>-5.0123722679999929</v>
      </c>
      <c r="M1489" s="13">
        <v>-4.742409666917944E-2</v>
      </c>
      <c r="N1489" s="11">
        <v>-65.384763611999986</v>
      </c>
      <c r="O1489" s="13">
        <v>-0.3937301578622962</v>
      </c>
      <c r="P1489" s="7">
        <v>133.243649581</v>
      </c>
      <c r="Q1489" s="7">
        <v>145.42229336299999</v>
      </c>
      <c r="R1489" s="7">
        <v>141.23854667000001</v>
      </c>
      <c r="S1489" s="7">
        <v>160.42145358400001</v>
      </c>
      <c r="T1489" s="7">
        <v>151.305963854</v>
      </c>
      <c r="U1489" s="7">
        <v>153.706106729</v>
      </c>
      <c r="V1489" s="7">
        <v>166.06491097099999</v>
      </c>
      <c r="W1489" s="7">
        <v>154.361586641</v>
      </c>
      <c r="X1489" s="7">
        <v>114.40913546</v>
      </c>
      <c r="Y1489" s="7">
        <v>105.692519627</v>
      </c>
      <c r="Z1489" s="7">
        <v>106.719757937</v>
      </c>
      <c r="AA1489" s="7">
        <v>104.426148927</v>
      </c>
      <c r="AB1489" s="7">
        <v>95.797527446900006</v>
      </c>
      <c r="AC1489" s="7">
        <v>96.147182902099999</v>
      </c>
      <c r="AD1489" s="7">
        <v>99.913196044900005</v>
      </c>
      <c r="AE1489" s="7">
        <v>101.268751077</v>
      </c>
      <c r="AF1489" s="7">
        <v>100.680147359</v>
      </c>
      <c r="AG1489" s="9">
        <v>2442.7689740000023</v>
      </c>
      <c r="AH1489" s="13">
        <v>0.10818891380378327</v>
      </c>
      <c r="AI1489" s="9">
        <v>976.94483140000011</v>
      </c>
      <c r="AJ1489" s="13">
        <v>4.3268357049055142E-2</v>
      </c>
      <c r="AK1489" s="9">
        <v>-2614.1029767</v>
      </c>
      <c r="AL1489" s="13">
        <v>-0.11097547733800384</v>
      </c>
      <c r="AM1489" s="9">
        <v>4079.9271193000022</v>
      </c>
      <c r="AN1489" s="13">
        <v>0.19482424178313951</v>
      </c>
      <c r="AO1489" s="9">
        <v>1465.8241426000022</v>
      </c>
      <c r="AP1489" s="13">
        <v>6.2228051216237097E-2</v>
      </c>
      <c r="AQ1489" s="9">
        <v>22578.736472299999</v>
      </c>
      <c r="AR1489" s="9">
        <v>24035.555052399999</v>
      </c>
      <c r="AS1489" s="9">
        <v>24094.755541400002</v>
      </c>
      <c r="AT1489" s="9">
        <v>22068.555077699999</v>
      </c>
      <c r="AU1489" s="9">
        <v>22389.837752399999</v>
      </c>
      <c r="AV1489" s="9">
        <v>23569.592032799999</v>
      </c>
      <c r="AW1489" s="9">
        <v>23555.681303699999</v>
      </c>
      <c r="AX1489" s="9">
        <v>23522.230933800001</v>
      </c>
      <c r="AY1489" s="9">
        <v>22443.2945626</v>
      </c>
      <c r="AZ1489" s="9">
        <v>20941.578326999999</v>
      </c>
      <c r="BA1489" s="9">
        <v>22780.927191399998</v>
      </c>
      <c r="BB1489" s="9">
        <v>22520.096294700001</v>
      </c>
      <c r="BC1489" s="9">
        <v>22603.827048700001</v>
      </c>
      <c r="BD1489" s="9">
        <v>22895.574627499998</v>
      </c>
      <c r="BE1489" s="9">
        <v>24399.375143900001</v>
      </c>
      <c r="BF1489" s="9">
        <v>25021.505446300001</v>
      </c>
      <c r="BG1489" s="11">
        <v>-8.25</v>
      </c>
      <c r="BH1489" s="13">
        <v>-0.375</v>
      </c>
      <c r="BI1489" s="6">
        <v>-4</v>
      </c>
      <c r="BJ1489" s="13">
        <v>-0.18181818181818182</v>
      </c>
      <c r="BK1489" s="6">
        <v>-6</v>
      </c>
      <c r="BL1489" s="13">
        <v>-0.33333333333333331</v>
      </c>
      <c r="BM1489" s="11">
        <v>1.75</v>
      </c>
      <c r="BN1489" s="13">
        <v>0.14583333333333334</v>
      </c>
      <c r="BO1489" s="11">
        <v>-4.25</v>
      </c>
      <c r="BP1489" s="13">
        <v>-0.2361111111111111</v>
      </c>
      <c r="BQ1489" s="6">
        <v>22</v>
      </c>
      <c r="BR1489" s="6">
        <v>21</v>
      </c>
      <c r="BS1489" s="6">
        <v>19</v>
      </c>
      <c r="BT1489" s="6">
        <v>18</v>
      </c>
      <c r="BU1489" s="6">
        <v>20</v>
      </c>
      <c r="BV1489" s="6">
        <v>18</v>
      </c>
      <c r="BW1489" s="6">
        <v>12</v>
      </c>
      <c r="BX1489" s="6">
        <v>14</v>
      </c>
      <c r="BY1489" s="6">
        <v>14</v>
      </c>
      <c r="BZ1489" s="6">
        <v>14</v>
      </c>
      <c r="CA1489" s="6">
        <v>14</v>
      </c>
      <c r="CB1489" s="6">
        <v>14</v>
      </c>
      <c r="CC1489" s="11">
        <v>13.75</v>
      </c>
      <c r="CD1489" s="11">
        <v>-30.9894</v>
      </c>
      <c r="CE1489" s="11">
        <v>-16.139199999999999</v>
      </c>
      <c r="CF1489" s="11">
        <v>14.565099999999999</v>
      </c>
      <c r="CG1489" s="11">
        <v>-1</v>
      </c>
      <c r="CH1489" s="20">
        <v>0.68537000000000003</v>
      </c>
      <c r="CI1489" s="20">
        <v>0.78997899999999999</v>
      </c>
      <c r="CJ1489" s="20">
        <v>0.76886100000000002</v>
      </c>
      <c r="CK1489" s="20">
        <v>0.81374000000000002</v>
      </c>
      <c r="CL1489" s="20">
        <v>0.76663000000000003</v>
      </c>
      <c r="CM1489" s="20">
        <v>0.79218100000000002</v>
      </c>
      <c r="CN1489" s="20">
        <v>0.89074900000000001</v>
      </c>
      <c r="CO1489" s="20">
        <v>0.88812999999999998</v>
      </c>
      <c r="CP1489" s="20">
        <v>0.80189200000000005</v>
      </c>
      <c r="CQ1489" s="20">
        <v>0.91408900000000004</v>
      </c>
      <c r="CR1489" s="20">
        <v>0.93942899999999996</v>
      </c>
      <c r="CS1489" s="20">
        <v>0.92041300000000004</v>
      </c>
      <c r="CT1489" s="20">
        <v>0.80915700000000002</v>
      </c>
      <c r="CU1489" s="20">
        <v>0.76614899999999997</v>
      </c>
      <c r="CV1489" s="20">
        <v>0.74081600000000003</v>
      </c>
      <c r="CW1489" s="20">
        <v>0.74561599999999995</v>
      </c>
      <c r="CX1489" s="20">
        <v>0.739734</v>
      </c>
      <c r="CY1489" s="6" t="s">
        <v>610</v>
      </c>
      <c r="CZ1489" s="6" t="s">
        <v>611</v>
      </c>
      <c r="DA1489" s="6" t="s">
        <v>68</v>
      </c>
      <c r="DB1489" s="6"/>
      <c r="DC1489" s="6"/>
      <c r="DD1489" s="6"/>
      <c r="DE1489" s="6"/>
      <c r="DF1489" s="6"/>
      <c r="DG1489" s="6"/>
      <c r="DH1489" s="6" t="s">
        <v>333</v>
      </c>
      <c r="DI1489" s="6"/>
      <c r="DJ1489" s="6"/>
      <c r="DK1489" s="6"/>
      <c r="DL1489" s="6">
        <v>9</v>
      </c>
      <c r="DM1489" s="6" t="s">
        <v>440</v>
      </c>
      <c r="DN1489" s="6">
        <v>9</v>
      </c>
      <c r="DO1489" s="6" t="s">
        <v>384</v>
      </c>
      <c r="DP1489" s="6"/>
      <c r="DQ1489" s="6"/>
    </row>
    <row r="1490" spans="1:121" x14ac:dyDescent="0.2">
      <c r="A1490" s="6" t="s">
        <v>792</v>
      </c>
      <c r="B1490" s="6" t="s">
        <v>176</v>
      </c>
      <c r="C1490" s="6" t="s">
        <v>177</v>
      </c>
      <c r="D1490" s="6" t="s">
        <v>68</v>
      </c>
      <c r="E1490" s="6" t="s">
        <v>209</v>
      </c>
      <c r="F1490" s="11">
        <v>-516</v>
      </c>
      <c r="G1490" s="13">
        <v>-0.59310344827600003</v>
      </c>
      <c r="H1490" s="11">
        <v>-183.40052703900005</v>
      </c>
      <c r="I1490" s="13">
        <v>-0.21072455709495111</v>
      </c>
      <c r="J1490" s="11">
        <v>-463.73307615299996</v>
      </c>
      <c r="K1490" s="13">
        <v>-0.67507815244458957</v>
      </c>
      <c r="L1490" s="11">
        <v>130.97642532199998</v>
      </c>
      <c r="M1490" s="13">
        <v>0.58681363843399337</v>
      </c>
      <c r="N1490" s="11">
        <v>-332.756650831</v>
      </c>
      <c r="O1490" s="13">
        <v>-0.48440958087390401</v>
      </c>
      <c r="P1490" s="7">
        <v>870.33295771200005</v>
      </c>
      <c r="Q1490" s="7">
        <v>810.43226220500003</v>
      </c>
      <c r="R1490" s="7">
        <v>809.40569349400005</v>
      </c>
      <c r="S1490" s="7">
        <v>882.52222158100005</v>
      </c>
      <c r="T1490" s="7">
        <v>781.20004316100005</v>
      </c>
      <c r="U1490" s="7">
        <v>714.37033000700001</v>
      </c>
      <c r="V1490" s="7">
        <v>686.932430673</v>
      </c>
      <c r="W1490" s="7">
        <v>600.424286327</v>
      </c>
      <c r="X1490" s="7">
        <v>340.07921372200002</v>
      </c>
      <c r="Y1490" s="7">
        <v>223.19935452000001</v>
      </c>
      <c r="Z1490" s="7">
        <v>248.29585990000001</v>
      </c>
      <c r="AA1490" s="7">
        <v>277.46609199900001</v>
      </c>
      <c r="AB1490" s="7">
        <v>358.12509540999997</v>
      </c>
      <c r="AC1490" s="7">
        <v>339.68769371299999</v>
      </c>
      <c r="AD1490" s="7">
        <v>366.17535094599998</v>
      </c>
      <c r="AE1490" s="7">
        <v>374.53214682100003</v>
      </c>
      <c r="AF1490" s="7">
        <v>354.175779842</v>
      </c>
      <c r="AG1490" s="9">
        <v>5727.6762563999946</v>
      </c>
      <c r="AH1490" s="13">
        <v>0.16570466001264947</v>
      </c>
      <c r="AI1490" s="9">
        <v>-3850.4770694000035</v>
      </c>
      <c r="AJ1490" s="13">
        <v>-0.11139630892344776</v>
      </c>
      <c r="AK1490" s="9">
        <v>14896.826671199997</v>
      </c>
      <c r="AL1490" s="13">
        <v>0.48500019282234441</v>
      </c>
      <c r="AM1490" s="9">
        <v>-5318.6733453999987</v>
      </c>
      <c r="AN1490" s="13">
        <v>-0.11660708930891622</v>
      </c>
      <c r="AO1490" s="9">
        <v>9578.1533257999981</v>
      </c>
      <c r="AP1490" s="13">
        <v>0.31183864271415151</v>
      </c>
      <c r="AQ1490" s="9">
        <v>34565.571396500003</v>
      </c>
      <c r="AR1490" s="9">
        <v>36993.566849700001</v>
      </c>
      <c r="AS1490" s="9">
        <v>30980.647074299999</v>
      </c>
      <c r="AT1490" s="9">
        <v>31242.651688099999</v>
      </c>
      <c r="AU1490" s="9">
        <v>27365.0039526</v>
      </c>
      <c r="AV1490" s="9">
        <v>25824.2402793</v>
      </c>
      <c r="AW1490" s="9">
        <v>30715.0943271</v>
      </c>
      <c r="AX1490" s="9">
        <v>39292.180245199997</v>
      </c>
      <c r="AY1490" s="9">
        <v>39317.285349600003</v>
      </c>
      <c r="AZ1490" s="9">
        <v>45611.920998299996</v>
      </c>
      <c r="BA1490" s="9">
        <v>44978.004771699998</v>
      </c>
      <c r="BB1490" s="9">
        <v>44451.290514</v>
      </c>
      <c r="BC1490" s="9">
        <v>42110.701852600003</v>
      </c>
      <c r="BD1490" s="9">
        <v>38953.573624099998</v>
      </c>
      <c r="BE1490" s="9">
        <v>38357.166795199999</v>
      </c>
      <c r="BF1490" s="9">
        <v>40293.247652899998</v>
      </c>
      <c r="BG1490" s="11">
        <v>-0.75</v>
      </c>
      <c r="BH1490" s="13">
        <v>-6.8181818181818177E-2</v>
      </c>
      <c r="BI1490" s="6">
        <v>1</v>
      </c>
      <c r="BJ1490" s="13">
        <v>9.0909090909090912E-2</v>
      </c>
      <c r="BK1490" s="6">
        <v>2</v>
      </c>
      <c r="BL1490" s="13">
        <v>0.16666666666666666</v>
      </c>
      <c r="BM1490" s="11">
        <v>-3.75</v>
      </c>
      <c r="BN1490" s="13">
        <v>-0.26785714285714285</v>
      </c>
      <c r="BO1490" s="11">
        <v>-1.75</v>
      </c>
      <c r="BP1490" s="13">
        <v>-0.14583333333333334</v>
      </c>
      <c r="BQ1490" s="6">
        <v>11</v>
      </c>
      <c r="BR1490" s="6">
        <v>10</v>
      </c>
      <c r="BS1490" s="6">
        <v>10</v>
      </c>
      <c r="BT1490" s="6">
        <v>12</v>
      </c>
      <c r="BU1490" s="6">
        <v>12</v>
      </c>
      <c r="BV1490" s="6">
        <v>14</v>
      </c>
      <c r="BW1490" s="6">
        <v>14</v>
      </c>
      <c r="BX1490" s="6">
        <v>14</v>
      </c>
      <c r="BY1490" s="6">
        <v>13</v>
      </c>
      <c r="BZ1490" s="6">
        <v>13</v>
      </c>
      <c r="CA1490" s="6">
        <v>11</v>
      </c>
      <c r="CB1490" s="6">
        <v>11</v>
      </c>
      <c r="CC1490" s="11">
        <v>10.25</v>
      </c>
      <c r="CD1490" s="11">
        <v>-304.08699999999999</v>
      </c>
      <c r="CE1490" s="11">
        <v>-307.20800000000003</v>
      </c>
      <c r="CF1490" s="11">
        <v>95.137900000000002</v>
      </c>
      <c r="CG1490" s="11">
        <v>-212</v>
      </c>
      <c r="CH1490" s="20">
        <v>2.3384</v>
      </c>
      <c r="CI1490" s="20">
        <v>2.4574799999999999</v>
      </c>
      <c r="CJ1490" s="20">
        <v>2.6291199999999999</v>
      </c>
      <c r="CK1490" s="20">
        <v>2.8292000000000002</v>
      </c>
      <c r="CL1490" s="20">
        <v>2.6341600000000001</v>
      </c>
      <c r="CM1490" s="20">
        <v>2.5682200000000002</v>
      </c>
      <c r="CN1490" s="20">
        <v>2.6021000000000001</v>
      </c>
      <c r="CO1490" s="20">
        <v>2.3869500000000001</v>
      </c>
      <c r="CP1490" s="20">
        <v>1.6226499999999999</v>
      </c>
      <c r="CQ1490" s="20">
        <v>1.2431300000000001</v>
      </c>
      <c r="CR1490" s="20">
        <v>1.36565</v>
      </c>
      <c r="CS1490" s="20">
        <v>1.5170699999999999</v>
      </c>
      <c r="CT1490" s="20">
        <v>1.9059900000000001</v>
      </c>
      <c r="CU1490" s="20">
        <v>1.74735</v>
      </c>
      <c r="CV1490" s="20">
        <v>1.8017700000000001</v>
      </c>
      <c r="CW1490" s="20">
        <v>1.86992</v>
      </c>
      <c r="CX1490" s="20">
        <v>1.7759499999999999</v>
      </c>
      <c r="CY1490" s="6" t="s">
        <v>610</v>
      </c>
      <c r="CZ1490" s="6" t="s">
        <v>611</v>
      </c>
      <c r="DA1490" s="6" t="s">
        <v>68</v>
      </c>
      <c r="DB1490" s="6"/>
      <c r="DC1490" s="6"/>
      <c r="DD1490" s="6"/>
      <c r="DE1490" s="6"/>
      <c r="DF1490" s="6"/>
      <c r="DG1490" s="6"/>
      <c r="DH1490" s="6" t="s">
        <v>333</v>
      </c>
      <c r="DI1490" s="6"/>
      <c r="DJ1490" s="6"/>
      <c r="DK1490" s="6"/>
      <c r="DL1490" s="6">
        <v>9</v>
      </c>
      <c r="DM1490" s="6" t="s">
        <v>440</v>
      </c>
      <c r="DN1490" s="6">
        <v>9</v>
      </c>
      <c r="DO1490" s="6" t="s">
        <v>384</v>
      </c>
      <c r="DP1490" s="6"/>
      <c r="DQ1490" s="6"/>
    </row>
    <row r="1491" spans="1:121" x14ac:dyDescent="0.2">
      <c r="A1491" s="6" t="s">
        <v>313</v>
      </c>
      <c r="B1491" s="6" t="s">
        <v>313</v>
      </c>
      <c r="C1491" s="6" t="s">
        <v>178</v>
      </c>
      <c r="D1491" s="6" t="s">
        <v>68</v>
      </c>
      <c r="E1491" s="6" t="s">
        <v>209</v>
      </c>
      <c r="F1491" s="11">
        <v>14</v>
      </c>
      <c r="G1491" s="13">
        <v>0.21212121212099999</v>
      </c>
      <c r="H1491" s="11">
        <v>43.925637033800001</v>
      </c>
      <c r="I1491" s="13">
        <v>0.66804577467449455</v>
      </c>
      <c r="J1491" s="11">
        <v>-15.870186127000011</v>
      </c>
      <c r="K1491" s="13">
        <v>-0.14469789348318918</v>
      </c>
      <c r="L1491" s="11">
        <v>-14.120902048299996</v>
      </c>
      <c r="M1491" s="13">
        <v>-0.1505300088968827</v>
      </c>
      <c r="N1491" s="11">
        <v>-29.991088175300007</v>
      </c>
      <c r="O1491" s="13">
        <v>-0.27344652718668722</v>
      </c>
      <c r="P1491" s="7">
        <v>65.752435984200005</v>
      </c>
      <c r="Q1491" s="7">
        <v>72.041968902700006</v>
      </c>
      <c r="R1491" s="7">
        <v>80.666402129800005</v>
      </c>
      <c r="S1491" s="7">
        <v>84.376351846700004</v>
      </c>
      <c r="T1491" s="7">
        <v>84.124834247899997</v>
      </c>
      <c r="U1491" s="7">
        <v>81.384643186700004</v>
      </c>
      <c r="V1491" s="7">
        <v>109.67807301800001</v>
      </c>
      <c r="W1491" s="7">
        <v>98.260071543199999</v>
      </c>
      <c r="X1491" s="7">
        <v>94.989436671600004</v>
      </c>
      <c r="Y1491" s="7">
        <v>93.807886890999995</v>
      </c>
      <c r="Z1491" s="7">
        <v>83.653182343500006</v>
      </c>
      <c r="AA1491" s="7">
        <v>78.673960796700001</v>
      </c>
      <c r="AB1491" s="7">
        <v>74.848825197599993</v>
      </c>
      <c r="AC1491" s="7">
        <v>86.733617738500001</v>
      </c>
      <c r="AD1491" s="7">
        <v>84.183880842099995</v>
      </c>
      <c r="AE1491" s="7">
        <v>78.797562119999995</v>
      </c>
      <c r="AF1491" s="7">
        <v>79.686984842699999</v>
      </c>
      <c r="AG1491" s="9">
        <v>16864.308520999999</v>
      </c>
      <c r="AH1491" s="13">
        <v>0.56618751753100016</v>
      </c>
      <c r="AI1491" s="9">
        <v>3394.4240793999998</v>
      </c>
      <c r="AJ1491" s="13">
        <v>0.11396141979789724</v>
      </c>
      <c r="AK1491" s="9">
        <v>2509.8533867000006</v>
      </c>
      <c r="AL1491" s="13">
        <v>7.564321074083119E-2</v>
      </c>
      <c r="AM1491" s="9">
        <v>10960.031054899999</v>
      </c>
      <c r="AN1491" s="13">
        <v>0.30708962637006493</v>
      </c>
      <c r="AO1491" s="9">
        <v>13469.884441599999</v>
      </c>
      <c r="AP1491" s="13">
        <v>0.40596208243472998</v>
      </c>
      <c r="AQ1491" s="9">
        <v>29785.729990200001</v>
      </c>
      <c r="AR1491" s="9">
        <v>28456.3873503</v>
      </c>
      <c r="AS1491" s="9">
        <v>29464.3262607</v>
      </c>
      <c r="AT1491" s="9">
        <v>32665.1646592</v>
      </c>
      <c r="AU1491" s="9">
        <v>39525.616069900003</v>
      </c>
      <c r="AV1491" s="9">
        <v>30260.056691900001</v>
      </c>
      <c r="AW1491" s="9">
        <v>33180.154069600001</v>
      </c>
      <c r="AX1491" s="9">
        <v>35644.901141800001</v>
      </c>
      <c r="AY1491" s="9">
        <v>36374.984030899999</v>
      </c>
      <c r="AZ1491" s="9">
        <v>35690.007456300002</v>
      </c>
      <c r="BA1491" s="9">
        <v>39310.009530900003</v>
      </c>
      <c r="BB1491" s="9">
        <v>43322.644423799997</v>
      </c>
      <c r="BC1491" s="9">
        <v>43761.495115500002</v>
      </c>
      <c r="BD1491" s="9">
        <v>46051.2879808</v>
      </c>
      <c r="BE1491" s="9">
        <v>46117.358676299998</v>
      </c>
      <c r="BF1491" s="9">
        <v>46650.0385112</v>
      </c>
      <c r="BG1491" s="11">
        <v>-6</v>
      </c>
      <c r="BH1491" s="13">
        <v>-0.42857142857142855</v>
      </c>
      <c r="BI1491" s="6">
        <v>0</v>
      </c>
      <c r="BJ1491" s="13">
        <v>0</v>
      </c>
      <c r="BK1491" s="6">
        <v>-2</v>
      </c>
      <c r="BL1491" s="13">
        <v>-0.14285714285714285</v>
      </c>
      <c r="BM1491" s="11">
        <v>-4</v>
      </c>
      <c r="BN1491" s="13">
        <v>-0.33333333333333331</v>
      </c>
      <c r="BO1491" s="11">
        <v>-6</v>
      </c>
      <c r="BP1491" s="13">
        <v>-0.42857142857142855</v>
      </c>
      <c r="BQ1491" s="6">
        <v>14</v>
      </c>
      <c r="BR1491" s="6">
        <v>15</v>
      </c>
      <c r="BS1491" s="6">
        <v>13</v>
      </c>
      <c r="BT1491" s="6">
        <v>14</v>
      </c>
      <c r="BU1491" s="6">
        <v>12</v>
      </c>
      <c r="BV1491" s="6">
        <v>14</v>
      </c>
      <c r="BW1491" s="6">
        <v>12</v>
      </c>
      <c r="BX1491" s="6">
        <v>12</v>
      </c>
      <c r="BY1491" s="6">
        <v>12</v>
      </c>
      <c r="BZ1491" s="6">
        <v>11</v>
      </c>
      <c r="CA1491" s="6">
        <v>9</v>
      </c>
      <c r="CB1491" s="6">
        <v>8</v>
      </c>
      <c r="CC1491" s="11">
        <v>8</v>
      </c>
      <c r="CD1491" s="11">
        <v>12.1234</v>
      </c>
      <c r="CE1491" s="11">
        <v>-5.3764099999999999</v>
      </c>
      <c r="CF1491" s="11">
        <v>7.1875299999999998</v>
      </c>
      <c r="CG1491" s="11">
        <v>2</v>
      </c>
      <c r="CH1491" s="20">
        <v>0.49613400000000002</v>
      </c>
      <c r="CI1491" s="20">
        <v>0.58267199999999997</v>
      </c>
      <c r="CJ1491" s="20">
        <v>0.66806900000000002</v>
      </c>
      <c r="CK1491" s="20">
        <v>0.67335</v>
      </c>
      <c r="CL1491" s="20">
        <v>0.68938699999999997</v>
      </c>
      <c r="CM1491" s="20">
        <v>0.69184299999999999</v>
      </c>
      <c r="CN1491" s="20">
        <v>0.94761600000000001</v>
      </c>
      <c r="CO1491" s="20">
        <v>0.868143</v>
      </c>
      <c r="CP1491" s="20">
        <v>0.95216800000000001</v>
      </c>
      <c r="CQ1491" s="20">
        <v>1.0867</v>
      </c>
      <c r="CR1491" s="20">
        <v>0.96116800000000002</v>
      </c>
      <c r="CS1491" s="20">
        <v>0.89756599999999997</v>
      </c>
      <c r="CT1491" s="20">
        <v>0.82649700000000004</v>
      </c>
      <c r="CU1491" s="20">
        <v>0.92683199999999999</v>
      </c>
      <c r="CV1491" s="20">
        <v>0.86106199999999999</v>
      </c>
      <c r="CW1491" s="20">
        <v>0.81990300000000005</v>
      </c>
      <c r="CX1491" s="20">
        <v>0.82597399999999999</v>
      </c>
      <c r="CY1491" s="6" t="s">
        <v>610</v>
      </c>
      <c r="CZ1491" s="6" t="s">
        <v>611</v>
      </c>
      <c r="DA1491" s="6" t="s">
        <v>68</v>
      </c>
      <c r="DB1491" s="6"/>
      <c r="DC1491" s="6"/>
      <c r="DD1491" s="6"/>
      <c r="DE1491" s="6"/>
      <c r="DF1491" s="6"/>
      <c r="DG1491" s="6"/>
      <c r="DH1491" s="6" t="s">
        <v>333</v>
      </c>
      <c r="DI1491" s="6"/>
      <c r="DJ1491" s="6"/>
      <c r="DK1491" s="6"/>
      <c r="DL1491" s="6">
        <v>9</v>
      </c>
      <c r="DM1491" s="6" t="s">
        <v>440</v>
      </c>
      <c r="DN1491" s="6">
        <v>9</v>
      </c>
      <c r="DO1491" s="6" t="s">
        <v>384</v>
      </c>
      <c r="DP1491" s="6"/>
      <c r="DQ1491" s="6"/>
    </row>
    <row r="1492" spans="1:121" x14ac:dyDescent="0.2">
      <c r="A1492" s="6" t="s">
        <v>793</v>
      </c>
      <c r="B1492" s="6" t="s">
        <v>179</v>
      </c>
      <c r="C1492" s="6" t="s">
        <v>180</v>
      </c>
      <c r="D1492" s="6" t="s">
        <v>68</v>
      </c>
      <c r="E1492" s="6" t="s">
        <v>209</v>
      </c>
      <c r="F1492" s="11">
        <v>-85</v>
      </c>
      <c r="G1492" s="13">
        <v>-0.34</v>
      </c>
      <c r="H1492" s="11">
        <v>-22</v>
      </c>
      <c r="I1492" s="13">
        <v>-8.7301587301587297E-2</v>
      </c>
      <c r="J1492" s="11">
        <v>-10</v>
      </c>
      <c r="K1492" s="13">
        <v>-4.3478260869565216E-2</v>
      </c>
      <c r="L1492" s="11">
        <v>-53</v>
      </c>
      <c r="M1492" s="13">
        <v>-0.24090909090909093</v>
      </c>
      <c r="N1492" s="11">
        <v>-63</v>
      </c>
      <c r="O1492" s="13">
        <v>-0.27391304347826084</v>
      </c>
      <c r="P1492" s="7">
        <v>252</v>
      </c>
      <c r="Q1492" s="7">
        <v>252</v>
      </c>
      <c r="R1492" s="7">
        <v>225</v>
      </c>
      <c r="S1492" s="7">
        <v>213</v>
      </c>
      <c r="T1492" s="7">
        <v>215</v>
      </c>
      <c r="U1492" s="7">
        <v>237</v>
      </c>
      <c r="V1492" s="7">
        <v>230</v>
      </c>
      <c r="W1492" s="7">
        <v>239</v>
      </c>
      <c r="X1492" s="7">
        <v>226</v>
      </c>
      <c r="Y1492" s="7">
        <v>220</v>
      </c>
      <c r="Z1492" s="7">
        <v>244</v>
      </c>
      <c r="AA1492" s="7">
        <v>256</v>
      </c>
      <c r="AB1492" s="7">
        <v>191</v>
      </c>
      <c r="AC1492" s="7">
        <v>184</v>
      </c>
      <c r="AD1492" s="7">
        <v>175</v>
      </c>
      <c r="AE1492" s="7">
        <v>175</v>
      </c>
      <c r="AF1492" s="7">
        <v>167</v>
      </c>
      <c r="AG1492" s="9">
        <v>2743</v>
      </c>
      <c r="AH1492" s="13">
        <v>0.15795232062651157</v>
      </c>
      <c r="AI1492" s="9">
        <v>10</v>
      </c>
      <c r="AJ1492" s="13">
        <v>5.7583784406311188E-4</v>
      </c>
      <c r="AK1492" s="9">
        <v>474</v>
      </c>
      <c r="AL1492" s="13">
        <v>2.7279005524861882E-2</v>
      </c>
      <c r="AM1492" s="9">
        <v>2259</v>
      </c>
      <c r="AN1492" s="13">
        <v>0.1265546218487395</v>
      </c>
      <c r="AO1492" s="9">
        <v>2733</v>
      </c>
      <c r="AP1492" s="13">
        <v>0.15728591160220995</v>
      </c>
      <c r="AQ1492" s="9">
        <v>17366</v>
      </c>
      <c r="AR1492" s="9">
        <v>17451</v>
      </c>
      <c r="AS1492" s="9">
        <v>17679</v>
      </c>
      <c r="AT1492" s="9">
        <v>17161</v>
      </c>
      <c r="AU1492" s="9">
        <v>18178</v>
      </c>
      <c r="AV1492" s="9">
        <v>16776</v>
      </c>
      <c r="AW1492" s="9">
        <v>17376</v>
      </c>
      <c r="AX1492" s="9">
        <v>16907</v>
      </c>
      <c r="AY1492" s="9">
        <v>17696</v>
      </c>
      <c r="AZ1492" s="9">
        <v>17850</v>
      </c>
      <c r="BA1492" s="9">
        <v>17585</v>
      </c>
      <c r="BB1492" s="9">
        <v>17569</v>
      </c>
      <c r="BC1492" s="9">
        <v>18497</v>
      </c>
      <c r="BD1492" s="9">
        <v>18790</v>
      </c>
      <c r="BE1492" s="9">
        <v>19136</v>
      </c>
      <c r="BF1492" s="9">
        <v>20109</v>
      </c>
      <c r="BG1492" s="11">
        <v>-13</v>
      </c>
      <c r="BH1492" s="13">
        <v>-0.40625</v>
      </c>
      <c r="BI1492" s="6">
        <v>0</v>
      </c>
      <c r="BJ1492" s="13">
        <v>0</v>
      </c>
      <c r="BK1492" s="6">
        <v>-6</v>
      </c>
      <c r="BL1492" s="13">
        <v>-0.1875</v>
      </c>
      <c r="BM1492" s="11">
        <v>-7</v>
      </c>
      <c r="BN1492" s="13">
        <v>-0.26923076923076922</v>
      </c>
      <c r="BO1492" s="11">
        <v>-13</v>
      </c>
      <c r="BP1492" s="13">
        <v>-0.40625</v>
      </c>
      <c r="BQ1492" s="6">
        <v>32</v>
      </c>
      <c r="BR1492" s="6">
        <v>33</v>
      </c>
      <c r="BS1492" s="6">
        <v>31</v>
      </c>
      <c r="BT1492" s="6">
        <v>32</v>
      </c>
      <c r="BU1492" s="6">
        <v>30</v>
      </c>
      <c r="BV1492" s="6">
        <v>29</v>
      </c>
      <c r="BW1492" s="6">
        <v>26</v>
      </c>
      <c r="BX1492" s="6">
        <v>25</v>
      </c>
      <c r="BY1492" s="6">
        <v>24</v>
      </c>
      <c r="BZ1492" s="6">
        <v>21</v>
      </c>
      <c r="CA1492" s="6">
        <v>22</v>
      </c>
      <c r="CB1492" s="6">
        <v>19</v>
      </c>
      <c r="CC1492" s="11">
        <v>19</v>
      </c>
      <c r="CD1492" s="11">
        <v>-96</v>
      </c>
      <c r="CE1492" s="11">
        <v>-16</v>
      </c>
      <c r="CF1492" s="11">
        <v>28</v>
      </c>
      <c r="CG1492" s="11">
        <v>12</v>
      </c>
      <c r="CH1492" s="20">
        <v>0.71</v>
      </c>
      <c r="CI1492" s="20">
        <v>0.75</v>
      </c>
      <c r="CJ1492" s="20">
        <v>0.69</v>
      </c>
      <c r="CK1492" s="20">
        <v>0.63</v>
      </c>
      <c r="CL1492" s="20">
        <v>0.65</v>
      </c>
      <c r="CM1492" s="20">
        <v>0.76</v>
      </c>
      <c r="CN1492" s="20">
        <v>0.75</v>
      </c>
      <c r="CO1492" s="20">
        <v>0.81</v>
      </c>
      <c r="CP1492" s="20">
        <v>0.85</v>
      </c>
      <c r="CQ1492" s="20">
        <v>0.95</v>
      </c>
      <c r="CR1492" s="20">
        <v>1.05</v>
      </c>
      <c r="CS1492" s="20">
        <v>1.1000000000000001</v>
      </c>
      <c r="CT1492" s="20">
        <v>0.79</v>
      </c>
      <c r="CU1492" s="20">
        <v>0.73</v>
      </c>
      <c r="CV1492" s="20">
        <v>0.66</v>
      </c>
      <c r="CW1492" s="20">
        <v>0.66</v>
      </c>
      <c r="CX1492" s="20">
        <v>0.63</v>
      </c>
      <c r="CY1492" s="6" t="s">
        <v>610</v>
      </c>
      <c r="CZ1492" s="6" t="s">
        <v>611</v>
      </c>
      <c r="DA1492" s="6" t="s">
        <v>68</v>
      </c>
      <c r="DB1492" s="6"/>
      <c r="DC1492" s="6"/>
      <c r="DD1492" s="6"/>
      <c r="DE1492" s="6"/>
      <c r="DF1492" s="6"/>
      <c r="DG1492" s="6"/>
      <c r="DH1492" s="6" t="s">
        <v>333</v>
      </c>
      <c r="DI1492" s="6"/>
      <c r="DJ1492" s="6"/>
      <c r="DK1492" s="6"/>
      <c r="DL1492" s="6">
        <v>9</v>
      </c>
      <c r="DM1492" s="6" t="s">
        <v>440</v>
      </c>
      <c r="DN1492" s="6">
        <v>9</v>
      </c>
      <c r="DO1492" s="6" t="s">
        <v>384</v>
      </c>
      <c r="DP1492" s="6"/>
      <c r="DQ1492" s="6"/>
    </row>
    <row r="1493" spans="1:121" x14ac:dyDescent="0.2">
      <c r="A1493" s="6" t="s">
        <v>794</v>
      </c>
      <c r="B1493" s="6" t="s">
        <v>181</v>
      </c>
      <c r="C1493" s="6" t="s">
        <v>182</v>
      </c>
      <c r="D1493" s="6" t="s">
        <v>68</v>
      </c>
      <c r="E1493" s="6" t="s">
        <v>209</v>
      </c>
      <c r="F1493" s="11">
        <v>37</v>
      </c>
      <c r="G1493" s="13">
        <v>0.44047619047600001</v>
      </c>
      <c r="H1493" s="11">
        <v>24.144143065799994</v>
      </c>
      <c r="I1493" s="13">
        <v>0.28842466428265606</v>
      </c>
      <c r="J1493" s="11">
        <v>-10.931477645499996</v>
      </c>
      <c r="K1493" s="13">
        <v>-0.10135389450471068</v>
      </c>
      <c r="L1493" s="11">
        <v>24.212749576500002</v>
      </c>
      <c r="M1493" s="13">
        <v>0.24981412107984963</v>
      </c>
      <c r="N1493" s="11">
        <v>13.281271931000006</v>
      </c>
      <c r="O1493" s="13">
        <v>0.12314059250142484</v>
      </c>
      <c r="P1493" s="7">
        <v>83.710396702200001</v>
      </c>
      <c r="Q1493" s="7">
        <v>86.937618194400002</v>
      </c>
      <c r="R1493" s="7">
        <v>84.394240114300004</v>
      </c>
      <c r="S1493" s="7">
        <v>99.193198758299999</v>
      </c>
      <c r="T1493" s="7">
        <v>115.218511115</v>
      </c>
      <c r="U1493" s="7">
        <v>108.944995526</v>
      </c>
      <c r="V1493" s="7">
        <v>107.854539768</v>
      </c>
      <c r="W1493" s="7">
        <v>103.24313780599999</v>
      </c>
      <c r="X1493" s="7">
        <v>110.098958692</v>
      </c>
      <c r="Y1493" s="7">
        <v>96.923062122499999</v>
      </c>
      <c r="Z1493" s="7">
        <v>94.919835560699994</v>
      </c>
      <c r="AA1493" s="7">
        <v>93.767131694300005</v>
      </c>
      <c r="AB1493" s="7">
        <v>102.513169723</v>
      </c>
      <c r="AC1493" s="7">
        <v>154.41839346200001</v>
      </c>
      <c r="AD1493" s="7">
        <v>156.84673853300001</v>
      </c>
      <c r="AE1493" s="7">
        <v>112.584758686</v>
      </c>
      <c r="AF1493" s="7">
        <v>121.135811699</v>
      </c>
      <c r="AG1493" s="9">
        <v>17660.406894</v>
      </c>
      <c r="AH1493" s="13">
        <v>0.46828440359906726</v>
      </c>
      <c r="AI1493" s="9">
        <v>6961.3517726999999</v>
      </c>
      <c r="AJ1493" s="13">
        <v>0.18458761922578665</v>
      </c>
      <c r="AK1493" s="9">
        <v>2296.1925859999974</v>
      </c>
      <c r="AL1493" s="13">
        <v>5.1398460286255047E-2</v>
      </c>
      <c r="AM1493" s="9">
        <v>8402.8625353000025</v>
      </c>
      <c r="AN1493" s="13">
        <v>0.17889644940098634</v>
      </c>
      <c r="AO1493" s="9">
        <v>10699.0551213</v>
      </c>
      <c r="AP1493" s="13">
        <v>0.23948991173713</v>
      </c>
      <c r="AQ1493" s="9">
        <v>37712.993980300002</v>
      </c>
      <c r="AR1493" s="9">
        <v>37020.442450800001</v>
      </c>
      <c r="AS1493" s="9">
        <v>39786.4264434</v>
      </c>
      <c r="AT1493" s="9">
        <v>40117.302972199999</v>
      </c>
      <c r="AU1493" s="9">
        <v>39682.363667999998</v>
      </c>
      <c r="AV1493" s="9">
        <v>40957.0482433</v>
      </c>
      <c r="AW1493" s="9">
        <v>44674.345753000001</v>
      </c>
      <c r="AX1493" s="9">
        <v>44450.141560099997</v>
      </c>
      <c r="AY1493" s="9">
        <v>43710.8234849</v>
      </c>
      <c r="AZ1493" s="9">
        <v>46970.538338999999</v>
      </c>
      <c r="BA1493" s="9">
        <v>51550.269600400003</v>
      </c>
      <c r="BB1493" s="9">
        <v>57195.1737106</v>
      </c>
      <c r="BC1493" s="9">
        <v>52481.817674899998</v>
      </c>
      <c r="BD1493" s="9">
        <v>61946.8225934</v>
      </c>
      <c r="BE1493" s="9">
        <v>62723.070899999999</v>
      </c>
      <c r="BF1493" s="9">
        <v>55373.400874300001</v>
      </c>
      <c r="BG1493" s="11">
        <v>1.5</v>
      </c>
      <c r="BH1493" s="13">
        <v>0.15</v>
      </c>
      <c r="BI1493" s="6">
        <v>-1</v>
      </c>
      <c r="BJ1493" s="13">
        <v>-0.1</v>
      </c>
      <c r="BK1493" s="6">
        <v>-1</v>
      </c>
      <c r="BL1493" s="13">
        <v>-0.1111111111111111</v>
      </c>
      <c r="BM1493" s="11">
        <v>3.5</v>
      </c>
      <c r="BN1493" s="13">
        <v>0.4375</v>
      </c>
      <c r="BO1493" s="11">
        <v>2.5</v>
      </c>
      <c r="BP1493" s="13">
        <v>0.27777777777777779</v>
      </c>
      <c r="BQ1493" s="6">
        <v>10</v>
      </c>
      <c r="BR1493" s="6">
        <v>12</v>
      </c>
      <c r="BS1493" s="6">
        <v>10</v>
      </c>
      <c r="BT1493" s="6">
        <v>9</v>
      </c>
      <c r="BU1493" s="6">
        <v>10</v>
      </c>
      <c r="BV1493" s="6">
        <v>10</v>
      </c>
      <c r="BW1493" s="6">
        <v>8</v>
      </c>
      <c r="BX1493" s="6">
        <v>7</v>
      </c>
      <c r="BY1493" s="6">
        <v>8</v>
      </c>
      <c r="BZ1493" s="6">
        <v>9</v>
      </c>
      <c r="CA1493" s="6">
        <v>11</v>
      </c>
      <c r="CB1493" s="6">
        <v>14</v>
      </c>
      <c r="CC1493" s="11">
        <v>11.5</v>
      </c>
      <c r="CD1493" s="11">
        <v>22.9986</v>
      </c>
      <c r="CE1493" s="11">
        <v>5.2763</v>
      </c>
      <c r="CF1493" s="11">
        <v>9.1505500000000008</v>
      </c>
      <c r="CG1493" s="11">
        <v>14</v>
      </c>
      <c r="CH1493" s="20">
        <v>0.79791800000000002</v>
      </c>
      <c r="CI1493" s="20">
        <v>0.89579299999999995</v>
      </c>
      <c r="CJ1493" s="20">
        <v>0.89230799999999999</v>
      </c>
      <c r="CK1493" s="20">
        <v>1.0008600000000001</v>
      </c>
      <c r="CL1493" s="20">
        <v>1.18665</v>
      </c>
      <c r="CM1493" s="20">
        <v>1.1606000000000001</v>
      </c>
      <c r="CN1493" s="20">
        <v>1.16527</v>
      </c>
      <c r="CO1493" s="20">
        <v>1.1407700000000001</v>
      </c>
      <c r="CP1493" s="20">
        <v>1.37618</v>
      </c>
      <c r="CQ1493" s="20">
        <v>1.3916299999999999</v>
      </c>
      <c r="CR1493" s="20">
        <v>1.3342400000000001</v>
      </c>
      <c r="CS1493" s="20">
        <v>1.3036099999999999</v>
      </c>
      <c r="CT1493" s="20">
        <v>1.3711500000000001</v>
      </c>
      <c r="CU1493" s="20">
        <v>1.9542200000000001</v>
      </c>
      <c r="CV1493" s="20">
        <v>1.8349</v>
      </c>
      <c r="CW1493" s="20">
        <v>1.3056099999999999</v>
      </c>
      <c r="CX1493" s="20">
        <v>1.3902399999999999</v>
      </c>
      <c r="CY1493" s="6" t="s">
        <v>610</v>
      </c>
      <c r="CZ1493" s="6" t="s">
        <v>611</v>
      </c>
      <c r="DA1493" s="6" t="s">
        <v>68</v>
      </c>
      <c r="DB1493" s="6"/>
      <c r="DC1493" s="6"/>
      <c r="DD1493" s="6"/>
      <c r="DE1493" s="6"/>
      <c r="DF1493" s="6"/>
      <c r="DG1493" s="6"/>
      <c r="DH1493" s="6" t="s">
        <v>333</v>
      </c>
      <c r="DI1493" s="6"/>
      <c r="DJ1493" s="6"/>
      <c r="DK1493" s="6"/>
      <c r="DL1493" s="6">
        <v>9</v>
      </c>
      <c r="DM1493" s="6" t="s">
        <v>440</v>
      </c>
      <c r="DN1493" s="6">
        <v>9</v>
      </c>
      <c r="DO1493" s="6" t="s">
        <v>384</v>
      </c>
      <c r="DP1493" s="6"/>
      <c r="DQ1493" s="6"/>
    </row>
    <row r="1494" spans="1:121" x14ac:dyDescent="0.2">
      <c r="A1494" s="6" t="s">
        <v>314</v>
      </c>
      <c r="B1494" s="6" t="s">
        <v>314</v>
      </c>
      <c r="C1494" s="6" t="s">
        <v>183</v>
      </c>
      <c r="D1494" s="6" t="s">
        <v>68</v>
      </c>
      <c r="E1494" s="6" t="s">
        <v>209</v>
      </c>
      <c r="F1494" s="11">
        <v>1</v>
      </c>
      <c r="G1494" s="13">
        <v>1</v>
      </c>
      <c r="H1494" s="11">
        <v>-24.709059774700002</v>
      </c>
      <c r="I1494" s="13">
        <v>-0.37472660580702322</v>
      </c>
      <c r="J1494" s="11">
        <v>-16.755184609900002</v>
      </c>
      <c r="K1494" s="13">
        <v>-0.40638491360086904</v>
      </c>
      <c r="L1494" s="11">
        <v>-19.474654513400001</v>
      </c>
      <c r="M1494" s="13">
        <v>-0.79570702429068108</v>
      </c>
      <c r="N1494" s="11">
        <v>-36.229839123300003</v>
      </c>
      <c r="O1494" s="13">
        <v>-0.87872860757357707</v>
      </c>
      <c r="P1494" s="7">
        <v>65.938898898000005</v>
      </c>
      <c r="Q1494" s="7">
        <v>81.323112908499994</v>
      </c>
      <c r="R1494" s="7">
        <v>78.645425718499993</v>
      </c>
      <c r="S1494" s="7">
        <v>80.619132489999998</v>
      </c>
      <c r="T1494" s="7">
        <v>82.606742628600003</v>
      </c>
      <c r="U1494" s="7">
        <v>92.091947384299999</v>
      </c>
      <c r="V1494" s="7">
        <v>41.229839123300003</v>
      </c>
      <c r="W1494" s="7">
        <v>28.035040153000001</v>
      </c>
      <c r="X1494" s="7">
        <v>24.498470400199999</v>
      </c>
      <c r="Y1494" s="7">
        <v>24.474654513400001</v>
      </c>
      <c r="Z1494" s="7">
        <v>20.075772000000001</v>
      </c>
      <c r="AA1494" s="7">
        <v>18.021068</v>
      </c>
      <c r="AB1494" s="7">
        <v>11.177448</v>
      </c>
      <c r="AC1494" s="7">
        <v>5</v>
      </c>
      <c r="AD1494" s="7">
        <v>5</v>
      </c>
      <c r="AE1494" s="7">
        <v>5</v>
      </c>
      <c r="AF1494" s="7">
        <v>5</v>
      </c>
      <c r="AG1494" s="9">
        <v>-31979.373136099999</v>
      </c>
      <c r="AH1494" s="13">
        <v>-0.99996873082137772</v>
      </c>
      <c r="AI1494" s="9">
        <v>21892.063365899998</v>
      </c>
      <c r="AJ1494" s="13">
        <v>0.68454683979868447</v>
      </c>
      <c r="AK1494" s="9">
        <v>-19422.691954099995</v>
      </c>
      <c r="AL1494" s="13">
        <v>-0.36053115870077518</v>
      </c>
      <c r="AM1494" s="9">
        <v>-34448.744547900002</v>
      </c>
      <c r="AN1494" s="13">
        <v>-0.99997097220855691</v>
      </c>
      <c r="AO1494" s="9">
        <v>-53871.436501999997</v>
      </c>
      <c r="AP1494" s="13">
        <v>-0.99998143763184044</v>
      </c>
      <c r="AQ1494" s="9">
        <v>31980.373136099999</v>
      </c>
      <c r="AR1494" s="9">
        <v>37361.577503200002</v>
      </c>
      <c r="AS1494" s="9">
        <v>40862.814370799999</v>
      </c>
      <c r="AT1494" s="9">
        <v>42131.3318077</v>
      </c>
      <c r="AU1494" s="9">
        <v>45657.092717899999</v>
      </c>
      <c r="AV1494" s="9">
        <v>45511.188111299998</v>
      </c>
      <c r="AW1494" s="9">
        <v>53872.436501999997</v>
      </c>
      <c r="AX1494" s="9">
        <v>28073.104700600001</v>
      </c>
      <c r="AY1494" s="9">
        <v>34663.261846100002</v>
      </c>
      <c r="AZ1494" s="9">
        <v>34449.744547900002</v>
      </c>
      <c r="BA1494" s="9">
        <v>34241.859997799998</v>
      </c>
      <c r="BB1494" s="9">
        <v>36305.9580174</v>
      </c>
      <c r="BC1494" s="9">
        <v>47856.535611300002</v>
      </c>
      <c r="BD1494" s="9">
        <v>1</v>
      </c>
      <c r="BE1494" s="9">
        <v>1</v>
      </c>
      <c r="BF1494" s="9">
        <v>1</v>
      </c>
      <c r="BG1494" s="11">
        <v>-3</v>
      </c>
      <c r="BH1494" s="13">
        <v>-0.42857142857142855</v>
      </c>
      <c r="BI1494" s="6">
        <v>0</v>
      </c>
      <c r="BJ1494" s="13">
        <v>0</v>
      </c>
      <c r="BK1494" s="6">
        <v>0</v>
      </c>
      <c r="BL1494" s="13">
        <v>0</v>
      </c>
      <c r="BM1494" s="11">
        <v>-3</v>
      </c>
      <c r="BN1494" s="13">
        <v>-0.42857142857142855</v>
      </c>
      <c r="BO1494" s="11">
        <v>-3</v>
      </c>
      <c r="BP1494" s="13">
        <v>-0.42857142857142855</v>
      </c>
      <c r="BQ1494" s="6">
        <v>7</v>
      </c>
      <c r="BR1494" s="6">
        <v>7</v>
      </c>
      <c r="BS1494" s="6">
        <v>8</v>
      </c>
      <c r="BT1494" s="6">
        <v>7</v>
      </c>
      <c r="BU1494" s="6">
        <v>7</v>
      </c>
      <c r="BV1494" s="6">
        <v>7</v>
      </c>
      <c r="BW1494" s="6">
        <v>7</v>
      </c>
      <c r="BX1494" s="6">
        <v>7</v>
      </c>
      <c r="BY1494" s="6">
        <v>7</v>
      </c>
      <c r="BZ1494" s="6">
        <v>7</v>
      </c>
      <c r="CA1494" s="6">
        <v>4</v>
      </c>
      <c r="CB1494" s="6">
        <v>5</v>
      </c>
      <c r="CC1494" s="11">
        <v>4</v>
      </c>
      <c r="CD1494" s="11">
        <v>-44.918700000000001</v>
      </c>
      <c r="CE1494" s="11">
        <v>-20.1965</v>
      </c>
      <c r="CF1494" s="11">
        <v>7.2079199999999997</v>
      </c>
      <c r="CG1494" s="11">
        <v>-13</v>
      </c>
      <c r="CH1494" s="20">
        <v>0.79814300000000005</v>
      </c>
      <c r="CI1494" s="20">
        <v>1.0941000000000001</v>
      </c>
      <c r="CJ1494" s="20">
        <v>1.13367</v>
      </c>
      <c r="CK1494" s="20">
        <v>1.15594</v>
      </c>
      <c r="CL1494" s="20">
        <v>1.25482</v>
      </c>
      <c r="CM1494" s="20">
        <v>1.49011</v>
      </c>
      <c r="CN1494" s="20">
        <v>0.69207300000000005</v>
      </c>
      <c r="CO1494" s="20">
        <v>0.485456</v>
      </c>
      <c r="CP1494" s="20">
        <v>0.47761900000000002</v>
      </c>
      <c r="CQ1494" s="20">
        <v>0.56220700000000001</v>
      </c>
      <c r="CR1494" s="20">
        <v>0.46827800000000003</v>
      </c>
      <c r="CS1494" s="20">
        <v>0.42414800000000003</v>
      </c>
      <c r="CT1494" s="20">
        <v>0.25572299999999998</v>
      </c>
      <c r="CU1494" s="20">
        <v>0.17845800000000001</v>
      </c>
      <c r="CV1494" s="20">
        <v>0.20860500000000001</v>
      </c>
      <c r="CW1494" s="20">
        <v>0.19234499999999999</v>
      </c>
      <c r="CX1494" s="20">
        <v>0.17088600000000001</v>
      </c>
      <c r="CY1494" s="6" t="s">
        <v>610</v>
      </c>
      <c r="CZ1494" s="6" t="s">
        <v>611</v>
      </c>
      <c r="DA1494" s="6" t="s">
        <v>68</v>
      </c>
      <c r="DB1494" s="6"/>
      <c r="DC1494" s="6"/>
      <c r="DD1494" s="6"/>
      <c r="DE1494" s="6"/>
      <c r="DF1494" s="6"/>
      <c r="DG1494" s="6"/>
      <c r="DH1494" s="6" t="s">
        <v>333</v>
      </c>
      <c r="DI1494" s="6"/>
      <c r="DJ1494" s="6"/>
      <c r="DK1494" s="6"/>
      <c r="DL1494" s="6">
        <v>9</v>
      </c>
      <c r="DM1494" s="6" t="s">
        <v>440</v>
      </c>
      <c r="DN1494" s="6">
        <v>9</v>
      </c>
      <c r="DO1494" s="6" t="s">
        <v>384</v>
      </c>
      <c r="DP1494" s="6"/>
      <c r="DQ1494" s="6"/>
    </row>
    <row r="1495" spans="1:121" x14ac:dyDescent="0.2">
      <c r="A1495" s="6" t="s">
        <v>315</v>
      </c>
      <c r="B1495" s="6" t="s">
        <v>315</v>
      </c>
      <c r="C1495" s="6" t="s">
        <v>184</v>
      </c>
      <c r="D1495" s="6" t="s">
        <v>68</v>
      </c>
      <c r="E1495" s="6" t="s">
        <v>209</v>
      </c>
      <c r="F1495" s="11">
        <v>28</v>
      </c>
      <c r="G1495" s="13">
        <v>0.34</v>
      </c>
      <c r="H1495" s="11">
        <v>-14</v>
      </c>
      <c r="I1495" s="13">
        <v>-0.17073170731707318</v>
      </c>
      <c r="J1495" s="11">
        <v>23</v>
      </c>
      <c r="K1495" s="13">
        <v>0.33823529411764708</v>
      </c>
      <c r="L1495" s="11">
        <v>19</v>
      </c>
      <c r="M1495" s="13">
        <v>0.2087912087912088</v>
      </c>
      <c r="N1495" s="11">
        <v>42</v>
      </c>
      <c r="O1495" s="13">
        <v>0.61764705882352944</v>
      </c>
      <c r="P1495" s="7">
        <v>82</v>
      </c>
      <c r="Q1495" s="7">
        <v>46</v>
      </c>
      <c r="R1495" s="7">
        <v>64</v>
      </c>
      <c r="S1495" s="7">
        <v>64</v>
      </c>
      <c r="T1495" s="7">
        <v>81</v>
      </c>
      <c r="U1495" s="7">
        <v>69</v>
      </c>
      <c r="V1495" s="7">
        <v>68</v>
      </c>
      <c r="W1495" s="7">
        <v>77</v>
      </c>
      <c r="X1495" s="7">
        <v>91</v>
      </c>
      <c r="Y1495" s="7">
        <v>91</v>
      </c>
      <c r="Z1495" s="7">
        <v>97</v>
      </c>
      <c r="AA1495" s="7">
        <v>87</v>
      </c>
      <c r="AB1495" s="7">
        <v>84</v>
      </c>
      <c r="AC1495" s="7">
        <v>99</v>
      </c>
      <c r="AD1495" s="7">
        <v>104</v>
      </c>
      <c r="AE1495" s="7">
        <v>105</v>
      </c>
      <c r="AF1495" s="7">
        <v>110</v>
      </c>
      <c r="AG1495" s="9">
        <v>41573</v>
      </c>
      <c r="AH1495" s="13">
        <v>1.3249513975204767</v>
      </c>
      <c r="AI1495" s="9">
        <v>5746</v>
      </c>
      <c r="AJ1495" s="13">
        <v>0.18312776874780887</v>
      </c>
      <c r="AK1495" s="9">
        <v>12609</v>
      </c>
      <c r="AL1495" s="13">
        <v>0.33965466153058749</v>
      </c>
      <c r="AM1495" s="9">
        <v>23218</v>
      </c>
      <c r="AN1495" s="13">
        <v>0.46686238236950051</v>
      </c>
      <c r="AO1495" s="9">
        <v>35827</v>
      </c>
      <c r="AP1495" s="13">
        <v>0.96508902836516453</v>
      </c>
      <c r="AQ1495" s="9">
        <v>31377</v>
      </c>
      <c r="AR1495" s="9">
        <v>32446</v>
      </c>
      <c r="AS1495" s="9">
        <v>31912</v>
      </c>
      <c r="AT1495" s="9">
        <v>31800</v>
      </c>
      <c r="AU1495" s="9">
        <v>35889</v>
      </c>
      <c r="AV1495" s="9">
        <v>36403</v>
      </c>
      <c r="AW1495" s="9">
        <v>37123</v>
      </c>
      <c r="AX1495" s="9">
        <v>35565</v>
      </c>
      <c r="AY1495" s="9">
        <v>48197</v>
      </c>
      <c r="AZ1495" s="9">
        <v>49732</v>
      </c>
      <c r="BA1495" s="9">
        <v>48366</v>
      </c>
      <c r="BB1495" s="9">
        <v>52679</v>
      </c>
      <c r="BC1495" s="9">
        <v>62360</v>
      </c>
      <c r="BD1495" s="9">
        <v>62819</v>
      </c>
      <c r="BE1495" s="9">
        <v>69053</v>
      </c>
      <c r="BF1495" s="9">
        <v>72950</v>
      </c>
      <c r="BG1495" s="11">
        <v>6</v>
      </c>
      <c r="BH1495" s="13">
        <v>0.6</v>
      </c>
      <c r="BI1495" s="6">
        <v>3</v>
      </c>
      <c r="BJ1495" s="13">
        <v>0.3</v>
      </c>
      <c r="BK1495" s="6">
        <v>1</v>
      </c>
      <c r="BL1495" s="13">
        <v>7.6923076923076927E-2</v>
      </c>
      <c r="BM1495" s="11">
        <v>2</v>
      </c>
      <c r="BN1495" s="13">
        <v>0.14285714285714285</v>
      </c>
      <c r="BO1495" s="11">
        <v>3</v>
      </c>
      <c r="BP1495" s="13">
        <v>0.23076923076923078</v>
      </c>
      <c r="BQ1495" s="6">
        <v>10</v>
      </c>
      <c r="BR1495" s="6">
        <v>15</v>
      </c>
      <c r="BS1495" s="6">
        <v>14</v>
      </c>
      <c r="BT1495" s="6">
        <v>13</v>
      </c>
      <c r="BU1495" s="6">
        <v>12</v>
      </c>
      <c r="BV1495" s="6">
        <v>14</v>
      </c>
      <c r="BW1495" s="6">
        <v>14</v>
      </c>
      <c r="BX1495" s="6">
        <v>14</v>
      </c>
      <c r="BY1495" s="6">
        <v>13</v>
      </c>
      <c r="BZ1495" s="6">
        <v>14</v>
      </c>
      <c r="CA1495" s="6">
        <v>15</v>
      </c>
      <c r="CB1495" s="6">
        <v>16</v>
      </c>
      <c r="CC1495" s="11">
        <v>16</v>
      </c>
      <c r="CD1495" s="11">
        <v>26</v>
      </c>
      <c r="CE1495" s="11">
        <v>-7</v>
      </c>
      <c r="CF1495" s="11">
        <v>9</v>
      </c>
      <c r="CG1495" s="11">
        <v>2</v>
      </c>
      <c r="CH1495" s="20">
        <v>0.61</v>
      </c>
      <c r="CI1495" s="20">
        <v>0.36</v>
      </c>
      <c r="CJ1495" s="20">
        <v>0.5</v>
      </c>
      <c r="CK1495" s="20">
        <v>0.49</v>
      </c>
      <c r="CL1495" s="20">
        <v>0.63</v>
      </c>
      <c r="CM1495" s="20">
        <v>0.56000000000000005</v>
      </c>
      <c r="CN1495" s="20">
        <v>0.56999999999999995</v>
      </c>
      <c r="CO1495" s="20">
        <v>0.68</v>
      </c>
      <c r="CP1495" s="20">
        <v>0.88</v>
      </c>
      <c r="CQ1495" s="20">
        <v>1.02</v>
      </c>
      <c r="CR1495" s="20">
        <v>1.08</v>
      </c>
      <c r="CS1495" s="20">
        <v>0.98</v>
      </c>
      <c r="CT1495" s="20">
        <v>0.92</v>
      </c>
      <c r="CU1495" s="20">
        <v>1.06</v>
      </c>
      <c r="CV1495" s="20">
        <v>1.06</v>
      </c>
      <c r="CW1495" s="20">
        <v>1.07</v>
      </c>
      <c r="CX1495" s="20">
        <v>1.1200000000000001</v>
      </c>
      <c r="CY1495" s="6" t="s">
        <v>610</v>
      </c>
      <c r="CZ1495" s="6" t="s">
        <v>611</v>
      </c>
      <c r="DA1495" s="6" t="s">
        <v>68</v>
      </c>
      <c r="DB1495" s="6"/>
      <c r="DC1495" s="6"/>
      <c r="DD1495" s="6"/>
      <c r="DE1495" s="6"/>
      <c r="DF1495" s="6"/>
      <c r="DG1495" s="6"/>
      <c r="DH1495" s="6" t="s">
        <v>333</v>
      </c>
      <c r="DI1495" s="6"/>
      <c r="DJ1495" s="6"/>
      <c r="DK1495" s="6"/>
      <c r="DL1495" s="6">
        <v>9</v>
      </c>
      <c r="DM1495" s="6" t="s">
        <v>440</v>
      </c>
      <c r="DN1495" s="6">
        <v>9</v>
      </c>
      <c r="DO1495" s="6" t="s">
        <v>384</v>
      </c>
      <c r="DP1495" s="6"/>
      <c r="DQ1495" s="6"/>
    </row>
    <row r="1496" spans="1:121" x14ac:dyDescent="0.2">
      <c r="A1496" s="6" t="s">
        <v>316</v>
      </c>
      <c r="B1496" s="6" t="s">
        <v>316</v>
      </c>
      <c r="C1496" s="6" t="s">
        <v>185</v>
      </c>
      <c r="D1496" s="6" t="s">
        <v>68</v>
      </c>
      <c r="E1496" s="6" t="s">
        <v>209</v>
      </c>
      <c r="F1496" s="11">
        <v>-5</v>
      </c>
      <c r="G1496" s="13">
        <v>-0.28000000000000003</v>
      </c>
      <c r="H1496" s="11">
        <v>-6</v>
      </c>
      <c r="I1496" s="13">
        <v>-0.33333333333333331</v>
      </c>
      <c r="J1496" s="11">
        <v>-7</v>
      </c>
      <c r="K1496" s="13">
        <v>-0.58333333333333337</v>
      </c>
      <c r="L1496" s="11">
        <v>8</v>
      </c>
      <c r="M1496" s="13">
        <v>1.6</v>
      </c>
      <c r="N1496" s="11">
        <v>1</v>
      </c>
      <c r="O1496" s="13">
        <v>8.3333333333333329E-2</v>
      </c>
      <c r="P1496" s="7">
        <v>18</v>
      </c>
      <c r="Q1496" s="7">
        <v>17</v>
      </c>
      <c r="R1496" s="7">
        <v>14</v>
      </c>
      <c r="S1496" s="7">
        <v>13</v>
      </c>
      <c r="T1496" s="7">
        <v>12</v>
      </c>
      <c r="U1496" s="7">
        <v>14</v>
      </c>
      <c r="V1496" s="7">
        <v>12</v>
      </c>
      <c r="W1496" s="7">
        <v>14</v>
      </c>
      <c r="X1496" s="7">
        <v>10</v>
      </c>
      <c r="Y1496" s="7">
        <v>5</v>
      </c>
      <c r="Z1496" s="7">
        <v>5</v>
      </c>
      <c r="AA1496" s="7">
        <v>13</v>
      </c>
      <c r="AB1496" s="7">
        <v>16</v>
      </c>
      <c r="AC1496" s="7">
        <v>16</v>
      </c>
      <c r="AD1496" s="7">
        <v>14</v>
      </c>
      <c r="AE1496" s="7">
        <v>13</v>
      </c>
      <c r="AF1496" s="7">
        <v>13</v>
      </c>
      <c r="AG1496" s="9">
        <v>10560</v>
      </c>
      <c r="AH1496" s="13">
        <v>0.49187200149052129</v>
      </c>
      <c r="AI1496" s="9">
        <v>-2564</v>
      </c>
      <c r="AJ1496" s="13">
        <v>-0.1194280124831152</v>
      </c>
      <c r="AK1496" s="9">
        <v>-18904</v>
      </c>
      <c r="AL1496" s="13">
        <v>-0.99994710394075637</v>
      </c>
      <c r="AM1496" s="9">
        <v>32028</v>
      </c>
      <c r="AN1496" s="13">
        <v>32028</v>
      </c>
      <c r="AO1496" s="9">
        <v>13124</v>
      </c>
      <c r="AP1496" s="13">
        <v>0.69420788151282731</v>
      </c>
      <c r="AQ1496" s="9">
        <v>21469</v>
      </c>
      <c r="AR1496" s="9">
        <v>21777</v>
      </c>
      <c r="AS1496" s="9">
        <v>17232</v>
      </c>
      <c r="AT1496" s="9">
        <v>21709</v>
      </c>
      <c r="AU1496" s="9">
        <v>24170</v>
      </c>
      <c r="AV1496" s="9">
        <v>21385</v>
      </c>
      <c r="AW1496" s="9">
        <v>18905</v>
      </c>
      <c r="AX1496" s="9">
        <v>21135</v>
      </c>
      <c r="AY1496" s="9">
        <v>19968</v>
      </c>
      <c r="AZ1496" s="9">
        <v>1</v>
      </c>
      <c r="BA1496" s="9">
        <v>1</v>
      </c>
      <c r="BB1496" s="9">
        <v>34275</v>
      </c>
      <c r="BC1496" s="9">
        <v>30015</v>
      </c>
      <c r="BD1496" s="9">
        <v>23304</v>
      </c>
      <c r="BE1496" s="9">
        <v>27719</v>
      </c>
      <c r="BF1496" s="9">
        <v>32029</v>
      </c>
      <c r="BG1496" s="11">
        <v>0</v>
      </c>
      <c r="BH1496" s="13">
        <v>0</v>
      </c>
      <c r="BI1496" s="6">
        <v>0</v>
      </c>
      <c r="BJ1496" s="13">
        <v>0</v>
      </c>
      <c r="BK1496" s="6">
        <v>1</v>
      </c>
      <c r="BL1496" s="13">
        <v>0.33333333333333331</v>
      </c>
      <c r="BM1496" s="11">
        <v>-1</v>
      </c>
      <c r="BN1496" s="13">
        <v>-0.25</v>
      </c>
      <c r="BO1496" s="11">
        <v>0</v>
      </c>
      <c r="BP1496" s="13">
        <v>0</v>
      </c>
      <c r="BQ1496" s="6">
        <v>3</v>
      </c>
      <c r="BR1496" s="6">
        <v>3</v>
      </c>
      <c r="BS1496" s="6">
        <v>3</v>
      </c>
      <c r="BT1496" s="6">
        <v>3</v>
      </c>
      <c r="BU1496" s="6">
        <v>4</v>
      </c>
      <c r="BV1496" s="6">
        <v>4</v>
      </c>
      <c r="BW1496" s="6">
        <v>4</v>
      </c>
      <c r="BX1496" s="6">
        <v>3</v>
      </c>
      <c r="BY1496" s="6">
        <v>2</v>
      </c>
      <c r="BZ1496" s="6">
        <v>2</v>
      </c>
      <c r="CA1496" s="6">
        <v>3</v>
      </c>
      <c r="CB1496" s="6">
        <v>3</v>
      </c>
      <c r="CC1496" s="11">
        <v>3</v>
      </c>
      <c r="CD1496" s="11">
        <v>-6</v>
      </c>
      <c r="CE1496" s="11">
        <v>-1</v>
      </c>
      <c r="CF1496" s="11">
        <v>2</v>
      </c>
      <c r="CG1496" s="11">
        <v>1</v>
      </c>
      <c r="CH1496" s="20">
        <v>0.32</v>
      </c>
      <c r="CI1496" s="20">
        <v>0.32</v>
      </c>
      <c r="CJ1496" s="20">
        <v>0.26</v>
      </c>
      <c r="CK1496" s="20">
        <v>0.23</v>
      </c>
      <c r="CL1496" s="20">
        <v>0.22</v>
      </c>
      <c r="CM1496" s="20">
        <v>0.26</v>
      </c>
      <c r="CN1496" s="20">
        <v>0.24</v>
      </c>
      <c r="CO1496" s="20">
        <v>0.28000000000000003</v>
      </c>
      <c r="CP1496" s="20">
        <v>0.24</v>
      </c>
      <c r="CQ1496" s="20">
        <v>0.24</v>
      </c>
      <c r="CR1496" s="20">
        <v>0.24</v>
      </c>
      <c r="CS1496" s="20">
        <v>0.36</v>
      </c>
      <c r="CT1496" s="20">
        <v>0.41</v>
      </c>
      <c r="CU1496" s="20">
        <v>0.4</v>
      </c>
      <c r="CV1496" s="20">
        <v>0.33</v>
      </c>
      <c r="CW1496" s="20">
        <v>0.3</v>
      </c>
      <c r="CX1496" s="20">
        <v>0.32</v>
      </c>
      <c r="CY1496" s="6" t="s">
        <v>610</v>
      </c>
      <c r="CZ1496" s="6" t="s">
        <v>611</v>
      </c>
      <c r="DA1496" s="6" t="s">
        <v>68</v>
      </c>
      <c r="DB1496" s="6"/>
      <c r="DC1496" s="6"/>
      <c r="DD1496" s="6"/>
      <c r="DE1496" s="6"/>
      <c r="DF1496" s="6"/>
      <c r="DG1496" s="6"/>
      <c r="DH1496" s="6" t="s">
        <v>333</v>
      </c>
      <c r="DI1496" s="6"/>
      <c r="DJ1496" s="6"/>
      <c r="DK1496" s="6"/>
      <c r="DL1496" s="6">
        <v>9</v>
      </c>
      <c r="DM1496" s="6" t="s">
        <v>440</v>
      </c>
      <c r="DN1496" s="6">
        <v>9</v>
      </c>
      <c r="DO1496" s="6" t="s">
        <v>384</v>
      </c>
      <c r="DP1496" s="6"/>
      <c r="DQ1496" s="6"/>
    </row>
    <row r="1497" spans="1:121" x14ac:dyDescent="0.2">
      <c r="A1497" s="6" t="s">
        <v>317</v>
      </c>
      <c r="B1497" s="6" t="s">
        <v>317</v>
      </c>
      <c r="C1497" s="6" t="s">
        <v>186</v>
      </c>
      <c r="D1497" s="6" t="s">
        <v>68</v>
      </c>
      <c r="E1497" s="6" t="s">
        <v>209</v>
      </c>
      <c r="F1497" s="11">
        <v>32</v>
      </c>
      <c r="G1497" s="13">
        <v>1.78</v>
      </c>
      <c r="H1497" s="11">
        <v>29</v>
      </c>
      <c r="I1497" s="13">
        <v>1.6111111111111112</v>
      </c>
      <c r="J1497" s="11">
        <v>-6</v>
      </c>
      <c r="K1497" s="13">
        <v>-0.1276595744680851</v>
      </c>
      <c r="L1497" s="11">
        <v>9</v>
      </c>
      <c r="M1497" s="13">
        <v>0.21951219512195119</v>
      </c>
      <c r="N1497" s="11">
        <v>3</v>
      </c>
      <c r="O1497" s="13">
        <v>6.3829787234042548E-2</v>
      </c>
      <c r="P1497" s="7">
        <v>18</v>
      </c>
      <c r="Q1497" s="7">
        <v>14</v>
      </c>
      <c r="R1497" s="7">
        <v>17</v>
      </c>
      <c r="S1497" s="7">
        <v>22</v>
      </c>
      <c r="T1497" s="7">
        <v>53</v>
      </c>
      <c r="U1497" s="7">
        <v>46</v>
      </c>
      <c r="V1497" s="7">
        <v>47</v>
      </c>
      <c r="W1497" s="7">
        <v>56</v>
      </c>
      <c r="X1497" s="7">
        <v>62</v>
      </c>
      <c r="Y1497" s="7">
        <v>41</v>
      </c>
      <c r="Z1497" s="7">
        <v>38</v>
      </c>
      <c r="AA1497" s="7">
        <v>34</v>
      </c>
      <c r="AB1497" s="7">
        <v>38</v>
      </c>
      <c r="AC1497" s="7">
        <v>41</v>
      </c>
      <c r="AD1497" s="7">
        <v>48</v>
      </c>
      <c r="AE1497" s="7">
        <v>47</v>
      </c>
      <c r="AF1497" s="7">
        <v>50</v>
      </c>
      <c r="AG1497" s="9">
        <v>9281</v>
      </c>
      <c r="AH1497" s="13">
        <v>0.27464267747758414</v>
      </c>
      <c r="AI1497" s="9">
        <v>5659</v>
      </c>
      <c r="AJ1497" s="13">
        <v>0.16746071671647977</v>
      </c>
      <c r="AK1497" s="9">
        <v>-7437</v>
      </c>
      <c r="AL1497" s="13">
        <v>-0.18850755348271317</v>
      </c>
      <c r="AM1497" s="9">
        <v>11059</v>
      </c>
      <c r="AN1497" s="13">
        <v>0.34543182883023582</v>
      </c>
      <c r="AO1497" s="9">
        <v>3622</v>
      </c>
      <c r="AP1497" s="13">
        <v>9.1807766399675556E-2</v>
      </c>
      <c r="AQ1497" s="9">
        <v>33793</v>
      </c>
      <c r="AR1497" s="9">
        <v>21670</v>
      </c>
      <c r="AS1497" s="9">
        <v>30702</v>
      </c>
      <c r="AT1497" s="9">
        <v>26979</v>
      </c>
      <c r="AU1497" s="9">
        <v>17279</v>
      </c>
      <c r="AV1497" s="9">
        <v>33219</v>
      </c>
      <c r="AW1497" s="9">
        <v>39452</v>
      </c>
      <c r="AX1497" s="9">
        <v>42466</v>
      </c>
      <c r="AY1497" s="9">
        <v>42951</v>
      </c>
      <c r="AZ1497" s="9">
        <v>32015</v>
      </c>
      <c r="BA1497" s="9">
        <v>38530</v>
      </c>
      <c r="BB1497" s="9">
        <v>38011</v>
      </c>
      <c r="BC1497" s="9">
        <v>37985</v>
      </c>
      <c r="BD1497" s="9">
        <v>43028</v>
      </c>
      <c r="BE1497" s="9">
        <v>40016</v>
      </c>
      <c r="BF1497" s="9">
        <v>43074</v>
      </c>
      <c r="BG1497" s="11">
        <v>3</v>
      </c>
      <c r="BH1497" s="13">
        <v>0.33333333333333331</v>
      </c>
      <c r="BI1497" s="6">
        <v>3</v>
      </c>
      <c r="BJ1497" s="13">
        <v>0.33333333333333331</v>
      </c>
      <c r="BK1497" s="6">
        <v>-1</v>
      </c>
      <c r="BL1497" s="13">
        <v>-8.3333333333333329E-2</v>
      </c>
      <c r="BM1497" s="11">
        <v>1</v>
      </c>
      <c r="BN1497" s="13">
        <v>9.0909090909090912E-2</v>
      </c>
      <c r="BO1497" s="11">
        <v>0</v>
      </c>
      <c r="BP1497" s="13">
        <v>0</v>
      </c>
      <c r="BQ1497" s="6">
        <v>9</v>
      </c>
      <c r="BR1497" s="6">
        <v>10</v>
      </c>
      <c r="BS1497" s="6">
        <v>11</v>
      </c>
      <c r="BT1497" s="6">
        <v>12</v>
      </c>
      <c r="BU1497" s="6">
        <v>13</v>
      </c>
      <c r="BV1497" s="6">
        <v>13</v>
      </c>
      <c r="BW1497" s="6">
        <v>11</v>
      </c>
      <c r="BX1497" s="6">
        <v>11</v>
      </c>
      <c r="BY1497" s="6">
        <v>11</v>
      </c>
      <c r="BZ1497" s="6">
        <v>12</v>
      </c>
      <c r="CA1497" s="6">
        <v>11</v>
      </c>
      <c r="CB1497" s="6">
        <v>12</v>
      </c>
      <c r="CC1497" s="11">
        <v>12</v>
      </c>
      <c r="CD1497" s="11">
        <v>26</v>
      </c>
      <c r="CE1497" s="11">
        <v>4</v>
      </c>
      <c r="CF1497" s="11">
        <v>2</v>
      </c>
      <c r="CG1497" s="11">
        <v>6</v>
      </c>
      <c r="CH1497" s="20">
        <v>0.1</v>
      </c>
      <c r="CI1497" s="20">
        <v>0.09</v>
      </c>
      <c r="CJ1497" s="20">
        <v>0.11</v>
      </c>
      <c r="CK1497" s="20">
        <v>0.13</v>
      </c>
      <c r="CL1497" s="20">
        <v>0.31</v>
      </c>
      <c r="CM1497" s="20">
        <v>0.28000000000000003</v>
      </c>
      <c r="CN1497" s="20">
        <v>0.28000000000000003</v>
      </c>
      <c r="CO1497" s="20">
        <v>0.33</v>
      </c>
      <c r="CP1497" s="20">
        <v>0.41</v>
      </c>
      <c r="CQ1497" s="20">
        <v>0.31</v>
      </c>
      <c r="CR1497" s="20">
        <v>0.28000000000000003</v>
      </c>
      <c r="CS1497" s="20">
        <v>0.24</v>
      </c>
      <c r="CT1497" s="20">
        <v>0.26</v>
      </c>
      <c r="CU1497" s="20">
        <v>0.27</v>
      </c>
      <c r="CV1497" s="20">
        <v>0.3</v>
      </c>
      <c r="CW1497" s="20">
        <v>0.28999999999999998</v>
      </c>
      <c r="CX1497" s="20">
        <v>0.3</v>
      </c>
      <c r="CY1497" s="6" t="s">
        <v>610</v>
      </c>
      <c r="CZ1497" s="6" t="s">
        <v>611</v>
      </c>
      <c r="DA1497" s="6" t="s">
        <v>68</v>
      </c>
      <c r="DB1497" s="6"/>
      <c r="DC1497" s="6"/>
      <c r="DD1497" s="6"/>
      <c r="DE1497" s="6"/>
      <c r="DF1497" s="6"/>
      <c r="DG1497" s="6"/>
      <c r="DH1497" s="6" t="s">
        <v>333</v>
      </c>
      <c r="DI1497" s="6"/>
      <c r="DJ1497" s="6"/>
      <c r="DK1497" s="6"/>
      <c r="DL1497" s="6">
        <v>9</v>
      </c>
      <c r="DM1497" s="6" t="s">
        <v>440</v>
      </c>
      <c r="DN1497" s="6">
        <v>9</v>
      </c>
      <c r="DO1497" s="6" t="s">
        <v>384</v>
      </c>
      <c r="DP1497" s="6"/>
      <c r="DQ1497" s="6"/>
    </row>
    <row r="1498" spans="1:121" x14ac:dyDescent="0.2">
      <c r="A1498" s="6" t="s">
        <v>318</v>
      </c>
      <c r="B1498" s="6" t="s">
        <v>318</v>
      </c>
      <c r="C1498" s="6" t="s">
        <v>187</v>
      </c>
      <c r="D1498" s="6" t="s">
        <v>68</v>
      </c>
      <c r="E1498" s="6" t="s">
        <v>209</v>
      </c>
      <c r="F1498" s="11">
        <v>43</v>
      </c>
      <c r="G1498" s="13">
        <v>1</v>
      </c>
      <c r="H1498" s="11">
        <v>29.942556</v>
      </c>
      <c r="I1498" s="13"/>
      <c r="J1498" s="11">
        <v>9.1453400000000009</v>
      </c>
      <c r="K1498" s="13">
        <v>0.30542950307916267</v>
      </c>
      <c r="L1498" s="11">
        <v>3.7568233069999977</v>
      </c>
      <c r="M1498" s="13">
        <v>9.6112190510330806E-2</v>
      </c>
      <c r="N1498" s="11">
        <v>12.902163306999999</v>
      </c>
      <c r="O1498" s="13">
        <v>0.43089719217691358</v>
      </c>
      <c r="P1498" s="7">
        <v>0</v>
      </c>
      <c r="Q1498" s="7">
        <v>5</v>
      </c>
      <c r="R1498" s="7">
        <v>0</v>
      </c>
      <c r="S1498" s="7">
        <v>0</v>
      </c>
      <c r="T1498" s="7">
        <v>5</v>
      </c>
      <c r="U1498" s="7">
        <v>19.087819</v>
      </c>
      <c r="V1498" s="7">
        <v>29.942556</v>
      </c>
      <c r="W1498" s="7">
        <v>28.474433000000001</v>
      </c>
      <c r="X1498" s="7">
        <v>32.396881</v>
      </c>
      <c r="Y1498" s="7">
        <v>39.087896000000001</v>
      </c>
      <c r="Z1498" s="7">
        <v>45.38259</v>
      </c>
      <c r="AA1498" s="7">
        <v>41.240828999999998</v>
      </c>
      <c r="AB1498" s="7">
        <v>36.327126</v>
      </c>
      <c r="AC1498" s="7">
        <v>36.426495000000003</v>
      </c>
      <c r="AD1498" s="7">
        <v>37.385789000000003</v>
      </c>
      <c r="AE1498" s="7">
        <v>41.410937500000003</v>
      </c>
      <c r="AF1498" s="7">
        <v>42.844719306999998</v>
      </c>
      <c r="AG1498" s="9">
        <v>24963.3031176</v>
      </c>
      <c r="AH1498" s="13"/>
      <c r="AI1498" s="9">
        <v>12548.805724</v>
      </c>
      <c r="AJ1498" s="13"/>
      <c r="AK1498" s="9">
        <v>6611.7411233000003</v>
      </c>
      <c r="AL1498" s="13">
        <v>0.52688210087234277</v>
      </c>
      <c r="AM1498" s="9">
        <v>5802.7562703000003</v>
      </c>
      <c r="AN1498" s="13">
        <v>0.30284919927103715</v>
      </c>
      <c r="AO1498" s="9">
        <v>12414.497393600001</v>
      </c>
      <c r="AP1498" s="13">
        <v>0.98929712250281077</v>
      </c>
      <c r="AQ1498" s="9">
        <v>0</v>
      </c>
      <c r="AR1498" s="9">
        <v>1</v>
      </c>
      <c r="AS1498" s="9">
        <v>0</v>
      </c>
      <c r="AT1498" s="9">
        <v>0</v>
      </c>
      <c r="AU1498" s="9">
        <v>1</v>
      </c>
      <c r="AV1498" s="9">
        <v>14302.2091458</v>
      </c>
      <c r="AW1498" s="9">
        <v>12548.805724</v>
      </c>
      <c r="AX1498" s="9">
        <v>13069.574124500001</v>
      </c>
      <c r="AY1498" s="9">
        <v>14295.517938499999</v>
      </c>
      <c r="AZ1498" s="9">
        <v>19160.5468473</v>
      </c>
      <c r="BA1498" s="9">
        <v>13242.8390105</v>
      </c>
      <c r="BB1498" s="9">
        <v>23190.072086299999</v>
      </c>
      <c r="BC1498" s="9">
        <v>25198.734503200001</v>
      </c>
      <c r="BD1498" s="9">
        <v>24192.2242959</v>
      </c>
      <c r="BE1498" s="9">
        <v>25041.2276251</v>
      </c>
      <c r="BF1498" s="9">
        <v>24963.3031176</v>
      </c>
      <c r="BG1498" s="11">
        <v>1</v>
      </c>
      <c r="BH1498" s="13" t="e">
        <v>#DIV/0!</v>
      </c>
      <c r="BI1498" s="6">
        <v>1</v>
      </c>
      <c r="BJ1498" s="13" t="e">
        <v>#DIV/0!</v>
      </c>
      <c r="BK1498" s="6">
        <v>0</v>
      </c>
      <c r="BL1498" s="13">
        <v>0</v>
      </c>
      <c r="BM1498" s="11">
        <v>0</v>
      </c>
      <c r="BN1498" s="13">
        <v>0</v>
      </c>
      <c r="BO1498" s="11">
        <v>0</v>
      </c>
      <c r="BP1498" s="13">
        <v>0</v>
      </c>
      <c r="BQ1498" s="6">
        <v>0</v>
      </c>
      <c r="BR1498" s="6">
        <v>1</v>
      </c>
      <c r="BS1498" s="6">
        <v>1</v>
      </c>
      <c r="BT1498" s="6">
        <v>1</v>
      </c>
      <c r="BU1498" s="6">
        <v>1</v>
      </c>
      <c r="BV1498" s="6">
        <v>1</v>
      </c>
      <c r="BW1498" s="6">
        <v>1</v>
      </c>
      <c r="BX1498" s="6">
        <v>1</v>
      </c>
      <c r="BY1498" s="6">
        <v>1</v>
      </c>
      <c r="BZ1498" s="6">
        <v>1</v>
      </c>
      <c r="CA1498" s="6">
        <v>1</v>
      </c>
      <c r="CB1498" s="6">
        <v>1</v>
      </c>
      <c r="CC1498" s="11">
        <v>1</v>
      </c>
      <c r="CD1498" s="11">
        <v>42.521299999999997</v>
      </c>
      <c r="CE1498" s="11">
        <v>0.21410799999999999</v>
      </c>
      <c r="CF1498" s="11">
        <v>0.10931200000000001</v>
      </c>
      <c r="CG1498" s="11">
        <v>0</v>
      </c>
      <c r="CH1498" s="20">
        <v>0</v>
      </c>
      <c r="CI1498" s="20">
        <v>0.124849</v>
      </c>
      <c r="CJ1498" s="20">
        <v>0</v>
      </c>
      <c r="CK1498" s="20">
        <v>0</v>
      </c>
      <c r="CL1498" s="20">
        <v>6.55583E-2</v>
      </c>
      <c r="CM1498" s="20">
        <v>0.55288999999999999</v>
      </c>
      <c r="CN1498" s="20">
        <v>0.86909999999999998</v>
      </c>
      <c r="CO1498" s="20">
        <v>0.81405799999999995</v>
      </c>
      <c r="CP1498" s="20">
        <v>1.0042899999999999</v>
      </c>
      <c r="CQ1498" s="20">
        <v>1.37479</v>
      </c>
      <c r="CR1498" s="20">
        <v>1.5542199999999999</v>
      </c>
      <c r="CS1498" s="20">
        <v>1.36494</v>
      </c>
      <c r="CT1498" s="20">
        <v>1.1313899999999999</v>
      </c>
      <c r="CU1498" s="20">
        <v>1.07687</v>
      </c>
      <c r="CV1498" s="20">
        <v>1.04732</v>
      </c>
      <c r="CW1498" s="20">
        <v>1.1653500000000001</v>
      </c>
      <c r="CX1498" s="20">
        <v>1.1917800000000001</v>
      </c>
      <c r="CY1498" s="6" t="s">
        <v>610</v>
      </c>
      <c r="CZ1498" s="6" t="s">
        <v>611</v>
      </c>
      <c r="DA1498" s="6" t="s">
        <v>68</v>
      </c>
      <c r="DB1498" s="6"/>
      <c r="DC1498" s="6"/>
      <c r="DD1498" s="6"/>
      <c r="DE1498" s="6"/>
      <c r="DF1498" s="6"/>
      <c r="DG1498" s="6"/>
      <c r="DH1498" s="6" t="s">
        <v>333</v>
      </c>
      <c r="DI1498" s="6"/>
      <c r="DJ1498" s="6"/>
      <c r="DK1498" s="6"/>
      <c r="DL1498" s="6">
        <v>9</v>
      </c>
      <c r="DM1498" s="6" t="s">
        <v>440</v>
      </c>
      <c r="DN1498" s="6">
        <v>9</v>
      </c>
      <c r="DO1498" s="6" t="s">
        <v>384</v>
      </c>
      <c r="DP1498" s="6"/>
      <c r="DQ1498" s="6"/>
    </row>
    <row r="1499" spans="1:121" x14ac:dyDescent="0.2">
      <c r="A1499" s="6" t="s">
        <v>319</v>
      </c>
      <c r="B1499" s="6" t="s">
        <v>319</v>
      </c>
      <c r="C1499" s="6" t="s">
        <v>188</v>
      </c>
      <c r="D1499" s="6" t="s">
        <v>68</v>
      </c>
      <c r="E1499" s="6" t="s">
        <v>209</v>
      </c>
      <c r="F1499" s="11">
        <v>-19</v>
      </c>
      <c r="G1499" s="13">
        <v>-0.365384615385</v>
      </c>
      <c r="H1499" s="11">
        <v>-16.993597739900004</v>
      </c>
      <c r="I1499" s="13">
        <v>-0.32664544201528456</v>
      </c>
      <c r="J1499" s="11">
        <v>-11.8374724311</v>
      </c>
      <c r="K1499" s="13">
        <v>-0.33791420213761719</v>
      </c>
      <c r="L1499" s="11">
        <v>9.3770885003000011</v>
      </c>
      <c r="M1499" s="13">
        <v>0.40429764093798087</v>
      </c>
      <c r="N1499" s="11">
        <v>-2.4603839307999991</v>
      </c>
      <c r="O1499" s="13">
        <v>-7.0234475963314918E-2</v>
      </c>
      <c r="P1499" s="7">
        <v>52.024597787300003</v>
      </c>
      <c r="Q1499" s="7">
        <v>58.117561280799997</v>
      </c>
      <c r="R1499" s="7">
        <v>65.887184437599998</v>
      </c>
      <c r="S1499" s="7">
        <v>71.338585773000005</v>
      </c>
      <c r="T1499" s="7">
        <v>66.654237562000006</v>
      </c>
      <c r="U1499" s="7">
        <v>41.820652755600001</v>
      </c>
      <c r="V1499" s="7">
        <v>35.031000047399999</v>
      </c>
      <c r="W1499" s="7">
        <v>32.538843502399999</v>
      </c>
      <c r="X1499" s="7">
        <v>34.574623549599998</v>
      </c>
      <c r="Y1499" s="7">
        <v>23.193527616299999</v>
      </c>
      <c r="Z1499" s="7">
        <v>24.127131076600001</v>
      </c>
      <c r="AA1499" s="7">
        <v>27.677857489099999</v>
      </c>
      <c r="AB1499" s="7">
        <v>31.220730509599999</v>
      </c>
      <c r="AC1499" s="7">
        <v>29.912243320999998</v>
      </c>
      <c r="AD1499" s="7">
        <v>30.271494622799999</v>
      </c>
      <c r="AE1499" s="7">
        <v>31.2069427759</v>
      </c>
      <c r="AF1499" s="7">
        <v>32.5706161166</v>
      </c>
      <c r="AG1499" s="9">
        <v>7490.1283657000004</v>
      </c>
      <c r="AH1499" s="13">
        <v>0.54208239585977391</v>
      </c>
      <c r="AI1499" s="9">
        <v>2690.291181300001</v>
      </c>
      <c r="AJ1499" s="13">
        <v>0.19470420504378536</v>
      </c>
      <c r="AK1499" s="9">
        <v>-1311.3336157000012</v>
      </c>
      <c r="AL1499" s="13">
        <v>-7.9438099453558814E-2</v>
      </c>
      <c r="AM1499" s="9">
        <v>6111.1708001000006</v>
      </c>
      <c r="AN1499" s="13">
        <v>0.40214907675531553</v>
      </c>
      <c r="AO1499" s="9">
        <v>4799.8371843999994</v>
      </c>
      <c r="AP1499" s="13">
        <v>0.2907650189473111</v>
      </c>
      <c r="AQ1499" s="9">
        <v>13817.324493300001</v>
      </c>
      <c r="AR1499" s="9">
        <v>14427.3972268</v>
      </c>
      <c r="AS1499" s="9">
        <v>13772.6781565</v>
      </c>
      <c r="AT1499" s="9">
        <v>13390.2680258</v>
      </c>
      <c r="AU1499" s="9">
        <v>13717.1165872</v>
      </c>
      <c r="AV1499" s="9">
        <v>12948.358069399999</v>
      </c>
      <c r="AW1499" s="9">
        <v>16507.615674600002</v>
      </c>
      <c r="AX1499" s="9">
        <v>15439.3958312</v>
      </c>
      <c r="AY1499" s="9">
        <v>14609.4716575</v>
      </c>
      <c r="AZ1499" s="9">
        <v>15196.2820589</v>
      </c>
      <c r="BA1499" s="9">
        <v>19417.1529816</v>
      </c>
      <c r="BB1499" s="9">
        <v>13585.895712699999</v>
      </c>
      <c r="BC1499" s="9">
        <v>13667.0410502</v>
      </c>
      <c r="BD1499" s="9">
        <v>18857.439281499999</v>
      </c>
      <c r="BE1499" s="9">
        <v>20714.563453999999</v>
      </c>
      <c r="BF1499" s="9">
        <v>21307.452859000001</v>
      </c>
      <c r="BG1499" s="11">
        <v>-0.25</v>
      </c>
      <c r="BH1499" s="13">
        <v>-4.1666666666666664E-2</v>
      </c>
      <c r="BI1499" s="6">
        <v>-1</v>
      </c>
      <c r="BJ1499" s="13">
        <v>-0.16666666666666666</v>
      </c>
      <c r="BK1499" s="6">
        <v>0</v>
      </c>
      <c r="BL1499" s="13">
        <v>0</v>
      </c>
      <c r="BM1499" s="11">
        <v>0.75</v>
      </c>
      <c r="BN1499" s="13">
        <v>0.15</v>
      </c>
      <c r="BO1499" s="11">
        <v>0.75</v>
      </c>
      <c r="BP1499" s="13">
        <v>0.15</v>
      </c>
      <c r="BQ1499" s="6">
        <v>6</v>
      </c>
      <c r="BR1499" s="6">
        <v>7</v>
      </c>
      <c r="BS1499" s="6">
        <v>4</v>
      </c>
      <c r="BT1499" s="6">
        <v>5</v>
      </c>
      <c r="BU1499" s="6">
        <v>6</v>
      </c>
      <c r="BV1499" s="6">
        <v>7</v>
      </c>
      <c r="BW1499" s="6">
        <v>5</v>
      </c>
      <c r="BX1499" s="6">
        <v>3</v>
      </c>
      <c r="BY1499" s="6">
        <v>4</v>
      </c>
      <c r="BZ1499" s="6">
        <v>4</v>
      </c>
      <c r="CA1499" s="6">
        <v>4</v>
      </c>
      <c r="CB1499" s="6">
        <v>7</v>
      </c>
      <c r="CC1499" s="11">
        <v>5.75</v>
      </c>
      <c r="CD1499" s="11">
        <v>-29.8217</v>
      </c>
      <c r="CE1499" s="11">
        <v>4.68079</v>
      </c>
      <c r="CF1499" s="11">
        <v>5.6869199999999998</v>
      </c>
      <c r="CG1499" s="11">
        <v>11</v>
      </c>
      <c r="CH1499" s="20">
        <v>0.27660200000000001</v>
      </c>
      <c r="CI1499" s="20">
        <v>0.32509199999999999</v>
      </c>
      <c r="CJ1499" s="20">
        <v>0.377054</v>
      </c>
      <c r="CK1499" s="20">
        <v>0.384243</v>
      </c>
      <c r="CL1499" s="20">
        <v>0.36291200000000001</v>
      </c>
      <c r="CM1499" s="20">
        <v>0.23464099999999999</v>
      </c>
      <c r="CN1499" s="20">
        <v>0.20108999999999999</v>
      </c>
      <c r="CO1499" s="20">
        <v>0.198242</v>
      </c>
      <c r="CP1499" s="20">
        <v>0.24588199999999999</v>
      </c>
      <c r="CQ1499" s="20">
        <v>0.18190899999999999</v>
      </c>
      <c r="CR1499" s="20">
        <v>0.18324799999999999</v>
      </c>
      <c r="CS1499" s="20">
        <v>0.20576700000000001</v>
      </c>
      <c r="CT1499" s="20">
        <v>0.22090399999999999</v>
      </c>
      <c r="CU1499" s="20">
        <v>0.20064199999999999</v>
      </c>
      <c r="CV1499" s="20">
        <v>0.19189000000000001</v>
      </c>
      <c r="CW1499" s="20">
        <v>0.197824</v>
      </c>
      <c r="CX1499" s="20">
        <v>0.203818</v>
      </c>
      <c r="CY1499" s="6" t="s">
        <v>610</v>
      </c>
      <c r="CZ1499" s="6" t="s">
        <v>611</v>
      </c>
      <c r="DA1499" s="6" t="s">
        <v>68</v>
      </c>
      <c r="DB1499" s="6"/>
      <c r="DC1499" s="6"/>
      <c r="DD1499" s="6"/>
      <c r="DE1499" s="6"/>
      <c r="DF1499" s="6"/>
      <c r="DG1499" s="6"/>
      <c r="DH1499" s="6" t="s">
        <v>333</v>
      </c>
      <c r="DI1499" s="6"/>
      <c r="DJ1499" s="6"/>
      <c r="DK1499" s="6"/>
      <c r="DL1499" s="6">
        <v>9</v>
      </c>
      <c r="DM1499" s="6" t="s">
        <v>440</v>
      </c>
      <c r="DN1499" s="6">
        <v>9</v>
      </c>
      <c r="DO1499" s="6" t="s">
        <v>384</v>
      </c>
      <c r="DP1499" s="6"/>
      <c r="DQ1499" s="6"/>
    </row>
    <row r="1500" spans="1:121" x14ac:dyDescent="0.2">
      <c r="A1500" s="6" t="s">
        <v>320</v>
      </c>
      <c r="B1500" s="6" t="s">
        <v>320</v>
      </c>
      <c r="C1500" s="6" t="s">
        <v>189</v>
      </c>
      <c r="D1500" s="6" t="s">
        <v>68</v>
      </c>
      <c r="E1500" s="6" t="s">
        <v>209</v>
      </c>
      <c r="F1500" s="11">
        <v>1</v>
      </c>
      <c r="G1500" s="13">
        <v>1</v>
      </c>
      <c r="H1500" s="11">
        <v>-12.2844159731</v>
      </c>
      <c r="I1500" s="13">
        <v>-0.39991474685065886</v>
      </c>
      <c r="J1500" s="11">
        <v>-4.6055902640999999</v>
      </c>
      <c r="K1500" s="13">
        <v>-0.24985339159949543</v>
      </c>
      <c r="L1500" s="11">
        <v>-8.8275806230999994</v>
      </c>
      <c r="M1500" s="13">
        <v>-0.63840384400672889</v>
      </c>
      <c r="N1500" s="11">
        <v>-13.433170887199999</v>
      </c>
      <c r="O1500" s="13">
        <v>-0.7287498699709879</v>
      </c>
      <c r="P1500" s="7">
        <v>30.717586860299999</v>
      </c>
      <c r="Q1500" s="7">
        <v>30.563980898499999</v>
      </c>
      <c r="R1500" s="7">
        <v>33.823869863900001</v>
      </c>
      <c r="S1500" s="7">
        <v>28.018242127699999</v>
      </c>
      <c r="T1500" s="7">
        <v>15.345969181099999</v>
      </c>
      <c r="U1500" s="7">
        <v>18.540008800900001</v>
      </c>
      <c r="V1500" s="7">
        <v>18.433170887199999</v>
      </c>
      <c r="W1500" s="7">
        <v>16.542241541799999</v>
      </c>
      <c r="X1500" s="7">
        <v>14.5786361563</v>
      </c>
      <c r="Y1500" s="7">
        <v>13.827580623099999</v>
      </c>
      <c r="Z1500" s="7">
        <v>15.3706493825</v>
      </c>
      <c r="AA1500" s="7">
        <v>15.6878524323</v>
      </c>
      <c r="AB1500" s="7">
        <v>11.0550414394</v>
      </c>
      <c r="AC1500" s="7">
        <v>5</v>
      </c>
      <c r="AD1500" s="7">
        <v>5</v>
      </c>
      <c r="AE1500" s="7">
        <v>5</v>
      </c>
      <c r="AF1500" s="7">
        <v>5</v>
      </c>
      <c r="AG1500" s="9">
        <v>-18538.168996</v>
      </c>
      <c r="AH1500" s="13">
        <v>-0.99994606014971787</v>
      </c>
      <c r="AI1500" s="9">
        <v>6872.7408050000013</v>
      </c>
      <c r="AJ1500" s="13">
        <v>0.37071461004982798</v>
      </c>
      <c r="AK1500" s="9">
        <v>4104.9211677999992</v>
      </c>
      <c r="AL1500" s="13">
        <v>0.16153532733059142</v>
      </c>
      <c r="AM1500" s="9">
        <v>-29515.830968800001</v>
      </c>
      <c r="AN1500" s="13">
        <v>-0.99996612102427052</v>
      </c>
      <c r="AO1500" s="9">
        <v>-25410.909801000002</v>
      </c>
      <c r="AP1500" s="13">
        <v>-0.9999606483728366</v>
      </c>
      <c r="AQ1500" s="9">
        <v>18539.168996</v>
      </c>
      <c r="AR1500" s="9">
        <v>9392.3062060800003</v>
      </c>
      <c r="AS1500" s="9">
        <v>10232.4560126</v>
      </c>
      <c r="AT1500" s="9">
        <v>21551.252737399998</v>
      </c>
      <c r="AU1500" s="9">
        <v>23186.262847599999</v>
      </c>
      <c r="AV1500" s="9">
        <v>31075.6273784</v>
      </c>
      <c r="AW1500" s="9">
        <v>25411.909801000002</v>
      </c>
      <c r="AX1500" s="9">
        <v>33422.856506600001</v>
      </c>
      <c r="AY1500" s="9">
        <v>10649.321296100001</v>
      </c>
      <c r="AZ1500" s="9">
        <v>29516.830968800001</v>
      </c>
      <c r="BA1500" s="9">
        <v>30974.014891300001</v>
      </c>
      <c r="BB1500" s="9">
        <v>14730.9864858</v>
      </c>
      <c r="BC1500" s="9">
        <v>17700.562317399999</v>
      </c>
      <c r="BD1500" s="9">
        <v>1</v>
      </c>
      <c r="BE1500" s="9">
        <v>1</v>
      </c>
      <c r="BF1500" s="9">
        <v>1</v>
      </c>
      <c r="BG1500" s="11">
        <v>0</v>
      </c>
      <c r="BH1500" s="13" t="e">
        <v>#DIV/0!</v>
      </c>
      <c r="BI1500" s="6">
        <v>1</v>
      </c>
      <c r="BJ1500" s="13" t="e">
        <v>#DIV/0!</v>
      </c>
      <c r="BK1500" s="6">
        <v>-1</v>
      </c>
      <c r="BL1500" s="13">
        <v>-1</v>
      </c>
      <c r="BM1500" s="11">
        <v>0</v>
      </c>
      <c r="BN1500" s="13" t="e">
        <v>#DIV/0!</v>
      </c>
      <c r="BO1500" s="11">
        <v>-1</v>
      </c>
      <c r="BP1500" s="13">
        <v>-1</v>
      </c>
      <c r="BQ1500" s="6">
        <v>0</v>
      </c>
      <c r="BR1500" s="6">
        <v>1</v>
      </c>
      <c r="BS1500" s="6">
        <v>1</v>
      </c>
      <c r="BT1500" s="6">
        <v>1</v>
      </c>
      <c r="BU1500" s="6">
        <v>1</v>
      </c>
      <c r="BV1500" s="6">
        <v>0</v>
      </c>
      <c r="BW1500" s="6">
        <v>0</v>
      </c>
      <c r="BX1500" s="6">
        <v>0</v>
      </c>
      <c r="BY1500" s="6">
        <v>0</v>
      </c>
      <c r="BZ1500" s="6">
        <v>0</v>
      </c>
      <c r="CA1500" s="6">
        <v>0</v>
      </c>
      <c r="CB1500" s="6">
        <v>0</v>
      </c>
      <c r="CC1500" s="11">
        <v>0</v>
      </c>
      <c r="CD1500" s="11">
        <v>-44.212800000000001</v>
      </c>
      <c r="CE1500" s="11">
        <v>11.122999999999999</v>
      </c>
      <c r="CF1500" s="11">
        <v>3.3578000000000001</v>
      </c>
      <c r="CG1500" s="11">
        <v>14</v>
      </c>
      <c r="CH1500" s="20">
        <v>0.48952000000000001</v>
      </c>
      <c r="CI1500" s="20">
        <v>0.489703</v>
      </c>
      <c r="CJ1500" s="20">
        <v>0.53843099999999999</v>
      </c>
      <c r="CK1500" s="20">
        <v>0.418182</v>
      </c>
      <c r="CL1500" s="20">
        <v>0.23671700000000001</v>
      </c>
      <c r="CM1500" s="20">
        <v>0.29614800000000002</v>
      </c>
      <c r="CN1500" s="20">
        <v>0.29654700000000001</v>
      </c>
      <c r="CO1500" s="20">
        <v>0.262517</v>
      </c>
      <c r="CP1500" s="20">
        <v>0.23908399999999999</v>
      </c>
      <c r="CQ1500" s="20">
        <v>0.251967</v>
      </c>
      <c r="CR1500" s="20">
        <v>0.27321499999999999</v>
      </c>
      <c r="CS1500" s="20">
        <v>0.275584</v>
      </c>
      <c r="CT1500" s="20">
        <v>0.18724399999999999</v>
      </c>
      <c r="CU1500" s="20">
        <v>2.2104200000000001E-2</v>
      </c>
      <c r="CV1500" s="20">
        <v>1.7166500000000001E-2</v>
      </c>
      <c r="CW1500" s="20">
        <v>1.6163500000000001E-2</v>
      </c>
      <c r="CX1500" s="20">
        <v>1.50674E-2</v>
      </c>
      <c r="CY1500" s="6" t="s">
        <v>610</v>
      </c>
      <c r="CZ1500" s="6" t="s">
        <v>611</v>
      </c>
      <c r="DA1500" s="6" t="s">
        <v>68</v>
      </c>
      <c r="DB1500" s="6"/>
      <c r="DC1500" s="6"/>
      <c r="DD1500" s="6"/>
      <c r="DE1500" s="6"/>
      <c r="DF1500" s="6"/>
      <c r="DG1500" s="6"/>
      <c r="DH1500" s="6" t="s">
        <v>333</v>
      </c>
      <c r="DI1500" s="6"/>
      <c r="DJ1500" s="6"/>
      <c r="DK1500" s="6"/>
      <c r="DL1500" s="6">
        <v>9</v>
      </c>
      <c r="DM1500" s="6" t="s">
        <v>440</v>
      </c>
      <c r="DN1500" s="6">
        <v>9</v>
      </c>
      <c r="DO1500" s="6" t="s">
        <v>384</v>
      </c>
      <c r="DP1500" s="6"/>
      <c r="DQ1500" s="6"/>
    </row>
    <row r="1501" spans="1:121" x14ac:dyDescent="0.2">
      <c r="A1501" s="6" t="s">
        <v>321</v>
      </c>
      <c r="B1501" s="6" t="s">
        <v>321</v>
      </c>
      <c r="C1501" s="6" t="s">
        <v>190</v>
      </c>
      <c r="D1501" s="6" t="s">
        <v>68</v>
      </c>
      <c r="E1501" s="6" t="s">
        <v>209</v>
      </c>
      <c r="F1501" s="11">
        <v>-53</v>
      </c>
      <c r="G1501" s="13">
        <v>-0.204633204633</v>
      </c>
      <c r="H1501" s="11">
        <v>-80.393334291999992</v>
      </c>
      <c r="I1501" s="13">
        <v>-0.31090126506065213</v>
      </c>
      <c r="J1501" s="11">
        <v>-3.3070776909999893</v>
      </c>
      <c r="K1501" s="13">
        <v>-1.8559462433121031E-2</v>
      </c>
      <c r="L1501" s="11">
        <v>30.763914432000007</v>
      </c>
      <c r="M1501" s="13">
        <v>0.17591326844858068</v>
      </c>
      <c r="N1501" s="11">
        <v>27.456836741000018</v>
      </c>
      <c r="O1501" s="13">
        <v>0.15408895031820069</v>
      </c>
      <c r="P1501" s="7">
        <v>258.58156053599998</v>
      </c>
      <c r="Q1501" s="7">
        <v>230.384837164</v>
      </c>
      <c r="R1501" s="7">
        <v>229.16629655599999</v>
      </c>
      <c r="S1501" s="7">
        <v>233.65912529600001</v>
      </c>
      <c r="T1501" s="7">
        <v>205.131567064</v>
      </c>
      <c r="U1501" s="7">
        <v>195.19021191300001</v>
      </c>
      <c r="V1501" s="7">
        <v>178.18822624399999</v>
      </c>
      <c r="W1501" s="7">
        <v>188.57810454200001</v>
      </c>
      <c r="X1501" s="7">
        <v>202.31043412</v>
      </c>
      <c r="Y1501" s="7">
        <v>174.881148553</v>
      </c>
      <c r="Z1501" s="7">
        <v>170.951283144</v>
      </c>
      <c r="AA1501" s="7">
        <v>174.96642858600001</v>
      </c>
      <c r="AB1501" s="7">
        <v>172.622851516</v>
      </c>
      <c r="AC1501" s="7">
        <v>194.852465709</v>
      </c>
      <c r="AD1501" s="7">
        <v>198.652866601</v>
      </c>
      <c r="AE1501" s="7">
        <v>200.016600797</v>
      </c>
      <c r="AF1501" s="7">
        <v>205.64506298500001</v>
      </c>
      <c r="AG1501" s="9">
        <v>11066.798360299999</v>
      </c>
      <c r="AH1501" s="13">
        <v>0.72144420216175076</v>
      </c>
      <c r="AI1501" s="9">
        <v>7137.0794805000005</v>
      </c>
      <c r="AJ1501" s="13">
        <v>0.4652659643682841</v>
      </c>
      <c r="AK1501" s="9">
        <v>4954.4578615999999</v>
      </c>
      <c r="AL1501" s="13">
        <v>0.220424785951434</v>
      </c>
      <c r="AM1501" s="9">
        <v>-1024.7389818000011</v>
      </c>
      <c r="AN1501" s="13">
        <v>-3.7356529867178127E-2</v>
      </c>
      <c r="AO1501" s="9">
        <v>3929.7188797999988</v>
      </c>
      <c r="AP1501" s="13">
        <v>0.17483395098439478</v>
      </c>
      <c r="AQ1501" s="9">
        <v>15339.784181700001</v>
      </c>
      <c r="AR1501" s="9">
        <v>16371.334131199999</v>
      </c>
      <c r="AS1501" s="9">
        <v>17586.116368899999</v>
      </c>
      <c r="AT1501" s="9">
        <v>18648.156217100001</v>
      </c>
      <c r="AU1501" s="9">
        <v>20754.141197000001</v>
      </c>
      <c r="AV1501" s="9">
        <v>20741.868495300001</v>
      </c>
      <c r="AW1501" s="9">
        <v>22476.863662200001</v>
      </c>
      <c r="AX1501" s="9">
        <v>23383.981756900001</v>
      </c>
      <c r="AY1501" s="9">
        <v>24632.871975800001</v>
      </c>
      <c r="AZ1501" s="9">
        <v>27431.321523800001</v>
      </c>
      <c r="BA1501" s="9">
        <v>28529.761057799999</v>
      </c>
      <c r="BB1501" s="9">
        <v>29430.084106099999</v>
      </c>
      <c r="BC1501" s="9">
        <v>28415.213527200001</v>
      </c>
      <c r="BD1501" s="9">
        <v>26445.148559000001</v>
      </c>
      <c r="BE1501" s="9">
        <v>26406.1528339</v>
      </c>
      <c r="BF1501" s="9">
        <v>26406.582542</v>
      </c>
      <c r="BG1501" s="11">
        <v>15.75</v>
      </c>
      <c r="BH1501" s="13">
        <v>0.78749999999999998</v>
      </c>
      <c r="BI1501" s="6">
        <v>1</v>
      </c>
      <c r="BJ1501" s="13">
        <v>0.05</v>
      </c>
      <c r="BK1501" s="6">
        <v>-2</v>
      </c>
      <c r="BL1501" s="13">
        <v>-9.5238095238095233E-2</v>
      </c>
      <c r="BM1501" s="11">
        <v>16.75</v>
      </c>
      <c r="BN1501" s="13">
        <v>0.88157894736842102</v>
      </c>
      <c r="BO1501" s="11">
        <v>14.75</v>
      </c>
      <c r="BP1501" s="13">
        <v>0.70238095238095233</v>
      </c>
      <c r="BQ1501" s="6">
        <v>20</v>
      </c>
      <c r="BR1501" s="6">
        <v>20</v>
      </c>
      <c r="BS1501" s="6">
        <v>21</v>
      </c>
      <c r="BT1501" s="6">
        <v>21</v>
      </c>
      <c r="BU1501" s="6">
        <v>23</v>
      </c>
      <c r="BV1501" s="6">
        <v>21</v>
      </c>
      <c r="BW1501" s="6">
        <v>19</v>
      </c>
      <c r="BX1501" s="6">
        <v>20</v>
      </c>
      <c r="BY1501" s="6">
        <v>22</v>
      </c>
      <c r="BZ1501" s="6">
        <v>37</v>
      </c>
      <c r="CA1501" s="6">
        <v>41</v>
      </c>
      <c r="CB1501" s="6">
        <v>39</v>
      </c>
      <c r="CC1501" s="11">
        <v>35.75</v>
      </c>
      <c r="CD1501" s="11">
        <v>-175.369</v>
      </c>
      <c r="CE1501" s="11">
        <v>94.166799999999995</v>
      </c>
      <c r="CF1501" s="11">
        <v>28.266100000000002</v>
      </c>
      <c r="CG1501" s="11">
        <v>122</v>
      </c>
      <c r="CH1501" s="20">
        <v>0.83438500000000004</v>
      </c>
      <c r="CI1501" s="20">
        <v>0.75285000000000002</v>
      </c>
      <c r="CJ1501" s="20">
        <v>0.74273900000000004</v>
      </c>
      <c r="CK1501" s="20">
        <v>0.72157400000000005</v>
      </c>
      <c r="CL1501" s="20">
        <v>0.64761299999999999</v>
      </c>
      <c r="CM1501" s="20">
        <v>0.63610299999999997</v>
      </c>
      <c r="CN1501" s="20">
        <v>0.58355699999999999</v>
      </c>
      <c r="CO1501" s="20">
        <v>0.61125799999999997</v>
      </c>
      <c r="CP1501" s="20">
        <v>0.68288300000000002</v>
      </c>
      <c r="CQ1501" s="20">
        <v>0.660022</v>
      </c>
      <c r="CR1501" s="20">
        <v>0.64059900000000003</v>
      </c>
      <c r="CS1501" s="20">
        <v>0.63729100000000005</v>
      </c>
      <c r="CT1501" s="20">
        <v>0.60303799999999996</v>
      </c>
      <c r="CU1501" s="20">
        <v>0.65437800000000002</v>
      </c>
      <c r="CV1501" s="20">
        <v>0.63092800000000004</v>
      </c>
      <c r="CW1501" s="20">
        <v>0.63227599999999995</v>
      </c>
      <c r="CX1501" s="20">
        <v>0.63567600000000002</v>
      </c>
      <c r="CY1501" s="6" t="s">
        <v>610</v>
      </c>
      <c r="CZ1501" s="6" t="s">
        <v>611</v>
      </c>
      <c r="DA1501" s="6" t="s">
        <v>68</v>
      </c>
      <c r="DB1501" s="6"/>
      <c r="DC1501" s="6"/>
      <c r="DD1501" s="6"/>
      <c r="DE1501" s="6"/>
      <c r="DF1501" s="6"/>
      <c r="DG1501" s="6"/>
      <c r="DH1501" s="6" t="s">
        <v>333</v>
      </c>
      <c r="DI1501" s="6"/>
      <c r="DJ1501" s="6"/>
      <c r="DK1501" s="6"/>
      <c r="DL1501" s="6">
        <v>9</v>
      </c>
      <c r="DM1501" s="6" t="s">
        <v>440</v>
      </c>
      <c r="DN1501" s="6">
        <v>9</v>
      </c>
      <c r="DO1501" s="6" t="s">
        <v>384</v>
      </c>
      <c r="DP1501" s="6"/>
      <c r="DQ1501" s="6"/>
    </row>
    <row r="1502" spans="1:121" x14ac:dyDescent="0.2">
      <c r="A1502" s="6" t="s">
        <v>322</v>
      </c>
      <c r="B1502" s="6" t="s">
        <v>322</v>
      </c>
      <c r="C1502" s="6" t="s">
        <v>191</v>
      </c>
      <c r="D1502" s="6" t="s">
        <v>68</v>
      </c>
      <c r="E1502" s="6" t="s">
        <v>209</v>
      </c>
      <c r="F1502" s="11">
        <v>-5</v>
      </c>
      <c r="G1502" s="13">
        <v>-0.18</v>
      </c>
      <c r="H1502" s="11">
        <v>0</v>
      </c>
      <c r="I1502" s="13">
        <v>0</v>
      </c>
      <c r="J1502" s="11">
        <v>0</v>
      </c>
      <c r="K1502" s="13">
        <v>0</v>
      </c>
      <c r="L1502" s="11">
        <v>-5</v>
      </c>
      <c r="M1502" s="13">
        <v>-0.17857142857142858</v>
      </c>
      <c r="N1502" s="11">
        <v>-5</v>
      </c>
      <c r="O1502" s="13">
        <v>-0.17857142857142858</v>
      </c>
      <c r="P1502" s="7">
        <v>28</v>
      </c>
      <c r="Q1502" s="7">
        <v>28</v>
      </c>
      <c r="R1502" s="7">
        <v>29</v>
      </c>
      <c r="S1502" s="7">
        <v>33</v>
      </c>
      <c r="T1502" s="7">
        <v>24</v>
      </c>
      <c r="U1502" s="7">
        <v>25</v>
      </c>
      <c r="V1502" s="7">
        <v>28</v>
      </c>
      <c r="W1502" s="7">
        <v>30</v>
      </c>
      <c r="X1502" s="7">
        <v>26</v>
      </c>
      <c r="Y1502" s="7">
        <v>28</v>
      </c>
      <c r="Z1502" s="7">
        <v>24</v>
      </c>
      <c r="AA1502" s="7">
        <v>28</v>
      </c>
      <c r="AB1502" s="7">
        <v>27</v>
      </c>
      <c r="AC1502" s="7">
        <v>22</v>
      </c>
      <c r="AD1502" s="7">
        <v>24</v>
      </c>
      <c r="AE1502" s="7">
        <v>23</v>
      </c>
      <c r="AF1502" s="7">
        <v>23</v>
      </c>
      <c r="AG1502" s="9">
        <v>9603</v>
      </c>
      <c r="AH1502" s="13">
        <v>0.6413544379883791</v>
      </c>
      <c r="AI1502" s="9">
        <v>4603</v>
      </c>
      <c r="AJ1502" s="13">
        <v>0.30742002270754026</v>
      </c>
      <c r="AK1502" s="9">
        <v>2554</v>
      </c>
      <c r="AL1502" s="13">
        <v>0.13046587658357173</v>
      </c>
      <c r="AM1502" s="9">
        <v>2446</v>
      </c>
      <c r="AN1502" s="13">
        <v>0.1105286940804338</v>
      </c>
      <c r="AO1502" s="9">
        <v>5000</v>
      </c>
      <c r="AP1502" s="13">
        <v>0.25541479362484676</v>
      </c>
      <c r="AQ1502" s="9">
        <v>14973</v>
      </c>
      <c r="AR1502" s="9">
        <v>15283</v>
      </c>
      <c r="AS1502" s="9">
        <v>14547</v>
      </c>
      <c r="AT1502" s="9">
        <v>14517</v>
      </c>
      <c r="AU1502" s="9">
        <v>18766</v>
      </c>
      <c r="AV1502" s="9">
        <v>19214</v>
      </c>
      <c r="AW1502" s="9">
        <v>19576</v>
      </c>
      <c r="AX1502" s="9">
        <v>20915</v>
      </c>
      <c r="AY1502" s="9">
        <v>23025</v>
      </c>
      <c r="AZ1502" s="9">
        <v>22130</v>
      </c>
      <c r="BA1502" s="9">
        <v>23879</v>
      </c>
      <c r="BB1502" s="9">
        <v>20069</v>
      </c>
      <c r="BC1502" s="9">
        <v>20565</v>
      </c>
      <c r="BD1502" s="9">
        <v>25198</v>
      </c>
      <c r="BE1502" s="9">
        <v>23744</v>
      </c>
      <c r="BF1502" s="9">
        <v>24576</v>
      </c>
      <c r="BG1502" s="11">
        <v>-2</v>
      </c>
      <c r="BH1502" s="13">
        <v>-0.4</v>
      </c>
      <c r="BI1502" s="6">
        <v>-1</v>
      </c>
      <c r="BJ1502" s="13">
        <v>-0.2</v>
      </c>
      <c r="BK1502" s="6">
        <v>0</v>
      </c>
      <c r="BL1502" s="13">
        <v>0</v>
      </c>
      <c r="BM1502" s="11">
        <v>-1</v>
      </c>
      <c r="BN1502" s="13">
        <v>-0.25</v>
      </c>
      <c r="BO1502" s="11">
        <v>-1</v>
      </c>
      <c r="BP1502" s="13">
        <v>-0.25</v>
      </c>
      <c r="BQ1502" s="6">
        <v>5</v>
      </c>
      <c r="BR1502" s="6">
        <v>5</v>
      </c>
      <c r="BS1502" s="6">
        <v>5</v>
      </c>
      <c r="BT1502" s="6">
        <v>4</v>
      </c>
      <c r="BU1502" s="6">
        <v>4</v>
      </c>
      <c r="BV1502" s="6">
        <v>4</v>
      </c>
      <c r="BW1502" s="6">
        <v>4</v>
      </c>
      <c r="BX1502" s="6">
        <v>4</v>
      </c>
      <c r="BY1502" s="6">
        <v>4</v>
      </c>
      <c r="BZ1502" s="6">
        <v>4</v>
      </c>
      <c r="CA1502" s="6">
        <v>4</v>
      </c>
      <c r="CB1502" s="6">
        <v>4</v>
      </c>
      <c r="CC1502" s="11">
        <v>3</v>
      </c>
      <c r="CD1502" s="11">
        <v>-14</v>
      </c>
      <c r="CE1502" s="11">
        <v>5</v>
      </c>
      <c r="CF1502" s="11">
        <v>3</v>
      </c>
      <c r="CG1502" s="11">
        <v>8</v>
      </c>
      <c r="CH1502" s="20">
        <v>0.6</v>
      </c>
      <c r="CI1502" s="20">
        <v>0.62</v>
      </c>
      <c r="CJ1502" s="20">
        <v>0.64</v>
      </c>
      <c r="CK1502" s="20">
        <v>0.69</v>
      </c>
      <c r="CL1502" s="20">
        <v>0.51</v>
      </c>
      <c r="CM1502" s="20">
        <v>0.56000000000000005</v>
      </c>
      <c r="CN1502" s="20">
        <v>0.63</v>
      </c>
      <c r="CO1502" s="20">
        <v>0.69</v>
      </c>
      <c r="CP1502" s="20">
        <v>0.64</v>
      </c>
      <c r="CQ1502" s="20">
        <v>0.78</v>
      </c>
      <c r="CR1502" s="20">
        <v>0.66</v>
      </c>
      <c r="CS1502" s="20">
        <v>0.77</v>
      </c>
      <c r="CT1502" s="20">
        <v>0.72</v>
      </c>
      <c r="CU1502" s="20">
        <v>0.55000000000000004</v>
      </c>
      <c r="CV1502" s="20">
        <v>0.56999999999999995</v>
      </c>
      <c r="CW1502" s="20">
        <v>0.54</v>
      </c>
      <c r="CX1502" s="20">
        <v>0.54</v>
      </c>
      <c r="CY1502" s="6" t="s">
        <v>610</v>
      </c>
      <c r="CZ1502" s="6" t="s">
        <v>611</v>
      </c>
      <c r="DA1502" s="6" t="s">
        <v>68</v>
      </c>
      <c r="DB1502" s="6"/>
      <c r="DC1502" s="6"/>
      <c r="DD1502" s="6"/>
      <c r="DE1502" s="6"/>
      <c r="DF1502" s="6"/>
      <c r="DG1502" s="6"/>
      <c r="DH1502" s="6" t="s">
        <v>333</v>
      </c>
      <c r="DI1502" s="6"/>
      <c r="DJ1502" s="6"/>
      <c r="DK1502" s="6"/>
      <c r="DL1502" s="6">
        <v>9</v>
      </c>
      <c r="DM1502" s="6" t="s">
        <v>440</v>
      </c>
      <c r="DN1502" s="6">
        <v>9</v>
      </c>
      <c r="DO1502" s="6" t="s">
        <v>384</v>
      </c>
      <c r="DP1502" s="6"/>
      <c r="DQ1502" s="6"/>
    </row>
    <row r="1503" spans="1:121" x14ac:dyDescent="0.2">
      <c r="A1503" s="6" t="s">
        <v>323</v>
      </c>
      <c r="B1503" s="6" t="s">
        <v>323</v>
      </c>
      <c r="C1503" s="6" t="s">
        <v>192</v>
      </c>
      <c r="D1503" s="6" t="s">
        <v>68</v>
      </c>
      <c r="E1503" s="6" t="s">
        <v>209</v>
      </c>
      <c r="F1503" s="11">
        <v>-42</v>
      </c>
      <c r="G1503" s="13">
        <v>-0.22702702702700001</v>
      </c>
      <c r="H1503" s="11">
        <v>-72.923221593999983</v>
      </c>
      <c r="I1503" s="13">
        <v>-0.3933706948049166</v>
      </c>
      <c r="J1503" s="11">
        <v>-34.093203893999998</v>
      </c>
      <c r="K1503" s="13">
        <v>-0.30316606414076264</v>
      </c>
      <c r="L1503" s="11">
        <v>64.329860768999993</v>
      </c>
      <c r="M1503" s="13">
        <v>0.8209110252940709</v>
      </c>
      <c r="N1503" s="11">
        <v>30.236656874999994</v>
      </c>
      <c r="O1503" s="13">
        <v>0.26887259660514673</v>
      </c>
      <c r="P1503" s="7">
        <v>185.38041231099999</v>
      </c>
      <c r="Q1503" s="7">
        <v>167.919096473</v>
      </c>
      <c r="R1503" s="7">
        <v>158.57458148699999</v>
      </c>
      <c r="S1503" s="7">
        <v>161.44834927900001</v>
      </c>
      <c r="T1503" s="7">
        <v>167.39237156999999</v>
      </c>
      <c r="U1503" s="7">
        <v>124.91697866299999</v>
      </c>
      <c r="V1503" s="7">
        <v>112.457190717</v>
      </c>
      <c r="W1503" s="7">
        <v>116.301803374</v>
      </c>
      <c r="X1503" s="7">
        <v>87.609801717400003</v>
      </c>
      <c r="Y1503" s="7">
        <v>78.363986823000005</v>
      </c>
      <c r="Z1503" s="7">
        <v>84.670038929499995</v>
      </c>
      <c r="AA1503" s="7">
        <v>86.086812704600007</v>
      </c>
      <c r="AB1503" s="7">
        <v>107.20857363</v>
      </c>
      <c r="AC1503" s="7">
        <v>120.32015891</v>
      </c>
      <c r="AD1503" s="7">
        <v>120.08268321600001</v>
      </c>
      <c r="AE1503" s="7">
        <v>138.697914897</v>
      </c>
      <c r="AF1503" s="7">
        <v>142.693847592</v>
      </c>
      <c r="AG1503" s="9">
        <v>4221.798785429999</v>
      </c>
      <c r="AH1503" s="13">
        <v>0.50050304283860991</v>
      </c>
      <c r="AI1503" s="9">
        <v>1098.1276506800004</v>
      </c>
      <c r="AJ1503" s="13">
        <v>0.13018532112126105</v>
      </c>
      <c r="AK1503" s="9">
        <v>1945.9437328499989</v>
      </c>
      <c r="AL1503" s="13">
        <v>0.20412199655951119</v>
      </c>
      <c r="AM1503" s="9">
        <v>1177.7274018999997</v>
      </c>
      <c r="AN1503" s="13">
        <v>0.10259680085095706</v>
      </c>
      <c r="AO1503" s="9">
        <v>3123.6711347499986</v>
      </c>
      <c r="AP1503" s="13">
        <v>0.32766106124078415</v>
      </c>
      <c r="AQ1503" s="9">
        <v>8435.1111263700004</v>
      </c>
      <c r="AR1503" s="9">
        <v>9362.0979237600004</v>
      </c>
      <c r="AS1503" s="9">
        <v>9483.8611902400007</v>
      </c>
      <c r="AT1503" s="9">
        <v>9856.7995975199992</v>
      </c>
      <c r="AU1503" s="9">
        <v>11045.539754699999</v>
      </c>
      <c r="AV1503" s="9">
        <v>10827.7118269</v>
      </c>
      <c r="AW1503" s="9">
        <v>9533.2387770500009</v>
      </c>
      <c r="AX1503" s="9">
        <v>9980.2788943899996</v>
      </c>
      <c r="AY1503" s="9">
        <v>10825.918595700001</v>
      </c>
      <c r="AZ1503" s="9">
        <v>11479.1825099</v>
      </c>
      <c r="BA1503" s="9">
        <v>11155.928598799999</v>
      </c>
      <c r="BB1503" s="9">
        <v>11717.1720749</v>
      </c>
      <c r="BC1503" s="9">
        <v>10908.869004300001</v>
      </c>
      <c r="BD1503" s="9">
        <v>11348.1160005</v>
      </c>
      <c r="BE1503" s="9">
        <v>12912.3266699</v>
      </c>
      <c r="BF1503" s="9">
        <v>12656.909911799999</v>
      </c>
      <c r="BG1503" s="11">
        <v>2</v>
      </c>
      <c r="BH1503" s="13">
        <v>9.5238095238095233E-2</v>
      </c>
      <c r="BI1503" s="6">
        <v>-4</v>
      </c>
      <c r="BJ1503" s="13">
        <v>-0.19047619047619047</v>
      </c>
      <c r="BK1503" s="6">
        <v>-3</v>
      </c>
      <c r="BL1503" s="13">
        <v>-0.17647058823529413</v>
      </c>
      <c r="BM1503" s="11">
        <v>9</v>
      </c>
      <c r="BN1503" s="13">
        <v>0.6428571428571429</v>
      </c>
      <c r="BO1503" s="11">
        <v>6</v>
      </c>
      <c r="BP1503" s="13">
        <v>0.35294117647058826</v>
      </c>
      <c r="BQ1503" s="6">
        <v>21</v>
      </c>
      <c r="BR1503" s="6">
        <v>21</v>
      </c>
      <c r="BS1503" s="6">
        <v>20</v>
      </c>
      <c r="BT1503" s="6">
        <v>17</v>
      </c>
      <c r="BU1503" s="6">
        <v>20</v>
      </c>
      <c r="BV1503" s="6">
        <v>16</v>
      </c>
      <c r="BW1503" s="6">
        <v>14</v>
      </c>
      <c r="BX1503" s="6">
        <v>15</v>
      </c>
      <c r="BY1503" s="6">
        <v>16</v>
      </c>
      <c r="BZ1503" s="6">
        <v>17</v>
      </c>
      <c r="CA1503" s="6">
        <v>21</v>
      </c>
      <c r="CB1503" s="6">
        <v>23</v>
      </c>
      <c r="CC1503" s="11">
        <v>23</v>
      </c>
      <c r="CD1503" s="11">
        <v>-105.107</v>
      </c>
      <c r="CE1503" s="11">
        <v>42.156500000000001</v>
      </c>
      <c r="CF1503" s="11">
        <v>20.264299999999999</v>
      </c>
      <c r="CG1503" s="11">
        <v>62</v>
      </c>
      <c r="CH1503" s="20">
        <v>0.80604100000000001</v>
      </c>
      <c r="CI1503" s="20">
        <v>0.75820200000000004</v>
      </c>
      <c r="CJ1503" s="20">
        <v>0.71884199999999998</v>
      </c>
      <c r="CK1503" s="20">
        <v>0.69370100000000001</v>
      </c>
      <c r="CL1503" s="20">
        <v>0.734738</v>
      </c>
      <c r="CM1503" s="20">
        <v>0.56822399999999995</v>
      </c>
      <c r="CN1503" s="20">
        <v>0.51695000000000002</v>
      </c>
      <c r="CO1503" s="20">
        <v>0.54126399999999997</v>
      </c>
      <c r="CP1503" s="20">
        <v>0.44563799999999998</v>
      </c>
      <c r="CQ1503" s="20">
        <v>0.45152100000000001</v>
      </c>
      <c r="CR1503" s="20">
        <v>0.47908200000000001</v>
      </c>
      <c r="CS1503" s="20">
        <v>0.47639700000000001</v>
      </c>
      <c r="CT1503" s="20">
        <v>0.56294699999999998</v>
      </c>
      <c r="CU1503" s="20">
        <v>0.60097199999999995</v>
      </c>
      <c r="CV1503" s="20">
        <v>0.56179599999999996</v>
      </c>
      <c r="CW1503" s="20">
        <v>0.64432</v>
      </c>
      <c r="CX1503" s="20">
        <v>0.65516600000000003</v>
      </c>
      <c r="CY1503" s="6" t="s">
        <v>610</v>
      </c>
      <c r="CZ1503" s="6" t="s">
        <v>611</v>
      </c>
      <c r="DA1503" s="6" t="s">
        <v>68</v>
      </c>
      <c r="DB1503" s="6"/>
      <c r="DC1503" s="6"/>
      <c r="DD1503" s="6"/>
      <c r="DE1503" s="6"/>
      <c r="DF1503" s="6"/>
      <c r="DG1503" s="6"/>
      <c r="DH1503" s="6" t="s">
        <v>333</v>
      </c>
      <c r="DI1503" s="6"/>
      <c r="DJ1503" s="6"/>
      <c r="DK1503" s="6"/>
      <c r="DL1503" s="6">
        <v>9</v>
      </c>
      <c r="DM1503" s="6" t="s">
        <v>440</v>
      </c>
      <c r="DN1503" s="6">
        <v>9</v>
      </c>
      <c r="DO1503" s="6" t="s">
        <v>384</v>
      </c>
      <c r="DP1503" s="6"/>
      <c r="DQ1503" s="6"/>
    </row>
    <row r="1504" spans="1:121" x14ac:dyDescent="0.2">
      <c r="A1504" s="6" t="s">
        <v>325</v>
      </c>
      <c r="B1504" s="6" t="s">
        <v>325</v>
      </c>
      <c r="C1504" s="6" t="s">
        <v>193</v>
      </c>
      <c r="D1504" s="6" t="s">
        <v>68</v>
      </c>
      <c r="E1504" s="6" t="s">
        <v>209</v>
      </c>
      <c r="F1504" s="11">
        <v>2</v>
      </c>
      <c r="G1504" s="13">
        <v>1.7241379310299999E-2</v>
      </c>
      <c r="H1504" s="11">
        <v>4.8462741809999983</v>
      </c>
      <c r="I1504" s="13">
        <v>4.1887266189442815E-2</v>
      </c>
      <c r="J1504" s="11">
        <v>7.4396433579999979</v>
      </c>
      <c r="K1504" s="13">
        <v>6.1717087400965709E-2</v>
      </c>
      <c r="L1504" s="11">
        <v>-9.6642627279999971</v>
      </c>
      <c r="M1504" s="13">
        <v>-7.5511522440111709E-2</v>
      </c>
      <c r="N1504" s="11">
        <v>-2.2246193699999992</v>
      </c>
      <c r="O1504" s="13">
        <v>-1.845478626936236E-2</v>
      </c>
      <c r="P1504" s="7">
        <v>115.698030019</v>
      </c>
      <c r="Q1504" s="7">
        <v>118.126032822</v>
      </c>
      <c r="R1504" s="7">
        <v>122.592021405</v>
      </c>
      <c r="S1504" s="7">
        <v>122.04710603700001</v>
      </c>
      <c r="T1504" s="7">
        <v>129.632047954</v>
      </c>
      <c r="U1504" s="7">
        <v>132.541608392</v>
      </c>
      <c r="V1504" s="7">
        <v>120.5443042</v>
      </c>
      <c r="W1504" s="7">
        <v>105.86140459799999</v>
      </c>
      <c r="X1504" s="7">
        <v>120.897990251</v>
      </c>
      <c r="Y1504" s="7">
        <v>127.983947558</v>
      </c>
      <c r="Z1504" s="7">
        <v>127.893050098</v>
      </c>
      <c r="AA1504" s="7">
        <v>131.19917730399999</v>
      </c>
      <c r="AB1504" s="7">
        <v>127.311762101</v>
      </c>
      <c r="AC1504" s="7">
        <v>117.816762305</v>
      </c>
      <c r="AD1504" s="7">
        <v>116.037415276</v>
      </c>
      <c r="AE1504" s="7">
        <v>118.502175413</v>
      </c>
      <c r="AF1504" s="7">
        <v>118.31968483</v>
      </c>
      <c r="AG1504" s="9">
        <v>1551.4210815000006</v>
      </c>
      <c r="AH1504" s="13">
        <v>9.7344132654132193E-2</v>
      </c>
      <c r="AI1504" s="9">
        <v>3366.5236885000013</v>
      </c>
      <c r="AJ1504" s="13">
        <v>0.21123299948958599</v>
      </c>
      <c r="AK1504" s="9">
        <v>-1548.5520560000004</v>
      </c>
      <c r="AL1504" s="13">
        <v>-8.0219177721361154E-2</v>
      </c>
      <c r="AM1504" s="9">
        <v>-266.55055100000027</v>
      </c>
      <c r="AN1504" s="13">
        <v>-1.5012313712367407E-2</v>
      </c>
      <c r="AO1504" s="9">
        <v>-1815.1026070000007</v>
      </c>
      <c r="AP1504" s="13">
        <v>-9.4027215972027345E-2</v>
      </c>
      <c r="AQ1504" s="9">
        <v>15937.489391499999</v>
      </c>
      <c r="AR1504" s="9">
        <v>15465.809375700001</v>
      </c>
      <c r="AS1504" s="9">
        <v>15067.362735999999</v>
      </c>
      <c r="AT1504" s="9">
        <v>15469.473695000001</v>
      </c>
      <c r="AU1504" s="9">
        <v>16439.247616199998</v>
      </c>
      <c r="AV1504" s="9">
        <v>16845.949527299999</v>
      </c>
      <c r="AW1504" s="9">
        <v>19304.013080000001</v>
      </c>
      <c r="AX1504" s="9">
        <v>18439.232192200001</v>
      </c>
      <c r="AY1504" s="9">
        <v>16153.7667547</v>
      </c>
      <c r="AZ1504" s="9">
        <v>17755.461024</v>
      </c>
      <c r="BA1504" s="9">
        <v>16882.6820601</v>
      </c>
      <c r="BB1504" s="9">
        <v>16509.985932899999</v>
      </c>
      <c r="BC1504" s="9">
        <v>16658.632106199999</v>
      </c>
      <c r="BD1504" s="9">
        <v>16369.8780967</v>
      </c>
      <c r="BE1504" s="9">
        <v>17312.929230900001</v>
      </c>
      <c r="BF1504" s="9">
        <v>17488.910473</v>
      </c>
      <c r="BG1504" s="11">
        <v>0</v>
      </c>
      <c r="BH1504" s="13">
        <v>0</v>
      </c>
      <c r="BI1504" s="6">
        <v>-4</v>
      </c>
      <c r="BJ1504" s="13">
        <v>-0.2</v>
      </c>
      <c r="BK1504" s="6">
        <v>9</v>
      </c>
      <c r="BL1504" s="13">
        <v>0.5625</v>
      </c>
      <c r="BM1504" s="11">
        <v>-5</v>
      </c>
      <c r="BN1504" s="13">
        <v>-0.2</v>
      </c>
      <c r="BO1504" s="11">
        <v>4</v>
      </c>
      <c r="BP1504" s="13">
        <v>0.25</v>
      </c>
      <c r="BQ1504" s="6">
        <v>20</v>
      </c>
      <c r="BR1504" s="6">
        <v>18</v>
      </c>
      <c r="BS1504" s="6">
        <v>19</v>
      </c>
      <c r="BT1504" s="6">
        <v>16</v>
      </c>
      <c r="BU1504" s="6">
        <v>17</v>
      </c>
      <c r="BV1504" s="6">
        <v>19</v>
      </c>
      <c r="BW1504" s="6">
        <v>25</v>
      </c>
      <c r="BX1504" s="6">
        <v>26</v>
      </c>
      <c r="BY1504" s="6">
        <v>27</v>
      </c>
      <c r="BZ1504" s="6">
        <v>20</v>
      </c>
      <c r="CA1504" s="6">
        <v>20</v>
      </c>
      <c r="CB1504" s="6">
        <v>21</v>
      </c>
      <c r="CC1504" s="11">
        <v>20</v>
      </c>
      <c r="CD1504" s="11">
        <v>-8.9600600000000004</v>
      </c>
      <c r="CE1504" s="11">
        <v>-1.0654699999999999</v>
      </c>
      <c r="CF1504" s="11">
        <v>12.6472</v>
      </c>
      <c r="CG1504" s="11">
        <v>12</v>
      </c>
      <c r="CH1504" s="20">
        <v>0.74060499999999996</v>
      </c>
      <c r="CI1504" s="20">
        <v>0.78197499999999998</v>
      </c>
      <c r="CJ1504" s="20">
        <v>0.81942800000000005</v>
      </c>
      <c r="CK1504" s="20">
        <v>0.78723900000000002</v>
      </c>
      <c r="CL1504" s="20">
        <v>0.868344</v>
      </c>
      <c r="CM1504" s="20">
        <v>0.92870299999999995</v>
      </c>
      <c r="CN1504" s="20">
        <v>0.85778299999999996</v>
      </c>
      <c r="CO1504" s="20">
        <v>0.76193200000000005</v>
      </c>
      <c r="CP1504" s="20">
        <v>0.93166599999999999</v>
      </c>
      <c r="CQ1504" s="20">
        <v>1.12547</v>
      </c>
      <c r="CR1504" s="20">
        <v>1.1205700000000001</v>
      </c>
      <c r="CS1504" s="20">
        <v>1.13297</v>
      </c>
      <c r="CT1504" s="20">
        <v>1.13795</v>
      </c>
      <c r="CU1504" s="20">
        <v>1.01237</v>
      </c>
      <c r="CV1504" s="20">
        <v>0.95240999999999998</v>
      </c>
      <c r="CW1504" s="20">
        <v>0.97605600000000003</v>
      </c>
      <c r="CX1504" s="20">
        <v>0.97179800000000005</v>
      </c>
      <c r="CY1504" s="6" t="s">
        <v>610</v>
      </c>
      <c r="CZ1504" s="6" t="s">
        <v>611</v>
      </c>
      <c r="DA1504" s="6" t="s">
        <v>68</v>
      </c>
      <c r="DB1504" s="6"/>
      <c r="DC1504" s="6"/>
      <c r="DD1504" s="6"/>
      <c r="DE1504" s="6"/>
      <c r="DF1504" s="6"/>
      <c r="DG1504" s="6"/>
      <c r="DH1504" s="6" t="s">
        <v>333</v>
      </c>
      <c r="DI1504" s="6"/>
      <c r="DJ1504" s="6"/>
      <c r="DK1504" s="6"/>
      <c r="DL1504" s="6">
        <v>9</v>
      </c>
      <c r="DM1504" s="6" t="s">
        <v>440</v>
      </c>
      <c r="DN1504" s="6">
        <v>9</v>
      </c>
      <c r="DO1504" s="6" t="s">
        <v>384</v>
      </c>
      <c r="DP1504" s="6"/>
      <c r="DQ1504" s="6"/>
    </row>
    <row r="1505" spans="1:121" x14ac:dyDescent="0.2">
      <c r="A1505" s="6" t="s">
        <v>327</v>
      </c>
      <c r="B1505" s="6" t="s">
        <v>327</v>
      </c>
      <c r="C1505" s="6" t="s">
        <v>194</v>
      </c>
      <c r="D1505" s="6" t="s">
        <v>68</v>
      </c>
      <c r="E1505" s="6" t="s">
        <v>209</v>
      </c>
      <c r="F1505" s="11">
        <v>-145</v>
      </c>
      <c r="G1505" s="13">
        <v>-0.16840882694500001</v>
      </c>
      <c r="H1505" s="11">
        <v>-73.321569999999952</v>
      </c>
      <c r="I1505" s="13">
        <v>-8.5115259421721642E-2</v>
      </c>
      <c r="J1505" s="11">
        <v>-89.966361000000006</v>
      </c>
      <c r="K1505" s="13">
        <v>-0.11415355519705804</v>
      </c>
      <c r="L1505" s="11">
        <v>17.805508615999997</v>
      </c>
      <c r="M1505" s="13">
        <v>2.5503819420527089E-2</v>
      </c>
      <c r="N1505" s="11">
        <v>-72.160852384000009</v>
      </c>
      <c r="O1505" s="13">
        <v>-9.1561087434487903E-2</v>
      </c>
      <c r="P1505" s="7">
        <v>861.43860099999995</v>
      </c>
      <c r="Q1505" s="7">
        <v>848.91353600000002</v>
      </c>
      <c r="R1505" s="7">
        <v>815.56532600000003</v>
      </c>
      <c r="S1505" s="7">
        <v>798.23599100000001</v>
      </c>
      <c r="T1505" s="7">
        <v>802.12408300000004</v>
      </c>
      <c r="U1505" s="7">
        <v>793.78881100000001</v>
      </c>
      <c r="V1505" s="7">
        <v>788.117031</v>
      </c>
      <c r="W1505" s="7">
        <v>772.17802900000004</v>
      </c>
      <c r="X1505" s="7">
        <v>763.07365700000003</v>
      </c>
      <c r="Y1505" s="7">
        <v>698.15066999999999</v>
      </c>
      <c r="Z1505" s="7">
        <v>692.05336499999999</v>
      </c>
      <c r="AA1505" s="7">
        <v>687.70104100000003</v>
      </c>
      <c r="AB1505" s="7">
        <v>706.74060799999995</v>
      </c>
      <c r="AC1505" s="7">
        <v>706.70533599999999</v>
      </c>
      <c r="AD1505" s="7">
        <v>716.56422099999997</v>
      </c>
      <c r="AE1505" s="7">
        <v>719.94945949999999</v>
      </c>
      <c r="AF1505" s="7">
        <v>715.95617861599999</v>
      </c>
      <c r="AG1505" s="9">
        <v>14065.073477599999</v>
      </c>
      <c r="AH1505" s="13">
        <v>0.5160964495290794</v>
      </c>
      <c r="AI1505" s="9">
        <v>9998.2730372999977</v>
      </c>
      <c r="AJ1505" s="13">
        <v>0.36687140128992385</v>
      </c>
      <c r="AK1505" s="9">
        <v>3786.9231578000035</v>
      </c>
      <c r="AL1505" s="13">
        <v>0.10165943737809874</v>
      </c>
      <c r="AM1505" s="9">
        <v>279.87728249999782</v>
      </c>
      <c r="AN1505" s="13">
        <v>6.8199548312057063E-3</v>
      </c>
      <c r="AO1505" s="9">
        <v>4066.8004403000014</v>
      </c>
      <c r="AP1505" s="13">
        <v>0.10917270498038886</v>
      </c>
      <c r="AQ1505" s="9">
        <v>27252.8003059</v>
      </c>
      <c r="AR1505" s="9">
        <v>28826.411423900001</v>
      </c>
      <c r="AS1505" s="9">
        <v>30947.984681099999</v>
      </c>
      <c r="AT1505" s="9">
        <v>32352.2021198</v>
      </c>
      <c r="AU1505" s="9">
        <v>33718.581029499997</v>
      </c>
      <c r="AV1505" s="9">
        <v>36297.933322800003</v>
      </c>
      <c r="AW1505" s="9">
        <v>37251.073343199998</v>
      </c>
      <c r="AX1505" s="9">
        <v>38343.6681245</v>
      </c>
      <c r="AY1505" s="9">
        <v>40027.246462499999</v>
      </c>
      <c r="AZ1505" s="9">
        <v>41037.996501000001</v>
      </c>
      <c r="BA1505" s="9">
        <v>40521.405339800003</v>
      </c>
      <c r="BB1505" s="9">
        <v>39742.2136646</v>
      </c>
      <c r="BC1505" s="9">
        <v>39796.868200600002</v>
      </c>
      <c r="BD1505" s="9">
        <v>39792.959750599999</v>
      </c>
      <c r="BE1505" s="9">
        <v>40586.585793999999</v>
      </c>
      <c r="BF1505" s="9">
        <v>41317.873783499999</v>
      </c>
      <c r="BG1505" s="11">
        <v>-3.5</v>
      </c>
      <c r="BH1505" s="13">
        <v>-5.6451612903225805E-2</v>
      </c>
      <c r="BI1505" s="6">
        <v>0</v>
      </c>
      <c r="BJ1505" s="13">
        <v>0</v>
      </c>
      <c r="BK1505" s="6">
        <v>-4</v>
      </c>
      <c r="BL1505" s="13">
        <v>-6.4516129032258063E-2</v>
      </c>
      <c r="BM1505" s="11">
        <v>0.5</v>
      </c>
      <c r="BN1505" s="13">
        <v>8.6206896551724137E-3</v>
      </c>
      <c r="BO1505" s="11">
        <v>-3.5</v>
      </c>
      <c r="BP1505" s="13">
        <v>-5.6451612903225805E-2</v>
      </c>
      <c r="BQ1505" s="6">
        <v>62</v>
      </c>
      <c r="BR1505" s="6">
        <v>61</v>
      </c>
      <c r="BS1505" s="6">
        <v>62</v>
      </c>
      <c r="BT1505" s="6">
        <v>62</v>
      </c>
      <c r="BU1505" s="6">
        <v>61</v>
      </c>
      <c r="BV1505" s="6">
        <v>62</v>
      </c>
      <c r="BW1505" s="6">
        <v>58</v>
      </c>
      <c r="BX1505" s="6">
        <v>57</v>
      </c>
      <c r="BY1505" s="6">
        <v>58</v>
      </c>
      <c r="BZ1505" s="6">
        <v>59</v>
      </c>
      <c r="CA1505" s="6">
        <v>58</v>
      </c>
      <c r="CB1505" s="6">
        <v>58</v>
      </c>
      <c r="CC1505" s="11">
        <v>58.5</v>
      </c>
      <c r="CD1505" s="11">
        <v>-189.14699999999999</v>
      </c>
      <c r="CE1505" s="11">
        <v>-50.5015</v>
      </c>
      <c r="CF1505" s="11">
        <v>94.165599999999998</v>
      </c>
      <c r="CG1505" s="11">
        <v>43</v>
      </c>
      <c r="CH1505" s="20">
        <v>1.66001</v>
      </c>
      <c r="CI1505" s="20">
        <v>1.68842</v>
      </c>
      <c r="CJ1505" s="20">
        <v>1.64994</v>
      </c>
      <c r="CK1505" s="20">
        <v>1.5696699999999999</v>
      </c>
      <c r="CL1505" s="20">
        <v>1.6417900000000001</v>
      </c>
      <c r="CM1505" s="20">
        <v>1.7107300000000001</v>
      </c>
      <c r="CN1505" s="20">
        <v>1.73732</v>
      </c>
      <c r="CO1505" s="20">
        <v>1.7044600000000001</v>
      </c>
      <c r="CP1505" s="20">
        <v>1.7832600000000001</v>
      </c>
      <c r="CQ1505" s="20">
        <v>1.8511500000000001</v>
      </c>
      <c r="CR1505" s="20">
        <v>1.8712</v>
      </c>
      <c r="CS1505" s="20">
        <v>1.8948</v>
      </c>
      <c r="CT1505" s="20">
        <v>1.91442</v>
      </c>
      <c r="CU1505" s="20">
        <v>1.8751199999999999</v>
      </c>
      <c r="CV1505" s="20">
        <v>1.8317000000000001</v>
      </c>
      <c r="CW1505" s="20">
        <v>1.85615</v>
      </c>
      <c r="CX1505" s="20">
        <v>1.8534999999999999</v>
      </c>
      <c r="CY1505" s="6" t="s">
        <v>610</v>
      </c>
      <c r="CZ1505" s="6" t="s">
        <v>611</v>
      </c>
      <c r="DA1505" s="6" t="s">
        <v>68</v>
      </c>
      <c r="DB1505" s="6"/>
      <c r="DC1505" s="6"/>
      <c r="DD1505" s="6"/>
      <c r="DE1505" s="6"/>
      <c r="DF1505" s="6"/>
      <c r="DG1505" s="6"/>
      <c r="DH1505" s="6" t="s">
        <v>333</v>
      </c>
      <c r="DI1505" s="6"/>
      <c r="DJ1505" s="6"/>
      <c r="DK1505" s="6"/>
      <c r="DL1505" s="6">
        <v>9</v>
      </c>
      <c r="DM1505" s="6" t="s">
        <v>440</v>
      </c>
      <c r="DN1505" s="6">
        <v>9</v>
      </c>
      <c r="DO1505" s="6" t="s">
        <v>384</v>
      </c>
      <c r="DP1505" s="6"/>
      <c r="DQ1505" s="6"/>
    </row>
    <row r="1506" spans="1:121" x14ac:dyDescent="0.2">
      <c r="A1506" s="6" t="s">
        <v>1</v>
      </c>
      <c r="B1506" s="6" t="s">
        <v>1</v>
      </c>
      <c r="C1506" s="6" t="s">
        <v>2</v>
      </c>
      <c r="D1506" s="6" t="s">
        <v>98</v>
      </c>
      <c r="E1506" s="6" t="s">
        <v>239</v>
      </c>
      <c r="F1506" s="11">
        <v>32</v>
      </c>
      <c r="G1506" s="13">
        <v>0.20253164557</v>
      </c>
      <c r="H1506" s="11">
        <v>50.663042484000016</v>
      </c>
      <c r="I1506" s="13">
        <v>0.32037673315070819</v>
      </c>
      <c r="J1506" s="11">
        <v>-116.80164253310001</v>
      </c>
      <c r="K1506" s="13">
        <v>-0.55939784478009369</v>
      </c>
      <c r="L1506" s="11">
        <v>98.282437665100005</v>
      </c>
      <c r="M1506" s="13">
        <v>1.0683194642579703</v>
      </c>
      <c r="N1506" s="11">
        <v>-18.519204868000003</v>
      </c>
      <c r="O1506" s="13">
        <v>-8.869398636465621E-2</v>
      </c>
      <c r="P1506" s="7">
        <v>158.135835851</v>
      </c>
      <c r="Q1506" s="7">
        <v>203.09277136399999</v>
      </c>
      <c r="R1506" s="7">
        <v>207.89286711400001</v>
      </c>
      <c r="S1506" s="7">
        <v>183.36678285599999</v>
      </c>
      <c r="T1506" s="7">
        <v>204.09792745799999</v>
      </c>
      <c r="U1506" s="7">
        <v>182.259389462</v>
      </c>
      <c r="V1506" s="7">
        <v>208.79887833500001</v>
      </c>
      <c r="W1506" s="7">
        <v>166.95187498300001</v>
      </c>
      <c r="X1506" s="7">
        <v>158.42282516899999</v>
      </c>
      <c r="Y1506" s="7">
        <v>91.997235801900004</v>
      </c>
      <c r="Z1506" s="7">
        <v>110.893027997</v>
      </c>
      <c r="AA1506" s="7">
        <v>124.754570422</v>
      </c>
      <c r="AB1506" s="7">
        <v>130.44662731099999</v>
      </c>
      <c r="AC1506" s="7">
        <v>151.551177776</v>
      </c>
      <c r="AD1506" s="7">
        <v>179.031685917</v>
      </c>
      <c r="AE1506" s="7">
        <v>186.292927445</v>
      </c>
      <c r="AF1506" s="7">
        <v>190.27967346700001</v>
      </c>
      <c r="AG1506" s="9">
        <v>10012.249156500002</v>
      </c>
      <c r="AH1506" s="13">
        <v>0.51409869761342675</v>
      </c>
      <c r="AI1506" s="9">
        <v>1436.6517155000001</v>
      </c>
      <c r="AJ1506" s="13">
        <v>7.3767718353588418E-2</v>
      </c>
      <c r="AK1506" s="9">
        <v>2363.200349900002</v>
      </c>
      <c r="AL1506" s="13">
        <v>0.11300692409113292</v>
      </c>
      <c r="AM1506" s="9">
        <v>6212.3970910999997</v>
      </c>
      <c r="AN1506" s="13">
        <v>0.2669106195758692</v>
      </c>
      <c r="AO1506" s="9">
        <v>8575.5974410000017</v>
      </c>
      <c r="AP1506" s="13">
        <v>0.41008029179252958</v>
      </c>
      <c r="AQ1506" s="9">
        <v>19475.344331699998</v>
      </c>
      <c r="AR1506" s="9">
        <v>19833.368085300001</v>
      </c>
      <c r="AS1506" s="9">
        <v>19964.8560985</v>
      </c>
      <c r="AT1506" s="9">
        <v>20526.600203000002</v>
      </c>
      <c r="AU1506" s="9">
        <v>20479.3489782</v>
      </c>
      <c r="AV1506" s="9">
        <v>21093.288401500002</v>
      </c>
      <c r="AW1506" s="9">
        <v>20911.996047199998</v>
      </c>
      <c r="AX1506" s="9">
        <v>22743.602169099999</v>
      </c>
      <c r="AY1506" s="9">
        <v>21717.5297531</v>
      </c>
      <c r="AZ1506" s="9">
        <v>23275.1963971</v>
      </c>
      <c r="BA1506" s="9">
        <v>25150.261262700002</v>
      </c>
      <c r="BB1506" s="9">
        <v>25908.928263999998</v>
      </c>
      <c r="BC1506" s="9">
        <v>26887.783431899999</v>
      </c>
      <c r="BD1506" s="9">
        <v>27939.726584100001</v>
      </c>
      <c r="BE1506" s="9">
        <v>29121.903586699998</v>
      </c>
      <c r="BF1506" s="9">
        <v>29487.5934882</v>
      </c>
      <c r="BG1506" s="11">
        <v>2</v>
      </c>
      <c r="BH1506" s="13">
        <v>0.16666666666666666</v>
      </c>
      <c r="BI1506" s="6">
        <v>4</v>
      </c>
      <c r="BJ1506" s="13">
        <v>0.33333333333333331</v>
      </c>
      <c r="BK1506" s="6">
        <v>-2</v>
      </c>
      <c r="BL1506" s="13">
        <v>-0.125</v>
      </c>
      <c r="BM1506" s="11">
        <v>0</v>
      </c>
      <c r="BN1506" s="13">
        <v>0</v>
      </c>
      <c r="BO1506" s="11">
        <v>-2</v>
      </c>
      <c r="BP1506" s="13">
        <v>-0.125</v>
      </c>
      <c r="BQ1506" s="6">
        <v>12</v>
      </c>
      <c r="BR1506" s="6">
        <v>12</v>
      </c>
      <c r="BS1506" s="6">
        <v>14</v>
      </c>
      <c r="BT1506" s="6">
        <v>16</v>
      </c>
      <c r="BU1506" s="6">
        <v>16</v>
      </c>
      <c r="BV1506" s="6">
        <v>19</v>
      </c>
      <c r="BW1506" s="6">
        <v>14</v>
      </c>
      <c r="BX1506" s="6">
        <v>10</v>
      </c>
      <c r="BY1506" s="6">
        <v>11</v>
      </c>
      <c r="BZ1506" s="6">
        <v>12</v>
      </c>
      <c r="CA1506" s="6">
        <v>10</v>
      </c>
      <c r="CB1506" s="6">
        <v>13</v>
      </c>
      <c r="CC1506" s="11">
        <v>14</v>
      </c>
      <c r="CD1506" s="11">
        <v>29.275500000000001</v>
      </c>
      <c r="CE1506" s="11">
        <v>-14.4178</v>
      </c>
      <c r="CF1506" s="11">
        <v>17.286200000000001</v>
      </c>
      <c r="CG1506" s="11">
        <v>3</v>
      </c>
      <c r="CH1506" s="20">
        <v>2.8664999999999998</v>
      </c>
      <c r="CI1506" s="20">
        <v>3.6046800000000001</v>
      </c>
      <c r="CJ1506" s="20">
        <v>3.7164600000000001</v>
      </c>
      <c r="CK1506" s="20">
        <v>3.2978100000000001</v>
      </c>
      <c r="CL1506" s="20">
        <v>3.7715999999999998</v>
      </c>
      <c r="CM1506" s="20">
        <v>3.4721299999999999</v>
      </c>
      <c r="CN1506" s="20">
        <v>4.1657900000000003</v>
      </c>
      <c r="CO1506" s="20">
        <v>3.55315</v>
      </c>
      <c r="CP1506" s="20">
        <v>3.45749</v>
      </c>
      <c r="CQ1506" s="20">
        <v>2.0202</v>
      </c>
      <c r="CR1506" s="20">
        <v>2.5045899999999999</v>
      </c>
      <c r="CS1506" s="20">
        <v>2.8324500000000001</v>
      </c>
      <c r="CT1506" s="20">
        <v>3.0249799999999998</v>
      </c>
      <c r="CU1506" s="20">
        <v>3.55078</v>
      </c>
      <c r="CV1506" s="20">
        <v>4.1866199999999996</v>
      </c>
      <c r="CW1506" s="20">
        <v>4.33847</v>
      </c>
      <c r="CX1506" s="20">
        <v>4.4453500000000004</v>
      </c>
      <c r="CY1506" s="6" t="s">
        <v>612</v>
      </c>
      <c r="CZ1506" s="6" t="s">
        <v>613</v>
      </c>
      <c r="DA1506" s="6" t="s">
        <v>98</v>
      </c>
      <c r="DB1506" s="6"/>
      <c r="DC1506" s="6"/>
      <c r="DD1506" s="6"/>
      <c r="DE1506" s="6"/>
      <c r="DF1506" s="6"/>
      <c r="DG1506" s="6"/>
      <c r="DH1506" s="6" t="s">
        <v>333</v>
      </c>
      <c r="DI1506" s="6"/>
      <c r="DJ1506" s="6"/>
      <c r="DK1506" s="6"/>
      <c r="DL1506" s="6">
        <v>4</v>
      </c>
      <c r="DM1506" s="6" t="s">
        <v>446</v>
      </c>
      <c r="DN1506" s="6">
        <v>6</v>
      </c>
      <c r="DO1506" s="6" t="s">
        <v>393</v>
      </c>
      <c r="DP1506" s="6"/>
      <c r="DQ1506" s="6"/>
    </row>
    <row r="1507" spans="1:121" x14ac:dyDescent="0.2">
      <c r="A1507" s="6" t="s">
        <v>310</v>
      </c>
      <c r="B1507" s="6" t="s">
        <v>310</v>
      </c>
      <c r="C1507" s="6" t="s">
        <v>173</v>
      </c>
      <c r="D1507" s="6" t="s">
        <v>98</v>
      </c>
      <c r="E1507" s="6" t="s">
        <v>239</v>
      </c>
      <c r="F1507" s="11">
        <v>9</v>
      </c>
      <c r="G1507" s="13">
        <v>0.81818181818199998</v>
      </c>
      <c r="H1507" s="11">
        <v>-0.79367587890000024</v>
      </c>
      <c r="I1507" s="13">
        <v>-7.0752622122463318E-2</v>
      </c>
      <c r="J1507" s="11">
        <v>-0.36701599999999956</v>
      </c>
      <c r="K1507" s="13">
        <v>-3.520894494616332E-2</v>
      </c>
      <c r="L1507" s="11">
        <v>9.9547457549999976</v>
      </c>
      <c r="M1507" s="13">
        <v>0.98983981337836213</v>
      </c>
      <c r="N1507" s="11">
        <v>9.587729754999998</v>
      </c>
      <c r="O1507" s="13">
        <v>0.91977965293743935</v>
      </c>
      <c r="P1507" s="7">
        <v>11.217617878900001</v>
      </c>
      <c r="Q1507" s="7">
        <v>14.667383811800001</v>
      </c>
      <c r="R1507" s="7">
        <v>16.686809698099999</v>
      </c>
      <c r="S1507" s="7">
        <v>16.451460555200001</v>
      </c>
      <c r="T1507" s="7">
        <v>18.283995374900002</v>
      </c>
      <c r="U1507" s="7">
        <v>14.701511121299999</v>
      </c>
      <c r="V1507" s="7">
        <v>10.423942</v>
      </c>
      <c r="W1507" s="7">
        <v>12.820641</v>
      </c>
      <c r="X1507" s="7">
        <v>5</v>
      </c>
      <c r="Y1507" s="7">
        <v>10.056926000000001</v>
      </c>
      <c r="Z1507" s="7">
        <v>17.830521999999998</v>
      </c>
      <c r="AA1507" s="7">
        <v>16.862881999999999</v>
      </c>
      <c r="AB1507" s="7">
        <v>13.115249</v>
      </c>
      <c r="AC1507" s="7">
        <v>16.060599</v>
      </c>
      <c r="AD1507" s="7">
        <v>18.909510000000001</v>
      </c>
      <c r="AE1507" s="7">
        <v>18.583330249999999</v>
      </c>
      <c r="AF1507" s="7">
        <v>20.011671754999998</v>
      </c>
      <c r="AG1507" s="9">
        <v>34538.855960300003</v>
      </c>
      <c r="AH1507" s="13">
        <v>1.0564127745253382</v>
      </c>
      <c r="AI1507" s="9">
        <v>975.07663810000304</v>
      </c>
      <c r="AJ1507" s="13">
        <v>2.9823900878884705E-2</v>
      </c>
      <c r="AK1507" s="9">
        <v>-1605.7848192000019</v>
      </c>
      <c r="AL1507" s="13">
        <v>-4.7692498732250795E-2</v>
      </c>
      <c r="AM1507" s="9">
        <v>35169.564141400006</v>
      </c>
      <c r="AN1507" s="13">
        <v>1.0968633105676684</v>
      </c>
      <c r="AO1507" s="9">
        <v>33563.779322200004</v>
      </c>
      <c r="AP1507" s="13">
        <v>0.99685865978671684</v>
      </c>
      <c r="AQ1507" s="9">
        <v>32694.470185499998</v>
      </c>
      <c r="AR1507" s="9">
        <v>31068.796155</v>
      </c>
      <c r="AS1507" s="9">
        <v>32265.959416500002</v>
      </c>
      <c r="AT1507" s="9">
        <v>35094.736698699999</v>
      </c>
      <c r="AU1507" s="9">
        <v>34636.788906900001</v>
      </c>
      <c r="AV1507" s="9">
        <v>31980.669063500001</v>
      </c>
      <c r="AW1507" s="9">
        <v>33669.546823600002</v>
      </c>
      <c r="AX1507" s="9">
        <v>27893.582877100001</v>
      </c>
      <c r="AY1507" s="9">
        <v>1</v>
      </c>
      <c r="AZ1507" s="9">
        <v>32063.7620044</v>
      </c>
      <c r="BA1507" s="9">
        <v>51755.9101907</v>
      </c>
      <c r="BB1507" s="9">
        <v>59546.286915600002</v>
      </c>
      <c r="BC1507" s="9">
        <v>66674.645120700006</v>
      </c>
      <c r="BD1507" s="9">
        <v>64774.249224699997</v>
      </c>
      <c r="BE1507" s="9">
        <v>64163.578913099998</v>
      </c>
      <c r="BF1507" s="9">
        <v>67233.326145800005</v>
      </c>
      <c r="BG1507" s="11">
        <v>0</v>
      </c>
      <c r="BH1507" s="13">
        <v>0</v>
      </c>
      <c r="BI1507" s="6">
        <v>-1</v>
      </c>
      <c r="BJ1507" s="13">
        <v>-0.25</v>
      </c>
      <c r="BK1507" s="6">
        <v>-1</v>
      </c>
      <c r="BL1507" s="13">
        <v>-0.33333333333333331</v>
      </c>
      <c r="BM1507" s="11">
        <v>2</v>
      </c>
      <c r="BN1507" s="13">
        <v>1</v>
      </c>
      <c r="BO1507" s="11">
        <v>1</v>
      </c>
      <c r="BP1507" s="13">
        <v>0.33333333333333331</v>
      </c>
      <c r="BQ1507" s="6">
        <v>4</v>
      </c>
      <c r="BR1507" s="6">
        <v>3</v>
      </c>
      <c r="BS1507" s="6">
        <v>3</v>
      </c>
      <c r="BT1507" s="6">
        <v>3</v>
      </c>
      <c r="BU1507" s="6">
        <v>2</v>
      </c>
      <c r="BV1507" s="6">
        <v>1</v>
      </c>
      <c r="BW1507" s="6">
        <v>2</v>
      </c>
      <c r="BX1507" s="6">
        <v>4</v>
      </c>
      <c r="BY1507" s="6">
        <v>4</v>
      </c>
      <c r="BZ1507" s="6">
        <v>3</v>
      </c>
      <c r="CA1507" s="6">
        <v>3</v>
      </c>
      <c r="CB1507" s="6">
        <v>4</v>
      </c>
      <c r="CC1507" s="11">
        <v>4</v>
      </c>
      <c r="CD1507" s="11">
        <v>6.4040299999999997</v>
      </c>
      <c r="CE1507" s="11">
        <v>1.1637999999999999</v>
      </c>
      <c r="CF1507" s="11">
        <v>1.2262200000000001</v>
      </c>
      <c r="CG1507" s="11">
        <v>2</v>
      </c>
      <c r="CH1507" s="20">
        <v>0.71668799999999999</v>
      </c>
      <c r="CI1507" s="20">
        <v>0.95845899999999995</v>
      </c>
      <c r="CJ1507" s="20">
        <v>1.1138399999999999</v>
      </c>
      <c r="CK1507" s="20">
        <v>1.06898</v>
      </c>
      <c r="CL1507" s="20">
        <v>1.1389199999999999</v>
      </c>
      <c r="CM1507" s="20">
        <v>0.856989</v>
      </c>
      <c r="CN1507" s="20">
        <v>0.59052899999999997</v>
      </c>
      <c r="CO1507" s="20">
        <v>0.69902500000000001</v>
      </c>
      <c r="CP1507" s="20">
        <v>0.33686100000000002</v>
      </c>
      <c r="CQ1507" s="20">
        <v>0.60947700000000005</v>
      </c>
      <c r="CR1507" s="20">
        <v>1.0004900000000001</v>
      </c>
      <c r="CS1507" s="20">
        <v>0.88267300000000004</v>
      </c>
      <c r="CT1507" s="20">
        <v>0.69587399999999999</v>
      </c>
      <c r="CU1507" s="20">
        <v>0.84492999999999996</v>
      </c>
      <c r="CV1507" s="20">
        <v>1.12229</v>
      </c>
      <c r="CW1507" s="20">
        <v>1.2928999999999999</v>
      </c>
      <c r="CX1507" s="20">
        <v>1.3830199999999999</v>
      </c>
      <c r="CY1507" s="6" t="s">
        <v>612</v>
      </c>
      <c r="CZ1507" s="6" t="s">
        <v>613</v>
      </c>
      <c r="DA1507" s="6" t="s">
        <v>98</v>
      </c>
      <c r="DB1507" s="6"/>
      <c r="DC1507" s="6"/>
      <c r="DD1507" s="6"/>
      <c r="DE1507" s="6"/>
      <c r="DF1507" s="6"/>
      <c r="DG1507" s="6"/>
      <c r="DH1507" s="6" t="s">
        <v>333</v>
      </c>
      <c r="DI1507" s="6"/>
      <c r="DJ1507" s="6"/>
      <c r="DK1507" s="6"/>
      <c r="DL1507" s="6">
        <v>4</v>
      </c>
      <c r="DM1507" s="6" t="s">
        <v>446</v>
      </c>
      <c r="DN1507" s="6">
        <v>6</v>
      </c>
      <c r="DO1507" s="6" t="s">
        <v>393</v>
      </c>
      <c r="DP1507" s="6"/>
      <c r="DQ1507" s="6"/>
    </row>
    <row r="1508" spans="1:121" x14ac:dyDescent="0.2">
      <c r="A1508" s="6" t="s">
        <v>311</v>
      </c>
      <c r="B1508" s="6" t="s">
        <v>311</v>
      </c>
      <c r="C1508" s="6" t="s">
        <v>174</v>
      </c>
      <c r="D1508" s="6" t="s">
        <v>98</v>
      </c>
      <c r="E1508" s="6" t="s">
        <v>239</v>
      </c>
      <c r="F1508" s="11">
        <v>14</v>
      </c>
      <c r="G1508" s="13">
        <v>1.1666666666700001</v>
      </c>
      <c r="H1508" s="11">
        <v>-6.8255119999999998</v>
      </c>
      <c r="I1508" s="13">
        <v>-0.57718532609835416</v>
      </c>
      <c r="J1508" s="11">
        <v>6.9626070000000002</v>
      </c>
      <c r="K1508" s="13">
        <v>1.3925213999999999</v>
      </c>
      <c r="L1508" s="11">
        <v>14.392574439100001</v>
      </c>
      <c r="M1508" s="13">
        <v>1.2031302574012503</v>
      </c>
      <c r="N1508" s="11">
        <v>21.355181439100001</v>
      </c>
      <c r="O1508" s="13">
        <v>4.2710362878200003</v>
      </c>
      <c r="P1508" s="7">
        <v>11.825512</v>
      </c>
      <c r="Q1508" s="7">
        <v>5</v>
      </c>
      <c r="R1508" s="7">
        <v>11.604028</v>
      </c>
      <c r="S1508" s="7">
        <v>10.776612999999999</v>
      </c>
      <c r="T1508" s="7">
        <v>15.578063999999999</v>
      </c>
      <c r="U1508" s="7">
        <v>13.375792000000001</v>
      </c>
      <c r="V1508" s="7">
        <v>5</v>
      </c>
      <c r="W1508" s="7">
        <v>5</v>
      </c>
      <c r="X1508" s="7">
        <v>5</v>
      </c>
      <c r="Y1508" s="7">
        <v>11.962607</v>
      </c>
      <c r="Z1508" s="7">
        <v>10.354813999999999</v>
      </c>
      <c r="AA1508" s="7">
        <v>17.332122999999999</v>
      </c>
      <c r="AB1508" s="7">
        <v>5</v>
      </c>
      <c r="AC1508" s="7">
        <v>13.8793168051</v>
      </c>
      <c r="AD1508" s="7">
        <v>21.114316047100001</v>
      </c>
      <c r="AE1508" s="7">
        <v>24.1542391011</v>
      </c>
      <c r="AF1508" s="7">
        <v>26.355181439100001</v>
      </c>
      <c r="AG1508" s="9">
        <v>-37330.257782100001</v>
      </c>
      <c r="AH1508" s="13">
        <v>-0.41660744060022281</v>
      </c>
      <c r="AI1508" s="9">
        <v>-89604.355411600001</v>
      </c>
      <c r="AJ1508" s="13">
        <v>-0.99998883995275278</v>
      </c>
      <c r="AK1508" s="9">
        <v>72378.653069000007</v>
      </c>
      <c r="AL1508" s="13">
        <v>72378.653069000007</v>
      </c>
      <c r="AM1508" s="9">
        <v>-20104.555439500007</v>
      </c>
      <c r="AN1508" s="13">
        <v>-0.27776529158455898</v>
      </c>
      <c r="AO1508" s="9">
        <v>52274.0976295</v>
      </c>
      <c r="AP1508" s="13">
        <v>52274.0976295</v>
      </c>
      <c r="AQ1508" s="9">
        <v>89605.355411600001</v>
      </c>
      <c r="AR1508" s="9">
        <v>1</v>
      </c>
      <c r="AS1508" s="9">
        <v>65762.115933199995</v>
      </c>
      <c r="AT1508" s="9">
        <v>71858.146646199995</v>
      </c>
      <c r="AU1508" s="9">
        <v>94625.079096700007</v>
      </c>
      <c r="AV1508" s="9">
        <v>133391.13449999999</v>
      </c>
      <c r="AW1508" s="9">
        <v>1</v>
      </c>
      <c r="AX1508" s="9">
        <v>1</v>
      </c>
      <c r="AY1508" s="9">
        <v>1</v>
      </c>
      <c r="AZ1508" s="9">
        <v>72379.653069000007</v>
      </c>
      <c r="BA1508" s="9">
        <v>79393.561302400005</v>
      </c>
      <c r="BB1508" s="9">
        <v>60526.074116999996</v>
      </c>
      <c r="BC1508" s="9">
        <v>1</v>
      </c>
      <c r="BD1508" s="9">
        <v>72793.634142700001</v>
      </c>
      <c r="BE1508" s="9">
        <v>57065.731763999996</v>
      </c>
      <c r="BF1508" s="9">
        <v>52275.0976295</v>
      </c>
      <c r="BG1508" s="11">
        <v>0</v>
      </c>
      <c r="BH1508" s="13">
        <v>0</v>
      </c>
      <c r="BI1508" s="6">
        <v>-1</v>
      </c>
      <c r="BJ1508" s="13">
        <v>-0.5</v>
      </c>
      <c r="BK1508" s="6">
        <v>1</v>
      </c>
      <c r="BL1508" s="13">
        <v>1</v>
      </c>
      <c r="BM1508" s="11">
        <v>0</v>
      </c>
      <c r="BN1508" s="13">
        <v>0</v>
      </c>
      <c r="BO1508" s="11">
        <v>1</v>
      </c>
      <c r="BP1508" s="13">
        <v>1</v>
      </c>
      <c r="BQ1508" s="6">
        <v>2</v>
      </c>
      <c r="BR1508" s="6">
        <v>2</v>
      </c>
      <c r="BS1508" s="6">
        <v>2</v>
      </c>
      <c r="BT1508" s="6">
        <v>1</v>
      </c>
      <c r="BU1508" s="6">
        <v>1</v>
      </c>
      <c r="BV1508" s="6">
        <v>2</v>
      </c>
      <c r="BW1508" s="6">
        <v>2</v>
      </c>
      <c r="BX1508" s="6">
        <v>2</v>
      </c>
      <c r="BY1508" s="6">
        <v>2</v>
      </c>
      <c r="BZ1508" s="6">
        <v>2</v>
      </c>
      <c r="CA1508" s="6">
        <v>2</v>
      </c>
      <c r="CB1508" s="6">
        <v>2</v>
      </c>
      <c r="CC1508" s="11">
        <v>2</v>
      </c>
      <c r="CD1508" s="11">
        <v>15.162699999999999</v>
      </c>
      <c r="CE1508" s="11">
        <v>-1.92571</v>
      </c>
      <c r="CF1508" s="11">
        <v>1.29267</v>
      </c>
      <c r="CG1508" s="11">
        <v>-1</v>
      </c>
      <c r="CH1508" s="20">
        <v>0.68957100000000005</v>
      </c>
      <c r="CI1508" s="20">
        <v>0.47850999999999999</v>
      </c>
      <c r="CJ1508" s="20">
        <v>0.69136699999999995</v>
      </c>
      <c r="CK1508" s="20">
        <v>0.66352299999999997</v>
      </c>
      <c r="CL1508" s="20">
        <v>1.0157499999999999</v>
      </c>
      <c r="CM1508" s="20">
        <v>0.90382399999999996</v>
      </c>
      <c r="CN1508" s="20">
        <v>0.58684000000000003</v>
      </c>
      <c r="CO1508" s="20">
        <v>0.26622299999999999</v>
      </c>
      <c r="CP1508" s="20">
        <v>0.49365199999999998</v>
      </c>
      <c r="CQ1508" s="20">
        <v>0.87732699999999997</v>
      </c>
      <c r="CR1508" s="20">
        <v>0.78777299999999995</v>
      </c>
      <c r="CS1508" s="20">
        <v>1.34293</v>
      </c>
      <c r="CT1508" s="20">
        <v>0.58701000000000003</v>
      </c>
      <c r="CU1508" s="20">
        <v>1.13191</v>
      </c>
      <c r="CV1508" s="20">
        <v>1.72119</v>
      </c>
      <c r="CW1508" s="20">
        <v>1.9583900000000001</v>
      </c>
      <c r="CX1508" s="20">
        <v>2.1306699999999998</v>
      </c>
      <c r="CY1508" s="6" t="s">
        <v>612</v>
      </c>
      <c r="CZ1508" s="6" t="s">
        <v>613</v>
      </c>
      <c r="DA1508" s="6" t="s">
        <v>98</v>
      </c>
      <c r="DB1508" s="6"/>
      <c r="DC1508" s="6"/>
      <c r="DD1508" s="6"/>
      <c r="DE1508" s="6"/>
      <c r="DF1508" s="6"/>
      <c r="DG1508" s="6"/>
      <c r="DH1508" s="6" t="s">
        <v>333</v>
      </c>
      <c r="DI1508" s="6"/>
      <c r="DJ1508" s="6"/>
      <c r="DK1508" s="6"/>
      <c r="DL1508" s="6">
        <v>4</v>
      </c>
      <c r="DM1508" s="6" t="s">
        <v>446</v>
      </c>
      <c r="DN1508" s="6">
        <v>6</v>
      </c>
      <c r="DO1508" s="6" t="s">
        <v>393</v>
      </c>
      <c r="DP1508" s="6"/>
      <c r="DQ1508" s="6"/>
    </row>
    <row r="1509" spans="1:121" x14ac:dyDescent="0.2">
      <c r="A1509" s="6" t="s">
        <v>312</v>
      </c>
      <c r="B1509" s="6" t="s">
        <v>312</v>
      </c>
      <c r="C1509" s="6" t="s">
        <v>175</v>
      </c>
      <c r="D1509" s="6" t="s">
        <v>98</v>
      </c>
      <c r="E1509" s="6" t="s">
        <v>239</v>
      </c>
      <c r="F1509" s="11">
        <v>-66</v>
      </c>
      <c r="G1509" s="13">
        <v>-0.16019417475700001</v>
      </c>
      <c r="H1509" s="11">
        <v>37.416634015999989</v>
      </c>
      <c r="I1509" s="13">
        <v>9.0835885543028655E-2</v>
      </c>
      <c r="J1509" s="11">
        <v>-108.06835245799999</v>
      </c>
      <c r="K1509" s="13">
        <v>-0.24050928783915657</v>
      </c>
      <c r="L1509" s="11">
        <v>4.7690833180000141</v>
      </c>
      <c r="M1509" s="13">
        <v>1.3974805251218431E-2</v>
      </c>
      <c r="N1509" s="11">
        <v>-103.29926913999998</v>
      </c>
      <c r="O1509" s="13">
        <v>-0.22989555304659959</v>
      </c>
      <c r="P1509" s="7">
        <v>411.91467218399998</v>
      </c>
      <c r="Q1509" s="7">
        <v>488.823070632</v>
      </c>
      <c r="R1509" s="7">
        <v>432.46067511899997</v>
      </c>
      <c r="S1509" s="7">
        <v>421.56991049300001</v>
      </c>
      <c r="T1509" s="7">
        <v>442.95414493200002</v>
      </c>
      <c r="U1509" s="7">
        <v>452.25992840100002</v>
      </c>
      <c r="V1509" s="7">
        <v>449.33130619999997</v>
      </c>
      <c r="W1509" s="7">
        <v>390.62681245499999</v>
      </c>
      <c r="X1509" s="7">
        <v>346.73265057200001</v>
      </c>
      <c r="Y1509" s="7">
        <v>341.26295374199998</v>
      </c>
      <c r="Z1509" s="7">
        <v>326.68736056900002</v>
      </c>
      <c r="AA1509" s="7">
        <v>305.485814506</v>
      </c>
      <c r="AB1509" s="7">
        <v>296.65303161000003</v>
      </c>
      <c r="AC1509" s="7">
        <v>308.97892415600001</v>
      </c>
      <c r="AD1509" s="7">
        <v>339.71835063100002</v>
      </c>
      <c r="AE1509" s="7">
        <v>343.01325856</v>
      </c>
      <c r="AF1509" s="7">
        <v>346.03203705999999</v>
      </c>
      <c r="AG1509" s="9">
        <v>7865.7203286999975</v>
      </c>
      <c r="AH1509" s="13">
        <v>0.27097697936658466</v>
      </c>
      <c r="AI1509" s="9">
        <v>6961.7559880000008</v>
      </c>
      <c r="AJ1509" s="13">
        <v>0.23983507293441489</v>
      </c>
      <c r="AK1509" s="9">
        <v>-2837.4435236999998</v>
      </c>
      <c r="AL1509" s="13">
        <v>-7.8841922384434118E-2</v>
      </c>
      <c r="AM1509" s="9">
        <v>3741.4078643999965</v>
      </c>
      <c r="AN1509" s="13">
        <v>0.11285761520183324</v>
      </c>
      <c r="AO1509" s="9">
        <v>903.96434069999668</v>
      </c>
      <c r="AP1509" s="13">
        <v>2.5117781479163857E-2</v>
      </c>
      <c r="AQ1509" s="9">
        <v>29027.264039500002</v>
      </c>
      <c r="AR1509" s="9">
        <v>30767.754543999999</v>
      </c>
      <c r="AS1509" s="9">
        <v>29800.458143100001</v>
      </c>
      <c r="AT1509" s="9">
        <v>32317.335117400002</v>
      </c>
      <c r="AU1509" s="9">
        <v>32827.433760599997</v>
      </c>
      <c r="AV1509" s="9">
        <v>33467.104243599999</v>
      </c>
      <c r="AW1509" s="9">
        <v>35989.020027500002</v>
      </c>
      <c r="AX1509" s="9">
        <v>32515.026692399999</v>
      </c>
      <c r="AY1509" s="9">
        <v>32306.606344799999</v>
      </c>
      <c r="AZ1509" s="9">
        <v>33151.576503800003</v>
      </c>
      <c r="BA1509" s="9">
        <v>32520.797788100001</v>
      </c>
      <c r="BB1509" s="9">
        <v>33579.640395299997</v>
      </c>
      <c r="BC1509" s="9">
        <v>35433.116898100001</v>
      </c>
      <c r="BD1509" s="9">
        <v>35577.380010699999</v>
      </c>
      <c r="BE1509" s="9">
        <v>36792.9011073</v>
      </c>
      <c r="BF1509" s="9">
        <v>36892.984368199999</v>
      </c>
      <c r="BG1509" s="11">
        <v>-17</v>
      </c>
      <c r="BH1509" s="13">
        <v>-0.2982456140350877</v>
      </c>
      <c r="BI1509" s="6">
        <v>-7</v>
      </c>
      <c r="BJ1509" s="13">
        <v>-0.12280701754385964</v>
      </c>
      <c r="BK1509" s="6">
        <v>-5</v>
      </c>
      <c r="BL1509" s="13">
        <v>-0.1</v>
      </c>
      <c r="BM1509" s="11">
        <v>-5</v>
      </c>
      <c r="BN1509" s="13">
        <v>-0.1111111111111111</v>
      </c>
      <c r="BO1509" s="11">
        <v>-10</v>
      </c>
      <c r="BP1509" s="13">
        <v>-0.2</v>
      </c>
      <c r="BQ1509" s="6">
        <v>57</v>
      </c>
      <c r="BR1509" s="6">
        <v>54</v>
      </c>
      <c r="BS1509" s="6">
        <v>53</v>
      </c>
      <c r="BT1509" s="6">
        <v>50</v>
      </c>
      <c r="BU1509" s="6">
        <v>48</v>
      </c>
      <c r="BV1509" s="6">
        <v>45</v>
      </c>
      <c r="BW1509" s="6">
        <v>45</v>
      </c>
      <c r="BX1509" s="6">
        <v>42</v>
      </c>
      <c r="BY1509" s="6">
        <v>38</v>
      </c>
      <c r="BZ1509" s="6">
        <v>40</v>
      </c>
      <c r="CA1509" s="6">
        <v>40</v>
      </c>
      <c r="CB1509" s="6">
        <v>41</v>
      </c>
      <c r="CC1509" s="11">
        <v>40</v>
      </c>
      <c r="CD1509" s="11">
        <v>-61.016500000000001</v>
      </c>
      <c r="CE1509" s="11">
        <v>-49.893300000000004</v>
      </c>
      <c r="CF1509" s="11">
        <v>45.027200000000001</v>
      </c>
      <c r="CG1509" s="11">
        <v>-5</v>
      </c>
      <c r="CH1509" s="20">
        <v>1.6560299999999999</v>
      </c>
      <c r="CI1509" s="20">
        <v>1.9173199999999999</v>
      </c>
      <c r="CJ1509" s="20">
        <v>1.6858599999999999</v>
      </c>
      <c r="CK1509" s="20">
        <v>1.5923499999999999</v>
      </c>
      <c r="CL1509" s="20">
        <v>1.65191</v>
      </c>
      <c r="CM1509" s="20">
        <v>1.6646000000000001</v>
      </c>
      <c r="CN1509" s="20">
        <v>1.7316800000000001</v>
      </c>
      <c r="CO1509" s="20">
        <v>1.6505300000000001</v>
      </c>
      <c r="CP1509" s="20">
        <v>1.70916</v>
      </c>
      <c r="CQ1509" s="20">
        <v>1.8298300000000001</v>
      </c>
      <c r="CR1509" s="20">
        <v>1.8362099999999999</v>
      </c>
      <c r="CS1509" s="20">
        <v>1.73228</v>
      </c>
      <c r="CT1509" s="20">
        <v>1.6973</v>
      </c>
      <c r="CU1509" s="20">
        <v>1.74488</v>
      </c>
      <c r="CV1509" s="20">
        <v>1.86452</v>
      </c>
      <c r="CW1509" s="20">
        <v>1.8338399999999999</v>
      </c>
      <c r="CX1509" s="20">
        <v>1.8472900000000001</v>
      </c>
      <c r="CY1509" s="6" t="s">
        <v>612</v>
      </c>
      <c r="CZ1509" s="6" t="s">
        <v>613</v>
      </c>
      <c r="DA1509" s="6" t="s">
        <v>98</v>
      </c>
      <c r="DB1509" s="6"/>
      <c r="DC1509" s="6"/>
      <c r="DD1509" s="6"/>
      <c r="DE1509" s="6"/>
      <c r="DF1509" s="6"/>
      <c r="DG1509" s="6"/>
      <c r="DH1509" s="6" t="s">
        <v>333</v>
      </c>
      <c r="DI1509" s="6"/>
      <c r="DJ1509" s="6"/>
      <c r="DK1509" s="6"/>
      <c r="DL1509" s="6">
        <v>4</v>
      </c>
      <c r="DM1509" s="6" t="s">
        <v>446</v>
      </c>
      <c r="DN1509" s="6">
        <v>6</v>
      </c>
      <c r="DO1509" s="6" t="s">
        <v>393</v>
      </c>
      <c r="DP1509" s="6"/>
      <c r="DQ1509" s="6"/>
    </row>
    <row r="1510" spans="1:121" x14ac:dyDescent="0.2">
      <c r="A1510" s="6" t="s">
        <v>792</v>
      </c>
      <c r="B1510" s="6" t="s">
        <v>176</v>
      </c>
      <c r="C1510" s="6" t="s">
        <v>177</v>
      </c>
      <c r="D1510" s="6" t="s">
        <v>98</v>
      </c>
      <c r="E1510" s="6" t="s">
        <v>239</v>
      </c>
      <c r="F1510" s="11">
        <v>-149</v>
      </c>
      <c r="G1510" s="13">
        <v>-0.19656992084399999</v>
      </c>
      <c r="H1510" s="11">
        <v>-157.19431614500002</v>
      </c>
      <c r="I1510" s="13">
        <v>-0.20747339988820168</v>
      </c>
      <c r="J1510" s="11">
        <v>-137.24045093999996</v>
      </c>
      <c r="K1510" s="13">
        <v>-0.22855665629762539</v>
      </c>
      <c r="L1510" s="11">
        <v>145.83963099699997</v>
      </c>
      <c r="M1510" s="13">
        <v>0.31483518233991081</v>
      </c>
      <c r="N1510" s="11">
        <v>8.5991800570000123</v>
      </c>
      <c r="O1510" s="13">
        <v>1.4320849481822219E-2</v>
      </c>
      <c r="P1510" s="7">
        <v>757.660096329</v>
      </c>
      <c r="Q1510" s="7">
        <v>703.89972164200003</v>
      </c>
      <c r="R1510" s="7">
        <v>636.71798004899995</v>
      </c>
      <c r="S1510" s="7">
        <v>650.30723956600002</v>
      </c>
      <c r="T1510" s="7">
        <v>602.48422722500004</v>
      </c>
      <c r="U1510" s="7">
        <v>607.82020738100005</v>
      </c>
      <c r="V1510" s="7">
        <v>600.46578018399998</v>
      </c>
      <c r="W1510" s="7">
        <v>571.95625676099996</v>
      </c>
      <c r="X1510" s="7">
        <v>454.57568788700002</v>
      </c>
      <c r="Y1510" s="7">
        <v>463.22532924400002</v>
      </c>
      <c r="Z1510" s="7">
        <v>505.18974139900001</v>
      </c>
      <c r="AA1510" s="7">
        <v>499.51316634</v>
      </c>
      <c r="AB1510" s="7">
        <v>502.57015814599998</v>
      </c>
      <c r="AC1510" s="7">
        <v>518.09994371400001</v>
      </c>
      <c r="AD1510" s="7">
        <v>544.96343661200001</v>
      </c>
      <c r="AE1510" s="7">
        <v>575.85257784299995</v>
      </c>
      <c r="AF1510" s="7">
        <v>609.06496024099999</v>
      </c>
      <c r="AG1510" s="9">
        <v>20573.129122000002</v>
      </c>
      <c r="AH1510" s="13">
        <v>0.6438179954633575</v>
      </c>
      <c r="AI1510" s="9">
        <v>5570.2442525000042</v>
      </c>
      <c r="AJ1510" s="13">
        <v>0.17431589854996296</v>
      </c>
      <c r="AK1510" s="9">
        <v>3789.7900535999943</v>
      </c>
      <c r="AL1510" s="13">
        <v>0.10099339476656012</v>
      </c>
      <c r="AM1510" s="9">
        <v>11213.094815900004</v>
      </c>
      <c r="AN1510" s="13">
        <v>0.27140547232980178</v>
      </c>
      <c r="AO1510" s="9">
        <v>15002.884869499998</v>
      </c>
      <c r="AP1510" s="13">
        <v>0.3998090271051703</v>
      </c>
      <c r="AQ1510" s="9">
        <v>31954.883626999999</v>
      </c>
      <c r="AR1510" s="9">
        <v>32975.403724199998</v>
      </c>
      <c r="AS1510" s="9">
        <v>32398.622436099999</v>
      </c>
      <c r="AT1510" s="9">
        <v>34452.828651099997</v>
      </c>
      <c r="AU1510" s="9">
        <v>35611.678557599997</v>
      </c>
      <c r="AV1510" s="9">
        <v>36180.394631700001</v>
      </c>
      <c r="AW1510" s="9">
        <v>37525.127879500003</v>
      </c>
      <c r="AX1510" s="9">
        <v>38054.938586600001</v>
      </c>
      <c r="AY1510" s="9">
        <v>37316.735546700002</v>
      </c>
      <c r="AZ1510" s="9">
        <v>41314.917933099998</v>
      </c>
      <c r="BA1510" s="9">
        <v>43986.146153399997</v>
      </c>
      <c r="BB1510" s="9">
        <v>42803.714480499999</v>
      </c>
      <c r="BC1510" s="9">
        <v>45065.671860199996</v>
      </c>
      <c r="BD1510" s="9">
        <v>45972.737972399998</v>
      </c>
      <c r="BE1510" s="9">
        <v>50188.692620299997</v>
      </c>
      <c r="BF1510" s="9">
        <v>52528.012749000001</v>
      </c>
      <c r="BG1510" s="11">
        <v>-2.25</v>
      </c>
      <c r="BH1510" s="13">
        <v>-8.3333333333333329E-2</v>
      </c>
      <c r="BI1510" s="6">
        <v>-5</v>
      </c>
      <c r="BJ1510" s="13">
        <v>-0.18518518518518517</v>
      </c>
      <c r="BK1510" s="6">
        <v>5</v>
      </c>
      <c r="BL1510" s="13">
        <v>0.22727272727272727</v>
      </c>
      <c r="BM1510" s="11">
        <v>-2.25</v>
      </c>
      <c r="BN1510" s="13">
        <v>-8.3333333333333329E-2</v>
      </c>
      <c r="BO1510" s="11">
        <v>2.75</v>
      </c>
      <c r="BP1510" s="13">
        <v>0.125</v>
      </c>
      <c r="BQ1510" s="6">
        <v>27</v>
      </c>
      <c r="BR1510" s="6">
        <v>26</v>
      </c>
      <c r="BS1510" s="6">
        <v>23</v>
      </c>
      <c r="BT1510" s="6">
        <v>22</v>
      </c>
      <c r="BU1510" s="6">
        <v>23</v>
      </c>
      <c r="BV1510" s="6">
        <v>24</v>
      </c>
      <c r="BW1510" s="6">
        <v>27</v>
      </c>
      <c r="BX1510" s="6">
        <v>28</v>
      </c>
      <c r="BY1510" s="6">
        <v>26</v>
      </c>
      <c r="BZ1510" s="6">
        <v>25</v>
      </c>
      <c r="CA1510" s="6">
        <v>24</v>
      </c>
      <c r="CB1510" s="6">
        <v>26</v>
      </c>
      <c r="CC1510" s="11">
        <v>24.75</v>
      </c>
      <c r="CD1510" s="11">
        <v>36.020600000000002</v>
      </c>
      <c r="CE1510" s="11">
        <v>-267.43700000000001</v>
      </c>
      <c r="CF1510" s="11">
        <v>82.821399999999997</v>
      </c>
      <c r="CG1510" s="11">
        <v>-184</v>
      </c>
      <c r="CH1510" s="20">
        <v>1.59107</v>
      </c>
      <c r="CI1510" s="20">
        <v>1.54114</v>
      </c>
      <c r="CJ1510" s="20">
        <v>1.48105</v>
      </c>
      <c r="CK1510" s="20">
        <v>1.5523899999999999</v>
      </c>
      <c r="CL1510" s="20">
        <v>1.4952799999999999</v>
      </c>
      <c r="CM1510" s="20">
        <v>1.56053</v>
      </c>
      <c r="CN1510" s="20">
        <v>1.63426</v>
      </c>
      <c r="CO1510" s="20">
        <v>1.6698299999999999</v>
      </c>
      <c r="CP1510" s="20">
        <v>1.5254000000000001</v>
      </c>
      <c r="CQ1510" s="20">
        <v>1.59954</v>
      </c>
      <c r="CR1510" s="20">
        <v>1.77417</v>
      </c>
      <c r="CS1510" s="20">
        <v>1.7571000000000001</v>
      </c>
      <c r="CT1510" s="20">
        <v>1.81182</v>
      </c>
      <c r="CU1510" s="20">
        <v>1.8887499999999999</v>
      </c>
      <c r="CV1510" s="20">
        <v>1.9849000000000001</v>
      </c>
      <c r="CW1510" s="20">
        <v>2.0876399999999999</v>
      </c>
      <c r="CX1510" s="20">
        <v>2.2190300000000001</v>
      </c>
      <c r="CY1510" s="6" t="s">
        <v>612</v>
      </c>
      <c r="CZ1510" s="6" t="s">
        <v>613</v>
      </c>
      <c r="DA1510" s="6" t="s">
        <v>98</v>
      </c>
      <c r="DB1510" s="6"/>
      <c r="DC1510" s="6"/>
      <c r="DD1510" s="6"/>
      <c r="DE1510" s="6"/>
      <c r="DF1510" s="6"/>
      <c r="DG1510" s="6"/>
      <c r="DH1510" s="6" t="s">
        <v>333</v>
      </c>
      <c r="DI1510" s="6"/>
      <c r="DJ1510" s="6"/>
      <c r="DK1510" s="6"/>
      <c r="DL1510" s="6">
        <v>4</v>
      </c>
      <c r="DM1510" s="6" t="s">
        <v>446</v>
      </c>
      <c r="DN1510" s="6">
        <v>6</v>
      </c>
      <c r="DO1510" s="6" t="s">
        <v>393</v>
      </c>
      <c r="DP1510" s="6"/>
      <c r="DQ1510" s="6"/>
    </row>
    <row r="1511" spans="1:121" x14ac:dyDescent="0.2">
      <c r="A1511" s="6" t="s">
        <v>313</v>
      </c>
      <c r="B1511" s="6" t="s">
        <v>313</v>
      </c>
      <c r="C1511" s="6" t="s">
        <v>178</v>
      </c>
      <c r="D1511" s="6" t="s">
        <v>98</v>
      </c>
      <c r="E1511" s="6" t="s">
        <v>239</v>
      </c>
      <c r="F1511" s="11">
        <v>-84</v>
      </c>
      <c r="G1511" s="13">
        <v>-0.35146443514600001</v>
      </c>
      <c r="H1511" s="11">
        <v>-2.6837673809999956</v>
      </c>
      <c r="I1511" s="13">
        <v>-1.1233197715219929E-2</v>
      </c>
      <c r="J1511" s="11">
        <v>4.8558820640000135</v>
      </c>
      <c r="K1511" s="13">
        <v>2.0555724417273307E-2</v>
      </c>
      <c r="L1511" s="11">
        <v>-86.194964753000022</v>
      </c>
      <c r="M1511" s="13">
        <v>-0.35752781075495099</v>
      </c>
      <c r="N1511" s="11">
        <v>-81.339082689000008</v>
      </c>
      <c r="O1511" s="13">
        <v>-0.34432132948706745</v>
      </c>
      <c r="P1511" s="7">
        <v>238.913927186</v>
      </c>
      <c r="Q1511" s="7">
        <v>268.75471329200002</v>
      </c>
      <c r="R1511" s="7">
        <v>280.94515476999999</v>
      </c>
      <c r="S1511" s="7">
        <v>291.562656742</v>
      </c>
      <c r="T1511" s="7">
        <v>186.69784189699999</v>
      </c>
      <c r="U1511" s="7">
        <v>232.152331108</v>
      </c>
      <c r="V1511" s="7">
        <v>236.230159805</v>
      </c>
      <c r="W1511" s="7">
        <v>234.00533311199999</v>
      </c>
      <c r="X1511" s="7">
        <v>224.79002187099999</v>
      </c>
      <c r="Y1511" s="7">
        <v>241.08604186900001</v>
      </c>
      <c r="Z1511" s="7">
        <v>197.508730101</v>
      </c>
      <c r="AA1511" s="7">
        <v>171.87379647</v>
      </c>
      <c r="AB1511" s="7">
        <v>173.79849279300001</v>
      </c>
      <c r="AC1511" s="7">
        <v>176.37755064300001</v>
      </c>
      <c r="AD1511" s="7">
        <v>161.84114579999999</v>
      </c>
      <c r="AE1511" s="7">
        <v>155.561223211</v>
      </c>
      <c r="AF1511" s="7">
        <v>154.89107711599999</v>
      </c>
      <c r="AG1511" s="9">
        <v>21885.775832600004</v>
      </c>
      <c r="AH1511" s="13">
        <v>0.66052350415751993</v>
      </c>
      <c r="AI1511" s="9">
        <v>4285.9756602999987</v>
      </c>
      <c r="AJ1511" s="13">
        <v>0.12935285838294533</v>
      </c>
      <c r="AK1511" s="9">
        <v>2314.7072251000063</v>
      </c>
      <c r="AL1511" s="13">
        <v>6.1857553791924903E-2</v>
      </c>
      <c r="AM1511" s="9">
        <v>15285.092947199999</v>
      </c>
      <c r="AN1511" s="13">
        <v>0.3846790167782505</v>
      </c>
      <c r="AO1511" s="9">
        <v>17599.800172300005</v>
      </c>
      <c r="AP1511" s="13">
        <v>0.47033187354316081</v>
      </c>
      <c r="AQ1511" s="9">
        <v>33133.984929899998</v>
      </c>
      <c r="AR1511" s="9">
        <v>34808.663480900002</v>
      </c>
      <c r="AS1511" s="9">
        <v>36877.2416725</v>
      </c>
      <c r="AT1511" s="9">
        <v>37663.992183800001</v>
      </c>
      <c r="AU1511" s="9">
        <v>42356.200224599997</v>
      </c>
      <c r="AV1511" s="9">
        <v>41760.590479099999</v>
      </c>
      <c r="AW1511" s="9">
        <v>37419.960590199997</v>
      </c>
      <c r="AX1511" s="9">
        <v>39629.990665199999</v>
      </c>
      <c r="AY1511" s="9">
        <v>40915.876712700003</v>
      </c>
      <c r="AZ1511" s="9">
        <v>39734.667815300003</v>
      </c>
      <c r="BA1511" s="9">
        <v>44297.9033117</v>
      </c>
      <c r="BB1511" s="9">
        <v>45112.8635249</v>
      </c>
      <c r="BC1511" s="9">
        <v>46177.204895199997</v>
      </c>
      <c r="BD1511" s="9">
        <v>48912.004183500001</v>
      </c>
      <c r="BE1511" s="9">
        <v>53003.4367642</v>
      </c>
      <c r="BF1511" s="9">
        <v>55019.760762500002</v>
      </c>
      <c r="BG1511" s="11">
        <v>-5</v>
      </c>
      <c r="BH1511" s="13">
        <v>-0.22727272727272727</v>
      </c>
      <c r="BI1511" s="6">
        <v>-1</v>
      </c>
      <c r="BJ1511" s="13">
        <v>-4.5454545454545456E-2</v>
      </c>
      <c r="BK1511" s="6">
        <v>-4</v>
      </c>
      <c r="BL1511" s="13">
        <v>-0.19047619047619047</v>
      </c>
      <c r="BM1511" s="11">
        <v>0</v>
      </c>
      <c r="BN1511" s="13">
        <v>0</v>
      </c>
      <c r="BO1511" s="11">
        <v>-4</v>
      </c>
      <c r="BP1511" s="13">
        <v>-0.19047619047619047</v>
      </c>
      <c r="BQ1511" s="6">
        <v>22</v>
      </c>
      <c r="BR1511" s="6">
        <v>22</v>
      </c>
      <c r="BS1511" s="6">
        <v>24</v>
      </c>
      <c r="BT1511" s="6">
        <v>21</v>
      </c>
      <c r="BU1511" s="6">
        <v>21</v>
      </c>
      <c r="BV1511" s="6">
        <v>21</v>
      </c>
      <c r="BW1511" s="6">
        <v>17</v>
      </c>
      <c r="BX1511" s="6">
        <v>16</v>
      </c>
      <c r="BY1511" s="6">
        <v>18</v>
      </c>
      <c r="BZ1511" s="6">
        <v>19</v>
      </c>
      <c r="CA1511" s="6">
        <v>19</v>
      </c>
      <c r="CB1511" s="6">
        <v>18</v>
      </c>
      <c r="CC1511" s="11">
        <v>17</v>
      </c>
      <c r="CD1511" s="11">
        <v>-90.6036</v>
      </c>
      <c r="CE1511" s="11">
        <v>-19.535399999999999</v>
      </c>
      <c r="CF1511" s="11">
        <v>26.116199999999999</v>
      </c>
      <c r="CG1511" s="11">
        <v>6</v>
      </c>
      <c r="CH1511" s="20">
        <v>1.409</v>
      </c>
      <c r="CI1511" s="20">
        <v>1.5694699999999999</v>
      </c>
      <c r="CJ1511" s="20">
        <v>1.66621</v>
      </c>
      <c r="CK1511" s="20">
        <v>1.7325900000000001</v>
      </c>
      <c r="CL1511" s="20">
        <v>1.12609</v>
      </c>
      <c r="CM1511" s="20">
        <v>1.4093800000000001</v>
      </c>
      <c r="CN1511" s="20">
        <v>1.4664600000000001</v>
      </c>
      <c r="CO1511" s="20">
        <v>1.5183199999999999</v>
      </c>
      <c r="CP1511" s="20">
        <v>1.5847</v>
      </c>
      <c r="CQ1511" s="20">
        <v>1.73149</v>
      </c>
      <c r="CR1511" s="20">
        <v>1.44902</v>
      </c>
      <c r="CS1511" s="20">
        <v>1.26153</v>
      </c>
      <c r="CT1511" s="20">
        <v>1.2999700000000001</v>
      </c>
      <c r="CU1511" s="20">
        <v>1.3357300000000001</v>
      </c>
      <c r="CV1511" s="20">
        <v>1.2253400000000001</v>
      </c>
      <c r="CW1511" s="20">
        <v>1.17533</v>
      </c>
      <c r="CX1511" s="20">
        <v>1.16652</v>
      </c>
      <c r="CY1511" s="6" t="s">
        <v>612</v>
      </c>
      <c r="CZ1511" s="6" t="s">
        <v>613</v>
      </c>
      <c r="DA1511" s="6" t="s">
        <v>98</v>
      </c>
      <c r="DB1511" s="6"/>
      <c r="DC1511" s="6"/>
      <c r="DD1511" s="6"/>
      <c r="DE1511" s="6"/>
      <c r="DF1511" s="6"/>
      <c r="DG1511" s="6"/>
      <c r="DH1511" s="6" t="s">
        <v>333</v>
      </c>
      <c r="DI1511" s="6"/>
      <c r="DJ1511" s="6"/>
      <c r="DK1511" s="6"/>
      <c r="DL1511" s="6">
        <v>4</v>
      </c>
      <c r="DM1511" s="6" t="s">
        <v>446</v>
      </c>
      <c r="DN1511" s="6">
        <v>6</v>
      </c>
      <c r="DO1511" s="6" t="s">
        <v>393</v>
      </c>
      <c r="DP1511" s="6"/>
      <c r="DQ1511" s="6"/>
    </row>
    <row r="1512" spans="1:121" x14ac:dyDescent="0.2">
      <c r="A1512" s="6" t="s">
        <v>793</v>
      </c>
      <c r="B1512" s="6" t="s">
        <v>179</v>
      </c>
      <c r="C1512" s="6" t="s">
        <v>180</v>
      </c>
      <c r="D1512" s="6" t="s">
        <v>98</v>
      </c>
      <c r="E1512" s="6" t="s">
        <v>239</v>
      </c>
      <c r="F1512" s="11">
        <v>-121</v>
      </c>
      <c r="G1512" s="13">
        <v>-0.27</v>
      </c>
      <c r="H1512" s="11">
        <v>-71</v>
      </c>
      <c r="I1512" s="13">
        <v>-0.15883668903803133</v>
      </c>
      <c r="J1512" s="11">
        <v>7</v>
      </c>
      <c r="K1512" s="13">
        <v>1.8617021276595744E-2</v>
      </c>
      <c r="L1512" s="11">
        <v>-57</v>
      </c>
      <c r="M1512" s="13">
        <v>-0.14882506527415143</v>
      </c>
      <c r="N1512" s="11">
        <v>-50</v>
      </c>
      <c r="O1512" s="13">
        <v>-0.13297872340425532</v>
      </c>
      <c r="P1512" s="7">
        <v>447</v>
      </c>
      <c r="Q1512" s="7">
        <v>434</v>
      </c>
      <c r="R1512" s="7">
        <v>397</v>
      </c>
      <c r="S1512" s="7">
        <v>426</v>
      </c>
      <c r="T1512" s="7">
        <v>439</v>
      </c>
      <c r="U1512" s="7">
        <v>418</v>
      </c>
      <c r="V1512" s="7">
        <v>376</v>
      </c>
      <c r="W1512" s="7">
        <v>356</v>
      </c>
      <c r="X1512" s="7">
        <v>329</v>
      </c>
      <c r="Y1512" s="7">
        <v>383</v>
      </c>
      <c r="Z1512" s="7">
        <v>356</v>
      </c>
      <c r="AA1512" s="7">
        <v>350</v>
      </c>
      <c r="AB1512" s="7">
        <v>332</v>
      </c>
      <c r="AC1512" s="7">
        <v>331</v>
      </c>
      <c r="AD1512" s="7">
        <v>315</v>
      </c>
      <c r="AE1512" s="7">
        <v>331</v>
      </c>
      <c r="AF1512" s="7">
        <v>326</v>
      </c>
      <c r="AG1512" s="9">
        <v>6842</v>
      </c>
      <c r="AH1512" s="13">
        <v>0.36735570469798656</v>
      </c>
      <c r="AI1512" s="9">
        <v>2853</v>
      </c>
      <c r="AJ1512" s="13">
        <v>0.15318120805369129</v>
      </c>
      <c r="AK1512" s="9">
        <v>-33</v>
      </c>
      <c r="AL1512" s="13">
        <v>-1.5364559083713568E-3</v>
      </c>
      <c r="AM1512" s="9">
        <v>4022</v>
      </c>
      <c r="AN1512" s="13">
        <v>0.1875495453485661</v>
      </c>
      <c r="AO1512" s="9">
        <v>3989</v>
      </c>
      <c r="AP1512" s="13">
        <v>0.1857249278331316</v>
      </c>
      <c r="AQ1512" s="9">
        <v>18625</v>
      </c>
      <c r="AR1512" s="9">
        <v>19322</v>
      </c>
      <c r="AS1512" s="9">
        <v>19710</v>
      </c>
      <c r="AT1512" s="9">
        <v>19748</v>
      </c>
      <c r="AU1512" s="9">
        <v>19633</v>
      </c>
      <c r="AV1512" s="9">
        <v>19531</v>
      </c>
      <c r="AW1512" s="9">
        <v>21478</v>
      </c>
      <c r="AX1512" s="9">
        <v>22372</v>
      </c>
      <c r="AY1512" s="9">
        <v>23195</v>
      </c>
      <c r="AZ1512" s="9">
        <v>21445</v>
      </c>
      <c r="BA1512" s="9">
        <v>21986</v>
      </c>
      <c r="BB1512" s="9">
        <v>22670</v>
      </c>
      <c r="BC1512" s="9">
        <v>24290</v>
      </c>
      <c r="BD1512" s="9">
        <v>24400</v>
      </c>
      <c r="BE1512" s="9">
        <v>24952</v>
      </c>
      <c r="BF1512" s="9">
        <v>25467</v>
      </c>
      <c r="BG1512" s="11">
        <v>-10</v>
      </c>
      <c r="BH1512" s="13">
        <v>-0.2</v>
      </c>
      <c r="BI1512" s="6">
        <v>-4</v>
      </c>
      <c r="BJ1512" s="13">
        <v>-0.08</v>
      </c>
      <c r="BK1512" s="6">
        <v>-1</v>
      </c>
      <c r="BL1512" s="13">
        <v>-2.1739130434782608E-2</v>
      </c>
      <c r="BM1512" s="11">
        <v>-5</v>
      </c>
      <c r="BN1512" s="13">
        <v>-0.1111111111111111</v>
      </c>
      <c r="BO1512" s="11">
        <v>-6</v>
      </c>
      <c r="BP1512" s="13">
        <v>-0.13043478260869565</v>
      </c>
      <c r="BQ1512" s="6">
        <v>50</v>
      </c>
      <c r="BR1512" s="6">
        <v>51</v>
      </c>
      <c r="BS1512" s="6">
        <v>46</v>
      </c>
      <c r="BT1512" s="6">
        <v>46</v>
      </c>
      <c r="BU1512" s="6">
        <v>45</v>
      </c>
      <c r="BV1512" s="6">
        <v>40</v>
      </c>
      <c r="BW1512" s="6">
        <v>45</v>
      </c>
      <c r="BX1512" s="6">
        <v>40</v>
      </c>
      <c r="BY1512" s="6">
        <v>38</v>
      </c>
      <c r="BZ1512" s="6">
        <v>39</v>
      </c>
      <c r="CA1512" s="6">
        <v>41</v>
      </c>
      <c r="CB1512" s="6">
        <v>37</v>
      </c>
      <c r="CC1512" s="11">
        <v>40</v>
      </c>
      <c r="CD1512" s="11">
        <v>-141</v>
      </c>
      <c r="CE1512" s="11">
        <v>-29</v>
      </c>
      <c r="CF1512" s="11">
        <v>49</v>
      </c>
      <c r="CG1512" s="11">
        <v>20</v>
      </c>
      <c r="CH1512" s="20">
        <v>0.98</v>
      </c>
      <c r="CI1512" s="20">
        <v>0.93</v>
      </c>
      <c r="CJ1512" s="20">
        <v>0.87</v>
      </c>
      <c r="CK1512" s="20">
        <v>0.93</v>
      </c>
      <c r="CL1512" s="20">
        <v>0.98</v>
      </c>
      <c r="CM1512" s="20">
        <v>0.96</v>
      </c>
      <c r="CN1512" s="20">
        <v>0.88</v>
      </c>
      <c r="CO1512" s="20">
        <v>0.88</v>
      </c>
      <c r="CP1512" s="20">
        <v>0.87</v>
      </c>
      <c r="CQ1512" s="20">
        <v>1.02</v>
      </c>
      <c r="CR1512" s="20">
        <v>0.97</v>
      </c>
      <c r="CS1512" s="20">
        <v>0.96</v>
      </c>
      <c r="CT1512" s="20">
        <v>0.93</v>
      </c>
      <c r="CU1512" s="20">
        <v>0.93</v>
      </c>
      <c r="CV1512" s="20">
        <v>0.88</v>
      </c>
      <c r="CW1512" s="20">
        <v>0.91</v>
      </c>
      <c r="CX1512" s="20">
        <v>0.9</v>
      </c>
      <c r="CY1512" s="6" t="s">
        <v>612</v>
      </c>
      <c r="CZ1512" s="6" t="s">
        <v>613</v>
      </c>
      <c r="DA1512" s="6" t="s">
        <v>98</v>
      </c>
      <c r="DB1512" s="6"/>
      <c r="DC1512" s="6"/>
      <c r="DD1512" s="6"/>
      <c r="DE1512" s="6"/>
      <c r="DF1512" s="6"/>
      <c r="DG1512" s="6"/>
      <c r="DH1512" s="6" t="s">
        <v>333</v>
      </c>
      <c r="DI1512" s="6"/>
      <c r="DJ1512" s="6"/>
      <c r="DK1512" s="6"/>
      <c r="DL1512" s="6">
        <v>4</v>
      </c>
      <c r="DM1512" s="6" t="s">
        <v>446</v>
      </c>
      <c r="DN1512" s="6">
        <v>6</v>
      </c>
      <c r="DO1512" s="6" t="s">
        <v>393</v>
      </c>
      <c r="DP1512" s="6"/>
      <c r="DQ1512" s="6"/>
    </row>
    <row r="1513" spans="1:121" x14ac:dyDescent="0.2">
      <c r="A1513" s="6" t="s">
        <v>794</v>
      </c>
      <c r="B1513" s="6" t="s">
        <v>181</v>
      </c>
      <c r="C1513" s="6" t="s">
        <v>182</v>
      </c>
      <c r="D1513" s="6" t="s">
        <v>98</v>
      </c>
      <c r="E1513" s="6" t="s">
        <v>239</v>
      </c>
      <c r="F1513" s="11">
        <v>-68</v>
      </c>
      <c r="G1513" s="13">
        <v>-0.43870967741900002</v>
      </c>
      <c r="H1513" s="11">
        <v>-32.682994340000008</v>
      </c>
      <c r="I1513" s="13">
        <v>-0.21057108619209769</v>
      </c>
      <c r="J1513" s="11">
        <v>-7.7824328800000018</v>
      </c>
      <c r="K1513" s="13">
        <v>-6.3515431590070073E-2</v>
      </c>
      <c r="L1513" s="11">
        <v>-27.326026696400007</v>
      </c>
      <c r="M1513" s="13">
        <v>-0.23814404859259175</v>
      </c>
      <c r="N1513" s="11">
        <v>-35.108459576400008</v>
      </c>
      <c r="O1513" s="13">
        <v>-0.28653365815569676</v>
      </c>
      <c r="P1513" s="7">
        <v>155.21121598900001</v>
      </c>
      <c r="Q1513" s="7">
        <v>139.102132791</v>
      </c>
      <c r="R1513" s="7">
        <v>170.257281675</v>
      </c>
      <c r="S1513" s="7">
        <v>170.544350834</v>
      </c>
      <c r="T1513" s="7">
        <v>173.473290908</v>
      </c>
      <c r="U1513" s="7">
        <v>135.110826973</v>
      </c>
      <c r="V1513" s="7">
        <v>122.528221649</v>
      </c>
      <c r="W1513" s="7">
        <v>115.231076356</v>
      </c>
      <c r="X1513" s="7">
        <v>101.61468301399999</v>
      </c>
      <c r="Y1513" s="7">
        <v>114.745788769</v>
      </c>
      <c r="Z1513" s="7">
        <v>116.322744388</v>
      </c>
      <c r="AA1513" s="7">
        <v>138.64352079099999</v>
      </c>
      <c r="AB1513" s="7">
        <v>102.508599871</v>
      </c>
      <c r="AC1513" s="7">
        <v>90.030433268899998</v>
      </c>
      <c r="AD1513" s="7">
        <v>88.1558348688</v>
      </c>
      <c r="AE1513" s="7">
        <v>91.365168004599994</v>
      </c>
      <c r="AF1513" s="7">
        <v>87.419762072599994</v>
      </c>
      <c r="AG1513" s="9">
        <v>14649.3439029</v>
      </c>
      <c r="AH1513" s="13">
        <v>0.69838389859571348</v>
      </c>
      <c r="AI1513" s="9">
        <v>10265.3180445</v>
      </c>
      <c r="AJ1513" s="13">
        <v>0.48938252004744226</v>
      </c>
      <c r="AK1513" s="9">
        <v>1182.6300770999987</v>
      </c>
      <c r="AL1513" s="13">
        <v>3.7854604320745715E-2</v>
      </c>
      <c r="AM1513" s="9">
        <v>3201.3957813000015</v>
      </c>
      <c r="AN1513" s="13">
        <v>9.8735343867284733E-2</v>
      </c>
      <c r="AO1513" s="9">
        <v>4384.0258584000003</v>
      </c>
      <c r="AP1513" s="13">
        <v>0.14032753556259928</v>
      </c>
      <c r="AQ1513" s="9">
        <v>20976.0619229</v>
      </c>
      <c r="AR1513" s="9">
        <v>22707.6269694</v>
      </c>
      <c r="AS1513" s="9">
        <v>30485.420863200001</v>
      </c>
      <c r="AT1513" s="9">
        <v>32038.422245099999</v>
      </c>
      <c r="AU1513" s="9">
        <v>33001.148298699998</v>
      </c>
      <c r="AV1513" s="9">
        <v>25106.550016599998</v>
      </c>
      <c r="AW1513" s="9">
        <v>31241.3799674</v>
      </c>
      <c r="AX1513" s="9">
        <v>36189.133312400001</v>
      </c>
      <c r="AY1513" s="9">
        <v>33726.010147100002</v>
      </c>
      <c r="AZ1513" s="9">
        <v>32424.010044499999</v>
      </c>
      <c r="BA1513" s="9">
        <v>33441.484620800002</v>
      </c>
      <c r="BB1513" s="9">
        <v>39250.5194023</v>
      </c>
      <c r="BC1513" s="9">
        <v>31561.695656799999</v>
      </c>
      <c r="BD1513" s="9">
        <v>33453.6930689</v>
      </c>
      <c r="BE1513" s="9">
        <v>36988.642862100001</v>
      </c>
      <c r="BF1513" s="9">
        <v>35625.4058258</v>
      </c>
      <c r="BG1513" s="11">
        <v>-7.25</v>
      </c>
      <c r="BH1513" s="13">
        <v>-0.28999999999999998</v>
      </c>
      <c r="BI1513" s="6">
        <v>-6</v>
      </c>
      <c r="BJ1513" s="13">
        <v>-0.24</v>
      </c>
      <c r="BK1513" s="6">
        <v>-6</v>
      </c>
      <c r="BL1513" s="13">
        <v>-0.31578947368421051</v>
      </c>
      <c r="BM1513" s="11">
        <v>4.75</v>
      </c>
      <c r="BN1513" s="13">
        <v>0.36538461538461536</v>
      </c>
      <c r="BO1513" s="11">
        <v>-1.25</v>
      </c>
      <c r="BP1513" s="13">
        <v>-6.5789473684210523E-2</v>
      </c>
      <c r="BQ1513" s="6">
        <v>25</v>
      </c>
      <c r="BR1513" s="6">
        <v>24</v>
      </c>
      <c r="BS1513" s="6">
        <v>22</v>
      </c>
      <c r="BT1513" s="6">
        <v>19</v>
      </c>
      <c r="BU1513" s="6">
        <v>15</v>
      </c>
      <c r="BV1513" s="6">
        <v>13</v>
      </c>
      <c r="BW1513" s="6">
        <v>13</v>
      </c>
      <c r="BX1513" s="6">
        <v>16</v>
      </c>
      <c r="BY1513" s="6">
        <v>15</v>
      </c>
      <c r="BZ1513" s="6">
        <v>14</v>
      </c>
      <c r="CA1513" s="6">
        <v>12</v>
      </c>
      <c r="CB1513" s="6">
        <v>16</v>
      </c>
      <c r="CC1513" s="11">
        <v>17.75</v>
      </c>
      <c r="CD1513" s="11">
        <v>-94.540899999999993</v>
      </c>
      <c r="CE1513" s="11">
        <v>9.7830200000000005</v>
      </c>
      <c r="CF1513" s="11">
        <v>16.9665</v>
      </c>
      <c r="CG1513" s="11">
        <v>27</v>
      </c>
      <c r="CH1513" s="20">
        <v>1.1563399999999999</v>
      </c>
      <c r="CI1513" s="20">
        <v>1.0348900000000001</v>
      </c>
      <c r="CJ1513" s="20">
        <v>1.2890999999999999</v>
      </c>
      <c r="CK1513" s="20">
        <v>1.2813600000000001</v>
      </c>
      <c r="CL1513" s="20">
        <v>1.31501</v>
      </c>
      <c r="CM1513" s="20">
        <v>1.0279100000000001</v>
      </c>
      <c r="CN1513" s="20">
        <v>0.95114500000000002</v>
      </c>
      <c r="CO1513" s="20">
        <v>0.93504200000000004</v>
      </c>
      <c r="CP1513" s="20">
        <v>0.89326700000000003</v>
      </c>
      <c r="CQ1513" s="20">
        <v>1.0214300000000001</v>
      </c>
      <c r="CR1513" s="20">
        <v>1.04403</v>
      </c>
      <c r="CS1513" s="20">
        <v>1.2400800000000001</v>
      </c>
      <c r="CT1513" s="20">
        <v>0.92874299999999999</v>
      </c>
      <c r="CU1513" s="20">
        <v>0.80746700000000005</v>
      </c>
      <c r="CV1513" s="20">
        <v>0.76339400000000002</v>
      </c>
      <c r="CW1513" s="20">
        <v>0.76935200000000004</v>
      </c>
      <c r="CX1513" s="20">
        <v>0.72897699999999999</v>
      </c>
      <c r="CY1513" s="6" t="s">
        <v>612</v>
      </c>
      <c r="CZ1513" s="6" t="s">
        <v>613</v>
      </c>
      <c r="DA1513" s="6" t="s">
        <v>98</v>
      </c>
      <c r="DB1513" s="6"/>
      <c r="DC1513" s="6"/>
      <c r="DD1513" s="6"/>
      <c r="DE1513" s="6"/>
      <c r="DF1513" s="6"/>
      <c r="DG1513" s="6"/>
      <c r="DH1513" s="6" t="s">
        <v>333</v>
      </c>
      <c r="DI1513" s="6"/>
      <c r="DJ1513" s="6"/>
      <c r="DK1513" s="6"/>
      <c r="DL1513" s="6">
        <v>4</v>
      </c>
      <c r="DM1513" s="6" t="s">
        <v>446</v>
      </c>
      <c r="DN1513" s="6">
        <v>6</v>
      </c>
      <c r="DO1513" s="6" t="s">
        <v>393</v>
      </c>
      <c r="DP1513" s="6"/>
      <c r="DQ1513" s="6"/>
    </row>
    <row r="1514" spans="1:121" x14ac:dyDescent="0.2">
      <c r="A1514" s="6" t="s">
        <v>314</v>
      </c>
      <c r="B1514" s="6" t="s">
        <v>314</v>
      </c>
      <c r="C1514" s="6" t="s">
        <v>183</v>
      </c>
      <c r="D1514" s="6" t="s">
        <v>98</v>
      </c>
      <c r="E1514" s="6" t="s">
        <v>239</v>
      </c>
      <c r="F1514" s="11">
        <v>16</v>
      </c>
      <c r="G1514" s="13">
        <v>0.88888888888899997</v>
      </c>
      <c r="H1514" s="11">
        <v>3.0622242466999978</v>
      </c>
      <c r="I1514" s="13">
        <v>0.16588765562272725</v>
      </c>
      <c r="J1514" s="11">
        <v>1.6033723272000024</v>
      </c>
      <c r="K1514" s="13">
        <v>7.4499740232423159E-2</v>
      </c>
      <c r="L1514" s="11">
        <v>11.304388171699998</v>
      </c>
      <c r="M1514" s="13">
        <v>0.48883368135123922</v>
      </c>
      <c r="N1514" s="11">
        <v>12.9077604989</v>
      </c>
      <c r="O1514" s="13">
        <v>0.59975140386118875</v>
      </c>
      <c r="P1514" s="7">
        <v>18.459627000000001</v>
      </c>
      <c r="Q1514" s="7">
        <v>20.475057143000001</v>
      </c>
      <c r="R1514" s="7">
        <v>23.6230010845</v>
      </c>
      <c r="S1514" s="7">
        <v>19.689097339300002</v>
      </c>
      <c r="T1514" s="7">
        <v>19.006664328900001</v>
      </c>
      <c r="U1514" s="7">
        <v>19.5322454738</v>
      </c>
      <c r="V1514" s="7">
        <v>21.521851246699999</v>
      </c>
      <c r="W1514" s="7">
        <v>23.914956146600002</v>
      </c>
      <c r="X1514" s="7">
        <v>25.510935844500001</v>
      </c>
      <c r="Y1514" s="7">
        <v>23.125223573900001</v>
      </c>
      <c r="Z1514" s="7">
        <v>21.2157885572</v>
      </c>
      <c r="AA1514" s="7">
        <v>17.0825267172</v>
      </c>
      <c r="AB1514" s="7">
        <v>16.639034282299999</v>
      </c>
      <c r="AC1514" s="7">
        <v>19.340036634299999</v>
      </c>
      <c r="AD1514" s="7">
        <v>28.815301059700001</v>
      </c>
      <c r="AE1514" s="7">
        <v>31.7904333641</v>
      </c>
      <c r="AF1514" s="7">
        <v>34.429611745599999</v>
      </c>
      <c r="AG1514" s="9">
        <v>24618.299753100004</v>
      </c>
      <c r="AH1514" s="13">
        <v>1.0025474194627106</v>
      </c>
      <c r="AI1514" s="9">
        <v>11333.887526499999</v>
      </c>
      <c r="AJ1514" s="13">
        <v>0.46155745141344895</v>
      </c>
      <c r="AK1514" s="9">
        <v>1405.5343475000045</v>
      </c>
      <c r="AL1514" s="13">
        <v>3.916268322214312E-2</v>
      </c>
      <c r="AM1514" s="9">
        <v>11878.8778791</v>
      </c>
      <c r="AN1514" s="13">
        <v>0.31850983831086122</v>
      </c>
      <c r="AO1514" s="9">
        <v>13284.412226600005</v>
      </c>
      <c r="AP1514" s="13">
        <v>0.37014622143390863</v>
      </c>
      <c r="AQ1514" s="9">
        <v>24555.745967899999</v>
      </c>
      <c r="AR1514" s="9">
        <v>24068.340387</v>
      </c>
      <c r="AS1514" s="9">
        <v>20829.2877047</v>
      </c>
      <c r="AT1514" s="9">
        <v>26676.3736799</v>
      </c>
      <c r="AU1514" s="9">
        <v>30785.3852572</v>
      </c>
      <c r="AV1514" s="9">
        <v>31262.074225799999</v>
      </c>
      <c r="AW1514" s="9">
        <v>35889.633494399997</v>
      </c>
      <c r="AX1514" s="9">
        <v>37375.078780800002</v>
      </c>
      <c r="AY1514" s="9">
        <v>37647.331464100003</v>
      </c>
      <c r="AZ1514" s="9">
        <v>37295.167841900002</v>
      </c>
      <c r="BA1514" s="9">
        <v>32055.790650499999</v>
      </c>
      <c r="BB1514" s="9">
        <v>40669.327163800001</v>
      </c>
      <c r="BC1514" s="9">
        <v>47811.661402999998</v>
      </c>
      <c r="BD1514" s="9">
        <v>46963.5109428</v>
      </c>
      <c r="BE1514" s="9">
        <v>55359.4640181</v>
      </c>
      <c r="BF1514" s="9">
        <v>49174.045721000002</v>
      </c>
      <c r="BG1514" s="11">
        <v>-1</v>
      </c>
      <c r="BH1514" s="13">
        <v>-0.25</v>
      </c>
      <c r="BI1514" s="6">
        <v>0</v>
      </c>
      <c r="BJ1514" s="13">
        <v>0</v>
      </c>
      <c r="BK1514" s="6">
        <v>0</v>
      </c>
      <c r="BL1514" s="13">
        <v>0</v>
      </c>
      <c r="BM1514" s="11">
        <v>-1</v>
      </c>
      <c r="BN1514" s="13">
        <v>-0.25</v>
      </c>
      <c r="BO1514" s="11">
        <v>-1</v>
      </c>
      <c r="BP1514" s="13">
        <v>-0.25</v>
      </c>
      <c r="BQ1514" s="6">
        <v>4</v>
      </c>
      <c r="BR1514" s="6">
        <v>4</v>
      </c>
      <c r="BS1514" s="6">
        <v>4</v>
      </c>
      <c r="BT1514" s="6">
        <v>4</v>
      </c>
      <c r="BU1514" s="6">
        <v>5</v>
      </c>
      <c r="BV1514" s="6">
        <v>5</v>
      </c>
      <c r="BW1514" s="6">
        <v>4</v>
      </c>
      <c r="BX1514" s="6">
        <v>4</v>
      </c>
      <c r="BY1514" s="6">
        <v>4</v>
      </c>
      <c r="BZ1514" s="6">
        <v>4</v>
      </c>
      <c r="CA1514" s="6">
        <v>4</v>
      </c>
      <c r="CB1514" s="6">
        <v>3</v>
      </c>
      <c r="CC1514" s="11">
        <v>3</v>
      </c>
      <c r="CD1514" s="11">
        <v>19.606100000000001</v>
      </c>
      <c r="CE1514" s="11">
        <v>-5.6540100000000004</v>
      </c>
      <c r="CF1514" s="11">
        <v>2.0178600000000002</v>
      </c>
      <c r="CG1514" s="11">
        <v>-4</v>
      </c>
      <c r="CH1514" s="20">
        <v>0.17463999999999999</v>
      </c>
      <c r="CI1514" s="20">
        <v>0.19889599999999999</v>
      </c>
      <c r="CJ1514" s="20">
        <v>0.24385399999999999</v>
      </c>
      <c r="CK1514" s="20">
        <v>0.21021599999999999</v>
      </c>
      <c r="CL1514" s="20">
        <v>0.212505</v>
      </c>
      <c r="CM1514" s="20">
        <v>0.22570299999999999</v>
      </c>
      <c r="CN1514" s="20">
        <v>0.25956299999999999</v>
      </c>
      <c r="CO1514" s="20">
        <v>0.30411899999999997</v>
      </c>
      <c r="CP1514" s="20">
        <v>0.34978500000000001</v>
      </c>
      <c r="CQ1514" s="20">
        <v>0.32933899999999999</v>
      </c>
      <c r="CR1514" s="20">
        <v>0.31598199999999999</v>
      </c>
      <c r="CS1514" s="20">
        <v>0.25866699999999998</v>
      </c>
      <c r="CT1514" s="20">
        <v>0.25786199999999998</v>
      </c>
      <c r="CU1514" s="20">
        <v>0.303068</v>
      </c>
      <c r="CV1514" s="20">
        <v>0.45190399999999997</v>
      </c>
      <c r="CW1514" s="20">
        <v>0.49008800000000002</v>
      </c>
      <c r="CX1514" s="20">
        <v>0.53225999999999996</v>
      </c>
      <c r="CY1514" s="6" t="s">
        <v>612</v>
      </c>
      <c r="CZ1514" s="6" t="s">
        <v>613</v>
      </c>
      <c r="DA1514" s="6" t="s">
        <v>98</v>
      </c>
      <c r="DB1514" s="6"/>
      <c r="DC1514" s="6"/>
      <c r="DD1514" s="6"/>
      <c r="DE1514" s="6"/>
      <c r="DF1514" s="6"/>
      <c r="DG1514" s="6"/>
      <c r="DH1514" s="6" t="s">
        <v>333</v>
      </c>
      <c r="DI1514" s="6"/>
      <c r="DJ1514" s="6"/>
      <c r="DK1514" s="6"/>
      <c r="DL1514" s="6">
        <v>4</v>
      </c>
      <c r="DM1514" s="6" t="s">
        <v>446</v>
      </c>
      <c r="DN1514" s="6">
        <v>6</v>
      </c>
      <c r="DO1514" s="6" t="s">
        <v>393</v>
      </c>
      <c r="DP1514" s="6"/>
      <c r="DQ1514" s="6"/>
    </row>
    <row r="1515" spans="1:121" x14ac:dyDescent="0.2">
      <c r="A1515" s="6" t="s">
        <v>315</v>
      </c>
      <c r="B1515" s="6" t="s">
        <v>315</v>
      </c>
      <c r="C1515" s="6" t="s">
        <v>184</v>
      </c>
      <c r="D1515" s="6" t="s">
        <v>98</v>
      </c>
      <c r="E1515" s="6" t="s">
        <v>239</v>
      </c>
      <c r="F1515" s="11">
        <v>0</v>
      </c>
      <c r="G1515" s="13">
        <v>0</v>
      </c>
      <c r="H1515" s="11">
        <v>32</v>
      </c>
      <c r="I1515" s="13">
        <v>0.22695035460992907</v>
      </c>
      <c r="J1515" s="11">
        <v>-19</v>
      </c>
      <c r="K1515" s="13">
        <v>-0.10982658959537572</v>
      </c>
      <c r="L1515" s="11">
        <v>-13</v>
      </c>
      <c r="M1515" s="13">
        <v>-8.4415584415584416E-2</v>
      </c>
      <c r="N1515" s="11">
        <v>-32</v>
      </c>
      <c r="O1515" s="13">
        <v>-0.18497109826589592</v>
      </c>
      <c r="P1515" s="7">
        <v>141</v>
      </c>
      <c r="Q1515" s="7">
        <v>139</v>
      </c>
      <c r="R1515" s="7">
        <v>143</v>
      </c>
      <c r="S1515" s="7">
        <v>154</v>
      </c>
      <c r="T1515" s="7">
        <v>171</v>
      </c>
      <c r="U1515" s="7">
        <v>176</v>
      </c>
      <c r="V1515" s="7">
        <v>173</v>
      </c>
      <c r="W1515" s="7">
        <v>169</v>
      </c>
      <c r="X1515" s="7">
        <v>160</v>
      </c>
      <c r="Y1515" s="7">
        <v>154</v>
      </c>
      <c r="Z1515" s="7">
        <v>155</v>
      </c>
      <c r="AA1515" s="7">
        <v>156</v>
      </c>
      <c r="AB1515" s="7">
        <v>167</v>
      </c>
      <c r="AC1515" s="7">
        <v>162</v>
      </c>
      <c r="AD1515" s="7">
        <v>157</v>
      </c>
      <c r="AE1515" s="7">
        <v>142</v>
      </c>
      <c r="AF1515" s="7">
        <v>141</v>
      </c>
      <c r="AG1515" s="9">
        <v>5220</v>
      </c>
      <c r="AH1515" s="13">
        <v>0.15068849051701741</v>
      </c>
      <c r="AI1515" s="9">
        <v>1129</v>
      </c>
      <c r="AJ1515" s="13">
        <v>3.2591437891515834E-2</v>
      </c>
      <c r="AK1515" s="9">
        <v>3531</v>
      </c>
      <c r="AL1515" s="13">
        <v>9.8714006150405362E-2</v>
      </c>
      <c r="AM1515" s="9">
        <v>560</v>
      </c>
      <c r="AN1515" s="13">
        <v>1.4249001297676905E-2</v>
      </c>
      <c r="AO1515" s="9">
        <v>4091</v>
      </c>
      <c r="AP1515" s="13">
        <v>0.11436958344981828</v>
      </c>
      <c r="AQ1515" s="9">
        <v>34641</v>
      </c>
      <c r="AR1515" s="9">
        <v>37075</v>
      </c>
      <c r="AS1515" s="9">
        <v>34742</v>
      </c>
      <c r="AT1515" s="9">
        <v>32448</v>
      </c>
      <c r="AU1515" s="9">
        <v>33842</v>
      </c>
      <c r="AV1515" s="9">
        <v>33276</v>
      </c>
      <c r="AW1515" s="9">
        <v>35770</v>
      </c>
      <c r="AX1515" s="9">
        <v>36489</v>
      </c>
      <c r="AY1515" s="9">
        <v>36250</v>
      </c>
      <c r="AZ1515" s="9">
        <v>39301</v>
      </c>
      <c r="BA1515" s="9">
        <v>38516</v>
      </c>
      <c r="BB1515" s="9">
        <v>38425</v>
      </c>
      <c r="BC1515" s="9">
        <v>39287</v>
      </c>
      <c r="BD1515" s="9">
        <v>41982</v>
      </c>
      <c r="BE1515" s="9">
        <v>40974</v>
      </c>
      <c r="BF1515" s="9">
        <v>39861</v>
      </c>
      <c r="BG1515" s="11">
        <v>5</v>
      </c>
      <c r="BH1515" s="13">
        <v>0.21739130434782608</v>
      </c>
      <c r="BI1515" s="6">
        <v>6</v>
      </c>
      <c r="BJ1515" s="13">
        <v>0.2608695652173913</v>
      </c>
      <c r="BK1515" s="6">
        <v>1</v>
      </c>
      <c r="BL1515" s="13">
        <v>3.4482758620689655E-2</v>
      </c>
      <c r="BM1515" s="11">
        <v>-2</v>
      </c>
      <c r="BN1515" s="13">
        <v>-6.6666666666666666E-2</v>
      </c>
      <c r="BO1515" s="11">
        <v>-1</v>
      </c>
      <c r="BP1515" s="13">
        <v>-3.4482758620689655E-2</v>
      </c>
      <c r="BQ1515" s="6">
        <v>23</v>
      </c>
      <c r="BR1515" s="6">
        <v>26</v>
      </c>
      <c r="BS1515" s="6">
        <v>28</v>
      </c>
      <c r="BT1515" s="6">
        <v>29</v>
      </c>
      <c r="BU1515" s="6">
        <v>28</v>
      </c>
      <c r="BV1515" s="6">
        <v>29</v>
      </c>
      <c r="BW1515" s="6">
        <v>30</v>
      </c>
      <c r="BX1515" s="6">
        <v>28</v>
      </c>
      <c r="BY1515" s="6">
        <v>27</v>
      </c>
      <c r="BZ1515" s="6">
        <v>28</v>
      </c>
      <c r="CA1515" s="6">
        <v>30</v>
      </c>
      <c r="CB1515" s="6">
        <v>29</v>
      </c>
      <c r="CC1515" s="11">
        <v>28</v>
      </c>
      <c r="CD1515" s="11">
        <v>-4</v>
      </c>
      <c r="CE1515" s="11">
        <v>-11</v>
      </c>
      <c r="CF1515" s="11">
        <v>15</v>
      </c>
      <c r="CG1515" s="11">
        <v>4</v>
      </c>
      <c r="CH1515" s="20">
        <v>0.82</v>
      </c>
      <c r="CI1515" s="20">
        <v>0.79</v>
      </c>
      <c r="CJ1515" s="20">
        <v>0.8</v>
      </c>
      <c r="CK1515" s="20">
        <v>0.87</v>
      </c>
      <c r="CL1515" s="20">
        <v>0.98</v>
      </c>
      <c r="CM1515" s="20">
        <v>1.01</v>
      </c>
      <c r="CN1515" s="20">
        <v>1.04</v>
      </c>
      <c r="CO1515" s="20">
        <v>1.08</v>
      </c>
      <c r="CP1515" s="20">
        <v>1.08</v>
      </c>
      <c r="CQ1515" s="20">
        <v>1.07</v>
      </c>
      <c r="CR1515" s="20">
        <v>1.1100000000000001</v>
      </c>
      <c r="CS1515" s="20">
        <v>1.1299999999999999</v>
      </c>
      <c r="CT1515" s="20">
        <v>1.24</v>
      </c>
      <c r="CU1515" s="20">
        <v>1.23</v>
      </c>
      <c r="CV1515" s="20">
        <v>1.18</v>
      </c>
      <c r="CW1515" s="20">
        <v>1.06</v>
      </c>
      <c r="CX1515" s="20">
        <v>1.04</v>
      </c>
      <c r="CY1515" s="6" t="s">
        <v>612</v>
      </c>
      <c r="CZ1515" s="6" t="s">
        <v>613</v>
      </c>
      <c r="DA1515" s="6" t="s">
        <v>98</v>
      </c>
      <c r="DB1515" s="6"/>
      <c r="DC1515" s="6"/>
      <c r="DD1515" s="6"/>
      <c r="DE1515" s="6"/>
      <c r="DF1515" s="6"/>
      <c r="DG1515" s="6"/>
      <c r="DH1515" s="6" t="s">
        <v>333</v>
      </c>
      <c r="DI1515" s="6"/>
      <c r="DJ1515" s="6"/>
      <c r="DK1515" s="6"/>
      <c r="DL1515" s="6">
        <v>4</v>
      </c>
      <c r="DM1515" s="6" t="s">
        <v>446</v>
      </c>
      <c r="DN1515" s="6">
        <v>6</v>
      </c>
      <c r="DO1515" s="6" t="s">
        <v>393</v>
      </c>
      <c r="DP1515" s="6"/>
      <c r="DQ1515" s="6"/>
    </row>
    <row r="1516" spans="1:121" x14ac:dyDescent="0.2">
      <c r="A1516" s="6" t="s">
        <v>316</v>
      </c>
      <c r="B1516" s="6" t="s">
        <v>316</v>
      </c>
      <c r="C1516" s="6" t="s">
        <v>185</v>
      </c>
      <c r="D1516" s="6" t="s">
        <v>98</v>
      </c>
      <c r="E1516" s="6" t="s">
        <v>239</v>
      </c>
      <c r="F1516" s="11">
        <v>-3</v>
      </c>
      <c r="G1516" s="13">
        <v>-0.14000000000000001</v>
      </c>
      <c r="H1516" s="11">
        <v>10</v>
      </c>
      <c r="I1516" s="13">
        <v>0.47619047619047616</v>
      </c>
      <c r="J1516" s="11">
        <v>0</v>
      </c>
      <c r="K1516" s="13">
        <v>0</v>
      </c>
      <c r="L1516" s="11">
        <v>-13</v>
      </c>
      <c r="M1516" s="13">
        <v>-0.41935483870967744</v>
      </c>
      <c r="N1516" s="11">
        <v>-13</v>
      </c>
      <c r="O1516" s="13">
        <v>-0.41935483870967744</v>
      </c>
      <c r="P1516" s="7">
        <v>21</v>
      </c>
      <c r="Q1516" s="7">
        <v>22</v>
      </c>
      <c r="R1516" s="7">
        <v>26</v>
      </c>
      <c r="S1516" s="7">
        <v>26</v>
      </c>
      <c r="T1516" s="7">
        <v>24</v>
      </c>
      <c r="U1516" s="7">
        <v>26</v>
      </c>
      <c r="V1516" s="7">
        <v>31</v>
      </c>
      <c r="W1516" s="7">
        <v>29</v>
      </c>
      <c r="X1516" s="7">
        <v>27</v>
      </c>
      <c r="Y1516" s="7">
        <v>31</v>
      </c>
      <c r="Z1516" s="7">
        <v>33</v>
      </c>
      <c r="AA1516" s="7">
        <v>24</v>
      </c>
      <c r="AB1516" s="7">
        <v>24</v>
      </c>
      <c r="AC1516" s="7">
        <v>24</v>
      </c>
      <c r="AD1516" s="7">
        <v>18</v>
      </c>
      <c r="AE1516" s="7">
        <v>18</v>
      </c>
      <c r="AF1516" s="7">
        <v>18</v>
      </c>
      <c r="AG1516" s="9">
        <v>11708</v>
      </c>
      <c r="AH1516" s="13">
        <v>0.60559664821807269</v>
      </c>
      <c r="AI1516" s="9">
        <v>2237</v>
      </c>
      <c r="AJ1516" s="13">
        <v>0.11570889153261264</v>
      </c>
      <c r="AK1516" s="9">
        <v>319</v>
      </c>
      <c r="AL1516" s="13">
        <v>1.4789058878071396E-2</v>
      </c>
      <c r="AM1516" s="9">
        <v>9152</v>
      </c>
      <c r="AN1516" s="13">
        <v>0.41810955274338701</v>
      </c>
      <c r="AO1516" s="9">
        <v>9471</v>
      </c>
      <c r="AP1516" s="13">
        <v>0.43908205841446446</v>
      </c>
      <c r="AQ1516" s="9">
        <v>19333</v>
      </c>
      <c r="AR1516" s="9">
        <v>21745</v>
      </c>
      <c r="AS1516" s="9">
        <v>20184</v>
      </c>
      <c r="AT1516" s="9">
        <v>20641</v>
      </c>
      <c r="AU1516" s="9">
        <v>21371</v>
      </c>
      <c r="AV1516" s="9">
        <v>19875</v>
      </c>
      <c r="AW1516" s="9">
        <v>21570</v>
      </c>
      <c r="AX1516" s="9">
        <v>20209</v>
      </c>
      <c r="AY1516" s="9">
        <v>21476</v>
      </c>
      <c r="AZ1516" s="9">
        <v>21889</v>
      </c>
      <c r="BA1516" s="9">
        <v>20778</v>
      </c>
      <c r="BB1516" s="9">
        <v>24229</v>
      </c>
      <c r="BC1516" s="9">
        <v>25722</v>
      </c>
      <c r="BD1516" s="9">
        <v>28762</v>
      </c>
      <c r="BE1516" s="9">
        <v>30801</v>
      </c>
      <c r="BF1516" s="9">
        <v>31041</v>
      </c>
      <c r="BG1516" s="11">
        <v>-2</v>
      </c>
      <c r="BH1516" s="13">
        <v>-0.4</v>
      </c>
      <c r="BI1516" s="6">
        <v>2</v>
      </c>
      <c r="BJ1516" s="13">
        <v>0.4</v>
      </c>
      <c r="BK1516" s="6">
        <v>-1</v>
      </c>
      <c r="BL1516" s="13">
        <v>-0.14285714285714285</v>
      </c>
      <c r="BM1516" s="11">
        <v>-3</v>
      </c>
      <c r="BN1516" s="13">
        <v>-0.5</v>
      </c>
      <c r="BO1516" s="11">
        <v>-4</v>
      </c>
      <c r="BP1516" s="13">
        <v>-0.5714285714285714</v>
      </c>
      <c r="BQ1516" s="6">
        <v>5</v>
      </c>
      <c r="BR1516" s="6">
        <v>5</v>
      </c>
      <c r="BS1516" s="6">
        <v>5</v>
      </c>
      <c r="BT1516" s="6">
        <v>7</v>
      </c>
      <c r="BU1516" s="6">
        <v>7</v>
      </c>
      <c r="BV1516" s="6">
        <v>6</v>
      </c>
      <c r="BW1516" s="6">
        <v>6</v>
      </c>
      <c r="BX1516" s="6">
        <v>6</v>
      </c>
      <c r="BY1516" s="6">
        <v>5</v>
      </c>
      <c r="BZ1516" s="6">
        <v>5</v>
      </c>
      <c r="CA1516" s="6">
        <v>5</v>
      </c>
      <c r="CB1516" s="6">
        <v>3</v>
      </c>
      <c r="CC1516" s="11">
        <v>3</v>
      </c>
      <c r="CD1516" s="11">
        <v>-4</v>
      </c>
      <c r="CE1516" s="11">
        <v>-1</v>
      </c>
      <c r="CF1516" s="11">
        <v>2</v>
      </c>
      <c r="CG1516" s="11">
        <v>1</v>
      </c>
      <c r="CH1516" s="20">
        <v>0.3</v>
      </c>
      <c r="CI1516" s="20">
        <v>0.28999999999999998</v>
      </c>
      <c r="CJ1516" s="20">
        <v>0.35</v>
      </c>
      <c r="CK1516" s="20">
        <v>0.34</v>
      </c>
      <c r="CL1516" s="20">
        <v>0.32</v>
      </c>
      <c r="CM1516" s="20">
        <v>0.35</v>
      </c>
      <c r="CN1516" s="20">
        <v>0.43</v>
      </c>
      <c r="CO1516" s="20">
        <v>0.43</v>
      </c>
      <c r="CP1516" s="20">
        <v>0.43</v>
      </c>
      <c r="CQ1516" s="20">
        <v>0.52</v>
      </c>
      <c r="CR1516" s="20">
        <v>0.57999999999999996</v>
      </c>
      <c r="CS1516" s="20">
        <v>0.43</v>
      </c>
      <c r="CT1516" s="20">
        <v>0.43</v>
      </c>
      <c r="CU1516" s="20">
        <v>0.43</v>
      </c>
      <c r="CV1516" s="20">
        <v>0.32</v>
      </c>
      <c r="CW1516" s="20">
        <v>0.32</v>
      </c>
      <c r="CX1516" s="20">
        <v>0.32</v>
      </c>
      <c r="CY1516" s="6" t="s">
        <v>612</v>
      </c>
      <c r="CZ1516" s="6" t="s">
        <v>613</v>
      </c>
      <c r="DA1516" s="6" t="s">
        <v>98</v>
      </c>
      <c r="DB1516" s="6"/>
      <c r="DC1516" s="6"/>
      <c r="DD1516" s="6"/>
      <c r="DE1516" s="6"/>
      <c r="DF1516" s="6"/>
      <c r="DG1516" s="6"/>
      <c r="DH1516" s="6" t="s">
        <v>333</v>
      </c>
      <c r="DI1516" s="6"/>
      <c r="DJ1516" s="6"/>
      <c r="DK1516" s="6"/>
      <c r="DL1516" s="6">
        <v>4</v>
      </c>
      <c r="DM1516" s="6" t="s">
        <v>446</v>
      </c>
      <c r="DN1516" s="6">
        <v>6</v>
      </c>
      <c r="DO1516" s="6" t="s">
        <v>393</v>
      </c>
      <c r="DP1516" s="6"/>
      <c r="DQ1516" s="6"/>
    </row>
    <row r="1517" spans="1:121" x14ac:dyDescent="0.2">
      <c r="A1517" s="6" t="s">
        <v>317</v>
      </c>
      <c r="B1517" s="6" t="s">
        <v>317</v>
      </c>
      <c r="C1517" s="6" t="s">
        <v>186</v>
      </c>
      <c r="D1517" s="6" t="s">
        <v>98</v>
      </c>
      <c r="E1517" s="6" t="s">
        <v>239</v>
      </c>
      <c r="F1517" s="11">
        <v>-13</v>
      </c>
      <c r="G1517" s="13">
        <v>-0.23</v>
      </c>
      <c r="H1517" s="11">
        <v>-32</v>
      </c>
      <c r="I1517" s="13">
        <v>-0.5714285714285714</v>
      </c>
      <c r="J1517" s="11">
        <v>-2</v>
      </c>
      <c r="K1517" s="13">
        <v>-8.3333333333333329E-2</v>
      </c>
      <c r="L1517" s="11">
        <v>21</v>
      </c>
      <c r="M1517" s="13">
        <v>0.95454545454545459</v>
      </c>
      <c r="N1517" s="11">
        <v>19</v>
      </c>
      <c r="O1517" s="13">
        <v>0.79166666666666652</v>
      </c>
      <c r="P1517" s="7">
        <v>56</v>
      </c>
      <c r="Q1517" s="7">
        <v>47</v>
      </c>
      <c r="R1517" s="7">
        <v>34</v>
      </c>
      <c r="S1517" s="7">
        <v>27</v>
      </c>
      <c r="T1517" s="7">
        <v>31</v>
      </c>
      <c r="U1517" s="7">
        <v>24</v>
      </c>
      <c r="V1517" s="7">
        <v>24</v>
      </c>
      <c r="W1517" s="7">
        <v>23</v>
      </c>
      <c r="X1517" s="7">
        <v>22</v>
      </c>
      <c r="Y1517" s="7">
        <v>22</v>
      </c>
      <c r="Z1517" s="7">
        <v>21</v>
      </c>
      <c r="AA1517" s="7">
        <v>25</v>
      </c>
      <c r="AB1517" s="7">
        <v>25</v>
      </c>
      <c r="AC1517" s="7">
        <v>29</v>
      </c>
      <c r="AD1517" s="7">
        <v>30</v>
      </c>
      <c r="AE1517" s="7">
        <v>41</v>
      </c>
      <c r="AF1517" s="7">
        <v>43</v>
      </c>
      <c r="AG1517" s="9">
        <v>9652</v>
      </c>
      <c r="AH1517" s="13">
        <v>0.26424288882196734</v>
      </c>
      <c r="AI1517" s="9">
        <v>1625</v>
      </c>
      <c r="AJ1517" s="13">
        <v>4.4487639280532211E-2</v>
      </c>
      <c r="AK1517" s="9">
        <v>-1213</v>
      </c>
      <c r="AL1517" s="13">
        <v>-3.1793877123086602E-2</v>
      </c>
      <c r="AM1517" s="9">
        <v>9240</v>
      </c>
      <c r="AN1517" s="13">
        <v>0.25014212620807275</v>
      </c>
      <c r="AO1517" s="9">
        <v>8027</v>
      </c>
      <c r="AP1517" s="13">
        <v>0.21039526106101908</v>
      </c>
      <c r="AQ1517" s="9">
        <v>36527</v>
      </c>
      <c r="AR1517" s="9">
        <v>38197</v>
      </c>
      <c r="AS1517" s="9">
        <v>32027</v>
      </c>
      <c r="AT1517" s="9">
        <v>30005</v>
      </c>
      <c r="AU1517" s="9">
        <v>28848</v>
      </c>
      <c r="AV1517" s="9">
        <v>31226</v>
      </c>
      <c r="AW1517" s="9">
        <v>38152</v>
      </c>
      <c r="AX1517" s="9">
        <v>40634</v>
      </c>
      <c r="AY1517" s="9">
        <v>36848</v>
      </c>
      <c r="AZ1517" s="9">
        <v>36939</v>
      </c>
      <c r="BA1517" s="9">
        <v>34049</v>
      </c>
      <c r="BB1517" s="9">
        <v>42780</v>
      </c>
      <c r="BC1517" s="9">
        <v>41595</v>
      </c>
      <c r="BD1517" s="9">
        <v>40150</v>
      </c>
      <c r="BE1517" s="9">
        <v>38907</v>
      </c>
      <c r="BF1517" s="9">
        <v>46179</v>
      </c>
      <c r="BG1517" s="11">
        <v>-3</v>
      </c>
      <c r="BH1517" s="13">
        <v>-0.33333333333333331</v>
      </c>
      <c r="BI1517" s="6">
        <v>1</v>
      </c>
      <c r="BJ1517" s="13">
        <v>0.1111111111111111</v>
      </c>
      <c r="BK1517" s="6">
        <v>-4</v>
      </c>
      <c r="BL1517" s="13">
        <v>-0.4</v>
      </c>
      <c r="BM1517" s="11">
        <v>0</v>
      </c>
      <c r="BN1517" s="13">
        <v>0</v>
      </c>
      <c r="BO1517" s="11">
        <v>-4</v>
      </c>
      <c r="BP1517" s="13">
        <v>-0.4</v>
      </c>
      <c r="BQ1517" s="6">
        <v>9</v>
      </c>
      <c r="BR1517" s="6">
        <v>10</v>
      </c>
      <c r="BS1517" s="6">
        <v>10</v>
      </c>
      <c r="BT1517" s="6">
        <v>10</v>
      </c>
      <c r="BU1517" s="6">
        <v>7</v>
      </c>
      <c r="BV1517" s="6">
        <v>6</v>
      </c>
      <c r="BW1517" s="6">
        <v>6</v>
      </c>
      <c r="BX1517" s="6">
        <v>5</v>
      </c>
      <c r="BY1517" s="6">
        <v>6</v>
      </c>
      <c r="BZ1517" s="6">
        <v>6</v>
      </c>
      <c r="CA1517" s="6">
        <v>7</v>
      </c>
      <c r="CB1517" s="6">
        <v>7</v>
      </c>
      <c r="CC1517" s="11">
        <v>6</v>
      </c>
      <c r="CD1517" s="11">
        <v>-31</v>
      </c>
      <c r="CE1517" s="11">
        <v>11</v>
      </c>
      <c r="CF1517" s="11">
        <v>6</v>
      </c>
      <c r="CG1517" s="11">
        <v>17</v>
      </c>
      <c r="CH1517" s="20">
        <v>0.25</v>
      </c>
      <c r="CI1517" s="20">
        <v>0.21</v>
      </c>
      <c r="CJ1517" s="20">
        <v>0.15</v>
      </c>
      <c r="CK1517" s="20">
        <v>0.12</v>
      </c>
      <c r="CL1517" s="20">
        <v>0.13</v>
      </c>
      <c r="CM1517" s="20">
        <v>0.1</v>
      </c>
      <c r="CN1517" s="20">
        <v>0.1</v>
      </c>
      <c r="CO1517" s="20">
        <v>0.1</v>
      </c>
      <c r="CP1517" s="20">
        <v>0.1</v>
      </c>
      <c r="CQ1517" s="20">
        <v>0.1</v>
      </c>
      <c r="CR1517" s="20">
        <v>0.1</v>
      </c>
      <c r="CS1517" s="20">
        <v>0.12</v>
      </c>
      <c r="CT1517" s="20">
        <v>0.12</v>
      </c>
      <c r="CU1517" s="20">
        <v>0.14000000000000001</v>
      </c>
      <c r="CV1517" s="20">
        <v>0.14000000000000001</v>
      </c>
      <c r="CW1517" s="20">
        <v>0.18</v>
      </c>
      <c r="CX1517" s="20">
        <v>0.19</v>
      </c>
      <c r="CY1517" s="6" t="s">
        <v>612</v>
      </c>
      <c r="CZ1517" s="6" t="s">
        <v>613</v>
      </c>
      <c r="DA1517" s="6" t="s">
        <v>98</v>
      </c>
      <c r="DB1517" s="6"/>
      <c r="DC1517" s="6"/>
      <c r="DD1517" s="6"/>
      <c r="DE1517" s="6"/>
      <c r="DF1517" s="6"/>
      <c r="DG1517" s="6"/>
      <c r="DH1517" s="6" t="s">
        <v>333</v>
      </c>
      <c r="DI1517" s="6"/>
      <c r="DJ1517" s="6"/>
      <c r="DK1517" s="6"/>
      <c r="DL1517" s="6">
        <v>4</v>
      </c>
      <c r="DM1517" s="6" t="s">
        <v>446</v>
      </c>
      <c r="DN1517" s="6">
        <v>6</v>
      </c>
      <c r="DO1517" s="6" t="s">
        <v>393</v>
      </c>
      <c r="DP1517" s="6"/>
      <c r="DQ1517" s="6"/>
    </row>
    <row r="1518" spans="1:121" x14ac:dyDescent="0.2">
      <c r="A1518" s="6" t="s">
        <v>318</v>
      </c>
      <c r="B1518" s="6" t="s">
        <v>318</v>
      </c>
      <c r="C1518" s="6" t="s">
        <v>187</v>
      </c>
      <c r="D1518" s="6" t="s">
        <v>98</v>
      </c>
      <c r="E1518" s="6" t="s">
        <v>239</v>
      </c>
      <c r="F1518" s="11">
        <v>-10</v>
      </c>
      <c r="G1518" s="13">
        <v>-1</v>
      </c>
      <c r="H1518" s="11">
        <v>3.5997020000000006</v>
      </c>
      <c r="I1518" s="13">
        <v>0.34775852045095657</v>
      </c>
      <c r="J1518" s="11">
        <v>-8.9508559999999999</v>
      </c>
      <c r="K1518" s="13">
        <v>-0.6415990531333704</v>
      </c>
      <c r="L1518" s="11">
        <v>-5</v>
      </c>
      <c r="M1518" s="13">
        <v>-1</v>
      </c>
      <c r="N1518" s="11">
        <v>-13.950856</v>
      </c>
      <c r="O1518" s="13">
        <v>-1</v>
      </c>
      <c r="P1518" s="7">
        <v>10.351153999999999</v>
      </c>
      <c r="Q1518" s="7">
        <v>5</v>
      </c>
      <c r="R1518" s="7">
        <v>5</v>
      </c>
      <c r="S1518" s="7">
        <v>5</v>
      </c>
      <c r="T1518" s="7">
        <v>5</v>
      </c>
      <c r="U1518" s="7">
        <v>14.306649999999999</v>
      </c>
      <c r="V1518" s="7">
        <v>13.950856</v>
      </c>
      <c r="W1518" s="7">
        <v>12.889926000000001</v>
      </c>
      <c r="X1518" s="7">
        <v>5</v>
      </c>
      <c r="Y1518" s="7">
        <v>5</v>
      </c>
      <c r="Z1518" s="7">
        <v>5</v>
      </c>
      <c r="AA1518" s="7">
        <v>0</v>
      </c>
      <c r="AB1518" s="7">
        <v>0</v>
      </c>
      <c r="AC1518" s="7">
        <v>0</v>
      </c>
      <c r="AD1518" s="7">
        <v>0</v>
      </c>
      <c r="AE1518" s="7">
        <v>0</v>
      </c>
      <c r="AF1518" s="7">
        <v>0</v>
      </c>
      <c r="AG1518" s="9">
        <v>-25837.6405591</v>
      </c>
      <c r="AH1518" s="13">
        <v>-1</v>
      </c>
      <c r="AI1518" s="9">
        <v>7499.5755695999978</v>
      </c>
      <c r="AJ1518" s="13">
        <v>0.29025775602248838</v>
      </c>
      <c r="AK1518" s="9">
        <v>-33336.216128699998</v>
      </c>
      <c r="AL1518" s="13">
        <v>-0.99997000349410881</v>
      </c>
      <c r="AM1518" s="9">
        <v>-1</v>
      </c>
      <c r="AN1518" s="13">
        <v>-1</v>
      </c>
      <c r="AO1518" s="9">
        <v>-33337.216128699998</v>
      </c>
      <c r="AP1518" s="13">
        <v>-1</v>
      </c>
      <c r="AQ1518" s="9">
        <v>25837.6405591</v>
      </c>
      <c r="AR1518" s="9">
        <v>1</v>
      </c>
      <c r="AS1518" s="9">
        <v>1</v>
      </c>
      <c r="AT1518" s="9">
        <v>1</v>
      </c>
      <c r="AU1518" s="9">
        <v>1</v>
      </c>
      <c r="AV1518" s="9">
        <v>32758.734562500002</v>
      </c>
      <c r="AW1518" s="9">
        <v>33337.216128699998</v>
      </c>
      <c r="AX1518" s="9">
        <v>33875.684281200003</v>
      </c>
      <c r="AY1518" s="9">
        <v>1</v>
      </c>
      <c r="AZ1518" s="9">
        <v>1</v>
      </c>
      <c r="BA1518" s="9">
        <v>1</v>
      </c>
      <c r="BB1518" s="9">
        <v>0</v>
      </c>
      <c r="BC1518" s="9">
        <v>0</v>
      </c>
      <c r="BD1518" s="9">
        <v>0</v>
      </c>
      <c r="BE1518" s="9">
        <v>0</v>
      </c>
      <c r="BF1518" s="9">
        <v>0</v>
      </c>
      <c r="BG1518" s="11">
        <v>-2</v>
      </c>
      <c r="BH1518" s="13">
        <v>-1</v>
      </c>
      <c r="BI1518" s="6">
        <v>0</v>
      </c>
      <c r="BJ1518" s="13">
        <v>0</v>
      </c>
      <c r="BK1518" s="6">
        <v>-1</v>
      </c>
      <c r="BL1518" s="13">
        <v>-0.5</v>
      </c>
      <c r="BM1518" s="11">
        <v>-1</v>
      </c>
      <c r="BN1518" s="13">
        <v>-1</v>
      </c>
      <c r="BO1518" s="11">
        <v>-2</v>
      </c>
      <c r="BP1518" s="13">
        <v>-1</v>
      </c>
      <c r="BQ1518" s="6">
        <v>2</v>
      </c>
      <c r="BR1518" s="6">
        <v>2</v>
      </c>
      <c r="BS1518" s="6">
        <v>2</v>
      </c>
      <c r="BT1518" s="6">
        <v>2</v>
      </c>
      <c r="BU1518" s="6">
        <v>2</v>
      </c>
      <c r="BV1518" s="6">
        <v>1</v>
      </c>
      <c r="BW1518" s="6">
        <v>1</v>
      </c>
      <c r="BX1518" s="6">
        <v>1</v>
      </c>
      <c r="BY1518" s="6">
        <v>0</v>
      </c>
      <c r="BZ1518" s="6">
        <v>0</v>
      </c>
      <c r="CA1518" s="6">
        <v>0</v>
      </c>
      <c r="CB1518" s="6">
        <v>0</v>
      </c>
      <c r="CC1518" s="11">
        <v>0</v>
      </c>
      <c r="CD1518" s="11">
        <v>-13.6989</v>
      </c>
      <c r="CE1518" s="11">
        <v>2.2162700000000002</v>
      </c>
      <c r="CF1518" s="11">
        <v>1.13151</v>
      </c>
      <c r="CG1518" s="11">
        <v>3</v>
      </c>
      <c r="CH1518" s="20">
        <v>0.21099699999999999</v>
      </c>
      <c r="CI1518" s="20">
        <v>0.18074599999999999</v>
      </c>
      <c r="CJ1518" s="20">
        <v>0.20163400000000001</v>
      </c>
      <c r="CK1518" s="20">
        <v>0.192801</v>
      </c>
      <c r="CL1518" s="20">
        <v>0.12780900000000001</v>
      </c>
      <c r="CM1518" s="20">
        <v>0.29594399999999998</v>
      </c>
      <c r="CN1518" s="20">
        <v>0.29094100000000001</v>
      </c>
      <c r="CO1518" s="20">
        <v>0.27062999999999998</v>
      </c>
      <c r="CP1518" s="20">
        <v>0.19961300000000001</v>
      </c>
      <c r="CQ1518" s="20">
        <v>0.187805</v>
      </c>
      <c r="CR1518" s="20">
        <v>0.13813800000000001</v>
      </c>
      <c r="CS1518" s="20">
        <v>0</v>
      </c>
      <c r="CT1518" s="20">
        <v>0</v>
      </c>
      <c r="CU1518" s="20">
        <v>0</v>
      </c>
      <c r="CV1518" s="20">
        <v>0</v>
      </c>
      <c r="CW1518" s="20">
        <v>0</v>
      </c>
      <c r="CX1518" s="20">
        <v>0</v>
      </c>
      <c r="CY1518" s="6" t="s">
        <v>612</v>
      </c>
      <c r="CZ1518" s="6" t="s">
        <v>613</v>
      </c>
      <c r="DA1518" s="6" t="s">
        <v>98</v>
      </c>
      <c r="DB1518" s="6"/>
      <c r="DC1518" s="6"/>
      <c r="DD1518" s="6"/>
      <c r="DE1518" s="6"/>
      <c r="DF1518" s="6"/>
      <c r="DG1518" s="6"/>
      <c r="DH1518" s="6" t="s">
        <v>333</v>
      </c>
      <c r="DI1518" s="6"/>
      <c r="DJ1518" s="6"/>
      <c r="DK1518" s="6"/>
      <c r="DL1518" s="6">
        <v>4</v>
      </c>
      <c r="DM1518" s="6" t="s">
        <v>446</v>
      </c>
      <c r="DN1518" s="6">
        <v>6</v>
      </c>
      <c r="DO1518" s="6" t="s">
        <v>393</v>
      </c>
      <c r="DP1518" s="6"/>
      <c r="DQ1518" s="6"/>
    </row>
    <row r="1519" spans="1:121" x14ac:dyDescent="0.2">
      <c r="A1519" s="6" t="s">
        <v>319</v>
      </c>
      <c r="B1519" s="6" t="s">
        <v>319</v>
      </c>
      <c r="C1519" s="6" t="s">
        <v>188</v>
      </c>
      <c r="D1519" s="6" t="s">
        <v>98</v>
      </c>
      <c r="E1519" s="6" t="s">
        <v>239</v>
      </c>
      <c r="F1519" s="11">
        <v>6</v>
      </c>
      <c r="G1519" s="13">
        <v>0.12</v>
      </c>
      <c r="H1519" s="11">
        <v>22.203035805900001</v>
      </c>
      <c r="I1519" s="13">
        <v>0.44149291515273614</v>
      </c>
      <c r="J1519" s="11">
        <v>-17.002356773900004</v>
      </c>
      <c r="K1519" s="13">
        <v>-0.23453517817822953</v>
      </c>
      <c r="L1519" s="11">
        <v>0.23868237670000525</v>
      </c>
      <c r="M1519" s="13">
        <v>4.3012430518109051E-3</v>
      </c>
      <c r="N1519" s="11">
        <v>-16.763674397199999</v>
      </c>
      <c r="O1519" s="13">
        <v>-0.23124272793196296</v>
      </c>
      <c r="P1519" s="7">
        <v>50.290808853000001</v>
      </c>
      <c r="Q1519" s="7">
        <v>61.146270233499997</v>
      </c>
      <c r="R1519" s="7">
        <v>64.864932107100003</v>
      </c>
      <c r="S1519" s="7">
        <v>68.446595104899998</v>
      </c>
      <c r="T1519" s="7">
        <v>86.112704802500005</v>
      </c>
      <c r="U1519" s="7">
        <v>73.359080283300003</v>
      </c>
      <c r="V1519" s="7">
        <v>72.493844658900002</v>
      </c>
      <c r="W1519" s="7">
        <v>67.821968751</v>
      </c>
      <c r="X1519" s="7">
        <v>63.578976816400001</v>
      </c>
      <c r="Y1519" s="7">
        <v>55.491487884999998</v>
      </c>
      <c r="Z1519" s="7">
        <v>71.930035344499998</v>
      </c>
      <c r="AA1519" s="7">
        <v>63.588363689600001</v>
      </c>
      <c r="AB1519" s="7">
        <v>65.4375130257</v>
      </c>
      <c r="AC1519" s="7">
        <v>66.211235871599996</v>
      </c>
      <c r="AD1519" s="7">
        <v>61.685867260199998</v>
      </c>
      <c r="AE1519" s="7">
        <v>55.8397999058</v>
      </c>
      <c r="AF1519" s="7">
        <v>55.730170261700003</v>
      </c>
      <c r="AG1519" s="9">
        <v>2461.614219000001</v>
      </c>
      <c r="AH1519" s="13">
        <v>0.15988278923094343</v>
      </c>
      <c r="AI1519" s="9">
        <v>-977.37822050000068</v>
      </c>
      <c r="AJ1519" s="13">
        <v>-6.3481090912205232E-2</v>
      </c>
      <c r="AK1519" s="9">
        <v>1142.3704739000004</v>
      </c>
      <c r="AL1519" s="13">
        <v>7.9226805179827622E-2</v>
      </c>
      <c r="AM1519" s="9">
        <v>2296.6219656000012</v>
      </c>
      <c r="AN1519" s="13">
        <v>0.14758491326752213</v>
      </c>
      <c r="AO1519" s="9">
        <v>3438.9924395000016</v>
      </c>
      <c r="AP1519" s="13">
        <v>0.23850439961827744</v>
      </c>
      <c r="AQ1519" s="9">
        <v>15396.3677444</v>
      </c>
      <c r="AR1519" s="9">
        <v>15166.9816142</v>
      </c>
      <c r="AS1519" s="9">
        <v>13977.239310000001</v>
      </c>
      <c r="AT1519" s="9">
        <v>13009.232836900001</v>
      </c>
      <c r="AU1519" s="9">
        <v>12421.042041000001</v>
      </c>
      <c r="AV1519" s="9">
        <v>13796.7831369</v>
      </c>
      <c r="AW1519" s="9">
        <v>14418.9895239</v>
      </c>
      <c r="AX1519" s="9">
        <v>15866.362509099999</v>
      </c>
      <c r="AY1519" s="9">
        <v>15717.8480409</v>
      </c>
      <c r="AZ1519" s="9">
        <v>15561.3599978</v>
      </c>
      <c r="BA1519" s="9">
        <v>14751.5133384</v>
      </c>
      <c r="BB1519" s="9">
        <v>14871.090313999999</v>
      </c>
      <c r="BC1519" s="9">
        <v>15569.1460728</v>
      </c>
      <c r="BD1519" s="9">
        <v>16713.6452298</v>
      </c>
      <c r="BE1519" s="9">
        <v>16419.109909999999</v>
      </c>
      <c r="BF1519" s="9">
        <v>17857.981963400001</v>
      </c>
      <c r="BG1519" s="11">
        <v>2.75</v>
      </c>
      <c r="BH1519" s="13">
        <v>0.45833333333333331</v>
      </c>
      <c r="BI1519" s="6">
        <v>2</v>
      </c>
      <c r="BJ1519" s="13">
        <v>0.33333333333333331</v>
      </c>
      <c r="BK1519" s="6">
        <v>-2</v>
      </c>
      <c r="BL1519" s="13">
        <v>-0.25</v>
      </c>
      <c r="BM1519" s="11">
        <v>2.75</v>
      </c>
      <c r="BN1519" s="13">
        <v>0.45833333333333331</v>
      </c>
      <c r="BO1519" s="11">
        <v>0.75</v>
      </c>
      <c r="BP1519" s="13">
        <v>9.375E-2</v>
      </c>
      <c r="BQ1519" s="6">
        <v>6</v>
      </c>
      <c r="BR1519" s="6">
        <v>8</v>
      </c>
      <c r="BS1519" s="6">
        <v>7</v>
      </c>
      <c r="BT1519" s="6">
        <v>8</v>
      </c>
      <c r="BU1519" s="6">
        <v>8</v>
      </c>
      <c r="BV1519" s="6">
        <v>6</v>
      </c>
      <c r="BW1519" s="6">
        <v>6</v>
      </c>
      <c r="BX1519" s="6">
        <v>5</v>
      </c>
      <c r="BY1519" s="6">
        <v>6</v>
      </c>
      <c r="BZ1519" s="6">
        <v>6</v>
      </c>
      <c r="CA1519" s="6">
        <v>9</v>
      </c>
      <c r="CB1519" s="6">
        <v>9</v>
      </c>
      <c r="CC1519" s="11">
        <v>8.75</v>
      </c>
      <c r="CD1519" s="11">
        <v>-4.5828199999999999</v>
      </c>
      <c r="CE1519" s="11">
        <v>4.5247900000000003</v>
      </c>
      <c r="CF1519" s="11">
        <v>5.4973900000000002</v>
      </c>
      <c r="CG1519" s="11">
        <v>10</v>
      </c>
      <c r="CH1519" s="20">
        <v>0.20898600000000001</v>
      </c>
      <c r="CI1519" s="20">
        <v>0.24696100000000001</v>
      </c>
      <c r="CJ1519" s="20">
        <v>0.26582299999999998</v>
      </c>
      <c r="CK1519" s="20">
        <v>0.27452199999999999</v>
      </c>
      <c r="CL1519" s="20">
        <v>0.34509400000000001</v>
      </c>
      <c r="CM1519" s="20">
        <v>0.29393900000000001</v>
      </c>
      <c r="CN1519" s="20">
        <v>0.29899300000000001</v>
      </c>
      <c r="CO1519" s="20">
        <v>0.30345100000000003</v>
      </c>
      <c r="CP1519" s="20">
        <v>0.317992</v>
      </c>
      <c r="CQ1519" s="20">
        <v>0.26983099999999999</v>
      </c>
      <c r="CR1519" s="20">
        <v>0.34883199999999998</v>
      </c>
      <c r="CS1519" s="20">
        <v>0.30414000000000002</v>
      </c>
      <c r="CT1519" s="20">
        <v>0.31363000000000002</v>
      </c>
      <c r="CU1519" s="20">
        <v>0.314751</v>
      </c>
      <c r="CV1519" s="20">
        <v>0.28944399999999998</v>
      </c>
      <c r="CW1519" s="20">
        <v>0.25702900000000001</v>
      </c>
      <c r="CX1519" s="20">
        <v>0.25339299999999998</v>
      </c>
      <c r="CY1519" s="6" t="s">
        <v>612</v>
      </c>
      <c r="CZ1519" s="6" t="s">
        <v>613</v>
      </c>
      <c r="DA1519" s="6" t="s">
        <v>98</v>
      </c>
      <c r="DB1519" s="6"/>
      <c r="DC1519" s="6"/>
      <c r="DD1519" s="6"/>
      <c r="DE1519" s="6"/>
      <c r="DF1519" s="6"/>
      <c r="DG1519" s="6"/>
      <c r="DH1519" s="6" t="s">
        <v>333</v>
      </c>
      <c r="DI1519" s="6"/>
      <c r="DJ1519" s="6"/>
      <c r="DK1519" s="6"/>
      <c r="DL1519" s="6">
        <v>4</v>
      </c>
      <c r="DM1519" s="6" t="s">
        <v>446</v>
      </c>
      <c r="DN1519" s="6">
        <v>6</v>
      </c>
      <c r="DO1519" s="6" t="s">
        <v>393</v>
      </c>
      <c r="DP1519" s="6"/>
      <c r="DQ1519" s="6"/>
    </row>
    <row r="1520" spans="1:121" x14ac:dyDescent="0.2">
      <c r="A1520" s="6" t="s">
        <v>320</v>
      </c>
      <c r="B1520" s="6" t="s">
        <v>320</v>
      </c>
      <c r="C1520" s="6" t="s">
        <v>189</v>
      </c>
      <c r="D1520" s="6" t="s">
        <v>98</v>
      </c>
      <c r="E1520" s="6" t="s">
        <v>239</v>
      </c>
      <c r="F1520" s="11">
        <v>1</v>
      </c>
      <c r="G1520" s="13">
        <v>1</v>
      </c>
      <c r="H1520" s="11">
        <v>0</v>
      </c>
      <c r="I1520" s="13">
        <v>0</v>
      </c>
      <c r="J1520" s="11">
        <v>-5</v>
      </c>
      <c r="K1520" s="13">
        <v>-1</v>
      </c>
      <c r="L1520" s="11">
        <v>0</v>
      </c>
      <c r="M1520" s="13"/>
      <c r="N1520" s="11">
        <v>-5</v>
      </c>
      <c r="O1520" s="13">
        <v>-1</v>
      </c>
      <c r="P1520" s="7">
        <v>5</v>
      </c>
      <c r="Q1520" s="7">
        <v>5</v>
      </c>
      <c r="R1520" s="7">
        <v>5</v>
      </c>
      <c r="S1520" s="7">
        <v>5</v>
      </c>
      <c r="T1520" s="7">
        <v>5</v>
      </c>
      <c r="U1520" s="7">
        <v>5</v>
      </c>
      <c r="V1520" s="7">
        <v>5</v>
      </c>
      <c r="W1520" s="7">
        <v>0</v>
      </c>
      <c r="X1520" s="7">
        <v>5</v>
      </c>
      <c r="Y1520" s="7">
        <v>0</v>
      </c>
      <c r="Z1520" s="7">
        <v>5</v>
      </c>
      <c r="AA1520" s="7">
        <v>5</v>
      </c>
      <c r="AB1520" s="7">
        <v>0</v>
      </c>
      <c r="AC1520" s="7">
        <v>0</v>
      </c>
      <c r="AD1520" s="7">
        <v>0</v>
      </c>
      <c r="AE1520" s="7">
        <v>0</v>
      </c>
      <c r="AF1520" s="7">
        <v>0</v>
      </c>
      <c r="AG1520" s="9">
        <v>-1</v>
      </c>
      <c r="AH1520" s="13">
        <v>-1</v>
      </c>
      <c r="AI1520" s="9">
        <v>0</v>
      </c>
      <c r="AJ1520" s="13">
        <v>0</v>
      </c>
      <c r="AK1520" s="9">
        <v>-1</v>
      </c>
      <c r="AL1520" s="13">
        <v>-1</v>
      </c>
      <c r="AM1520" s="9">
        <v>0</v>
      </c>
      <c r="AN1520" s="13"/>
      <c r="AO1520" s="9">
        <v>-1</v>
      </c>
      <c r="AP1520" s="13">
        <v>-1</v>
      </c>
      <c r="AQ1520" s="9">
        <v>1</v>
      </c>
      <c r="AR1520" s="9">
        <v>1</v>
      </c>
      <c r="AS1520" s="9">
        <v>1</v>
      </c>
      <c r="AT1520" s="9">
        <v>1</v>
      </c>
      <c r="AU1520" s="9">
        <v>1</v>
      </c>
      <c r="AV1520" s="9">
        <v>1</v>
      </c>
      <c r="AW1520" s="9">
        <v>1</v>
      </c>
      <c r="AX1520" s="9">
        <v>0</v>
      </c>
      <c r="AY1520" s="9">
        <v>1</v>
      </c>
      <c r="AZ1520" s="9">
        <v>0</v>
      </c>
      <c r="BA1520" s="9">
        <v>1</v>
      </c>
      <c r="BB1520" s="9">
        <v>1</v>
      </c>
      <c r="BC1520" s="9">
        <v>0</v>
      </c>
      <c r="BD1520" s="9">
        <v>0</v>
      </c>
      <c r="BE1520" s="9">
        <v>0</v>
      </c>
      <c r="BF1520" s="9">
        <v>0</v>
      </c>
      <c r="BG1520" s="11">
        <v>0</v>
      </c>
      <c r="BH1520" s="13" t="e">
        <v>#DIV/0!</v>
      </c>
      <c r="BI1520" s="6">
        <v>0</v>
      </c>
      <c r="BJ1520" s="13" t="e">
        <v>#DIV/0!</v>
      </c>
      <c r="BK1520" s="6">
        <v>0</v>
      </c>
      <c r="BL1520" s="13" t="e">
        <v>#DIV/0!</v>
      </c>
      <c r="BM1520" s="11">
        <v>0</v>
      </c>
      <c r="BN1520" s="13" t="e">
        <v>#DIV/0!</v>
      </c>
      <c r="BO1520" s="11">
        <v>0</v>
      </c>
      <c r="BP1520" s="13" t="e">
        <v>#DIV/0!</v>
      </c>
      <c r="BQ1520" s="6">
        <v>0</v>
      </c>
      <c r="BR1520" s="6">
        <v>0</v>
      </c>
      <c r="BS1520" s="6">
        <v>0</v>
      </c>
      <c r="BT1520" s="6">
        <v>0</v>
      </c>
      <c r="BU1520" s="6">
        <v>0</v>
      </c>
      <c r="BV1520" s="6">
        <v>0</v>
      </c>
      <c r="BW1520" s="6">
        <v>0</v>
      </c>
      <c r="BX1520" s="6">
        <v>0</v>
      </c>
      <c r="BY1520" s="6">
        <v>0</v>
      </c>
      <c r="BZ1520" s="6">
        <v>0</v>
      </c>
      <c r="CA1520" s="6">
        <v>0</v>
      </c>
      <c r="CB1520" s="6">
        <v>0</v>
      </c>
      <c r="CC1520" s="11">
        <v>0</v>
      </c>
      <c r="CD1520" s="11">
        <v>-1.8854200000000001</v>
      </c>
      <c r="CE1520" s="11">
        <v>0.46398899999999998</v>
      </c>
      <c r="CF1520" s="11">
        <v>0.140069</v>
      </c>
      <c r="CG1520" s="11">
        <v>0</v>
      </c>
      <c r="CH1520" s="20">
        <v>1.5960200000000001E-2</v>
      </c>
      <c r="CI1520" s="20">
        <v>1.6558900000000001E-2</v>
      </c>
      <c r="CJ1520" s="20">
        <v>2.1935900000000001E-2</v>
      </c>
      <c r="CK1520" s="20">
        <v>3.9809700000000003E-2</v>
      </c>
      <c r="CL1520" s="20">
        <v>2.3250300000000002E-2</v>
      </c>
      <c r="CM1520" s="20">
        <v>1.42182E-2</v>
      </c>
      <c r="CN1520" s="20">
        <v>1.26526E-2</v>
      </c>
      <c r="CO1520" s="20">
        <v>0</v>
      </c>
      <c r="CP1520" s="20">
        <v>6.1386799999999997E-3</v>
      </c>
      <c r="CQ1520" s="20">
        <v>0</v>
      </c>
      <c r="CR1520" s="20">
        <v>1.52935E-2</v>
      </c>
      <c r="CS1520" s="20">
        <v>5.9435599999999996E-3</v>
      </c>
      <c r="CT1520" s="20">
        <v>0</v>
      </c>
      <c r="CU1520" s="20">
        <v>0</v>
      </c>
      <c r="CV1520" s="20">
        <v>0</v>
      </c>
      <c r="CW1520" s="20">
        <v>0</v>
      </c>
      <c r="CX1520" s="20">
        <v>0</v>
      </c>
      <c r="CY1520" s="6" t="s">
        <v>612</v>
      </c>
      <c r="CZ1520" s="6" t="s">
        <v>613</v>
      </c>
      <c r="DA1520" s="6" t="s">
        <v>98</v>
      </c>
      <c r="DB1520" s="6"/>
      <c r="DC1520" s="6"/>
      <c r="DD1520" s="6"/>
      <c r="DE1520" s="6"/>
      <c r="DF1520" s="6"/>
      <c r="DG1520" s="6"/>
      <c r="DH1520" s="6" t="s">
        <v>333</v>
      </c>
      <c r="DI1520" s="6"/>
      <c r="DJ1520" s="6"/>
      <c r="DK1520" s="6"/>
      <c r="DL1520" s="6">
        <v>4</v>
      </c>
      <c r="DM1520" s="6" t="s">
        <v>446</v>
      </c>
      <c r="DN1520" s="6">
        <v>6</v>
      </c>
      <c r="DO1520" s="6" t="s">
        <v>393</v>
      </c>
      <c r="DP1520" s="6"/>
      <c r="DQ1520" s="6"/>
    </row>
    <row r="1521" spans="1:121" x14ac:dyDescent="0.2">
      <c r="A1521" s="6" t="s">
        <v>321</v>
      </c>
      <c r="B1521" s="6" t="s">
        <v>321</v>
      </c>
      <c r="C1521" s="6" t="s">
        <v>190</v>
      </c>
      <c r="D1521" s="6" t="s">
        <v>98</v>
      </c>
      <c r="E1521" s="6" t="s">
        <v>239</v>
      </c>
      <c r="F1521" s="11">
        <v>-27</v>
      </c>
      <c r="G1521" s="13">
        <v>-7.1808510638300002E-2</v>
      </c>
      <c r="H1521" s="11">
        <v>-30.361691194000002</v>
      </c>
      <c r="I1521" s="13">
        <v>-8.071834901821319E-2</v>
      </c>
      <c r="J1521" s="11">
        <v>24.412689481000029</v>
      </c>
      <c r="K1521" s="13">
        <v>7.0601405545958826E-2</v>
      </c>
      <c r="L1521" s="11">
        <v>-21.104359835000025</v>
      </c>
      <c r="M1521" s="13">
        <v>-5.7008825525350103E-2</v>
      </c>
      <c r="N1521" s="11">
        <v>3.3083296460000042</v>
      </c>
      <c r="O1521" s="13">
        <v>9.5676768099946657E-3</v>
      </c>
      <c r="P1521" s="7">
        <v>376.143610013</v>
      </c>
      <c r="Q1521" s="7">
        <v>383.86459731299999</v>
      </c>
      <c r="R1521" s="7">
        <v>381.03792654699998</v>
      </c>
      <c r="S1521" s="7">
        <v>383.08987689200001</v>
      </c>
      <c r="T1521" s="7">
        <v>390.55390673400001</v>
      </c>
      <c r="U1521" s="7">
        <v>390.27694145100003</v>
      </c>
      <c r="V1521" s="7">
        <v>345.781918819</v>
      </c>
      <c r="W1521" s="7">
        <v>352.17813959199998</v>
      </c>
      <c r="X1521" s="7">
        <v>371.13730770400002</v>
      </c>
      <c r="Y1521" s="7">
        <v>370.19460830000003</v>
      </c>
      <c r="Z1521" s="7">
        <v>369.35648435399997</v>
      </c>
      <c r="AA1521" s="7">
        <v>368.77187477699999</v>
      </c>
      <c r="AB1521" s="7">
        <v>362.55960617099998</v>
      </c>
      <c r="AC1521" s="7">
        <v>357.90478306699998</v>
      </c>
      <c r="AD1521" s="7">
        <v>354.10056771900003</v>
      </c>
      <c r="AE1521" s="7">
        <v>348.47573838599999</v>
      </c>
      <c r="AF1521" s="7">
        <v>349.090248465</v>
      </c>
      <c r="AG1521" s="9">
        <v>11212.8244572</v>
      </c>
      <c r="AH1521" s="13">
        <v>0.63353106995272768</v>
      </c>
      <c r="AI1521" s="9">
        <v>5073.1033332000006</v>
      </c>
      <c r="AJ1521" s="13">
        <v>0.28663327379563014</v>
      </c>
      <c r="AK1521" s="9">
        <v>2971.7584085999988</v>
      </c>
      <c r="AL1521" s="13">
        <v>0.13050033219713106</v>
      </c>
      <c r="AM1521" s="9">
        <v>3167.9627154000009</v>
      </c>
      <c r="AN1521" s="13">
        <v>0.12305732898729412</v>
      </c>
      <c r="AO1521" s="9">
        <v>6139.7211239999997</v>
      </c>
      <c r="AP1521" s="13">
        <v>0.26961668349655871</v>
      </c>
      <c r="AQ1521" s="9">
        <v>17698.933784000001</v>
      </c>
      <c r="AR1521" s="9">
        <v>17814.5975798</v>
      </c>
      <c r="AS1521" s="9">
        <v>17769.409552199999</v>
      </c>
      <c r="AT1521" s="9">
        <v>19669.162097</v>
      </c>
      <c r="AU1521" s="9">
        <v>19634.622482700001</v>
      </c>
      <c r="AV1521" s="9">
        <v>21044.469015899998</v>
      </c>
      <c r="AW1521" s="9">
        <v>22772.037117200001</v>
      </c>
      <c r="AX1521" s="9">
        <v>24483.760305</v>
      </c>
      <c r="AY1521" s="9">
        <v>24859.300314100001</v>
      </c>
      <c r="AZ1521" s="9">
        <v>25743.7955258</v>
      </c>
      <c r="BA1521" s="9">
        <v>25027.211591399999</v>
      </c>
      <c r="BB1521" s="9">
        <v>25203.148942</v>
      </c>
      <c r="BC1521" s="9">
        <v>27355.399290199999</v>
      </c>
      <c r="BD1521" s="9">
        <v>26942.842430799999</v>
      </c>
      <c r="BE1521" s="9">
        <v>27616.173224999999</v>
      </c>
      <c r="BF1521" s="9">
        <v>28911.758241200001</v>
      </c>
      <c r="BG1521" s="11">
        <v>13.5</v>
      </c>
      <c r="BH1521" s="13">
        <v>0.75</v>
      </c>
      <c r="BI1521" s="6">
        <v>-3</v>
      </c>
      <c r="BJ1521" s="13">
        <v>-0.16666666666666666</v>
      </c>
      <c r="BK1521" s="6">
        <v>-1</v>
      </c>
      <c r="BL1521" s="13">
        <v>-6.6666666666666666E-2</v>
      </c>
      <c r="BM1521" s="11">
        <v>17.5</v>
      </c>
      <c r="BN1521" s="13">
        <v>1.25</v>
      </c>
      <c r="BO1521" s="11">
        <v>16.5</v>
      </c>
      <c r="BP1521" s="13">
        <v>1.1000000000000001</v>
      </c>
      <c r="BQ1521" s="6">
        <v>18</v>
      </c>
      <c r="BR1521" s="6">
        <v>17</v>
      </c>
      <c r="BS1521" s="6">
        <v>18</v>
      </c>
      <c r="BT1521" s="6">
        <v>15</v>
      </c>
      <c r="BU1521" s="6">
        <v>16</v>
      </c>
      <c r="BV1521" s="6">
        <v>16</v>
      </c>
      <c r="BW1521" s="6">
        <v>14</v>
      </c>
      <c r="BX1521" s="6">
        <v>16</v>
      </c>
      <c r="BY1521" s="6">
        <v>17</v>
      </c>
      <c r="BZ1521" s="6">
        <v>24</v>
      </c>
      <c r="CA1521" s="6">
        <v>25</v>
      </c>
      <c r="CB1521" s="6">
        <v>29</v>
      </c>
      <c r="CC1521" s="11">
        <v>31.5</v>
      </c>
      <c r="CD1521" s="11">
        <v>-205.149</v>
      </c>
      <c r="CE1521" s="11">
        <v>136.97900000000001</v>
      </c>
      <c r="CF1521" s="11">
        <v>41.116999999999997</v>
      </c>
      <c r="CG1521" s="11">
        <v>178</v>
      </c>
      <c r="CH1521" s="20">
        <v>0.94864700000000002</v>
      </c>
      <c r="CI1521" s="20">
        <v>0.90571500000000005</v>
      </c>
      <c r="CJ1521" s="20">
        <v>0.88436899999999996</v>
      </c>
      <c r="CK1521" s="20">
        <v>0.88093299999999997</v>
      </c>
      <c r="CL1521" s="20">
        <v>0.90752999999999995</v>
      </c>
      <c r="CM1521" s="20">
        <v>0.90830500000000003</v>
      </c>
      <c r="CN1521" s="20">
        <v>0.81363399999999997</v>
      </c>
      <c r="CO1521" s="20">
        <v>0.838341</v>
      </c>
      <c r="CP1521" s="20">
        <v>0.88103900000000002</v>
      </c>
      <c r="CQ1521" s="20">
        <v>0.86621000000000004</v>
      </c>
      <c r="CR1521" s="20">
        <v>0.88375400000000004</v>
      </c>
      <c r="CS1521" s="20">
        <v>0.86415799999999998</v>
      </c>
      <c r="CT1521" s="20">
        <v>0.85793900000000001</v>
      </c>
      <c r="CU1521" s="20">
        <v>0.85182800000000003</v>
      </c>
      <c r="CV1521" s="20">
        <v>0.83247800000000005</v>
      </c>
      <c r="CW1521" s="20">
        <v>0.79987799999999998</v>
      </c>
      <c r="CX1521" s="20">
        <v>0.78404799999999997</v>
      </c>
      <c r="CY1521" s="6" t="s">
        <v>612</v>
      </c>
      <c r="CZ1521" s="6" t="s">
        <v>613</v>
      </c>
      <c r="DA1521" s="6" t="s">
        <v>98</v>
      </c>
      <c r="DB1521" s="6"/>
      <c r="DC1521" s="6"/>
      <c r="DD1521" s="6"/>
      <c r="DE1521" s="6"/>
      <c r="DF1521" s="6"/>
      <c r="DG1521" s="6"/>
      <c r="DH1521" s="6" t="s">
        <v>333</v>
      </c>
      <c r="DI1521" s="6"/>
      <c r="DJ1521" s="6"/>
      <c r="DK1521" s="6"/>
      <c r="DL1521" s="6">
        <v>4</v>
      </c>
      <c r="DM1521" s="6" t="s">
        <v>446</v>
      </c>
      <c r="DN1521" s="6">
        <v>6</v>
      </c>
      <c r="DO1521" s="6" t="s">
        <v>393</v>
      </c>
      <c r="DP1521" s="6"/>
      <c r="DQ1521" s="6"/>
    </row>
    <row r="1522" spans="1:121" x14ac:dyDescent="0.2">
      <c r="A1522" s="6" t="s">
        <v>322</v>
      </c>
      <c r="B1522" s="6" t="s">
        <v>322</v>
      </c>
      <c r="C1522" s="6" t="s">
        <v>191</v>
      </c>
      <c r="D1522" s="6" t="s">
        <v>98</v>
      </c>
      <c r="E1522" s="6" t="s">
        <v>239</v>
      </c>
      <c r="F1522" s="11">
        <v>-2</v>
      </c>
      <c r="G1522" s="13">
        <v>-0.05</v>
      </c>
      <c r="H1522" s="11">
        <v>10</v>
      </c>
      <c r="I1522" s="13">
        <v>0.27027027027027029</v>
      </c>
      <c r="J1522" s="11">
        <v>-8</v>
      </c>
      <c r="K1522" s="13">
        <v>-0.1702127659574468</v>
      </c>
      <c r="L1522" s="11">
        <v>-4</v>
      </c>
      <c r="M1522" s="13">
        <v>-0.10256410256410256</v>
      </c>
      <c r="N1522" s="11">
        <v>-12</v>
      </c>
      <c r="O1522" s="13">
        <v>-0.25531914893617019</v>
      </c>
      <c r="P1522" s="7">
        <v>37</v>
      </c>
      <c r="Q1522" s="7">
        <v>62</v>
      </c>
      <c r="R1522" s="7">
        <v>63</v>
      </c>
      <c r="S1522" s="7">
        <v>64</v>
      </c>
      <c r="T1522" s="7">
        <v>60</v>
      </c>
      <c r="U1522" s="7">
        <v>60</v>
      </c>
      <c r="V1522" s="7">
        <v>47</v>
      </c>
      <c r="W1522" s="7">
        <v>49</v>
      </c>
      <c r="X1522" s="7">
        <v>43</v>
      </c>
      <c r="Y1522" s="7">
        <v>39</v>
      </c>
      <c r="Z1522" s="7">
        <v>33</v>
      </c>
      <c r="AA1522" s="7">
        <v>36</v>
      </c>
      <c r="AB1522" s="7">
        <v>33</v>
      </c>
      <c r="AC1522" s="7">
        <v>37</v>
      </c>
      <c r="AD1522" s="7">
        <v>34</v>
      </c>
      <c r="AE1522" s="7">
        <v>35</v>
      </c>
      <c r="AF1522" s="7">
        <v>35</v>
      </c>
      <c r="AG1522" s="9">
        <v>10077</v>
      </c>
      <c r="AH1522" s="13">
        <v>0.60258326855229327</v>
      </c>
      <c r="AI1522" s="9">
        <v>429</v>
      </c>
      <c r="AJ1522" s="13">
        <v>2.5653291873467678E-2</v>
      </c>
      <c r="AK1522" s="9">
        <v>5173</v>
      </c>
      <c r="AL1522" s="13">
        <v>0.30159748134328357</v>
      </c>
      <c r="AM1522" s="9">
        <v>4475</v>
      </c>
      <c r="AN1522" s="13">
        <v>0.20044792833146696</v>
      </c>
      <c r="AO1522" s="9">
        <v>9648</v>
      </c>
      <c r="AP1522" s="13">
        <v>0.5625</v>
      </c>
      <c r="AQ1522" s="9">
        <v>16723</v>
      </c>
      <c r="AR1522" s="9">
        <v>13129</v>
      </c>
      <c r="AS1522" s="9">
        <v>13013</v>
      </c>
      <c r="AT1522" s="9">
        <v>11656</v>
      </c>
      <c r="AU1522" s="9">
        <v>14195</v>
      </c>
      <c r="AV1522" s="9">
        <v>14012</v>
      </c>
      <c r="AW1522" s="9">
        <v>17152</v>
      </c>
      <c r="AX1522" s="9">
        <v>17292</v>
      </c>
      <c r="AY1522" s="9">
        <v>18359</v>
      </c>
      <c r="AZ1522" s="9">
        <v>22325</v>
      </c>
      <c r="BA1522" s="9">
        <v>22957</v>
      </c>
      <c r="BB1522" s="9">
        <v>23320</v>
      </c>
      <c r="BC1522" s="9">
        <v>25071</v>
      </c>
      <c r="BD1522" s="9">
        <v>25345</v>
      </c>
      <c r="BE1522" s="9">
        <v>27798</v>
      </c>
      <c r="BF1522" s="9">
        <v>26800</v>
      </c>
      <c r="BG1522" s="11">
        <v>-3</v>
      </c>
      <c r="BH1522" s="13">
        <v>-0.375</v>
      </c>
      <c r="BI1522" s="6">
        <v>-1</v>
      </c>
      <c r="BJ1522" s="13">
        <v>-0.125</v>
      </c>
      <c r="BK1522" s="6">
        <v>-2</v>
      </c>
      <c r="BL1522" s="13">
        <v>-0.2857142857142857</v>
      </c>
      <c r="BM1522" s="11">
        <v>0</v>
      </c>
      <c r="BN1522" s="13">
        <v>0</v>
      </c>
      <c r="BO1522" s="11">
        <v>-2</v>
      </c>
      <c r="BP1522" s="13">
        <v>-0.2857142857142857</v>
      </c>
      <c r="BQ1522" s="6">
        <v>8</v>
      </c>
      <c r="BR1522" s="6">
        <v>7</v>
      </c>
      <c r="BS1522" s="6">
        <v>7</v>
      </c>
      <c r="BT1522" s="6">
        <v>7</v>
      </c>
      <c r="BU1522" s="6">
        <v>6</v>
      </c>
      <c r="BV1522" s="6">
        <v>6</v>
      </c>
      <c r="BW1522" s="6">
        <v>5</v>
      </c>
      <c r="BX1522" s="6">
        <v>5</v>
      </c>
      <c r="BY1522" s="6">
        <v>6</v>
      </c>
      <c r="BZ1522" s="6">
        <v>6</v>
      </c>
      <c r="CA1522" s="6">
        <v>6</v>
      </c>
      <c r="CB1522" s="6">
        <v>5</v>
      </c>
      <c r="CC1522" s="11">
        <v>5</v>
      </c>
      <c r="CD1522" s="11">
        <v>-13</v>
      </c>
      <c r="CE1522" s="11">
        <v>7</v>
      </c>
      <c r="CF1522" s="11">
        <v>4</v>
      </c>
      <c r="CG1522" s="11">
        <v>11</v>
      </c>
      <c r="CH1522" s="20">
        <v>0.61</v>
      </c>
      <c r="CI1522" s="20">
        <v>0.97</v>
      </c>
      <c r="CJ1522" s="20">
        <v>0.99</v>
      </c>
      <c r="CK1522" s="20">
        <v>0.99</v>
      </c>
      <c r="CL1522" s="20">
        <v>0.94</v>
      </c>
      <c r="CM1522" s="20">
        <v>0.95</v>
      </c>
      <c r="CN1522" s="20">
        <v>0.76</v>
      </c>
      <c r="CO1522" s="20">
        <v>0.81</v>
      </c>
      <c r="CP1522" s="20">
        <v>0.74</v>
      </c>
      <c r="CQ1522" s="20">
        <v>0.68</v>
      </c>
      <c r="CR1522" s="20">
        <v>0.57999999999999996</v>
      </c>
      <c r="CS1522" s="20">
        <v>0.64</v>
      </c>
      <c r="CT1522" s="20">
        <v>0.59</v>
      </c>
      <c r="CU1522" s="20">
        <v>0.66</v>
      </c>
      <c r="CV1522" s="20">
        <v>0.6</v>
      </c>
      <c r="CW1522" s="20">
        <v>0.6</v>
      </c>
      <c r="CX1522" s="20">
        <v>0.59</v>
      </c>
      <c r="CY1522" s="6" t="s">
        <v>612</v>
      </c>
      <c r="CZ1522" s="6" t="s">
        <v>613</v>
      </c>
      <c r="DA1522" s="6" t="s">
        <v>98</v>
      </c>
      <c r="DB1522" s="6"/>
      <c r="DC1522" s="6"/>
      <c r="DD1522" s="6"/>
      <c r="DE1522" s="6"/>
      <c r="DF1522" s="6"/>
      <c r="DG1522" s="6"/>
      <c r="DH1522" s="6" t="s">
        <v>333</v>
      </c>
      <c r="DI1522" s="6"/>
      <c r="DJ1522" s="6"/>
      <c r="DK1522" s="6"/>
      <c r="DL1522" s="6">
        <v>4</v>
      </c>
      <c r="DM1522" s="6" t="s">
        <v>446</v>
      </c>
      <c r="DN1522" s="6">
        <v>6</v>
      </c>
      <c r="DO1522" s="6" t="s">
        <v>393</v>
      </c>
      <c r="DP1522" s="6"/>
      <c r="DQ1522" s="6"/>
    </row>
    <row r="1523" spans="1:121" x14ac:dyDescent="0.2">
      <c r="A1523" s="6" t="s">
        <v>323</v>
      </c>
      <c r="B1523" s="6" t="s">
        <v>323</v>
      </c>
      <c r="C1523" s="6" t="s">
        <v>192</v>
      </c>
      <c r="D1523" s="6" t="s">
        <v>98</v>
      </c>
      <c r="E1523" s="6" t="s">
        <v>239</v>
      </c>
      <c r="F1523" s="11">
        <v>-45</v>
      </c>
      <c r="G1523" s="13">
        <v>-0.18145161290299999</v>
      </c>
      <c r="H1523" s="11">
        <v>-35.486917305999981</v>
      </c>
      <c r="I1523" s="13">
        <v>-0.14290966154001775</v>
      </c>
      <c r="J1523" s="11">
        <v>20.551900639999985</v>
      </c>
      <c r="K1523" s="13">
        <v>9.6564769517638593E-2</v>
      </c>
      <c r="L1523" s="11">
        <v>-30.677611786999989</v>
      </c>
      <c r="M1523" s="13">
        <v>-0.13144799774906124</v>
      </c>
      <c r="N1523" s="11">
        <v>-10.125711147000004</v>
      </c>
      <c r="O1523" s="13">
        <v>-4.7576473837615825E-2</v>
      </c>
      <c r="P1523" s="7">
        <v>248.31713212099999</v>
      </c>
      <c r="Q1523" s="7">
        <v>261.29907122600002</v>
      </c>
      <c r="R1523" s="7">
        <v>268.58283446600001</v>
      </c>
      <c r="S1523" s="7">
        <v>223.37999612300001</v>
      </c>
      <c r="T1523" s="7">
        <v>219.97911943</v>
      </c>
      <c r="U1523" s="7">
        <v>230.51222548699999</v>
      </c>
      <c r="V1523" s="7">
        <v>212.83021481500001</v>
      </c>
      <c r="W1523" s="7">
        <v>228.111227904</v>
      </c>
      <c r="X1523" s="7">
        <v>239.24161042200001</v>
      </c>
      <c r="Y1523" s="7">
        <v>233.38211545499999</v>
      </c>
      <c r="Z1523" s="7">
        <v>161.60989922900001</v>
      </c>
      <c r="AA1523" s="7">
        <v>190.91677200300001</v>
      </c>
      <c r="AB1523" s="7">
        <v>213.24682134299999</v>
      </c>
      <c r="AC1523" s="7">
        <v>194.59498898800001</v>
      </c>
      <c r="AD1523" s="7">
        <v>180.27804422099999</v>
      </c>
      <c r="AE1523" s="7">
        <v>207.15150838900001</v>
      </c>
      <c r="AF1523" s="7">
        <v>202.704503668</v>
      </c>
      <c r="AG1523" s="9">
        <v>4545.2790873699996</v>
      </c>
      <c r="AH1523" s="13">
        <v>0.55181893242170887</v>
      </c>
      <c r="AI1523" s="9">
        <v>2748.0633868700006</v>
      </c>
      <c r="AJ1523" s="13">
        <v>0.3336282272706893</v>
      </c>
      <c r="AK1523" s="9">
        <v>-462.89588640000147</v>
      </c>
      <c r="AL1523" s="13">
        <v>-4.2139034836067658E-2</v>
      </c>
      <c r="AM1523" s="9">
        <v>2260.1115869000005</v>
      </c>
      <c r="AN1523" s="13">
        <v>0.21479722651016081</v>
      </c>
      <c r="AO1523" s="9">
        <v>1797.215700499999</v>
      </c>
      <c r="AP1523" s="13">
        <v>0.16360684386349075</v>
      </c>
      <c r="AQ1523" s="9">
        <v>8236.90312223</v>
      </c>
      <c r="AR1523" s="9">
        <v>8392.7737350799998</v>
      </c>
      <c r="AS1523" s="9">
        <v>8257.1823042100004</v>
      </c>
      <c r="AT1523" s="9">
        <v>9697.5624550600005</v>
      </c>
      <c r="AU1523" s="9">
        <v>10336.1727508</v>
      </c>
      <c r="AV1523" s="9">
        <v>10400.211503799999</v>
      </c>
      <c r="AW1523" s="9">
        <v>10984.966509100001</v>
      </c>
      <c r="AX1523" s="9">
        <v>11590.1107543</v>
      </c>
      <c r="AY1523" s="9">
        <v>11680.783280600001</v>
      </c>
      <c r="AZ1523" s="9">
        <v>10522.070622699999</v>
      </c>
      <c r="BA1523" s="9">
        <v>11206.219785499999</v>
      </c>
      <c r="BB1523" s="9">
        <v>12222.576610599999</v>
      </c>
      <c r="BC1523" s="9">
        <v>11473.8416493</v>
      </c>
      <c r="BD1523" s="9">
        <v>11606.256541999999</v>
      </c>
      <c r="BE1523" s="9">
        <v>13287.4379092</v>
      </c>
      <c r="BF1523" s="9">
        <v>12782.1822096</v>
      </c>
      <c r="BG1523" s="11">
        <v>-4.25</v>
      </c>
      <c r="BH1523" s="13">
        <v>-0.20238095238095238</v>
      </c>
      <c r="BI1523" s="6">
        <v>-2</v>
      </c>
      <c r="BJ1523" s="13">
        <v>-9.5238095238095233E-2</v>
      </c>
      <c r="BK1523" s="6">
        <v>0</v>
      </c>
      <c r="BL1523" s="13">
        <v>0</v>
      </c>
      <c r="BM1523" s="11">
        <v>-2.25</v>
      </c>
      <c r="BN1523" s="13">
        <v>-0.11842105263157894</v>
      </c>
      <c r="BO1523" s="11">
        <v>-2.25</v>
      </c>
      <c r="BP1523" s="13">
        <v>-0.11842105263157894</v>
      </c>
      <c r="BQ1523" s="6">
        <v>21</v>
      </c>
      <c r="BR1523" s="6">
        <v>20</v>
      </c>
      <c r="BS1523" s="6">
        <v>20</v>
      </c>
      <c r="BT1523" s="6">
        <v>19</v>
      </c>
      <c r="BU1523" s="6">
        <v>17</v>
      </c>
      <c r="BV1523" s="6">
        <v>18</v>
      </c>
      <c r="BW1523" s="6">
        <v>19</v>
      </c>
      <c r="BX1523" s="6">
        <v>19</v>
      </c>
      <c r="BY1523" s="6">
        <v>18</v>
      </c>
      <c r="BZ1523" s="6">
        <v>20</v>
      </c>
      <c r="CA1523" s="6">
        <v>18</v>
      </c>
      <c r="CB1523" s="6">
        <v>16</v>
      </c>
      <c r="CC1523" s="11">
        <v>16.75</v>
      </c>
      <c r="CD1523" s="11">
        <v>-129.22499999999999</v>
      </c>
      <c r="CE1523" s="11">
        <v>56.468699999999998</v>
      </c>
      <c r="CF1523" s="11">
        <v>27.144100000000002</v>
      </c>
      <c r="CG1523" s="11">
        <v>83</v>
      </c>
      <c r="CH1523" s="20">
        <v>0.84388200000000002</v>
      </c>
      <c r="CI1523" s="20">
        <v>0.85188600000000003</v>
      </c>
      <c r="CJ1523" s="20">
        <v>0.87188200000000005</v>
      </c>
      <c r="CK1523" s="20">
        <v>0.71470599999999995</v>
      </c>
      <c r="CL1523" s="20">
        <v>0.71068200000000004</v>
      </c>
      <c r="CM1523" s="20">
        <v>0.74882700000000002</v>
      </c>
      <c r="CN1523" s="20">
        <v>0.70293799999999995</v>
      </c>
      <c r="CO1523" s="20">
        <v>0.77964100000000003</v>
      </c>
      <c r="CP1523" s="20">
        <v>0.85585199999999995</v>
      </c>
      <c r="CQ1523" s="20">
        <v>0.83369499999999996</v>
      </c>
      <c r="CR1523" s="20">
        <v>0.58387500000000003</v>
      </c>
      <c r="CS1523" s="20">
        <v>0.67971899999999996</v>
      </c>
      <c r="CT1523" s="20">
        <v>0.75849200000000006</v>
      </c>
      <c r="CU1523" s="20">
        <v>0.68882500000000002</v>
      </c>
      <c r="CV1523" s="20">
        <v>0.62431300000000001</v>
      </c>
      <c r="CW1523" s="20">
        <v>0.69876300000000002</v>
      </c>
      <c r="CX1523" s="20">
        <v>0.676234</v>
      </c>
      <c r="CY1523" s="6" t="s">
        <v>612</v>
      </c>
      <c r="CZ1523" s="6" t="s">
        <v>613</v>
      </c>
      <c r="DA1523" s="6" t="s">
        <v>98</v>
      </c>
      <c r="DB1523" s="6"/>
      <c r="DC1523" s="6"/>
      <c r="DD1523" s="6"/>
      <c r="DE1523" s="6"/>
      <c r="DF1523" s="6"/>
      <c r="DG1523" s="6"/>
      <c r="DH1523" s="6" t="s">
        <v>333</v>
      </c>
      <c r="DI1523" s="6"/>
      <c r="DJ1523" s="6"/>
      <c r="DK1523" s="6"/>
      <c r="DL1523" s="6">
        <v>4</v>
      </c>
      <c r="DM1523" s="6" t="s">
        <v>446</v>
      </c>
      <c r="DN1523" s="6">
        <v>6</v>
      </c>
      <c r="DO1523" s="6" t="s">
        <v>393</v>
      </c>
      <c r="DP1523" s="6"/>
      <c r="DQ1523" s="6"/>
    </row>
    <row r="1524" spans="1:121" x14ac:dyDescent="0.2">
      <c r="A1524" s="6" t="s">
        <v>325</v>
      </c>
      <c r="B1524" s="6" t="s">
        <v>325</v>
      </c>
      <c r="C1524" s="6" t="s">
        <v>193</v>
      </c>
      <c r="D1524" s="6" t="s">
        <v>98</v>
      </c>
      <c r="E1524" s="6" t="s">
        <v>239</v>
      </c>
      <c r="F1524" s="11">
        <v>-19</v>
      </c>
      <c r="G1524" s="13">
        <v>-9.8445595854899995E-2</v>
      </c>
      <c r="H1524" s="11">
        <v>2.5857613729999969</v>
      </c>
      <c r="I1524" s="13">
        <v>1.3390241676821967E-2</v>
      </c>
      <c r="J1524" s="11">
        <v>-5.3496214680000094</v>
      </c>
      <c r="K1524" s="13">
        <v>-2.7336713867488868E-2</v>
      </c>
      <c r="L1524" s="11">
        <v>-16.666889212000001</v>
      </c>
      <c r="M1524" s="13">
        <v>-8.7561920659245271E-2</v>
      </c>
      <c r="N1524" s="11">
        <v>-22.01651068000001</v>
      </c>
      <c r="O1524" s="13">
        <v>-0.11250497935598459</v>
      </c>
      <c r="P1524" s="7">
        <v>193.10789419700001</v>
      </c>
      <c r="Q1524" s="7">
        <v>184.484262554</v>
      </c>
      <c r="R1524" s="7">
        <v>209.52136287499999</v>
      </c>
      <c r="S1524" s="7">
        <v>218.77505065299999</v>
      </c>
      <c r="T1524" s="7">
        <v>227.191708976</v>
      </c>
      <c r="U1524" s="7">
        <v>204.18105212200001</v>
      </c>
      <c r="V1524" s="7">
        <v>195.69365557</v>
      </c>
      <c r="W1524" s="7">
        <v>186.00859937600001</v>
      </c>
      <c r="X1524" s="7">
        <v>197.26607850100001</v>
      </c>
      <c r="Y1524" s="7">
        <v>190.34403410199999</v>
      </c>
      <c r="Z1524" s="7">
        <v>204.62587613599999</v>
      </c>
      <c r="AA1524" s="7">
        <v>223.87471169200001</v>
      </c>
      <c r="AB1524" s="7">
        <v>206.70984971499999</v>
      </c>
      <c r="AC1524" s="7">
        <v>170.01145395099999</v>
      </c>
      <c r="AD1524" s="7">
        <v>172.83478944399999</v>
      </c>
      <c r="AE1524" s="7">
        <v>172.69894888499999</v>
      </c>
      <c r="AF1524" s="7">
        <v>173.67714488999999</v>
      </c>
      <c r="AG1524" s="9">
        <v>12327.654842700002</v>
      </c>
      <c r="AH1524" s="13">
        <v>0.62560424617080312</v>
      </c>
      <c r="AI1524" s="9">
        <v>3247.7319072999999</v>
      </c>
      <c r="AJ1524" s="13">
        <v>0.16481600901037863</v>
      </c>
      <c r="AK1524" s="9">
        <v>-244.09443359999932</v>
      </c>
      <c r="AL1524" s="13">
        <v>-1.0634565889694908E-2</v>
      </c>
      <c r="AM1524" s="9">
        <v>9324.0173690000011</v>
      </c>
      <c r="AN1524" s="13">
        <v>0.4105898709658361</v>
      </c>
      <c r="AO1524" s="9">
        <v>9079.9229354000017</v>
      </c>
      <c r="AP1524" s="13">
        <v>0.39558886003971366</v>
      </c>
      <c r="AQ1524" s="9">
        <v>19705.196884699999</v>
      </c>
      <c r="AR1524" s="9">
        <v>22570.381444999999</v>
      </c>
      <c r="AS1524" s="9">
        <v>21181.6785709</v>
      </c>
      <c r="AT1524" s="9">
        <v>21539.3304752</v>
      </c>
      <c r="AU1524" s="9">
        <v>22046.905850200001</v>
      </c>
      <c r="AV1524" s="9">
        <v>23012.7159665</v>
      </c>
      <c r="AW1524" s="9">
        <v>22952.928791999999</v>
      </c>
      <c r="AX1524" s="9">
        <v>23429.263414199999</v>
      </c>
      <c r="AY1524" s="9">
        <v>21526.728013</v>
      </c>
      <c r="AZ1524" s="9">
        <v>22708.834358399999</v>
      </c>
      <c r="BA1524" s="9">
        <v>21070.599384699999</v>
      </c>
      <c r="BB1524" s="9">
        <v>20157.341504600001</v>
      </c>
      <c r="BC1524" s="9">
        <v>23063.470009000001</v>
      </c>
      <c r="BD1524" s="9">
        <v>28118.520954</v>
      </c>
      <c r="BE1524" s="9">
        <v>29056.9293058</v>
      </c>
      <c r="BF1524" s="9">
        <v>32032.851727400001</v>
      </c>
      <c r="BG1524" s="11">
        <v>-11</v>
      </c>
      <c r="BH1524" s="13">
        <v>-0.36666666666666664</v>
      </c>
      <c r="BI1524" s="6">
        <v>3</v>
      </c>
      <c r="BJ1524" s="13">
        <v>0.1</v>
      </c>
      <c r="BK1524" s="6">
        <v>-4</v>
      </c>
      <c r="BL1524" s="13">
        <v>-0.12121212121212122</v>
      </c>
      <c r="BM1524" s="11">
        <v>-10</v>
      </c>
      <c r="BN1524" s="13">
        <v>-0.34482758620689657</v>
      </c>
      <c r="BO1524" s="11">
        <v>-14</v>
      </c>
      <c r="BP1524" s="13">
        <v>-0.42424242424242425</v>
      </c>
      <c r="BQ1524" s="6">
        <v>30</v>
      </c>
      <c r="BR1524" s="6">
        <v>31</v>
      </c>
      <c r="BS1524" s="6">
        <v>31</v>
      </c>
      <c r="BT1524" s="6">
        <v>33</v>
      </c>
      <c r="BU1524" s="6">
        <v>32</v>
      </c>
      <c r="BV1524" s="6">
        <v>29</v>
      </c>
      <c r="BW1524" s="6">
        <v>29</v>
      </c>
      <c r="BX1524" s="6">
        <v>32</v>
      </c>
      <c r="BY1524" s="6">
        <v>31</v>
      </c>
      <c r="BZ1524" s="6">
        <v>22</v>
      </c>
      <c r="CA1524" s="6">
        <v>20</v>
      </c>
      <c r="CB1524" s="6">
        <v>18</v>
      </c>
      <c r="CC1524" s="11">
        <v>19</v>
      </c>
      <c r="CD1524" s="11">
        <v>-38.761400000000002</v>
      </c>
      <c r="CE1524" s="11">
        <v>-1.77834</v>
      </c>
      <c r="CF1524" s="11">
        <v>21.109000000000002</v>
      </c>
      <c r="CG1524" s="11">
        <v>19</v>
      </c>
      <c r="CH1524" s="20">
        <v>0.96614500000000003</v>
      </c>
      <c r="CI1524" s="20">
        <v>0.88178999999999996</v>
      </c>
      <c r="CJ1524" s="20">
        <v>1.0028999999999999</v>
      </c>
      <c r="CK1524" s="20">
        <v>1.0508</v>
      </c>
      <c r="CL1524" s="20">
        <v>1.1201300000000001</v>
      </c>
      <c r="CM1524" s="20">
        <v>1.0217099999999999</v>
      </c>
      <c r="CN1524" s="20">
        <v>1.0005299999999999</v>
      </c>
      <c r="CO1524" s="20">
        <v>0.98318700000000003</v>
      </c>
      <c r="CP1524" s="20">
        <v>1.0691200000000001</v>
      </c>
      <c r="CQ1524" s="20">
        <v>1.03776</v>
      </c>
      <c r="CR1524" s="20">
        <v>1.1447799999999999</v>
      </c>
      <c r="CS1524" s="20">
        <v>1.24379</v>
      </c>
      <c r="CT1524" s="20">
        <v>1.2515499999999999</v>
      </c>
      <c r="CU1524" s="20">
        <v>1.03531</v>
      </c>
      <c r="CV1524" s="20">
        <v>1.0500700000000001</v>
      </c>
      <c r="CW1524" s="20">
        <v>1.03288</v>
      </c>
      <c r="CX1524" s="20">
        <v>1.0364500000000001</v>
      </c>
      <c r="CY1524" s="6" t="s">
        <v>612</v>
      </c>
      <c r="CZ1524" s="6" t="s">
        <v>613</v>
      </c>
      <c r="DA1524" s="6" t="s">
        <v>98</v>
      </c>
      <c r="DB1524" s="6"/>
      <c r="DC1524" s="6"/>
      <c r="DD1524" s="6"/>
      <c r="DE1524" s="6"/>
      <c r="DF1524" s="6"/>
      <c r="DG1524" s="6"/>
      <c r="DH1524" s="6" t="s">
        <v>333</v>
      </c>
      <c r="DI1524" s="6"/>
      <c r="DJ1524" s="6"/>
      <c r="DK1524" s="6"/>
      <c r="DL1524" s="6">
        <v>4</v>
      </c>
      <c r="DM1524" s="6" t="s">
        <v>446</v>
      </c>
      <c r="DN1524" s="6">
        <v>6</v>
      </c>
      <c r="DO1524" s="6" t="s">
        <v>393</v>
      </c>
      <c r="DP1524" s="6"/>
      <c r="DQ1524" s="6"/>
    </row>
    <row r="1525" spans="1:121" x14ac:dyDescent="0.2">
      <c r="A1525" s="6" t="s">
        <v>327</v>
      </c>
      <c r="B1525" s="6" t="s">
        <v>327</v>
      </c>
      <c r="C1525" s="6" t="s">
        <v>194</v>
      </c>
      <c r="D1525" s="6" t="s">
        <v>98</v>
      </c>
      <c r="E1525" s="6" t="s">
        <v>239</v>
      </c>
      <c r="F1525" s="11">
        <v>-108</v>
      </c>
      <c r="G1525" s="13">
        <v>-0.13602015113400001</v>
      </c>
      <c r="H1525" s="11">
        <v>30.086219000000028</v>
      </c>
      <c r="I1525" s="13">
        <v>3.7888540289402126E-2</v>
      </c>
      <c r="J1525" s="11">
        <v>-41.314688000000046</v>
      </c>
      <c r="K1525" s="13">
        <v>-5.012957491852453E-2</v>
      </c>
      <c r="L1525" s="11">
        <v>-96.959247400999971</v>
      </c>
      <c r="M1525" s="13">
        <v>-0.12385524838031815</v>
      </c>
      <c r="N1525" s="11">
        <v>-138.27393540100002</v>
      </c>
      <c r="O1525" s="13">
        <v>-0.16777601234610906</v>
      </c>
      <c r="P1525" s="7">
        <v>794.07173699999998</v>
      </c>
      <c r="Q1525" s="7">
        <v>793.981269</v>
      </c>
      <c r="R1525" s="7">
        <v>817.542822</v>
      </c>
      <c r="S1525" s="7">
        <v>834.40662199999997</v>
      </c>
      <c r="T1525" s="7">
        <v>815.93606299999999</v>
      </c>
      <c r="U1525" s="7">
        <v>814.17231900000002</v>
      </c>
      <c r="V1525" s="7">
        <v>824.15795600000001</v>
      </c>
      <c r="W1525" s="7">
        <v>816.54725800000006</v>
      </c>
      <c r="X1525" s="7">
        <v>810.68948</v>
      </c>
      <c r="Y1525" s="7">
        <v>782.84326799999997</v>
      </c>
      <c r="Z1525" s="7">
        <v>761.70939699999997</v>
      </c>
      <c r="AA1525" s="7">
        <v>749.48836300000005</v>
      </c>
      <c r="AB1525" s="7">
        <v>739.544084</v>
      </c>
      <c r="AC1525" s="7">
        <v>725.17658900000004</v>
      </c>
      <c r="AD1525" s="7">
        <v>715.49178199999994</v>
      </c>
      <c r="AE1525" s="7">
        <v>699.64031975</v>
      </c>
      <c r="AF1525" s="7">
        <v>685.884020599</v>
      </c>
      <c r="AG1525" s="9">
        <v>14488.794476700001</v>
      </c>
      <c r="AH1525" s="13">
        <v>0.48928332490636794</v>
      </c>
      <c r="AI1525" s="9">
        <v>9009.6493322000024</v>
      </c>
      <c r="AJ1525" s="13">
        <v>0.30425382792118205</v>
      </c>
      <c r="AK1525" s="9">
        <v>3710.1443194999956</v>
      </c>
      <c r="AL1525" s="13">
        <v>9.6063155061314257E-2</v>
      </c>
      <c r="AM1525" s="9">
        <v>1769.0008250000028</v>
      </c>
      <c r="AN1525" s="13">
        <v>4.178866522280586E-2</v>
      </c>
      <c r="AO1525" s="9">
        <v>5479.1451444999984</v>
      </c>
      <c r="AP1525" s="13">
        <v>0.14186617131122389</v>
      </c>
      <c r="AQ1525" s="9">
        <v>29612.279305600001</v>
      </c>
      <c r="AR1525" s="9">
        <v>30949.320838799998</v>
      </c>
      <c r="AS1525" s="9">
        <v>31924.312929600001</v>
      </c>
      <c r="AT1525" s="9">
        <v>33234.543167999997</v>
      </c>
      <c r="AU1525" s="9">
        <v>35308.746862499996</v>
      </c>
      <c r="AV1525" s="9">
        <v>36887.294496000002</v>
      </c>
      <c r="AW1525" s="9">
        <v>38621.928637800003</v>
      </c>
      <c r="AX1525" s="9">
        <v>39387.013586599998</v>
      </c>
      <c r="AY1525" s="9">
        <v>40398.159802399998</v>
      </c>
      <c r="AZ1525" s="9">
        <v>42332.072957299999</v>
      </c>
      <c r="BA1525" s="9">
        <v>42618.280966500002</v>
      </c>
      <c r="BB1525" s="9">
        <v>42373.519843000002</v>
      </c>
      <c r="BC1525" s="9">
        <v>43118.600880099999</v>
      </c>
      <c r="BD1525" s="9">
        <v>42625.002257300002</v>
      </c>
      <c r="BE1525" s="9">
        <v>43405.294563900003</v>
      </c>
      <c r="BF1525" s="9">
        <v>44101.073782300002</v>
      </c>
      <c r="BG1525" s="11">
        <v>-1</v>
      </c>
      <c r="BH1525" s="13">
        <v>-1.9607843137254902E-2</v>
      </c>
      <c r="BI1525" s="6">
        <v>0</v>
      </c>
      <c r="BJ1525" s="13">
        <v>0</v>
      </c>
      <c r="BK1525" s="6">
        <v>0</v>
      </c>
      <c r="BL1525" s="13">
        <v>0</v>
      </c>
      <c r="BM1525" s="11">
        <v>-1</v>
      </c>
      <c r="BN1525" s="13">
        <v>-1.9607843137254902E-2</v>
      </c>
      <c r="BO1525" s="11">
        <v>-1</v>
      </c>
      <c r="BP1525" s="13">
        <v>-1.9607843137254902E-2</v>
      </c>
      <c r="BQ1525" s="6">
        <v>51</v>
      </c>
      <c r="BR1525" s="6">
        <v>49</v>
      </c>
      <c r="BS1525" s="6">
        <v>49</v>
      </c>
      <c r="BT1525" s="6">
        <v>51</v>
      </c>
      <c r="BU1525" s="6">
        <v>50</v>
      </c>
      <c r="BV1525" s="6">
        <v>51</v>
      </c>
      <c r="BW1525" s="6">
        <v>51</v>
      </c>
      <c r="BX1525" s="6">
        <v>49</v>
      </c>
      <c r="BY1525" s="6">
        <v>48</v>
      </c>
      <c r="BZ1525" s="6">
        <v>49</v>
      </c>
      <c r="CA1525" s="6">
        <v>50</v>
      </c>
      <c r="CB1525" s="6">
        <v>50</v>
      </c>
      <c r="CC1525" s="11">
        <v>50</v>
      </c>
      <c r="CD1525" s="11">
        <v>-148.43700000000001</v>
      </c>
      <c r="CE1525" s="11">
        <v>-46.552199999999999</v>
      </c>
      <c r="CF1525" s="11">
        <v>86.801599999999993</v>
      </c>
      <c r="CG1525" s="11">
        <v>40</v>
      </c>
      <c r="CH1525" s="20">
        <v>1.1959900000000001</v>
      </c>
      <c r="CI1525" s="20">
        <v>1.1402099999999999</v>
      </c>
      <c r="CJ1525" s="20">
        <v>1.18441</v>
      </c>
      <c r="CK1525" s="20">
        <v>1.2218</v>
      </c>
      <c r="CL1525" s="20">
        <v>1.22922</v>
      </c>
      <c r="CM1525" s="20">
        <v>1.25309</v>
      </c>
      <c r="CN1525" s="20">
        <v>1.3053300000000001</v>
      </c>
      <c r="CO1525" s="20">
        <v>1.3236600000000001</v>
      </c>
      <c r="CP1525" s="20">
        <v>1.3324</v>
      </c>
      <c r="CQ1525" s="20">
        <v>1.2868999999999999</v>
      </c>
      <c r="CR1525" s="20">
        <v>1.3150500000000001</v>
      </c>
      <c r="CS1525" s="20">
        <v>1.32856</v>
      </c>
      <c r="CT1525" s="20">
        <v>1.3569800000000001</v>
      </c>
      <c r="CU1525" s="20">
        <v>1.3636200000000001</v>
      </c>
      <c r="CV1525" s="20">
        <v>1.3538300000000001</v>
      </c>
      <c r="CW1525" s="20">
        <v>1.3097700000000001</v>
      </c>
      <c r="CX1525" s="20">
        <v>1.29016</v>
      </c>
      <c r="CY1525" s="6" t="s">
        <v>612</v>
      </c>
      <c r="CZ1525" s="6" t="s">
        <v>613</v>
      </c>
      <c r="DA1525" s="6" t="s">
        <v>98</v>
      </c>
      <c r="DB1525" s="6"/>
      <c r="DC1525" s="6"/>
      <c r="DD1525" s="6"/>
      <c r="DE1525" s="6"/>
      <c r="DF1525" s="6"/>
      <c r="DG1525" s="6"/>
      <c r="DH1525" s="6" t="s">
        <v>333</v>
      </c>
      <c r="DI1525" s="6"/>
      <c r="DJ1525" s="6"/>
      <c r="DK1525" s="6"/>
      <c r="DL1525" s="6">
        <v>4</v>
      </c>
      <c r="DM1525" s="6" t="s">
        <v>446</v>
      </c>
      <c r="DN1525" s="6">
        <v>6</v>
      </c>
      <c r="DO1525" s="6" t="s">
        <v>393</v>
      </c>
      <c r="DP1525" s="6"/>
      <c r="DQ1525" s="6"/>
    </row>
    <row r="1526" spans="1:121" x14ac:dyDescent="0.2">
      <c r="A1526" s="6" t="s">
        <v>1</v>
      </c>
      <c r="B1526" s="6" t="s">
        <v>1</v>
      </c>
      <c r="C1526" s="6" t="s">
        <v>2</v>
      </c>
      <c r="D1526" s="6" t="s">
        <v>151</v>
      </c>
      <c r="E1526" s="6" t="s">
        <v>292</v>
      </c>
      <c r="F1526" s="11">
        <v>-113</v>
      </c>
      <c r="G1526" s="13">
        <v>-0.38435374149700002</v>
      </c>
      <c r="H1526" s="11">
        <v>-122.12932922100001</v>
      </c>
      <c r="I1526" s="13">
        <v>-0.41541996348424742</v>
      </c>
      <c r="J1526" s="11">
        <v>-24.381759621000015</v>
      </c>
      <c r="K1526" s="13">
        <v>-0.14186931004053074</v>
      </c>
      <c r="L1526" s="11">
        <v>33.772935347000015</v>
      </c>
      <c r="M1526" s="13">
        <v>0.22900174186345451</v>
      </c>
      <c r="N1526" s="11">
        <v>9.3911757260000002</v>
      </c>
      <c r="O1526" s="13">
        <v>5.4644112706675747E-2</v>
      </c>
      <c r="P1526" s="7">
        <v>293.99003407700002</v>
      </c>
      <c r="Q1526" s="7">
        <v>296.33585159299997</v>
      </c>
      <c r="R1526" s="7">
        <v>269.71161521699997</v>
      </c>
      <c r="S1526" s="7">
        <v>196.988796837</v>
      </c>
      <c r="T1526" s="7">
        <v>179.41138223300001</v>
      </c>
      <c r="U1526" s="7">
        <v>181.20558943500001</v>
      </c>
      <c r="V1526" s="7">
        <v>171.86070485600001</v>
      </c>
      <c r="W1526" s="7">
        <v>167.59919663599999</v>
      </c>
      <c r="X1526" s="7">
        <v>166.810948962</v>
      </c>
      <c r="Y1526" s="7">
        <v>147.478945235</v>
      </c>
      <c r="Z1526" s="7">
        <v>147.33210432800001</v>
      </c>
      <c r="AA1526" s="7">
        <v>158.87780956</v>
      </c>
      <c r="AB1526" s="7">
        <v>165.38905657699999</v>
      </c>
      <c r="AC1526" s="7">
        <v>141.06034617</v>
      </c>
      <c r="AD1526" s="7">
        <v>168.03961718100001</v>
      </c>
      <c r="AE1526" s="7">
        <v>183.30030078600001</v>
      </c>
      <c r="AF1526" s="7">
        <v>181.25188058200001</v>
      </c>
      <c r="AG1526" s="9">
        <v>6110.9535871000007</v>
      </c>
      <c r="AH1526" s="13">
        <v>0.32478338008952279</v>
      </c>
      <c r="AI1526" s="9">
        <v>1029.847826600002</v>
      </c>
      <c r="AJ1526" s="13">
        <v>5.4734085823703038E-2</v>
      </c>
      <c r="AK1526" s="9">
        <v>2285.2248254000006</v>
      </c>
      <c r="AL1526" s="13">
        <v>0.11515180875459298</v>
      </c>
      <c r="AM1526" s="9">
        <v>2795.8809350999982</v>
      </c>
      <c r="AN1526" s="13">
        <v>0.126335821951893</v>
      </c>
      <c r="AO1526" s="9">
        <v>5081.1057604999987</v>
      </c>
      <c r="AP1526" s="13">
        <v>0.25603542911474464</v>
      </c>
      <c r="AQ1526" s="9">
        <v>18815.475057299998</v>
      </c>
      <c r="AR1526" s="9">
        <v>18906.784175100001</v>
      </c>
      <c r="AS1526" s="9">
        <v>19593.581366300001</v>
      </c>
      <c r="AT1526" s="9">
        <v>19281.178186500001</v>
      </c>
      <c r="AU1526" s="9">
        <v>18526.961457699999</v>
      </c>
      <c r="AV1526" s="9">
        <v>16992.153306600001</v>
      </c>
      <c r="AW1526" s="9">
        <v>19845.3228839</v>
      </c>
      <c r="AX1526" s="9">
        <v>21829.610883699999</v>
      </c>
      <c r="AY1526" s="9">
        <v>22031.444991699998</v>
      </c>
      <c r="AZ1526" s="9">
        <v>22130.547709300001</v>
      </c>
      <c r="BA1526" s="9">
        <v>21730.945513800001</v>
      </c>
      <c r="BB1526" s="9">
        <v>22013.701504699999</v>
      </c>
      <c r="BC1526" s="9">
        <v>23732.592787000001</v>
      </c>
      <c r="BD1526" s="9">
        <v>23973.541988100002</v>
      </c>
      <c r="BE1526" s="9">
        <v>26036.782889400001</v>
      </c>
      <c r="BF1526" s="9">
        <v>24926.428644399999</v>
      </c>
      <c r="BG1526" s="11">
        <v>4</v>
      </c>
      <c r="BH1526" s="13">
        <v>0.4</v>
      </c>
      <c r="BI1526" s="6">
        <v>-1</v>
      </c>
      <c r="BJ1526" s="13">
        <v>-0.1</v>
      </c>
      <c r="BK1526" s="6">
        <v>1</v>
      </c>
      <c r="BL1526" s="13">
        <v>0.1111111111111111</v>
      </c>
      <c r="BM1526" s="11">
        <v>4</v>
      </c>
      <c r="BN1526" s="13">
        <v>0.4</v>
      </c>
      <c r="BO1526" s="11">
        <v>5</v>
      </c>
      <c r="BP1526" s="13">
        <v>0.55555555555555558</v>
      </c>
      <c r="BQ1526" s="6">
        <v>10</v>
      </c>
      <c r="BR1526" s="6">
        <v>10</v>
      </c>
      <c r="BS1526" s="6">
        <v>9</v>
      </c>
      <c r="BT1526" s="6">
        <v>9</v>
      </c>
      <c r="BU1526" s="6">
        <v>10</v>
      </c>
      <c r="BV1526" s="6">
        <v>12</v>
      </c>
      <c r="BW1526" s="6">
        <v>10</v>
      </c>
      <c r="BX1526" s="6">
        <v>10</v>
      </c>
      <c r="BY1526" s="6">
        <v>11</v>
      </c>
      <c r="BZ1526" s="6">
        <v>14</v>
      </c>
      <c r="CA1526" s="6">
        <v>14</v>
      </c>
      <c r="CB1526" s="6">
        <v>14</v>
      </c>
      <c r="CC1526" s="11">
        <v>14</v>
      </c>
      <c r="CD1526" s="11">
        <v>-118.071</v>
      </c>
      <c r="CE1526" s="11">
        <v>-26.804200000000002</v>
      </c>
      <c r="CF1526" s="11">
        <v>32.136699999999998</v>
      </c>
      <c r="CG1526" s="11">
        <v>5</v>
      </c>
      <c r="CH1526" s="20">
        <v>3.9594900000000002</v>
      </c>
      <c r="CI1526" s="20">
        <v>4.0168999999999997</v>
      </c>
      <c r="CJ1526" s="20">
        <v>3.6028500000000001</v>
      </c>
      <c r="CK1526" s="20">
        <v>2.6578400000000002</v>
      </c>
      <c r="CL1526" s="20">
        <v>2.4592900000000002</v>
      </c>
      <c r="CM1526" s="20">
        <v>2.5333100000000002</v>
      </c>
      <c r="CN1526" s="20">
        <v>2.5039899999999999</v>
      </c>
      <c r="CO1526" s="20">
        <v>2.5499700000000001</v>
      </c>
      <c r="CP1526" s="20">
        <v>2.5831400000000002</v>
      </c>
      <c r="CQ1526" s="20">
        <v>2.3557399999999999</v>
      </c>
      <c r="CR1526" s="20">
        <v>2.3519399999999999</v>
      </c>
      <c r="CS1526" s="20">
        <v>2.5160100000000001</v>
      </c>
      <c r="CT1526" s="20">
        <v>2.5914100000000002</v>
      </c>
      <c r="CU1526" s="20">
        <v>2.1934399999999998</v>
      </c>
      <c r="CV1526" s="20">
        <v>2.52257</v>
      </c>
      <c r="CW1526" s="20">
        <v>2.7724500000000001</v>
      </c>
      <c r="CX1526" s="20">
        <v>2.6910500000000002</v>
      </c>
      <c r="CY1526" s="6" t="s">
        <v>614</v>
      </c>
      <c r="CZ1526" s="6" t="s">
        <v>615</v>
      </c>
      <c r="DA1526" s="6" t="s">
        <v>151</v>
      </c>
      <c r="DB1526" s="6" t="s">
        <v>345</v>
      </c>
      <c r="DC1526" s="6"/>
      <c r="DD1526" s="6"/>
      <c r="DE1526" s="6"/>
      <c r="DF1526" s="6"/>
      <c r="DG1526" s="6"/>
      <c r="DH1526" s="6" t="s">
        <v>333</v>
      </c>
      <c r="DI1526" s="6"/>
      <c r="DJ1526" s="6"/>
      <c r="DK1526" s="6"/>
      <c r="DL1526" s="6">
        <v>7</v>
      </c>
      <c r="DM1526" s="6" t="s">
        <v>485</v>
      </c>
      <c r="DN1526" s="6">
        <v>8</v>
      </c>
      <c r="DO1526" s="6" t="s">
        <v>486</v>
      </c>
      <c r="DP1526" s="6"/>
      <c r="DQ1526" s="6"/>
    </row>
    <row r="1527" spans="1:121" x14ac:dyDescent="0.2">
      <c r="A1527" s="6" t="s">
        <v>310</v>
      </c>
      <c r="B1527" s="6" t="s">
        <v>310</v>
      </c>
      <c r="C1527" s="6" t="s">
        <v>173</v>
      </c>
      <c r="D1527" s="6" t="s">
        <v>151</v>
      </c>
      <c r="E1527" s="6" t="s">
        <v>292</v>
      </c>
      <c r="F1527" s="11">
        <v>1</v>
      </c>
      <c r="G1527" s="13">
        <v>1</v>
      </c>
      <c r="H1527" s="11">
        <v>0</v>
      </c>
      <c r="I1527" s="13">
        <v>0</v>
      </c>
      <c r="J1527" s="11">
        <v>0</v>
      </c>
      <c r="K1527" s="13">
        <v>0</v>
      </c>
      <c r="L1527" s="11">
        <v>6.1204396866999993</v>
      </c>
      <c r="M1527" s="13">
        <v>1.2240879373399998</v>
      </c>
      <c r="N1527" s="11">
        <v>6.1204396866999993</v>
      </c>
      <c r="O1527" s="13">
        <v>1.2240879373399998</v>
      </c>
      <c r="P1527" s="7">
        <v>5</v>
      </c>
      <c r="Q1527" s="7">
        <v>5</v>
      </c>
      <c r="R1527" s="7">
        <v>5</v>
      </c>
      <c r="S1527" s="7">
        <v>5</v>
      </c>
      <c r="T1527" s="7">
        <v>5</v>
      </c>
      <c r="U1527" s="7">
        <v>5</v>
      </c>
      <c r="V1527" s="7">
        <v>5</v>
      </c>
      <c r="W1527" s="7">
        <v>5</v>
      </c>
      <c r="X1527" s="7">
        <v>12.2982164261</v>
      </c>
      <c r="Y1527" s="7">
        <v>5</v>
      </c>
      <c r="Z1527" s="7">
        <v>5</v>
      </c>
      <c r="AA1527" s="7">
        <v>12.0812913349</v>
      </c>
      <c r="AB1527" s="7">
        <v>5</v>
      </c>
      <c r="AC1527" s="7">
        <v>5</v>
      </c>
      <c r="AD1527" s="7">
        <v>5</v>
      </c>
      <c r="AE1527" s="7">
        <v>10.921273168300001</v>
      </c>
      <c r="AF1527" s="7">
        <v>11.120439686699999</v>
      </c>
      <c r="AG1527" s="9">
        <v>41519.9296894</v>
      </c>
      <c r="AH1527" s="13">
        <v>41519.9296894</v>
      </c>
      <c r="AI1527" s="9">
        <v>0</v>
      </c>
      <c r="AJ1527" s="13">
        <v>0</v>
      </c>
      <c r="AK1527" s="9">
        <v>0</v>
      </c>
      <c r="AL1527" s="13">
        <v>0</v>
      </c>
      <c r="AM1527" s="9">
        <v>41519.9296894</v>
      </c>
      <c r="AN1527" s="13">
        <v>41519.9296894</v>
      </c>
      <c r="AO1527" s="9">
        <v>41519.9296894</v>
      </c>
      <c r="AP1527" s="13">
        <v>41519.9296894</v>
      </c>
      <c r="AQ1527" s="9">
        <v>1</v>
      </c>
      <c r="AR1527" s="9">
        <v>1</v>
      </c>
      <c r="AS1527" s="9">
        <v>1</v>
      </c>
      <c r="AT1527" s="9">
        <v>1</v>
      </c>
      <c r="AU1527" s="9">
        <v>1</v>
      </c>
      <c r="AV1527" s="9">
        <v>1</v>
      </c>
      <c r="AW1527" s="9">
        <v>1</v>
      </c>
      <c r="AX1527" s="9">
        <v>1</v>
      </c>
      <c r="AY1527" s="9">
        <v>27660.250950599999</v>
      </c>
      <c r="AZ1527" s="9">
        <v>1</v>
      </c>
      <c r="BA1527" s="9">
        <v>1</v>
      </c>
      <c r="BB1527" s="9">
        <v>43994.803078500001</v>
      </c>
      <c r="BC1527" s="9">
        <v>1</v>
      </c>
      <c r="BD1527" s="9">
        <v>1</v>
      </c>
      <c r="BE1527" s="9">
        <v>1</v>
      </c>
      <c r="BF1527" s="9">
        <v>41520.9296894</v>
      </c>
      <c r="BG1527" s="11">
        <v>2</v>
      </c>
      <c r="BH1527" s="13" t="e">
        <v>#DIV/0!</v>
      </c>
      <c r="BI1527" s="6">
        <v>2</v>
      </c>
      <c r="BJ1527" s="13" t="e">
        <v>#DIV/0!</v>
      </c>
      <c r="BK1527" s="6">
        <v>0</v>
      </c>
      <c r="BL1527" s="13">
        <v>0</v>
      </c>
      <c r="BM1527" s="11">
        <v>0</v>
      </c>
      <c r="BN1527" s="13">
        <v>0</v>
      </c>
      <c r="BO1527" s="11">
        <v>0</v>
      </c>
      <c r="BP1527" s="13">
        <v>0</v>
      </c>
      <c r="BQ1527" s="6">
        <v>0</v>
      </c>
      <c r="BR1527" s="6">
        <v>0</v>
      </c>
      <c r="BS1527" s="6">
        <v>1</v>
      </c>
      <c r="BT1527" s="6">
        <v>2</v>
      </c>
      <c r="BU1527" s="6">
        <v>2</v>
      </c>
      <c r="BV1527" s="6">
        <v>2</v>
      </c>
      <c r="BW1527" s="6">
        <v>2</v>
      </c>
      <c r="BX1527" s="6">
        <v>2</v>
      </c>
      <c r="BY1527" s="6">
        <v>2</v>
      </c>
      <c r="BZ1527" s="6">
        <v>2</v>
      </c>
      <c r="CA1527" s="6">
        <v>2</v>
      </c>
      <c r="CB1527" s="6">
        <v>2</v>
      </c>
      <c r="CC1527" s="11">
        <v>2</v>
      </c>
      <c r="CD1527" s="11">
        <v>7.2528699999999997</v>
      </c>
      <c r="CE1527" s="11">
        <v>0.33077699999999999</v>
      </c>
      <c r="CF1527" s="11">
        <v>0.34851700000000002</v>
      </c>
      <c r="CG1527" s="11">
        <v>0</v>
      </c>
      <c r="CH1527" s="20">
        <v>0.15134600000000001</v>
      </c>
      <c r="CI1527" s="20">
        <v>0.16655900000000001</v>
      </c>
      <c r="CJ1527" s="20">
        <v>0.180948</v>
      </c>
      <c r="CK1527" s="20">
        <v>0.16484099999999999</v>
      </c>
      <c r="CL1527" s="20">
        <v>0.37804399999999999</v>
      </c>
      <c r="CM1527" s="20">
        <v>0.24382300000000001</v>
      </c>
      <c r="CN1527" s="20">
        <v>0.276333</v>
      </c>
      <c r="CO1527" s="20">
        <v>0.15168599999999999</v>
      </c>
      <c r="CP1527" s="20">
        <v>0.53595999999999999</v>
      </c>
      <c r="CQ1527" s="20">
        <v>0.30532399999999998</v>
      </c>
      <c r="CR1527" s="20">
        <v>0.37275399999999997</v>
      </c>
      <c r="CS1527" s="20">
        <v>0.44108700000000001</v>
      </c>
      <c r="CT1527" s="20">
        <v>0.27736</v>
      </c>
      <c r="CU1527" s="20">
        <v>0.24369299999999999</v>
      </c>
      <c r="CV1527" s="20">
        <v>0.31658500000000001</v>
      </c>
      <c r="CW1527" s="20">
        <v>0.49348599999999998</v>
      </c>
      <c r="CX1527" s="20">
        <v>0.48841899999999999</v>
      </c>
      <c r="CY1527" s="6" t="s">
        <v>614</v>
      </c>
      <c r="CZ1527" s="6" t="s">
        <v>615</v>
      </c>
      <c r="DA1527" s="6" t="s">
        <v>151</v>
      </c>
      <c r="DB1527" s="6" t="s">
        <v>345</v>
      </c>
      <c r="DC1527" s="6"/>
      <c r="DD1527" s="6"/>
      <c r="DE1527" s="6"/>
      <c r="DF1527" s="6"/>
      <c r="DG1527" s="6"/>
      <c r="DH1527" s="6" t="s">
        <v>333</v>
      </c>
      <c r="DI1527" s="6"/>
      <c r="DJ1527" s="6"/>
      <c r="DK1527" s="6"/>
      <c r="DL1527" s="6">
        <v>7</v>
      </c>
      <c r="DM1527" s="6" t="s">
        <v>485</v>
      </c>
      <c r="DN1527" s="6">
        <v>8</v>
      </c>
      <c r="DO1527" s="6" t="s">
        <v>486</v>
      </c>
      <c r="DP1527" s="6"/>
      <c r="DQ1527" s="6"/>
    </row>
    <row r="1528" spans="1:121" x14ac:dyDescent="0.2">
      <c r="A1528" s="6" t="s">
        <v>311</v>
      </c>
      <c r="B1528" s="6" t="s">
        <v>311</v>
      </c>
      <c r="C1528" s="6" t="s">
        <v>174</v>
      </c>
      <c r="D1528" s="6" t="s">
        <v>151</v>
      </c>
      <c r="E1528" s="6" t="s">
        <v>292</v>
      </c>
      <c r="F1528" s="11">
        <v>-3</v>
      </c>
      <c r="G1528" s="13">
        <v>-0.13043478260899999</v>
      </c>
      <c r="H1528" s="11">
        <v>-6.4943160000000013</v>
      </c>
      <c r="I1528" s="13">
        <v>-0.28517676827889094</v>
      </c>
      <c r="J1528" s="11">
        <v>17.018224000000004</v>
      </c>
      <c r="K1528" s="13">
        <v>1.0454332375451922</v>
      </c>
      <c r="L1528" s="11">
        <v>-13.539370696700004</v>
      </c>
      <c r="M1528" s="13">
        <v>-0.4066260877625778</v>
      </c>
      <c r="N1528" s="11">
        <v>3.4788533032999993</v>
      </c>
      <c r="O1528" s="13">
        <v>0.21370672238264721</v>
      </c>
      <c r="P1528" s="7">
        <v>22.772949000000001</v>
      </c>
      <c r="Q1528" s="7">
        <v>22.097579</v>
      </c>
      <c r="R1528" s="7">
        <v>11.407401</v>
      </c>
      <c r="S1528" s="7">
        <v>33.99803</v>
      </c>
      <c r="T1528" s="7">
        <v>34.245331</v>
      </c>
      <c r="U1528" s="7">
        <v>27.188745000000001</v>
      </c>
      <c r="V1528" s="7">
        <v>16.278632999999999</v>
      </c>
      <c r="W1528" s="7">
        <v>20.675129999999999</v>
      </c>
      <c r="X1528" s="7">
        <v>36.447583000000002</v>
      </c>
      <c r="Y1528" s="7">
        <v>33.296857000000003</v>
      </c>
      <c r="Z1528" s="7">
        <v>10.563395999999999</v>
      </c>
      <c r="AA1528" s="7">
        <v>5</v>
      </c>
      <c r="AB1528" s="7">
        <v>10.021074</v>
      </c>
      <c r="AC1528" s="7">
        <v>12.451953920699999</v>
      </c>
      <c r="AD1528" s="7">
        <v>18.2249909405</v>
      </c>
      <c r="AE1528" s="7">
        <v>19.493055100900001</v>
      </c>
      <c r="AF1528" s="7">
        <v>19.757486303299999</v>
      </c>
      <c r="AG1528" s="9">
        <v>39429.632493099998</v>
      </c>
      <c r="AH1528" s="13">
        <v>0.96648260588286172</v>
      </c>
      <c r="AI1528" s="9">
        <v>18462.984878299998</v>
      </c>
      <c r="AJ1528" s="13">
        <v>0.45255693774670352</v>
      </c>
      <c r="AK1528" s="9">
        <v>22564.732374000007</v>
      </c>
      <c r="AL1528" s="13">
        <v>0.38077491957743398</v>
      </c>
      <c r="AM1528" s="9">
        <v>-1598.0847592000064</v>
      </c>
      <c r="AN1528" s="13">
        <v>-1.9530576722945791E-2</v>
      </c>
      <c r="AO1528" s="9">
        <v>20966.6476148</v>
      </c>
      <c r="AP1528" s="13">
        <v>0.35380758907350762</v>
      </c>
      <c r="AQ1528" s="9">
        <v>40797.0430643</v>
      </c>
      <c r="AR1528" s="9">
        <v>35546.916039399999</v>
      </c>
      <c r="AS1528" s="9">
        <v>46156.554823799997</v>
      </c>
      <c r="AT1528" s="9">
        <v>70101.441055699994</v>
      </c>
      <c r="AU1528" s="9">
        <v>92902.278067799998</v>
      </c>
      <c r="AV1528" s="9">
        <v>64482.301185099997</v>
      </c>
      <c r="AW1528" s="9">
        <v>59260.027942599998</v>
      </c>
      <c r="AX1528" s="9">
        <v>51036.451301000001</v>
      </c>
      <c r="AY1528" s="9">
        <v>50745.194356599997</v>
      </c>
      <c r="AZ1528" s="9">
        <v>81824.760316600004</v>
      </c>
      <c r="BA1528" s="9">
        <v>102341.35799600001</v>
      </c>
      <c r="BB1528" s="9">
        <v>1</v>
      </c>
      <c r="BC1528" s="9">
        <v>171228.477828</v>
      </c>
      <c r="BD1528" s="9">
        <v>98594.097500699994</v>
      </c>
      <c r="BE1528" s="9">
        <v>89595.414780399995</v>
      </c>
      <c r="BF1528" s="9">
        <v>80226.675557399998</v>
      </c>
      <c r="BG1528" s="11">
        <v>-1</v>
      </c>
      <c r="BH1528" s="13">
        <v>-0.33333333333333331</v>
      </c>
      <c r="BI1528" s="6">
        <v>-1</v>
      </c>
      <c r="BJ1528" s="13">
        <v>-0.33333333333333331</v>
      </c>
      <c r="BK1528" s="6">
        <v>0</v>
      </c>
      <c r="BL1528" s="13">
        <v>0</v>
      </c>
      <c r="BM1528" s="11">
        <v>0</v>
      </c>
      <c r="BN1528" s="13">
        <v>0</v>
      </c>
      <c r="BO1528" s="11">
        <v>0</v>
      </c>
      <c r="BP1528" s="13">
        <v>0</v>
      </c>
      <c r="BQ1528" s="6">
        <v>3</v>
      </c>
      <c r="BR1528" s="6">
        <v>3</v>
      </c>
      <c r="BS1528" s="6">
        <v>2</v>
      </c>
      <c r="BT1528" s="6">
        <v>2</v>
      </c>
      <c r="BU1528" s="6">
        <v>2</v>
      </c>
      <c r="BV1528" s="6">
        <v>2</v>
      </c>
      <c r="BW1528" s="6">
        <v>2</v>
      </c>
      <c r="BX1528" s="6">
        <v>2</v>
      </c>
      <c r="BY1528" s="6">
        <v>3</v>
      </c>
      <c r="BZ1528" s="6">
        <v>3</v>
      </c>
      <c r="CA1528" s="6">
        <v>2</v>
      </c>
      <c r="CB1528" s="6">
        <v>2</v>
      </c>
      <c r="CC1528" s="11">
        <v>2</v>
      </c>
      <c r="CD1528" s="11">
        <v>-1.7963899999999999</v>
      </c>
      <c r="CE1528" s="11">
        <v>-3.7084299999999999</v>
      </c>
      <c r="CF1528" s="11">
        <v>2.48936</v>
      </c>
      <c r="CG1528" s="11">
        <v>-2</v>
      </c>
      <c r="CH1528" s="20">
        <v>0.986649</v>
      </c>
      <c r="CI1528" s="20">
        <v>0.96679599999999999</v>
      </c>
      <c r="CJ1528" s="20">
        <v>0.50785899999999995</v>
      </c>
      <c r="CK1528" s="20">
        <v>1.5704</v>
      </c>
      <c r="CL1528" s="20">
        <v>1.6563399999999999</v>
      </c>
      <c r="CM1528" s="20">
        <v>1.34823</v>
      </c>
      <c r="CN1528" s="20">
        <v>0.82992100000000002</v>
      </c>
      <c r="CO1528" s="20">
        <v>1.0541400000000001</v>
      </c>
      <c r="CP1528" s="20">
        <v>1.8653900000000001</v>
      </c>
      <c r="CQ1528" s="20">
        <v>1.7763</v>
      </c>
      <c r="CR1528" s="20">
        <v>0.56801299999999999</v>
      </c>
      <c r="CS1528" s="20">
        <v>0.43384499999999998</v>
      </c>
      <c r="CT1528" s="20">
        <v>0.54248099999999999</v>
      </c>
      <c r="CU1528" s="20">
        <v>0.67396599999999995</v>
      </c>
      <c r="CV1528" s="20">
        <v>0.95371399999999995</v>
      </c>
      <c r="CW1528" s="20">
        <v>1.02647</v>
      </c>
      <c r="CX1528" s="20">
        <v>1.0150999999999999</v>
      </c>
      <c r="CY1528" s="6" t="s">
        <v>614</v>
      </c>
      <c r="CZ1528" s="6" t="s">
        <v>615</v>
      </c>
      <c r="DA1528" s="6" t="s">
        <v>151</v>
      </c>
      <c r="DB1528" s="6" t="s">
        <v>345</v>
      </c>
      <c r="DC1528" s="6"/>
      <c r="DD1528" s="6"/>
      <c r="DE1528" s="6"/>
      <c r="DF1528" s="6"/>
      <c r="DG1528" s="6"/>
      <c r="DH1528" s="6" t="s">
        <v>333</v>
      </c>
      <c r="DI1528" s="6"/>
      <c r="DJ1528" s="6"/>
      <c r="DK1528" s="6"/>
      <c r="DL1528" s="6">
        <v>7</v>
      </c>
      <c r="DM1528" s="6" t="s">
        <v>485</v>
      </c>
      <c r="DN1528" s="6">
        <v>8</v>
      </c>
      <c r="DO1528" s="6" t="s">
        <v>486</v>
      </c>
      <c r="DP1528" s="6"/>
      <c r="DQ1528" s="6"/>
    </row>
    <row r="1529" spans="1:121" x14ac:dyDescent="0.2">
      <c r="A1529" s="6" t="s">
        <v>312</v>
      </c>
      <c r="B1529" s="6" t="s">
        <v>312</v>
      </c>
      <c r="C1529" s="6" t="s">
        <v>175</v>
      </c>
      <c r="D1529" s="6" t="s">
        <v>151</v>
      </c>
      <c r="E1529" s="6" t="s">
        <v>292</v>
      </c>
      <c r="F1529" s="11">
        <v>-19</v>
      </c>
      <c r="G1529" s="13">
        <v>-3.1404958677699997E-2</v>
      </c>
      <c r="H1529" s="11">
        <v>93.902355521999993</v>
      </c>
      <c r="I1529" s="13">
        <v>0.15531681890318258</v>
      </c>
      <c r="J1529" s="11">
        <v>-157.83890592499995</v>
      </c>
      <c r="K1529" s="13">
        <v>-0.22597217542540593</v>
      </c>
      <c r="L1529" s="11">
        <v>45.384057473999974</v>
      </c>
      <c r="M1529" s="13">
        <v>8.3943611969533163E-2</v>
      </c>
      <c r="N1529" s="11">
        <v>-112.45484845099998</v>
      </c>
      <c r="O1529" s="13">
        <v>-0.16099748406569434</v>
      </c>
      <c r="P1529" s="7">
        <v>604.58587926999996</v>
      </c>
      <c r="Q1529" s="7">
        <v>624.77934223099999</v>
      </c>
      <c r="R1529" s="7">
        <v>663.63828377200002</v>
      </c>
      <c r="S1529" s="7">
        <v>655.30369404700002</v>
      </c>
      <c r="T1529" s="7">
        <v>626.90332328500006</v>
      </c>
      <c r="U1529" s="7">
        <v>654.86176566100005</v>
      </c>
      <c r="V1529" s="7">
        <v>698.48823479199996</v>
      </c>
      <c r="W1529" s="7">
        <v>671.35658215399997</v>
      </c>
      <c r="X1529" s="7">
        <v>600.92903209300005</v>
      </c>
      <c r="Y1529" s="7">
        <v>540.64932886700001</v>
      </c>
      <c r="Z1529" s="7">
        <v>516.79671393900003</v>
      </c>
      <c r="AA1529" s="7">
        <v>548.00331715899995</v>
      </c>
      <c r="AB1529" s="7">
        <v>551.22209103900002</v>
      </c>
      <c r="AC1529" s="7">
        <v>535.62166601700005</v>
      </c>
      <c r="AD1529" s="7">
        <v>572.06128136300003</v>
      </c>
      <c r="AE1529" s="7">
        <v>584.86186434299998</v>
      </c>
      <c r="AF1529" s="7">
        <v>586.03338634099998</v>
      </c>
      <c r="AG1529" s="9">
        <v>8189.192754300002</v>
      </c>
      <c r="AH1529" s="13">
        <v>0.36623428687326243</v>
      </c>
      <c r="AI1529" s="9">
        <v>2328.5901076000009</v>
      </c>
      <c r="AJ1529" s="13">
        <v>0.10413841303579334</v>
      </c>
      <c r="AK1529" s="9">
        <v>251.39879680000013</v>
      </c>
      <c r="AL1529" s="13">
        <v>1.0182574179457501E-2</v>
      </c>
      <c r="AM1529" s="9">
        <v>5609.2038499000009</v>
      </c>
      <c r="AN1529" s="13">
        <v>0.22490325378060899</v>
      </c>
      <c r="AO1529" s="9">
        <v>5860.6026467000011</v>
      </c>
      <c r="AP1529" s="13">
        <v>0.23737592202488891</v>
      </c>
      <c r="AQ1529" s="9">
        <v>22360.529988099999</v>
      </c>
      <c r="AR1529" s="9">
        <v>23016.831328699998</v>
      </c>
      <c r="AS1529" s="9">
        <v>23941.480825300001</v>
      </c>
      <c r="AT1529" s="9">
        <v>24460.039690000001</v>
      </c>
      <c r="AU1529" s="9">
        <v>24291.7810718</v>
      </c>
      <c r="AV1529" s="9">
        <v>24582.9783799</v>
      </c>
      <c r="AW1529" s="9">
        <v>24689.1200957</v>
      </c>
      <c r="AX1529" s="9">
        <v>25402.979330800001</v>
      </c>
      <c r="AY1529" s="9">
        <v>24724.281930100002</v>
      </c>
      <c r="AZ1529" s="9">
        <v>24940.5188925</v>
      </c>
      <c r="BA1529" s="9">
        <v>24621.007491100001</v>
      </c>
      <c r="BB1529" s="9">
        <v>25836.795208700001</v>
      </c>
      <c r="BC1529" s="9">
        <v>26691.301080900001</v>
      </c>
      <c r="BD1529" s="9">
        <v>27147.482484700002</v>
      </c>
      <c r="BE1529" s="9">
        <v>28552.3246468</v>
      </c>
      <c r="BF1529" s="9">
        <v>30549.722742400001</v>
      </c>
      <c r="BG1529" s="11">
        <v>-23</v>
      </c>
      <c r="BH1529" s="13">
        <v>-0.23711340206185566</v>
      </c>
      <c r="BI1529" s="6">
        <v>0</v>
      </c>
      <c r="BJ1529" s="13">
        <v>0</v>
      </c>
      <c r="BK1529" s="6">
        <v>-14</v>
      </c>
      <c r="BL1529" s="13">
        <v>-0.14432989690721648</v>
      </c>
      <c r="BM1529" s="11">
        <v>-9</v>
      </c>
      <c r="BN1529" s="13">
        <v>-0.10843373493975904</v>
      </c>
      <c r="BO1529" s="11">
        <v>-23</v>
      </c>
      <c r="BP1529" s="13">
        <v>-0.23711340206185566</v>
      </c>
      <c r="BQ1529" s="6">
        <v>97</v>
      </c>
      <c r="BR1529" s="6">
        <v>90</v>
      </c>
      <c r="BS1529" s="6">
        <v>96</v>
      </c>
      <c r="BT1529" s="6">
        <v>97</v>
      </c>
      <c r="BU1529" s="6">
        <v>92</v>
      </c>
      <c r="BV1529" s="6">
        <v>86</v>
      </c>
      <c r="BW1529" s="6">
        <v>83</v>
      </c>
      <c r="BX1529" s="6">
        <v>79</v>
      </c>
      <c r="BY1529" s="6">
        <v>77</v>
      </c>
      <c r="BZ1529" s="6">
        <v>76</v>
      </c>
      <c r="CA1529" s="6">
        <v>74</v>
      </c>
      <c r="CB1529" s="6">
        <v>75</v>
      </c>
      <c r="CC1529" s="11">
        <v>74</v>
      </c>
      <c r="CD1529" s="11">
        <v>-11.410299999999999</v>
      </c>
      <c r="CE1529" s="11">
        <v>-73.230699999999999</v>
      </c>
      <c r="CF1529" s="11">
        <v>66.088499999999996</v>
      </c>
      <c r="CG1529" s="11">
        <v>-7</v>
      </c>
      <c r="CH1529" s="20">
        <v>1.8059400000000001</v>
      </c>
      <c r="CI1529" s="20">
        <v>1.87157</v>
      </c>
      <c r="CJ1529" s="20">
        <v>1.9331400000000001</v>
      </c>
      <c r="CK1529" s="20">
        <v>1.8569199999999999</v>
      </c>
      <c r="CL1529" s="20">
        <v>1.7342</v>
      </c>
      <c r="CM1529" s="20">
        <v>1.7688200000000001</v>
      </c>
      <c r="CN1529" s="20">
        <v>1.96583</v>
      </c>
      <c r="CO1529" s="20">
        <v>2.0279500000000001</v>
      </c>
      <c r="CP1529" s="20">
        <v>2.1017999999999999</v>
      </c>
      <c r="CQ1529" s="20">
        <v>2.1086999999999998</v>
      </c>
      <c r="CR1529" s="20">
        <v>2.05308</v>
      </c>
      <c r="CS1529" s="20">
        <v>2.1674600000000002</v>
      </c>
      <c r="CT1529" s="20">
        <v>2.13096</v>
      </c>
      <c r="CU1529" s="20">
        <v>2.0074900000000002</v>
      </c>
      <c r="CV1529" s="20">
        <v>2.01553</v>
      </c>
      <c r="CW1529" s="20">
        <v>2.03078</v>
      </c>
      <c r="CX1529" s="20">
        <v>1.9882299999999999</v>
      </c>
      <c r="CY1529" s="6" t="s">
        <v>614</v>
      </c>
      <c r="CZ1529" s="6" t="s">
        <v>615</v>
      </c>
      <c r="DA1529" s="6" t="s">
        <v>151</v>
      </c>
      <c r="DB1529" s="6" t="s">
        <v>345</v>
      </c>
      <c r="DC1529" s="6"/>
      <c r="DD1529" s="6"/>
      <c r="DE1529" s="6"/>
      <c r="DF1529" s="6"/>
      <c r="DG1529" s="6"/>
      <c r="DH1529" s="6" t="s">
        <v>333</v>
      </c>
      <c r="DI1529" s="6"/>
      <c r="DJ1529" s="6"/>
      <c r="DK1529" s="6"/>
      <c r="DL1529" s="6">
        <v>7</v>
      </c>
      <c r="DM1529" s="6" t="s">
        <v>485</v>
      </c>
      <c r="DN1529" s="6">
        <v>8</v>
      </c>
      <c r="DO1529" s="6" t="s">
        <v>486</v>
      </c>
      <c r="DP1529" s="6"/>
      <c r="DQ1529" s="6"/>
    </row>
    <row r="1530" spans="1:121" x14ac:dyDescent="0.2">
      <c r="A1530" s="6" t="s">
        <v>792</v>
      </c>
      <c r="B1530" s="6" t="s">
        <v>176</v>
      </c>
      <c r="C1530" s="6" t="s">
        <v>177</v>
      </c>
      <c r="D1530" s="6" t="s">
        <v>151</v>
      </c>
      <c r="E1530" s="6" t="s">
        <v>292</v>
      </c>
      <c r="F1530" s="11">
        <v>-175</v>
      </c>
      <c r="G1530" s="13">
        <v>-0.23178807946999999</v>
      </c>
      <c r="H1530" s="11">
        <v>-229.33206697700007</v>
      </c>
      <c r="I1530" s="13">
        <v>-0.30367840163116822</v>
      </c>
      <c r="J1530" s="11">
        <v>-131.26610256499998</v>
      </c>
      <c r="K1530" s="13">
        <v>-0.24962716473079127</v>
      </c>
      <c r="L1530" s="11">
        <v>185.14667224899995</v>
      </c>
      <c r="M1530" s="13">
        <v>0.46922166951778838</v>
      </c>
      <c r="N1530" s="11">
        <v>53.880569683999965</v>
      </c>
      <c r="O1530" s="13">
        <v>0.10246402979502324</v>
      </c>
      <c r="P1530" s="7">
        <v>755.18069689900005</v>
      </c>
      <c r="Q1530" s="7">
        <v>662.00571838899998</v>
      </c>
      <c r="R1530" s="7">
        <v>710.64477611400002</v>
      </c>
      <c r="S1530" s="7">
        <v>707.51115085100002</v>
      </c>
      <c r="T1530" s="7">
        <v>699.20520444099998</v>
      </c>
      <c r="U1530" s="7">
        <v>579.48414784600004</v>
      </c>
      <c r="V1530" s="7">
        <v>525.84862992199999</v>
      </c>
      <c r="W1530" s="7">
        <v>485.73704957500001</v>
      </c>
      <c r="X1530" s="7">
        <v>413.02320612599999</v>
      </c>
      <c r="Y1530" s="7">
        <v>394.582527357</v>
      </c>
      <c r="Z1530" s="7">
        <v>498.90038007099997</v>
      </c>
      <c r="AA1530" s="7">
        <v>516.91163771900005</v>
      </c>
      <c r="AB1530" s="7">
        <v>536.16830962999995</v>
      </c>
      <c r="AC1530" s="7">
        <v>565.47575162500004</v>
      </c>
      <c r="AD1530" s="7">
        <v>545.35178613100004</v>
      </c>
      <c r="AE1530" s="7">
        <v>519.13422724999998</v>
      </c>
      <c r="AF1530" s="7">
        <v>579.72919960599995</v>
      </c>
      <c r="AG1530" s="9">
        <v>10921.534704599999</v>
      </c>
      <c r="AH1530" s="13">
        <v>0.39917473013998711</v>
      </c>
      <c r="AI1530" s="9">
        <v>6378.1368700999992</v>
      </c>
      <c r="AJ1530" s="13">
        <v>0.2331166024538413</v>
      </c>
      <c r="AK1530" s="9">
        <v>6194.1036927999958</v>
      </c>
      <c r="AL1530" s="13">
        <v>0.18359197617519069</v>
      </c>
      <c r="AM1530" s="9">
        <v>-1650.7058582999962</v>
      </c>
      <c r="AN1530" s="13">
        <v>-4.1337376025293859E-2</v>
      </c>
      <c r="AO1530" s="9">
        <v>4543.3978344999996</v>
      </c>
      <c r="AP1530" s="13">
        <v>0.13466538959551619</v>
      </c>
      <c r="AQ1530" s="9">
        <v>27360.285809600002</v>
      </c>
      <c r="AR1530" s="9">
        <v>30222.356529199998</v>
      </c>
      <c r="AS1530" s="9">
        <v>30637.979627500001</v>
      </c>
      <c r="AT1530" s="9">
        <v>32348.7304014</v>
      </c>
      <c r="AU1530" s="9">
        <v>34264.064603899998</v>
      </c>
      <c r="AV1530" s="9">
        <v>34428.569993999998</v>
      </c>
      <c r="AW1530" s="9">
        <v>33738.422679700001</v>
      </c>
      <c r="AX1530" s="9">
        <v>37167.881236000001</v>
      </c>
      <c r="AY1530" s="9">
        <v>35959.6468561</v>
      </c>
      <c r="AZ1530" s="9">
        <v>39932.526372499997</v>
      </c>
      <c r="BA1530" s="9">
        <v>35071.631007399999</v>
      </c>
      <c r="BB1530" s="9">
        <v>37581.555395199997</v>
      </c>
      <c r="BC1530" s="9">
        <v>36540.406545999998</v>
      </c>
      <c r="BD1530" s="9">
        <v>35930.502091100003</v>
      </c>
      <c r="BE1530" s="9">
        <v>36613.638738599999</v>
      </c>
      <c r="BF1530" s="9">
        <v>38281.820514200001</v>
      </c>
      <c r="BG1530" s="11">
        <v>-9</v>
      </c>
      <c r="BH1530" s="13">
        <v>-0.29032258064516131</v>
      </c>
      <c r="BI1530" s="6">
        <v>3</v>
      </c>
      <c r="BJ1530" s="13">
        <v>9.6774193548387094E-2</v>
      </c>
      <c r="BK1530" s="6">
        <v>-6</v>
      </c>
      <c r="BL1530" s="13">
        <v>-0.17647058823529413</v>
      </c>
      <c r="BM1530" s="11">
        <v>-6</v>
      </c>
      <c r="BN1530" s="13">
        <v>-0.21428571428571427</v>
      </c>
      <c r="BO1530" s="11">
        <v>-12</v>
      </c>
      <c r="BP1530" s="13">
        <v>-0.35294117647058826</v>
      </c>
      <c r="BQ1530" s="6">
        <v>31</v>
      </c>
      <c r="BR1530" s="6">
        <v>31</v>
      </c>
      <c r="BS1530" s="6">
        <v>37</v>
      </c>
      <c r="BT1530" s="6">
        <v>34</v>
      </c>
      <c r="BU1530" s="6">
        <v>33</v>
      </c>
      <c r="BV1530" s="6">
        <v>30</v>
      </c>
      <c r="BW1530" s="6">
        <v>28</v>
      </c>
      <c r="BX1530" s="6">
        <v>25</v>
      </c>
      <c r="BY1530" s="6">
        <v>22</v>
      </c>
      <c r="BZ1530" s="6">
        <v>23</v>
      </c>
      <c r="CA1530" s="6">
        <v>25</v>
      </c>
      <c r="CB1530" s="6">
        <v>23</v>
      </c>
      <c r="CC1530" s="11">
        <v>22</v>
      </c>
      <c r="CD1530" s="11">
        <v>8.5601000000000003</v>
      </c>
      <c r="CE1530" s="11">
        <v>-266.56200000000001</v>
      </c>
      <c r="CF1530" s="11">
        <v>82.550299999999993</v>
      </c>
      <c r="CG1530" s="11">
        <v>-184</v>
      </c>
      <c r="CH1530" s="20">
        <v>1.1782900000000001</v>
      </c>
      <c r="CI1530" s="20">
        <v>1.1069500000000001</v>
      </c>
      <c r="CJ1530" s="20">
        <v>1.23519</v>
      </c>
      <c r="CK1530" s="20">
        <v>1.2670600000000001</v>
      </c>
      <c r="CL1530" s="20">
        <v>1.28722</v>
      </c>
      <c r="CM1530" s="20">
        <v>1.09182</v>
      </c>
      <c r="CN1530" s="20">
        <v>1.04515</v>
      </c>
      <c r="CO1530" s="20">
        <v>1.0138</v>
      </c>
      <c r="CP1530" s="20">
        <v>0.98340099999999997</v>
      </c>
      <c r="CQ1530" s="20">
        <v>0.99110100000000001</v>
      </c>
      <c r="CR1530" s="20">
        <v>1.23837</v>
      </c>
      <c r="CS1530" s="20">
        <v>1.2682599999999999</v>
      </c>
      <c r="CT1530" s="20">
        <v>1.3060400000000001</v>
      </c>
      <c r="CU1530" s="20">
        <v>1.3681399999999999</v>
      </c>
      <c r="CV1530" s="20">
        <v>1.27511</v>
      </c>
      <c r="CW1530" s="20">
        <v>1.2223200000000001</v>
      </c>
      <c r="CX1530" s="20">
        <v>1.3423</v>
      </c>
      <c r="CY1530" s="6" t="s">
        <v>614</v>
      </c>
      <c r="CZ1530" s="6" t="s">
        <v>615</v>
      </c>
      <c r="DA1530" s="6" t="s">
        <v>151</v>
      </c>
      <c r="DB1530" s="6" t="s">
        <v>345</v>
      </c>
      <c r="DC1530" s="6"/>
      <c r="DD1530" s="6"/>
      <c r="DE1530" s="6"/>
      <c r="DF1530" s="6"/>
      <c r="DG1530" s="6"/>
      <c r="DH1530" s="6" t="s">
        <v>333</v>
      </c>
      <c r="DI1530" s="6"/>
      <c r="DJ1530" s="6"/>
      <c r="DK1530" s="6"/>
      <c r="DL1530" s="6">
        <v>7</v>
      </c>
      <c r="DM1530" s="6" t="s">
        <v>485</v>
      </c>
      <c r="DN1530" s="6">
        <v>8</v>
      </c>
      <c r="DO1530" s="6" t="s">
        <v>486</v>
      </c>
      <c r="DP1530" s="6"/>
      <c r="DQ1530" s="6"/>
    </row>
    <row r="1531" spans="1:121" x14ac:dyDescent="0.2">
      <c r="A1531" s="6" t="s">
        <v>313</v>
      </c>
      <c r="B1531" s="6" t="s">
        <v>313</v>
      </c>
      <c r="C1531" s="6" t="s">
        <v>178</v>
      </c>
      <c r="D1531" s="6" t="s">
        <v>151</v>
      </c>
      <c r="E1531" s="6" t="s">
        <v>292</v>
      </c>
      <c r="F1531" s="11">
        <v>-57</v>
      </c>
      <c r="G1531" s="13">
        <v>-0.32758620689700002</v>
      </c>
      <c r="H1531" s="11">
        <v>-11.072736504999995</v>
      </c>
      <c r="I1531" s="13">
        <v>-6.380278809356886E-2</v>
      </c>
      <c r="J1531" s="11">
        <v>-48.581528468000002</v>
      </c>
      <c r="K1531" s="13">
        <v>-0.29901193466522891</v>
      </c>
      <c r="L1531" s="11">
        <v>3.4351423940000103</v>
      </c>
      <c r="M1531" s="13">
        <v>3.0161398090217128E-2</v>
      </c>
      <c r="N1531" s="11">
        <v>-45.146386073999992</v>
      </c>
      <c r="O1531" s="13">
        <v>-0.27786915457017575</v>
      </c>
      <c r="P1531" s="7">
        <v>173.54627965099999</v>
      </c>
      <c r="Q1531" s="7">
        <v>194.26287087599999</v>
      </c>
      <c r="R1531" s="7">
        <v>203.362360155</v>
      </c>
      <c r="S1531" s="7">
        <v>195.215228239</v>
      </c>
      <c r="T1531" s="7">
        <v>186.072957954</v>
      </c>
      <c r="U1531" s="7">
        <v>183.72301054499999</v>
      </c>
      <c r="V1531" s="7">
        <v>162.473543146</v>
      </c>
      <c r="W1531" s="7">
        <v>155.78905170900001</v>
      </c>
      <c r="X1531" s="7">
        <v>117.431812459</v>
      </c>
      <c r="Y1531" s="7">
        <v>113.892014678</v>
      </c>
      <c r="Z1531" s="7">
        <v>106.745442971</v>
      </c>
      <c r="AA1531" s="7">
        <v>109.744845731</v>
      </c>
      <c r="AB1531" s="7">
        <v>108.833396157</v>
      </c>
      <c r="AC1531" s="7">
        <v>109.370743128</v>
      </c>
      <c r="AD1531" s="7">
        <v>113.536344766</v>
      </c>
      <c r="AE1531" s="7">
        <v>116.53280361900001</v>
      </c>
      <c r="AF1531" s="7">
        <v>117.32715707200001</v>
      </c>
      <c r="AG1531" s="9">
        <v>14692.389034899999</v>
      </c>
      <c r="AH1531" s="13">
        <v>0.65775433852222087</v>
      </c>
      <c r="AI1531" s="9">
        <v>528.11532099999749</v>
      </c>
      <c r="AJ1531" s="13">
        <v>2.3642863172399518E-2</v>
      </c>
      <c r="AK1531" s="9">
        <v>757.58638219999921</v>
      </c>
      <c r="AL1531" s="13">
        <v>3.313256042083651E-2</v>
      </c>
      <c r="AM1531" s="9">
        <v>13406.687331700003</v>
      </c>
      <c r="AN1531" s="13">
        <v>0.56752927791983465</v>
      </c>
      <c r="AO1531" s="9">
        <v>14164.273713900002</v>
      </c>
      <c r="AP1531" s="13">
        <v>0.6194655364319438</v>
      </c>
      <c r="AQ1531" s="9">
        <v>22337.198212800002</v>
      </c>
      <c r="AR1531" s="9">
        <v>22911.4763312</v>
      </c>
      <c r="AS1531" s="9">
        <v>27110.2686173</v>
      </c>
      <c r="AT1531" s="9">
        <v>24576.9277224</v>
      </c>
      <c r="AU1531" s="9">
        <v>22904.404314899999</v>
      </c>
      <c r="AV1531" s="9">
        <v>22248.954601500001</v>
      </c>
      <c r="AW1531" s="9">
        <v>22865.313533799999</v>
      </c>
      <c r="AX1531" s="9">
        <v>24844.6981633</v>
      </c>
      <c r="AY1531" s="9">
        <v>26823.1481193</v>
      </c>
      <c r="AZ1531" s="9">
        <v>23622.899915999998</v>
      </c>
      <c r="BA1531" s="9">
        <v>26526.252132699999</v>
      </c>
      <c r="BB1531" s="9">
        <v>31062.206608100001</v>
      </c>
      <c r="BC1531" s="9">
        <v>25477.1207842</v>
      </c>
      <c r="BD1531" s="9">
        <v>29535.174912800001</v>
      </c>
      <c r="BE1531" s="9">
        <v>34214.072924799999</v>
      </c>
      <c r="BF1531" s="9">
        <v>37029.587247700001</v>
      </c>
      <c r="BG1531" s="11">
        <v>-0.25</v>
      </c>
      <c r="BH1531" s="13">
        <v>-1.0869565217391304E-2</v>
      </c>
      <c r="BI1531" s="6">
        <v>1</v>
      </c>
      <c r="BJ1531" s="13">
        <v>4.3478260869565216E-2</v>
      </c>
      <c r="BK1531" s="6">
        <v>-3</v>
      </c>
      <c r="BL1531" s="13">
        <v>-0.125</v>
      </c>
      <c r="BM1531" s="11">
        <v>1.75</v>
      </c>
      <c r="BN1531" s="13">
        <v>8.3333333333333329E-2</v>
      </c>
      <c r="BO1531" s="11">
        <v>-1.25</v>
      </c>
      <c r="BP1531" s="13">
        <v>-5.2083333333333336E-2</v>
      </c>
      <c r="BQ1531" s="6">
        <v>23</v>
      </c>
      <c r="BR1531" s="6">
        <v>24</v>
      </c>
      <c r="BS1531" s="6">
        <v>24</v>
      </c>
      <c r="BT1531" s="6">
        <v>24</v>
      </c>
      <c r="BU1531" s="6">
        <v>23</v>
      </c>
      <c r="BV1531" s="6">
        <v>24</v>
      </c>
      <c r="BW1531" s="6">
        <v>21</v>
      </c>
      <c r="BX1531" s="6">
        <v>17</v>
      </c>
      <c r="BY1531" s="6">
        <v>19</v>
      </c>
      <c r="BZ1531" s="6">
        <v>22</v>
      </c>
      <c r="CA1531" s="6">
        <v>22</v>
      </c>
      <c r="CB1531" s="6">
        <v>23</v>
      </c>
      <c r="CC1531" s="11">
        <v>22.75</v>
      </c>
      <c r="CD1531" s="11">
        <v>-60.999400000000001</v>
      </c>
      <c r="CE1531" s="11">
        <v>-14.1904</v>
      </c>
      <c r="CF1531" s="11">
        <v>18.970700000000001</v>
      </c>
      <c r="CG1531" s="11">
        <v>5</v>
      </c>
      <c r="CH1531" s="20">
        <v>0.76044699999999998</v>
      </c>
      <c r="CI1531" s="20">
        <v>0.86640799999999996</v>
      </c>
      <c r="CJ1531" s="20">
        <v>0.90122999999999998</v>
      </c>
      <c r="CK1531" s="20">
        <v>0.87028399999999995</v>
      </c>
      <c r="CL1531" s="20">
        <v>0.83251299999999995</v>
      </c>
      <c r="CM1531" s="20">
        <v>0.818519</v>
      </c>
      <c r="CN1531" s="20">
        <v>0.73655300000000001</v>
      </c>
      <c r="CO1531" s="20">
        <v>0.72263200000000005</v>
      </c>
      <c r="CP1531" s="20">
        <v>0.58740300000000001</v>
      </c>
      <c r="CQ1531" s="20">
        <v>0.59500399999999998</v>
      </c>
      <c r="CR1531" s="20">
        <v>0.55352100000000004</v>
      </c>
      <c r="CS1531" s="20">
        <v>0.56184199999999995</v>
      </c>
      <c r="CT1531" s="20">
        <v>0.55003299999999999</v>
      </c>
      <c r="CU1531" s="20">
        <v>0.54970799999999997</v>
      </c>
      <c r="CV1531" s="20">
        <v>0.55182399999999998</v>
      </c>
      <c r="CW1531" s="20">
        <v>0.57183200000000001</v>
      </c>
      <c r="CX1531" s="20">
        <v>0.56155299999999997</v>
      </c>
      <c r="CY1531" s="6" t="s">
        <v>614</v>
      </c>
      <c r="CZ1531" s="6" t="s">
        <v>615</v>
      </c>
      <c r="DA1531" s="6" t="s">
        <v>151</v>
      </c>
      <c r="DB1531" s="6" t="s">
        <v>345</v>
      </c>
      <c r="DC1531" s="6"/>
      <c r="DD1531" s="6"/>
      <c r="DE1531" s="6"/>
      <c r="DF1531" s="6"/>
      <c r="DG1531" s="6"/>
      <c r="DH1531" s="6" t="s">
        <v>333</v>
      </c>
      <c r="DI1531" s="6"/>
      <c r="DJ1531" s="6"/>
      <c r="DK1531" s="6"/>
      <c r="DL1531" s="6">
        <v>7</v>
      </c>
      <c r="DM1531" s="6" t="s">
        <v>485</v>
      </c>
      <c r="DN1531" s="6">
        <v>8</v>
      </c>
      <c r="DO1531" s="6" t="s">
        <v>486</v>
      </c>
      <c r="DP1531" s="6"/>
      <c r="DQ1531" s="6"/>
    </row>
    <row r="1532" spans="1:121" x14ac:dyDescent="0.2">
      <c r="A1532" s="6" t="s">
        <v>793</v>
      </c>
      <c r="B1532" s="6" t="s">
        <v>179</v>
      </c>
      <c r="C1532" s="6" t="s">
        <v>180</v>
      </c>
      <c r="D1532" s="6" t="s">
        <v>151</v>
      </c>
      <c r="E1532" s="6" t="s">
        <v>292</v>
      </c>
      <c r="F1532" s="11">
        <v>47</v>
      </c>
      <c r="G1532" s="13">
        <v>0.05</v>
      </c>
      <c r="H1532" s="11">
        <v>1</v>
      </c>
      <c r="I1532" s="13">
        <v>1.0695187165775399E-3</v>
      </c>
      <c r="J1532" s="11">
        <v>-88</v>
      </c>
      <c r="K1532" s="13">
        <v>-9.4017094017094016E-2</v>
      </c>
      <c r="L1532" s="11">
        <v>134</v>
      </c>
      <c r="M1532" s="13">
        <v>0.15801886792452827</v>
      </c>
      <c r="N1532" s="11">
        <v>46</v>
      </c>
      <c r="O1532" s="13">
        <v>4.9145299145299144E-2</v>
      </c>
      <c r="P1532" s="7">
        <v>935</v>
      </c>
      <c r="Q1532" s="7">
        <v>935</v>
      </c>
      <c r="R1532" s="7">
        <v>954</v>
      </c>
      <c r="S1532" s="7">
        <v>977</v>
      </c>
      <c r="T1532" s="7">
        <v>942</v>
      </c>
      <c r="U1532" s="7">
        <v>988</v>
      </c>
      <c r="V1532" s="7">
        <v>936</v>
      </c>
      <c r="W1532" s="7">
        <v>917</v>
      </c>
      <c r="X1532" s="7">
        <v>869</v>
      </c>
      <c r="Y1532" s="7">
        <v>848</v>
      </c>
      <c r="Z1532" s="7">
        <v>828</v>
      </c>
      <c r="AA1532" s="7">
        <v>865</v>
      </c>
      <c r="AB1532" s="7">
        <v>906</v>
      </c>
      <c r="AC1532" s="7">
        <v>911</v>
      </c>
      <c r="AD1532" s="7">
        <v>928</v>
      </c>
      <c r="AE1532" s="7">
        <v>947</v>
      </c>
      <c r="AF1532" s="7">
        <v>982</v>
      </c>
      <c r="AG1532" s="9">
        <v>8154</v>
      </c>
      <c r="AH1532" s="13">
        <v>0.39122924863256886</v>
      </c>
      <c r="AI1532" s="9">
        <v>2991</v>
      </c>
      <c r="AJ1532" s="13">
        <v>0.14350830054697247</v>
      </c>
      <c r="AK1532" s="9">
        <v>3015</v>
      </c>
      <c r="AL1532" s="13">
        <v>0.12650526580791341</v>
      </c>
      <c r="AM1532" s="9">
        <v>2148</v>
      </c>
      <c r="AN1532" s="13">
        <v>8.0005959475566144E-2</v>
      </c>
      <c r="AO1532" s="9">
        <v>5163</v>
      </c>
      <c r="AP1532" s="13">
        <v>0.21663240045315321</v>
      </c>
      <c r="AQ1532" s="9">
        <v>20842</v>
      </c>
      <c r="AR1532" s="9">
        <v>21659</v>
      </c>
      <c r="AS1532" s="9">
        <v>22527</v>
      </c>
      <c r="AT1532" s="9">
        <v>22518</v>
      </c>
      <c r="AU1532" s="9">
        <v>22903</v>
      </c>
      <c r="AV1532" s="9">
        <v>23580</v>
      </c>
      <c r="AW1532" s="9">
        <v>23833</v>
      </c>
      <c r="AX1532" s="9">
        <v>25830</v>
      </c>
      <c r="AY1532" s="9">
        <v>25496</v>
      </c>
      <c r="AZ1532" s="9">
        <v>26848</v>
      </c>
      <c r="BA1532" s="9">
        <v>28073</v>
      </c>
      <c r="BB1532" s="9">
        <v>27635</v>
      </c>
      <c r="BC1532" s="9">
        <v>27766</v>
      </c>
      <c r="BD1532" s="9">
        <v>28616</v>
      </c>
      <c r="BE1532" s="9">
        <v>29108</v>
      </c>
      <c r="BF1532" s="9">
        <v>28996</v>
      </c>
      <c r="BG1532" s="11">
        <v>-2</v>
      </c>
      <c r="BH1532" s="13">
        <v>-2.1739130434782608E-2</v>
      </c>
      <c r="BI1532" s="6">
        <v>-5</v>
      </c>
      <c r="BJ1532" s="13">
        <v>-5.434782608695652E-2</v>
      </c>
      <c r="BK1532" s="6">
        <v>1</v>
      </c>
      <c r="BL1532" s="13">
        <v>1.1494252873563218E-2</v>
      </c>
      <c r="BM1532" s="11">
        <v>2</v>
      </c>
      <c r="BN1532" s="13">
        <v>2.2727272727272728E-2</v>
      </c>
      <c r="BO1532" s="11">
        <v>3</v>
      </c>
      <c r="BP1532" s="13">
        <v>3.4482758620689655E-2</v>
      </c>
      <c r="BQ1532" s="6">
        <v>92</v>
      </c>
      <c r="BR1532" s="6">
        <v>88</v>
      </c>
      <c r="BS1532" s="6">
        <v>90</v>
      </c>
      <c r="BT1532" s="6">
        <v>87</v>
      </c>
      <c r="BU1532" s="6">
        <v>83</v>
      </c>
      <c r="BV1532" s="6">
        <v>82</v>
      </c>
      <c r="BW1532" s="6">
        <v>88</v>
      </c>
      <c r="BX1532" s="6">
        <v>86</v>
      </c>
      <c r="BY1532" s="6">
        <v>91</v>
      </c>
      <c r="BZ1532" s="6">
        <v>90</v>
      </c>
      <c r="CA1532" s="6">
        <v>91</v>
      </c>
      <c r="CB1532" s="6">
        <v>91</v>
      </c>
      <c r="CC1532" s="11">
        <v>90</v>
      </c>
      <c r="CD1532" s="11">
        <v>5</v>
      </c>
      <c r="CE1532" s="11">
        <v>-60</v>
      </c>
      <c r="CF1532" s="11">
        <v>102</v>
      </c>
      <c r="CG1532" s="11">
        <v>42</v>
      </c>
      <c r="CH1532" s="20">
        <v>1.53</v>
      </c>
      <c r="CI1532" s="20">
        <v>1.53</v>
      </c>
      <c r="CJ1532" s="20">
        <v>1.56</v>
      </c>
      <c r="CK1532" s="20">
        <v>1.6</v>
      </c>
      <c r="CL1532" s="20">
        <v>1.56</v>
      </c>
      <c r="CM1532" s="20">
        <v>1.66</v>
      </c>
      <c r="CN1532" s="20">
        <v>1.61</v>
      </c>
      <c r="CO1532" s="20">
        <v>1.63</v>
      </c>
      <c r="CP1532" s="20">
        <v>1.63</v>
      </c>
      <c r="CQ1532" s="20">
        <v>1.65</v>
      </c>
      <c r="CR1532" s="20">
        <v>1.6</v>
      </c>
      <c r="CS1532" s="20">
        <v>1.66</v>
      </c>
      <c r="CT1532" s="20">
        <v>1.72</v>
      </c>
      <c r="CU1532" s="20">
        <v>1.71</v>
      </c>
      <c r="CV1532" s="20">
        <v>1.67</v>
      </c>
      <c r="CW1532" s="20">
        <v>1.7</v>
      </c>
      <c r="CX1532" s="20">
        <v>1.72</v>
      </c>
      <c r="CY1532" s="6" t="s">
        <v>614</v>
      </c>
      <c r="CZ1532" s="6" t="s">
        <v>615</v>
      </c>
      <c r="DA1532" s="6" t="s">
        <v>151</v>
      </c>
      <c r="DB1532" s="6" t="s">
        <v>345</v>
      </c>
      <c r="DC1532" s="6"/>
      <c r="DD1532" s="6"/>
      <c r="DE1532" s="6"/>
      <c r="DF1532" s="6"/>
      <c r="DG1532" s="6"/>
      <c r="DH1532" s="6" t="s">
        <v>333</v>
      </c>
      <c r="DI1532" s="6"/>
      <c r="DJ1532" s="6"/>
      <c r="DK1532" s="6"/>
      <c r="DL1532" s="6">
        <v>7</v>
      </c>
      <c r="DM1532" s="6" t="s">
        <v>485</v>
      </c>
      <c r="DN1532" s="6">
        <v>8</v>
      </c>
      <c r="DO1532" s="6" t="s">
        <v>486</v>
      </c>
      <c r="DP1532" s="6"/>
      <c r="DQ1532" s="6"/>
    </row>
    <row r="1533" spans="1:121" x14ac:dyDescent="0.2">
      <c r="A1533" s="6" t="s">
        <v>794</v>
      </c>
      <c r="B1533" s="6" t="s">
        <v>181</v>
      </c>
      <c r="C1533" s="6" t="s">
        <v>182</v>
      </c>
      <c r="D1533" s="6" t="s">
        <v>151</v>
      </c>
      <c r="E1533" s="6" t="s">
        <v>292</v>
      </c>
      <c r="F1533" s="11">
        <v>178</v>
      </c>
      <c r="G1533" s="13">
        <v>1.7623762376200001</v>
      </c>
      <c r="H1533" s="11">
        <v>53.002241053000006</v>
      </c>
      <c r="I1533" s="13">
        <v>0.52508650979029747</v>
      </c>
      <c r="J1533" s="11">
        <v>-13.942290151999998</v>
      </c>
      <c r="K1533" s="13">
        <v>-9.0568310208985731E-2</v>
      </c>
      <c r="L1533" s="11">
        <v>139.04205685899998</v>
      </c>
      <c r="M1533" s="13">
        <v>0.99315777902238656</v>
      </c>
      <c r="N1533" s="11">
        <v>125.09976670699999</v>
      </c>
      <c r="O1533" s="13">
        <v>0.81264084699643413</v>
      </c>
      <c r="P1533" s="7">
        <v>100.940016673</v>
      </c>
      <c r="Q1533" s="7">
        <v>103.530847728</v>
      </c>
      <c r="R1533" s="7">
        <v>98.272321515900003</v>
      </c>
      <c r="S1533" s="7">
        <v>91.674521311399999</v>
      </c>
      <c r="T1533" s="7">
        <v>130.648753723</v>
      </c>
      <c r="U1533" s="7">
        <v>145.03500175900001</v>
      </c>
      <c r="V1533" s="7">
        <v>153.94225772600001</v>
      </c>
      <c r="W1533" s="7">
        <v>135.470999081</v>
      </c>
      <c r="X1533" s="7">
        <v>131.24960427299999</v>
      </c>
      <c r="Y1533" s="7">
        <v>139.99996757400001</v>
      </c>
      <c r="Z1533" s="7">
        <v>176.09415550400001</v>
      </c>
      <c r="AA1533" s="7">
        <v>181.191533335</v>
      </c>
      <c r="AB1533" s="7">
        <v>176.52368335</v>
      </c>
      <c r="AC1533" s="7">
        <v>227.43068945799999</v>
      </c>
      <c r="AD1533" s="7">
        <v>268.38884949499999</v>
      </c>
      <c r="AE1533" s="7">
        <v>260.46814527399999</v>
      </c>
      <c r="AF1533" s="7">
        <v>279.04202443299999</v>
      </c>
      <c r="AG1533" s="9">
        <v>14703.110186499998</v>
      </c>
      <c r="AH1533" s="13">
        <v>0.4725858208478797</v>
      </c>
      <c r="AI1533" s="9">
        <v>5379.7562438999994</v>
      </c>
      <c r="AJ1533" s="13">
        <v>0.1729155592412922</v>
      </c>
      <c r="AK1533" s="9">
        <v>1969.6253518000012</v>
      </c>
      <c r="AL1533" s="13">
        <v>5.3974465897611845E-2</v>
      </c>
      <c r="AM1533" s="9">
        <v>7353.7285907999976</v>
      </c>
      <c r="AN1533" s="13">
        <v>0.1911975114325061</v>
      </c>
      <c r="AO1533" s="9">
        <v>9323.3539425999988</v>
      </c>
      <c r="AP1533" s="13">
        <v>0.25549176089063996</v>
      </c>
      <c r="AQ1533" s="9">
        <v>31112.0425918</v>
      </c>
      <c r="AR1533" s="9">
        <v>34094.4209768</v>
      </c>
      <c r="AS1533" s="9">
        <v>36014.245908099998</v>
      </c>
      <c r="AT1533" s="9">
        <v>38793.3728013</v>
      </c>
      <c r="AU1533" s="9">
        <v>35276.123647</v>
      </c>
      <c r="AV1533" s="9">
        <v>32756.2925431</v>
      </c>
      <c r="AW1533" s="9">
        <v>36491.798835699999</v>
      </c>
      <c r="AX1533" s="9">
        <v>39715.485161899996</v>
      </c>
      <c r="AY1533" s="9">
        <v>37735.232752700002</v>
      </c>
      <c r="AZ1533" s="9">
        <v>38461.424187500001</v>
      </c>
      <c r="BA1533" s="9">
        <v>40104.609719100001</v>
      </c>
      <c r="BB1533" s="9">
        <v>42751.400535799999</v>
      </c>
      <c r="BC1533" s="9">
        <v>41998.944661900001</v>
      </c>
      <c r="BD1533" s="9">
        <v>40189.234873699999</v>
      </c>
      <c r="BE1533" s="9">
        <v>45571.517935600001</v>
      </c>
      <c r="BF1533" s="9">
        <v>45815.152778299998</v>
      </c>
      <c r="BG1533" s="11">
        <v>7</v>
      </c>
      <c r="BH1533" s="13">
        <v>0.5</v>
      </c>
      <c r="BI1533" s="6">
        <v>3</v>
      </c>
      <c r="BJ1533" s="13">
        <v>0.21428571428571427</v>
      </c>
      <c r="BK1533" s="6">
        <v>1</v>
      </c>
      <c r="BL1533" s="13">
        <v>5.8823529411764705E-2</v>
      </c>
      <c r="BM1533" s="11">
        <v>3</v>
      </c>
      <c r="BN1533" s="13">
        <v>0.16666666666666666</v>
      </c>
      <c r="BO1533" s="11">
        <v>4</v>
      </c>
      <c r="BP1533" s="13">
        <v>0.23529411764705882</v>
      </c>
      <c r="BQ1533" s="6">
        <v>14</v>
      </c>
      <c r="BR1533" s="6">
        <v>18</v>
      </c>
      <c r="BS1533" s="6">
        <v>20</v>
      </c>
      <c r="BT1533" s="6">
        <v>17</v>
      </c>
      <c r="BU1533" s="6">
        <v>17</v>
      </c>
      <c r="BV1533" s="6">
        <v>15</v>
      </c>
      <c r="BW1533" s="6">
        <v>18</v>
      </c>
      <c r="BX1533" s="6">
        <v>18</v>
      </c>
      <c r="BY1533" s="6">
        <v>19</v>
      </c>
      <c r="BZ1533" s="6">
        <v>18</v>
      </c>
      <c r="CA1533" s="6">
        <v>18</v>
      </c>
      <c r="CB1533" s="6">
        <v>22</v>
      </c>
      <c r="CC1533" s="11">
        <v>21</v>
      </c>
      <c r="CD1533" s="11">
        <v>160.70599999999999</v>
      </c>
      <c r="CE1533" s="11">
        <v>6.3622899999999998</v>
      </c>
      <c r="CF1533" s="11">
        <v>11.034000000000001</v>
      </c>
      <c r="CG1533" s="11">
        <v>17</v>
      </c>
      <c r="CH1533" s="20">
        <v>0.55873899999999999</v>
      </c>
      <c r="CI1533" s="20">
        <v>0.58825300000000003</v>
      </c>
      <c r="CJ1533" s="20">
        <v>0.55599299999999996</v>
      </c>
      <c r="CK1533" s="20">
        <v>0.516733</v>
      </c>
      <c r="CL1533" s="20">
        <v>0.73463999999999996</v>
      </c>
      <c r="CM1533" s="20">
        <v>0.80974599999999997</v>
      </c>
      <c r="CN1533" s="20">
        <v>0.87268000000000001</v>
      </c>
      <c r="CO1533" s="20">
        <v>0.78586699999999998</v>
      </c>
      <c r="CP1533" s="20">
        <v>0.818658</v>
      </c>
      <c r="CQ1533" s="20">
        <v>0.90652500000000003</v>
      </c>
      <c r="CR1533" s="20">
        <v>1.1170899999999999</v>
      </c>
      <c r="CS1533" s="20">
        <v>1.13039</v>
      </c>
      <c r="CT1533" s="20">
        <v>1.08063</v>
      </c>
      <c r="CU1533" s="20">
        <v>1.3537600000000001</v>
      </c>
      <c r="CV1533" s="20">
        <v>1.49197</v>
      </c>
      <c r="CW1533" s="20">
        <v>1.42449</v>
      </c>
      <c r="CX1533" s="20">
        <v>1.4787699999999999</v>
      </c>
      <c r="CY1533" s="6" t="s">
        <v>614</v>
      </c>
      <c r="CZ1533" s="6" t="s">
        <v>615</v>
      </c>
      <c r="DA1533" s="6" t="s">
        <v>151</v>
      </c>
      <c r="DB1533" s="6" t="s">
        <v>345</v>
      </c>
      <c r="DC1533" s="6"/>
      <c r="DD1533" s="6"/>
      <c r="DE1533" s="6"/>
      <c r="DF1533" s="6"/>
      <c r="DG1533" s="6"/>
      <c r="DH1533" s="6" t="s">
        <v>333</v>
      </c>
      <c r="DI1533" s="6"/>
      <c r="DJ1533" s="6"/>
      <c r="DK1533" s="6"/>
      <c r="DL1533" s="6">
        <v>7</v>
      </c>
      <c r="DM1533" s="6" t="s">
        <v>485</v>
      </c>
      <c r="DN1533" s="6">
        <v>8</v>
      </c>
      <c r="DO1533" s="6" t="s">
        <v>486</v>
      </c>
      <c r="DP1533" s="6"/>
      <c r="DQ1533" s="6"/>
    </row>
    <row r="1534" spans="1:121" x14ac:dyDescent="0.2">
      <c r="A1534" s="6" t="s">
        <v>314</v>
      </c>
      <c r="B1534" s="6" t="s">
        <v>314</v>
      </c>
      <c r="C1534" s="6" t="s">
        <v>183</v>
      </c>
      <c r="D1534" s="6" t="s">
        <v>151</v>
      </c>
      <c r="E1534" s="6" t="s">
        <v>292</v>
      </c>
      <c r="F1534" s="11">
        <v>18</v>
      </c>
      <c r="G1534" s="13">
        <v>0.375</v>
      </c>
      <c r="H1534" s="11">
        <v>-8.539911948299995</v>
      </c>
      <c r="I1534" s="13">
        <v>-0.17904283121083764</v>
      </c>
      <c r="J1534" s="11">
        <v>-16.024371678300003</v>
      </c>
      <c r="K1534" s="13">
        <v>-0.40922678713028321</v>
      </c>
      <c r="L1534" s="11">
        <v>42.434364656900001</v>
      </c>
      <c r="M1534" s="13">
        <v>1.8343404936572627</v>
      </c>
      <c r="N1534" s="11">
        <v>26.409992978600002</v>
      </c>
      <c r="O1534" s="13">
        <v>0.67445243980464042</v>
      </c>
      <c r="P1534" s="7">
        <v>47.697592193699997</v>
      </c>
      <c r="Q1534" s="7">
        <v>54.2927126728</v>
      </c>
      <c r="R1534" s="7">
        <v>55.394780682300002</v>
      </c>
      <c r="S1534" s="7">
        <v>40.917248319700001</v>
      </c>
      <c r="T1534" s="7">
        <v>42.775610101600002</v>
      </c>
      <c r="U1534" s="7">
        <v>42.345299360699997</v>
      </c>
      <c r="V1534" s="7">
        <v>39.157680245400002</v>
      </c>
      <c r="W1534" s="7">
        <v>31.5597628885</v>
      </c>
      <c r="X1534" s="7">
        <v>26.900238724299999</v>
      </c>
      <c r="Y1534" s="7">
        <v>23.133308567099998</v>
      </c>
      <c r="Z1534" s="7">
        <v>18.587907277500001</v>
      </c>
      <c r="AA1534" s="7">
        <v>20.889498</v>
      </c>
      <c r="AB1534" s="7">
        <v>23.188269999999999</v>
      </c>
      <c r="AC1534" s="7">
        <v>22.660654097799998</v>
      </c>
      <c r="AD1534" s="7">
        <v>72.826717000000002</v>
      </c>
      <c r="AE1534" s="7">
        <v>57.20659775</v>
      </c>
      <c r="AF1534" s="7">
        <v>65.567673224000004</v>
      </c>
      <c r="AG1534" s="9">
        <v>62181.769948800007</v>
      </c>
      <c r="AH1534" s="13">
        <v>2.7186177025036882</v>
      </c>
      <c r="AI1534" s="9">
        <v>796.68150210000022</v>
      </c>
      <c r="AJ1534" s="13">
        <v>3.4831308865116775E-2</v>
      </c>
      <c r="AK1534" s="9">
        <v>4962.0824074000011</v>
      </c>
      <c r="AL1534" s="13">
        <v>0.209642569242972</v>
      </c>
      <c r="AM1534" s="9">
        <v>56423.006039300002</v>
      </c>
      <c r="AN1534" s="13">
        <v>1.9706734216275104</v>
      </c>
      <c r="AO1534" s="9">
        <v>61385.0884467</v>
      </c>
      <c r="AP1534" s="13">
        <v>2.5934530301193122</v>
      </c>
      <c r="AQ1534" s="9">
        <v>22872.5686188</v>
      </c>
      <c r="AR1534" s="9">
        <v>22593.416086500001</v>
      </c>
      <c r="AS1534" s="9">
        <v>21457.5312165</v>
      </c>
      <c r="AT1534" s="9">
        <v>23018.105114400001</v>
      </c>
      <c r="AU1534" s="9">
        <v>20563.709331599999</v>
      </c>
      <c r="AV1534" s="9">
        <v>20888.7122371</v>
      </c>
      <c r="AW1534" s="9">
        <v>23669.2501209</v>
      </c>
      <c r="AX1534" s="9">
        <v>28872.835510100002</v>
      </c>
      <c r="AY1534" s="9">
        <v>30757.248139700001</v>
      </c>
      <c r="AZ1534" s="9">
        <v>28631.332528300001</v>
      </c>
      <c r="BA1534" s="9">
        <v>29611.311020699999</v>
      </c>
      <c r="BB1534" s="9">
        <v>34861.219272599999</v>
      </c>
      <c r="BC1534" s="9">
        <v>26972.1285895</v>
      </c>
      <c r="BD1534" s="9">
        <v>33104.903249800002</v>
      </c>
      <c r="BE1534" s="9">
        <v>67294.429098099994</v>
      </c>
      <c r="BF1534" s="9">
        <v>85054.338567600003</v>
      </c>
      <c r="BG1534" s="11">
        <v>2</v>
      </c>
      <c r="BH1534" s="13">
        <v>0.4</v>
      </c>
      <c r="BI1534" s="6">
        <v>0</v>
      </c>
      <c r="BJ1534" s="13">
        <v>0</v>
      </c>
      <c r="BK1534" s="6">
        <v>1</v>
      </c>
      <c r="BL1534" s="13">
        <v>0.2</v>
      </c>
      <c r="BM1534" s="11">
        <v>1</v>
      </c>
      <c r="BN1534" s="13">
        <v>0.16666666666666666</v>
      </c>
      <c r="BO1534" s="11">
        <v>2</v>
      </c>
      <c r="BP1534" s="13">
        <v>0.4</v>
      </c>
      <c r="BQ1534" s="6">
        <v>5</v>
      </c>
      <c r="BR1534" s="6">
        <v>5</v>
      </c>
      <c r="BS1534" s="6">
        <v>5</v>
      </c>
      <c r="BT1534" s="6">
        <v>5</v>
      </c>
      <c r="BU1534" s="6">
        <v>7</v>
      </c>
      <c r="BV1534" s="6">
        <v>7</v>
      </c>
      <c r="BW1534" s="6">
        <v>6</v>
      </c>
      <c r="BX1534" s="6">
        <v>6</v>
      </c>
      <c r="BY1534" s="6">
        <v>7</v>
      </c>
      <c r="BZ1534" s="6">
        <v>6</v>
      </c>
      <c r="CA1534" s="6">
        <v>8</v>
      </c>
      <c r="CB1534" s="6">
        <v>8</v>
      </c>
      <c r="CC1534" s="11">
        <v>7</v>
      </c>
      <c r="CD1534" s="11">
        <v>27.265499999999999</v>
      </c>
      <c r="CE1534" s="11">
        <v>-14.609299999999999</v>
      </c>
      <c r="CF1534" s="11">
        <v>5.2139199999999999</v>
      </c>
      <c r="CG1534" s="11">
        <v>-10</v>
      </c>
      <c r="CH1534" s="20">
        <v>0.33527499999999999</v>
      </c>
      <c r="CI1534" s="20">
        <v>0.40278900000000001</v>
      </c>
      <c r="CJ1534" s="20">
        <v>0.42728699999999997</v>
      </c>
      <c r="CK1534" s="20">
        <v>0.32773999999999998</v>
      </c>
      <c r="CL1534" s="20">
        <v>0.35475800000000002</v>
      </c>
      <c r="CM1534" s="20">
        <v>0.35908800000000002</v>
      </c>
      <c r="CN1534" s="20">
        <v>0.34487800000000002</v>
      </c>
      <c r="CO1534" s="20">
        <v>0.286912</v>
      </c>
      <c r="CP1534" s="20">
        <v>0.26170399999999999</v>
      </c>
      <c r="CQ1534" s="20">
        <v>0.239648</v>
      </c>
      <c r="CR1534" s="20">
        <v>0.19567200000000001</v>
      </c>
      <c r="CS1534" s="20">
        <v>0.22062699999999999</v>
      </c>
      <c r="CT1534" s="20">
        <v>0.24281</v>
      </c>
      <c r="CU1534" s="20">
        <v>0.23567399999999999</v>
      </c>
      <c r="CV1534" s="20">
        <v>0.73318300000000003</v>
      </c>
      <c r="CW1534" s="20">
        <v>0.57277500000000003</v>
      </c>
      <c r="CX1534" s="20">
        <v>0.64417999999999997</v>
      </c>
      <c r="CY1534" s="6" t="s">
        <v>614</v>
      </c>
      <c r="CZ1534" s="6" t="s">
        <v>615</v>
      </c>
      <c r="DA1534" s="6" t="s">
        <v>151</v>
      </c>
      <c r="DB1534" s="6" t="s">
        <v>345</v>
      </c>
      <c r="DC1534" s="6"/>
      <c r="DD1534" s="6"/>
      <c r="DE1534" s="6"/>
      <c r="DF1534" s="6"/>
      <c r="DG1534" s="6"/>
      <c r="DH1534" s="6" t="s">
        <v>333</v>
      </c>
      <c r="DI1534" s="6"/>
      <c r="DJ1534" s="6"/>
      <c r="DK1534" s="6"/>
      <c r="DL1534" s="6">
        <v>7</v>
      </c>
      <c r="DM1534" s="6" t="s">
        <v>485</v>
      </c>
      <c r="DN1534" s="6">
        <v>8</v>
      </c>
      <c r="DO1534" s="6" t="s">
        <v>486</v>
      </c>
      <c r="DP1534" s="6"/>
      <c r="DQ1534" s="6"/>
    </row>
    <row r="1535" spans="1:121" x14ac:dyDescent="0.2">
      <c r="A1535" s="6" t="s">
        <v>315</v>
      </c>
      <c r="B1535" s="6" t="s">
        <v>315</v>
      </c>
      <c r="C1535" s="6" t="s">
        <v>184</v>
      </c>
      <c r="D1535" s="6" t="s">
        <v>151</v>
      </c>
      <c r="E1535" s="6" t="s">
        <v>292</v>
      </c>
      <c r="F1535" s="11">
        <v>39</v>
      </c>
      <c r="G1535" s="13">
        <v>0.3</v>
      </c>
      <c r="H1535" s="11">
        <v>44</v>
      </c>
      <c r="I1535" s="13">
        <v>0.34375</v>
      </c>
      <c r="J1535" s="11">
        <v>-15</v>
      </c>
      <c r="K1535" s="13">
        <v>-8.7209302325581398E-2</v>
      </c>
      <c r="L1535" s="11">
        <v>10</v>
      </c>
      <c r="M1535" s="13">
        <v>6.3694267515923567E-2</v>
      </c>
      <c r="N1535" s="11">
        <v>-5</v>
      </c>
      <c r="O1535" s="13">
        <v>-2.9069767441860465E-2</v>
      </c>
      <c r="P1535" s="7">
        <v>128</v>
      </c>
      <c r="Q1535" s="7">
        <v>135</v>
      </c>
      <c r="R1535" s="7">
        <v>139</v>
      </c>
      <c r="S1535" s="7">
        <v>154</v>
      </c>
      <c r="T1535" s="7">
        <v>162</v>
      </c>
      <c r="U1535" s="7">
        <v>174</v>
      </c>
      <c r="V1535" s="7">
        <v>172</v>
      </c>
      <c r="W1535" s="7">
        <v>158</v>
      </c>
      <c r="X1535" s="7">
        <v>160</v>
      </c>
      <c r="Y1535" s="7">
        <v>157</v>
      </c>
      <c r="Z1535" s="7">
        <v>160</v>
      </c>
      <c r="AA1535" s="7">
        <v>160</v>
      </c>
      <c r="AB1535" s="7">
        <v>162</v>
      </c>
      <c r="AC1535" s="7">
        <v>165</v>
      </c>
      <c r="AD1535" s="7">
        <v>164</v>
      </c>
      <c r="AE1535" s="7">
        <v>164</v>
      </c>
      <c r="AF1535" s="7">
        <v>167</v>
      </c>
      <c r="AG1535" s="9">
        <v>20610</v>
      </c>
      <c r="AH1535" s="13">
        <v>0.62125094197437825</v>
      </c>
      <c r="AI1535" s="9">
        <v>4727</v>
      </c>
      <c r="AJ1535" s="13">
        <v>0.14248681235870383</v>
      </c>
      <c r="AK1535" s="9">
        <v>363</v>
      </c>
      <c r="AL1535" s="13">
        <v>9.5773310115561186E-3</v>
      </c>
      <c r="AM1535" s="9">
        <v>15520</v>
      </c>
      <c r="AN1535" s="13">
        <v>0.40559257807395793</v>
      </c>
      <c r="AO1535" s="9">
        <v>15883</v>
      </c>
      <c r="AP1535" s="13">
        <v>0.4190544034615587</v>
      </c>
      <c r="AQ1535" s="9">
        <v>33175</v>
      </c>
      <c r="AR1535" s="9">
        <v>33429</v>
      </c>
      <c r="AS1535" s="9">
        <v>33236</v>
      </c>
      <c r="AT1535" s="9">
        <v>36125</v>
      </c>
      <c r="AU1535" s="9">
        <v>37487</v>
      </c>
      <c r="AV1535" s="9">
        <v>40313</v>
      </c>
      <c r="AW1535" s="9">
        <v>37902</v>
      </c>
      <c r="AX1535" s="9">
        <v>39970</v>
      </c>
      <c r="AY1535" s="9">
        <v>42301</v>
      </c>
      <c r="AZ1535" s="9">
        <v>38265</v>
      </c>
      <c r="BA1535" s="9">
        <v>42725</v>
      </c>
      <c r="BB1535" s="9">
        <v>47583</v>
      </c>
      <c r="BC1535" s="9">
        <v>48081</v>
      </c>
      <c r="BD1535" s="9">
        <v>50886</v>
      </c>
      <c r="BE1535" s="9">
        <v>51880</v>
      </c>
      <c r="BF1535" s="9">
        <v>53785</v>
      </c>
      <c r="BG1535" s="11">
        <v>1</v>
      </c>
      <c r="BH1535" s="13">
        <v>3.5714285714285712E-2</v>
      </c>
      <c r="BI1535" s="6">
        <v>2</v>
      </c>
      <c r="BJ1535" s="13">
        <v>7.1428571428571425E-2</v>
      </c>
      <c r="BK1535" s="6">
        <v>2</v>
      </c>
      <c r="BL1535" s="13">
        <v>6.6666666666666666E-2</v>
      </c>
      <c r="BM1535" s="11">
        <v>-3</v>
      </c>
      <c r="BN1535" s="13">
        <v>-9.375E-2</v>
      </c>
      <c r="BO1535" s="11">
        <v>-1</v>
      </c>
      <c r="BP1535" s="13">
        <v>-3.3333333333333333E-2</v>
      </c>
      <c r="BQ1535" s="6">
        <v>28</v>
      </c>
      <c r="BR1535" s="6">
        <v>29</v>
      </c>
      <c r="BS1535" s="6">
        <v>29</v>
      </c>
      <c r="BT1535" s="6">
        <v>30</v>
      </c>
      <c r="BU1535" s="6">
        <v>32</v>
      </c>
      <c r="BV1535" s="6">
        <v>31</v>
      </c>
      <c r="BW1535" s="6">
        <v>32</v>
      </c>
      <c r="BX1535" s="6">
        <v>33</v>
      </c>
      <c r="BY1535" s="6">
        <v>29</v>
      </c>
      <c r="BZ1535" s="6">
        <v>29</v>
      </c>
      <c r="CA1535" s="6">
        <v>30</v>
      </c>
      <c r="CB1535" s="6">
        <v>28</v>
      </c>
      <c r="CC1535" s="11">
        <v>29</v>
      </c>
      <c r="CD1535" s="11">
        <v>35</v>
      </c>
      <c r="CE1535" s="11">
        <v>-10</v>
      </c>
      <c r="CF1535" s="11">
        <v>14</v>
      </c>
      <c r="CG1535" s="11">
        <v>4</v>
      </c>
      <c r="CH1535" s="20">
        <v>0.55000000000000004</v>
      </c>
      <c r="CI1535" s="20">
        <v>0.57999999999999996</v>
      </c>
      <c r="CJ1535" s="20">
        <v>0.57999999999999996</v>
      </c>
      <c r="CK1535" s="20">
        <v>0.65</v>
      </c>
      <c r="CL1535" s="20">
        <v>0.69</v>
      </c>
      <c r="CM1535" s="20">
        <v>0.74</v>
      </c>
      <c r="CN1535" s="20">
        <v>0.76</v>
      </c>
      <c r="CO1535" s="20">
        <v>0.72</v>
      </c>
      <c r="CP1535" s="20">
        <v>0.77</v>
      </c>
      <c r="CQ1535" s="20">
        <v>0.79</v>
      </c>
      <c r="CR1535" s="20">
        <v>0.81</v>
      </c>
      <c r="CS1535" s="20">
        <v>0.81</v>
      </c>
      <c r="CT1535" s="20">
        <v>0.81</v>
      </c>
      <c r="CU1535" s="20">
        <v>0.83</v>
      </c>
      <c r="CV1535" s="20">
        <v>0.79</v>
      </c>
      <c r="CW1535" s="20">
        <v>0.79</v>
      </c>
      <c r="CX1535" s="20">
        <v>0.78</v>
      </c>
      <c r="CY1535" s="6" t="s">
        <v>614</v>
      </c>
      <c r="CZ1535" s="6" t="s">
        <v>615</v>
      </c>
      <c r="DA1535" s="6" t="s">
        <v>151</v>
      </c>
      <c r="DB1535" s="6" t="s">
        <v>345</v>
      </c>
      <c r="DC1535" s="6"/>
      <c r="DD1535" s="6"/>
      <c r="DE1535" s="6"/>
      <c r="DF1535" s="6"/>
      <c r="DG1535" s="6"/>
      <c r="DH1535" s="6" t="s">
        <v>333</v>
      </c>
      <c r="DI1535" s="6"/>
      <c r="DJ1535" s="6"/>
      <c r="DK1535" s="6"/>
      <c r="DL1535" s="6">
        <v>7</v>
      </c>
      <c r="DM1535" s="6" t="s">
        <v>485</v>
      </c>
      <c r="DN1535" s="6">
        <v>8</v>
      </c>
      <c r="DO1535" s="6" t="s">
        <v>486</v>
      </c>
      <c r="DP1535" s="6"/>
      <c r="DQ1535" s="6"/>
    </row>
    <row r="1536" spans="1:121" x14ac:dyDescent="0.2">
      <c r="A1536" s="6" t="s">
        <v>316</v>
      </c>
      <c r="B1536" s="6" t="s">
        <v>316</v>
      </c>
      <c r="C1536" s="6" t="s">
        <v>185</v>
      </c>
      <c r="D1536" s="6" t="s">
        <v>151</v>
      </c>
      <c r="E1536" s="6" t="s">
        <v>292</v>
      </c>
      <c r="F1536" s="11">
        <v>-26</v>
      </c>
      <c r="G1536" s="13">
        <v>-0.34</v>
      </c>
      <c r="H1536" s="11">
        <v>45</v>
      </c>
      <c r="I1536" s="13">
        <v>0.59210526315789469</v>
      </c>
      <c r="J1536" s="11">
        <v>-36</v>
      </c>
      <c r="K1536" s="13">
        <v>-0.2975206611570248</v>
      </c>
      <c r="L1536" s="11">
        <v>-35</v>
      </c>
      <c r="M1536" s="13">
        <v>-0.41176470588235298</v>
      </c>
      <c r="N1536" s="11">
        <v>-71</v>
      </c>
      <c r="O1536" s="13">
        <v>-0.58677685950413228</v>
      </c>
      <c r="P1536" s="7">
        <v>76</v>
      </c>
      <c r="Q1536" s="7">
        <v>95</v>
      </c>
      <c r="R1536" s="7">
        <v>108</v>
      </c>
      <c r="S1536" s="7">
        <v>117</v>
      </c>
      <c r="T1536" s="7">
        <v>113</v>
      </c>
      <c r="U1536" s="7">
        <v>118</v>
      </c>
      <c r="V1536" s="7">
        <v>121</v>
      </c>
      <c r="W1536" s="7">
        <v>106</v>
      </c>
      <c r="X1536" s="7">
        <v>88</v>
      </c>
      <c r="Y1536" s="7">
        <v>85</v>
      </c>
      <c r="Z1536" s="7">
        <v>69</v>
      </c>
      <c r="AA1536" s="7">
        <v>42</v>
      </c>
      <c r="AB1536" s="7">
        <v>37</v>
      </c>
      <c r="AC1536" s="7">
        <v>43</v>
      </c>
      <c r="AD1536" s="7">
        <v>45</v>
      </c>
      <c r="AE1536" s="7">
        <v>52</v>
      </c>
      <c r="AF1536" s="7">
        <v>50</v>
      </c>
      <c r="AG1536" s="9">
        <v>7774</v>
      </c>
      <c r="AH1536" s="13">
        <v>0.38346569328663738</v>
      </c>
      <c r="AI1536" s="9">
        <v>652</v>
      </c>
      <c r="AJ1536" s="13">
        <v>3.2161002318354462E-2</v>
      </c>
      <c r="AK1536" s="9">
        <v>-1403</v>
      </c>
      <c r="AL1536" s="13">
        <v>-6.7048984468339304E-2</v>
      </c>
      <c r="AM1536" s="9">
        <v>8525</v>
      </c>
      <c r="AN1536" s="13">
        <v>0.43668681487552513</v>
      </c>
      <c r="AO1536" s="9">
        <v>7122</v>
      </c>
      <c r="AP1536" s="13">
        <v>0.34035842293906809</v>
      </c>
      <c r="AQ1536" s="9">
        <v>20273</v>
      </c>
      <c r="AR1536" s="9">
        <v>19242</v>
      </c>
      <c r="AS1536" s="9">
        <v>17957</v>
      </c>
      <c r="AT1536" s="9">
        <v>19369</v>
      </c>
      <c r="AU1536" s="9">
        <v>21984</v>
      </c>
      <c r="AV1536" s="9">
        <v>20916</v>
      </c>
      <c r="AW1536" s="9">
        <v>20925</v>
      </c>
      <c r="AX1536" s="9">
        <v>20520</v>
      </c>
      <c r="AY1536" s="9">
        <v>19710</v>
      </c>
      <c r="AZ1536" s="9">
        <v>19522</v>
      </c>
      <c r="BA1536" s="9">
        <v>19053</v>
      </c>
      <c r="BB1536" s="9">
        <v>25604</v>
      </c>
      <c r="BC1536" s="9">
        <v>28525</v>
      </c>
      <c r="BD1536" s="9">
        <v>28165</v>
      </c>
      <c r="BE1536" s="9">
        <v>28475</v>
      </c>
      <c r="BF1536" s="9">
        <v>28047</v>
      </c>
      <c r="BG1536" s="11">
        <v>-10</v>
      </c>
      <c r="BH1536" s="13">
        <v>-0.43478260869565216</v>
      </c>
      <c r="BI1536" s="6">
        <v>0</v>
      </c>
      <c r="BJ1536" s="13">
        <v>0</v>
      </c>
      <c r="BK1536" s="6">
        <v>-7</v>
      </c>
      <c r="BL1536" s="13">
        <v>-0.30434782608695654</v>
      </c>
      <c r="BM1536" s="11">
        <v>-3</v>
      </c>
      <c r="BN1536" s="13">
        <v>-0.1875</v>
      </c>
      <c r="BO1536" s="11">
        <v>-10</v>
      </c>
      <c r="BP1536" s="13">
        <v>-0.43478260869565216</v>
      </c>
      <c r="BQ1536" s="6">
        <v>23</v>
      </c>
      <c r="BR1536" s="6">
        <v>23</v>
      </c>
      <c r="BS1536" s="6">
        <v>24</v>
      </c>
      <c r="BT1536" s="6">
        <v>23</v>
      </c>
      <c r="BU1536" s="6">
        <v>23</v>
      </c>
      <c r="BV1536" s="6">
        <v>21</v>
      </c>
      <c r="BW1536" s="6">
        <v>16</v>
      </c>
      <c r="BX1536" s="6">
        <v>16</v>
      </c>
      <c r="BY1536" s="6">
        <v>16</v>
      </c>
      <c r="BZ1536" s="6">
        <v>13</v>
      </c>
      <c r="CA1536" s="6">
        <v>13</v>
      </c>
      <c r="CB1536" s="6">
        <v>13</v>
      </c>
      <c r="CC1536" s="11">
        <v>13</v>
      </c>
      <c r="CD1536" s="11">
        <v>-30</v>
      </c>
      <c r="CE1536" s="11">
        <v>-4</v>
      </c>
      <c r="CF1536" s="11">
        <v>8</v>
      </c>
      <c r="CG1536" s="11">
        <v>4</v>
      </c>
      <c r="CH1536" s="20">
        <v>0.8</v>
      </c>
      <c r="CI1536" s="20">
        <v>0.98</v>
      </c>
      <c r="CJ1536" s="20">
        <v>1.08</v>
      </c>
      <c r="CK1536" s="20">
        <v>1.1599999999999999</v>
      </c>
      <c r="CL1536" s="20">
        <v>1.1100000000000001</v>
      </c>
      <c r="CM1536" s="20">
        <v>1.1599999999999999</v>
      </c>
      <c r="CN1536" s="20">
        <v>1.24</v>
      </c>
      <c r="CO1536" s="20">
        <v>1.1399999999999999</v>
      </c>
      <c r="CP1536" s="20">
        <v>1.01</v>
      </c>
      <c r="CQ1536" s="20">
        <v>1.04</v>
      </c>
      <c r="CR1536" s="20">
        <v>0.86</v>
      </c>
      <c r="CS1536" s="20">
        <v>0.51</v>
      </c>
      <c r="CT1536" s="20">
        <v>0.45</v>
      </c>
      <c r="CU1536" s="20">
        <v>0.51</v>
      </c>
      <c r="CV1536" s="20">
        <v>0.51</v>
      </c>
      <c r="CW1536" s="20">
        <v>0.59</v>
      </c>
      <c r="CX1536" s="20">
        <v>0.56000000000000005</v>
      </c>
      <c r="CY1536" s="6" t="s">
        <v>614</v>
      </c>
      <c r="CZ1536" s="6" t="s">
        <v>615</v>
      </c>
      <c r="DA1536" s="6" t="s">
        <v>151</v>
      </c>
      <c r="DB1536" s="6" t="s">
        <v>345</v>
      </c>
      <c r="DC1536" s="6"/>
      <c r="DD1536" s="6"/>
      <c r="DE1536" s="6"/>
      <c r="DF1536" s="6"/>
      <c r="DG1536" s="6"/>
      <c r="DH1536" s="6" t="s">
        <v>333</v>
      </c>
      <c r="DI1536" s="6"/>
      <c r="DJ1536" s="6"/>
      <c r="DK1536" s="6"/>
      <c r="DL1536" s="6">
        <v>7</v>
      </c>
      <c r="DM1536" s="6" t="s">
        <v>485</v>
      </c>
      <c r="DN1536" s="6">
        <v>8</v>
      </c>
      <c r="DO1536" s="6" t="s">
        <v>486</v>
      </c>
      <c r="DP1536" s="6"/>
      <c r="DQ1536" s="6"/>
    </row>
    <row r="1537" spans="1:121" x14ac:dyDescent="0.2">
      <c r="A1537" s="6" t="s">
        <v>317</v>
      </c>
      <c r="B1537" s="6" t="s">
        <v>317</v>
      </c>
      <c r="C1537" s="6" t="s">
        <v>186</v>
      </c>
      <c r="D1537" s="6" t="s">
        <v>151</v>
      </c>
      <c r="E1537" s="6" t="s">
        <v>292</v>
      </c>
      <c r="F1537" s="11">
        <v>-21</v>
      </c>
      <c r="G1537" s="13">
        <v>-0.18</v>
      </c>
      <c r="H1537" s="11">
        <v>-15</v>
      </c>
      <c r="I1537" s="13">
        <v>-0.12931034482758622</v>
      </c>
      <c r="J1537" s="11">
        <v>-35</v>
      </c>
      <c r="K1537" s="13">
        <v>-0.34653465346534651</v>
      </c>
      <c r="L1537" s="11">
        <v>29</v>
      </c>
      <c r="M1537" s="13">
        <v>0.43939393939393934</v>
      </c>
      <c r="N1537" s="11">
        <v>-6</v>
      </c>
      <c r="O1537" s="13">
        <v>-5.9405940594059403E-2</v>
      </c>
      <c r="P1537" s="7">
        <v>116</v>
      </c>
      <c r="Q1537" s="7">
        <v>120</v>
      </c>
      <c r="R1537" s="7">
        <v>106</v>
      </c>
      <c r="S1537" s="7">
        <v>110</v>
      </c>
      <c r="T1537" s="7">
        <v>114</v>
      </c>
      <c r="U1537" s="7">
        <v>106</v>
      </c>
      <c r="V1537" s="7">
        <v>101</v>
      </c>
      <c r="W1537" s="7">
        <v>101</v>
      </c>
      <c r="X1537" s="7">
        <v>94</v>
      </c>
      <c r="Y1537" s="7">
        <v>66</v>
      </c>
      <c r="Z1537" s="7">
        <v>64</v>
      </c>
      <c r="AA1537" s="7">
        <v>64</v>
      </c>
      <c r="AB1537" s="7">
        <v>95</v>
      </c>
      <c r="AC1537" s="7">
        <v>84</v>
      </c>
      <c r="AD1537" s="7">
        <v>88</v>
      </c>
      <c r="AE1537" s="7">
        <v>92</v>
      </c>
      <c r="AF1537" s="7">
        <v>95</v>
      </c>
      <c r="AG1537" s="9">
        <v>4340</v>
      </c>
      <c r="AH1537" s="13">
        <v>0.17211294416243655</v>
      </c>
      <c r="AI1537" s="9">
        <v>2583</v>
      </c>
      <c r="AJ1537" s="13">
        <v>0.102434961928934</v>
      </c>
      <c r="AK1537" s="9">
        <v>1214</v>
      </c>
      <c r="AL1537" s="13">
        <v>4.3670635634375336E-2</v>
      </c>
      <c r="AM1537" s="9">
        <v>543</v>
      </c>
      <c r="AN1537" s="13">
        <v>1.87157481129149E-2</v>
      </c>
      <c r="AO1537" s="9">
        <v>1757</v>
      </c>
      <c r="AP1537" s="13">
        <v>6.3203712363754092E-2</v>
      </c>
      <c r="AQ1537" s="9">
        <v>25216</v>
      </c>
      <c r="AR1537" s="9">
        <v>25760</v>
      </c>
      <c r="AS1537" s="9">
        <v>27645</v>
      </c>
      <c r="AT1537" s="9">
        <v>28811</v>
      </c>
      <c r="AU1537" s="9">
        <v>27233</v>
      </c>
      <c r="AV1537" s="9">
        <v>29360</v>
      </c>
      <c r="AW1537" s="9">
        <v>27799</v>
      </c>
      <c r="AX1537" s="9">
        <v>29751</v>
      </c>
      <c r="AY1537" s="9">
        <v>30628</v>
      </c>
      <c r="AZ1537" s="9">
        <v>29013</v>
      </c>
      <c r="BA1537" s="9">
        <v>32303</v>
      </c>
      <c r="BB1537" s="9">
        <v>30470</v>
      </c>
      <c r="BC1537" s="9">
        <v>30521</v>
      </c>
      <c r="BD1537" s="9">
        <v>33199</v>
      </c>
      <c r="BE1537" s="9">
        <v>31410</v>
      </c>
      <c r="BF1537" s="9">
        <v>29556</v>
      </c>
      <c r="BG1537" s="11">
        <v>-3</v>
      </c>
      <c r="BH1537" s="13">
        <v>-0.13043478260869565</v>
      </c>
      <c r="BI1537" s="6">
        <v>2</v>
      </c>
      <c r="BJ1537" s="13">
        <v>8.6956521739130432E-2</v>
      </c>
      <c r="BK1537" s="6">
        <v>-5</v>
      </c>
      <c r="BL1537" s="13">
        <v>-0.2</v>
      </c>
      <c r="BM1537" s="11">
        <v>0</v>
      </c>
      <c r="BN1537" s="13">
        <v>0</v>
      </c>
      <c r="BO1537" s="11">
        <v>-5</v>
      </c>
      <c r="BP1537" s="13">
        <v>-0.2</v>
      </c>
      <c r="BQ1537" s="6">
        <v>23</v>
      </c>
      <c r="BR1537" s="6">
        <v>23</v>
      </c>
      <c r="BS1537" s="6">
        <v>22</v>
      </c>
      <c r="BT1537" s="6">
        <v>25</v>
      </c>
      <c r="BU1537" s="6">
        <v>22</v>
      </c>
      <c r="BV1537" s="6">
        <v>23</v>
      </c>
      <c r="BW1537" s="6">
        <v>20</v>
      </c>
      <c r="BX1537" s="6">
        <v>17</v>
      </c>
      <c r="BY1537" s="6">
        <v>19</v>
      </c>
      <c r="BZ1537" s="6">
        <v>19</v>
      </c>
      <c r="CA1537" s="6">
        <v>19</v>
      </c>
      <c r="CB1537" s="6">
        <v>21</v>
      </c>
      <c r="CC1537" s="11">
        <v>20</v>
      </c>
      <c r="CD1537" s="11">
        <v>-57</v>
      </c>
      <c r="CE1537" s="11">
        <v>23</v>
      </c>
      <c r="CF1537" s="11">
        <v>13</v>
      </c>
      <c r="CG1537" s="11">
        <v>36</v>
      </c>
      <c r="CH1537" s="20">
        <v>0.38</v>
      </c>
      <c r="CI1537" s="20">
        <v>0.4</v>
      </c>
      <c r="CJ1537" s="20">
        <v>0.35</v>
      </c>
      <c r="CK1537" s="20">
        <v>0.36</v>
      </c>
      <c r="CL1537" s="20">
        <v>0.37</v>
      </c>
      <c r="CM1537" s="20">
        <v>0.33</v>
      </c>
      <c r="CN1537" s="20">
        <v>0.32</v>
      </c>
      <c r="CO1537" s="20">
        <v>0.32</v>
      </c>
      <c r="CP1537" s="20">
        <v>0.31</v>
      </c>
      <c r="CQ1537" s="20">
        <v>0.23</v>
      </c>
      <c r="CR1537" s="20">
        <v>0.21</v>
      </c>
      <c r="CS1537" s="20">
        <v>0.21</v>
      </c>
      <c r="CT1537" s="20">
        <v>0.3</v>
      </c>
      <c r="CU1537" s="20">
        <v>0.26</v>
      </c>
      <c r="CV1537" s="20">
        <v>0.26</v>
      </c>
      <c r="CW1537" s="20">
        <v>0.27</v>
      </c>
      <c r="CX1537" s="20">
        <v>0.27</v>
      </c>
      <c r="CY1537" s="6" t="s">
        <v>614</v>
      </c>
      <c r="CZ1537" s="6" t="s">
        <v>615</v>
      </c>
      <c r="DA1537" s="6" t="s">
        <v>151</v>
      </c>
      <c r="DB1537" s="6" t="s">
        <v>345</v>
      </c>
      <c r="DC1537" s="6"/>
      <c r="DD1537" s="6"/>
      <c r="DE1537" s="6"/>
      <c r="DF1537" s="6"/>
      <c r="DG1537" s="6"/>
      <c r="DH1537" s="6" t="s">
        <v>333</v>
      </c>
      <c r="DI1537" s="6"/>
      <c r="DJ1537" s="6"/>
      <c r="DK1537" s="6"/>
      <c r="DL1537" s="6">
        <v>7</v>
      </c>
      <c r="DM1537" s="6" t="s">
        <v>485</v>
      </c>
      <c r="DN1537" s="6">
        <v>8</v>
      </c>
      <c r="DO1537" s="6" t="s">
        <v>486</v>
      </c>
      <c r="DP1537" s="6"/>
      <c r="DQ1537" s="6"/>
    </row>
    <row r="1538" spans="1:121" x14ac:dyDescent="0.2">
      <c r="A1538" s="6" t="s">
        <v>318</v>
      </c>
      <c r="B1538" s="6" t="s">
        <v>318</v>
      </c>
      <c r="C1538" s="6" t="s">
        <v>187</v>
      </c>
      <c r="D1538" s="6" t="s">
        <v>151</v>
      </c>
      <c r="E1538" s="6" t="s">
        <v>292</v>
      </c>
      <c r="F1538" s="11">
        <v>1</v>
      </c>
      <c r="G1538" s="13">
        <v>1</v>
      </c>
      <c r="H1538" s="11">
        <v>0</v>
      </c>
      <c r="I1538" s="13">
        <v>0</v>
      </c>
      <c r="J1538" s="11">
        <v>10.341824000000001</v>
      </c>
      <c r="K1538" s="13">
        <v>2.0683648000000003</v>
      </c>
      <c r="L1538" s="11">
        <v>-10.341824000000001</v>
      </c>
      <c r="M1538" s="13">
        <v>-0.67409351065427425</v>
      </c>
      <c r="N1538" s="11">
        <v>0</v>
      </c>
      <c r="O1538" s="13">
        <v>0</v>
      </c>
      <c r="P1538" s="7">
        <v>5</v>
      </c>
      <c r="Q1538" s="7">
        <v>5</v>
      </c>
      <c r="R1538" s="7">
        <v>5</v>
      </c>
      <c r="S1538" s="7">
        <v>5</v>
      </c>
      <c r="T1538" s="7">
        <v>5</v>
      </c>
      <c r="U1538" s="7">
        <v>5</v>
      </c>
      <c r="V1538" s="7">
        <v>5</v>
      </c>
      <c r="W1538" s="7">
        <v>5</v>
      </c>
      <c r="X1538" s="7">
        <v>13.485776</v>
      </c>
      <c r="Y1538" s="7">
        <v>15.341824000000001</v>
      </c>
      <c r="Z1538" s="7">
        <v>5</v>
      </c>
      <c r="AA1538" s="7">
        <v>5</v>
      </c>
      <c r="AB1538" s="7">
        <v>5</v>
      </c>
      <c r="AC1538" s="7">
        <v>5</v>
      </c>
      <c r="AD1538" s="7">
        <v>5</v>
      </c>
      <c r="AE1538" s="7">
        <v>5</v>
      </c>
      <c r="AF1538" s="7">
        <v>5</v>
      </c>
      <c r="AG1538" s="9">
        <v>0</v>
      </c>
      <c r="AH1538" s="13">
        <v>0</v>
      </c>
      <c r="AI1538" s="9">
        <v>0</v>
      </c>
      <c r="AJ1538" s="13">
        <v>0</v>
      </c>
      <c r="AK1538" s="9">
        <v>28757.670512000001</v>
      </c>
      <c r="AL1538" s="13">
        <v>28757.670512000001</v>
      </c>
      <c r="AM1538" s="9">
        <v>-28757.670512000001</v>
      </c>
      <c r="AN1538" s="13">
        <v>-0.99996522787798603</v>
      </c>
      <c r="AO1538" s="9">
        <v>0</v>
      </c>
      <c r="AP1538" s="13">
        <v>0</v>
      </c>
      <c r="AQ1538" s="9">
        <v>1</v>
      </c>
      <c r="AR1538" s="9">
        <v>1</v>
      </c>
      <c r="AS1538" s="9">
        <v>1</v>
      </c>
      <c r="AT1538" s="9">
        <v>1</v>
      </c>
      <c r="AU1538" s="9">
        <v>1</v>
      </c>
      <c r="AV1538" s="9">
        <v>1</v>
      </c>
      <c r="AW1538" s="9">
        <v>1</v>
      </c>
      <c r="AX1538" s="9">
        <v>1</v>
      </c>
      <c r="AY1538" s="9">
        <v>27277.859505100001</v>
      </c>
      <c r="AZ1538" s="9">
        <v>28758.670512000001</v>
      </c>
      <c r="BA1538" s="9">
        <v>1</v>
      </c>
      <c r="BB1538" s="9">
        <v>1</v>
      </c>
      <c r="BC1538" s="9">
        <v>1</v>
      </c>
      <c r="BD1538" s="9">
        <v>1</v>
      </c>
      <c r="BE1538" s="9">
        <v>1</v>
      </c>
      <c r="BF1538" s="9">
        <v>1</v>
      </c>
      <c r="BG1538" s="11">
        <v>1</v>
      </c>
      <c r="BH1538" s="13">
        <v>1</v>
      </c>
      <c r="BI1538" s="6">
        <v>0</v>
      </c>
      <c r="BJ1538" s="13">
        <v>0</v>
      </c>
      <c r="BK1538" s="6">
        <v>1</v>
      </c>
      <c r="BL1538" s="13">
        <v>1</v>
      </c>
      <c r="BM1538" s="11">
        <v>0</v>
      </c>
      <c r="BN1538" s="13">
        <v>0</v>
      </c>
      <c r="BO1538" s="11">
        <v>1</v>
      </c>
      <c r="BP1538" s="13">
        <v>1</v>
      </c>
      <c r="BQ1538" s="6">
        <v>1</v>
      </c>
      <c r="BR1538" s="6">
        <v>1</v>
      </c>
      <c r="BS1538" s="6">
        <v>1</v>
      </c>
      <c r="BT1538" s="6">
        <v>1</v>
      </c>
      <c r="BU1538" s="6">
        <v>1</v>
      </c>
      <c r="BV1538" s="6">
        <v>2</v>
      </c>
      <c r="BW1538" s="6">
        <v>2</v>
      </c>
      <c r="BX1538" s="6">
        <v>1</v>
      </c>
      <c r="BY1538" s="6">
        <v>1</v>
      </c>
      <c r="BZ1538" s="6">
        <v>1</v>
      </c>
      <c r="CA1538" s="6">
        <v>1</v>
      </c>
      <c r="CB1538" s="6">
        <v>2</v>
      </c>
      <c r="CC1538" s="11">
        <v>2</v>
      </c>
      <c r="CD1538" s="11">
        <v>2.3607499999999999</v>
      </c>
      <c r="CE1538" s="11">
        <v>0.79744199999999998</v>
      </c>
      <c r="CF1538" s="11">
        <v>0.40713100000000002</v>
      </c>
      <c r="CG1538" s="11">
        <v>1</v>
      </c>
      <c r="CH1538" s="20">
        <v>5.6407699999999998E-2</v>
      </c>
      <c r="CI1538" s="20">
        <v>6.2806399999999998E-2</v>
      </c>
      <c r="CJ1538" s="20">
        <v>1.18605E-2</v>
      </c>
      <c r="CK1538" s="20">
        <v>4.82491E-3</v>
      </c>
      <c r="CL1538" s="20">
        <v>2.0077000000000001E-2</v>
      </c>
      <c r="CM1538" s="20">
        <v>5.8971999999999997E-2</v>
      </c>
      <c r="CN1538" s="20">
        <v>9.3399899999999994E-2</v>
      </c>
      <c r="CO1538" s="20">
        <v>4.3854999999999998E-2</v>
      </c>
      <c r="CP1538" s="20">
        <v>0.20861299999999999</v>
      </c>
      <c r="CQ1538" s="20">
        <v>0.24334800000000001</v>
      </c>
      <c r="CR1538" s="20">
        <v>0.14177799999999999</v>
      </c>
      <c r="CS1538" s="20">
        <v>6.9381300000000007E-2</v>
      </c>
      <c r="CT1538" s="20">
        <v>0.10337399999999999</v>
      </c>
      <c r="CU1538" s="20">
        <v>6.8091100000000002E-2</v>
      </c>
      <c r="CV1538" s="20">
        <v>7.4455400000000005E-2</v>
      </c>
      <c r="CW1538" s="20">
        <v>9.5108300000000007E-2</v>
      </c>
      <c r="CX1538" s="20">
        <v>9.36332E-2</v>
      </c>
      <c r="CY1538" s="6" t="s">
        <v>614</v>
      </c>
      <c r="CZ1538" s="6" t="s">
        <v>615</v>
      </c>
      <c r="DA1538" s="6" t="s">
        <v>151</v>
      </c>
      <c r="DB1538" s="6" t="s">
        <v>345</v>
      </c>
      <c r="DC1538" s="6"/>
      <c r="DD1538" s="6"/>
      <c r="DE1538" s="6"/>
      <c r="DF1538" s="6"/>
      <c r="DG1538" s="6"/>
      <c r="DH1538" s="6" t="s">
        <v>333</v>
      </c>
      <c r="DI1538" s="6"/>
      <c r="DJ1538" s="6"/>
      <c r="DK1538" s="6"/>
      <c r="DL1538" s="6">
        <v>7</v>
      </c>
      <c r="DM1538" s="6" t="s">
        <v>485</v>
      </c>
      <c r="DN1538" s="6">
        <v>8</v>
      </c>
      <c r="DO1538" s="6" t="s">
        <v>486</v>
      </c>
      <c r="DP1538" s="6"/>
      <c r="DQ1538" s="6"/>
    </row>
    <row r="1539" spans="1:121" x14ac:dyDescent="0.2">
      <c r="A1539" s="6" t="s">
        <v>319</v>
      </c>
      <c r="B1539" s="6" t="s">
        <v>319</v>
      </c>
      <c r="C1539" s="6" t="s">
        <v>188</v>
      </c>
      <c r="D1539" s="6" t="s">
        <v>151</v>
      </c>
      <c r="E1539" s="6" t="s">
        <v>292</v>
      </c>
      <c r="F1539" s="11">
        <v>51</v>
      </c>
      <c r="G1539" s="13">
        <v>0.65384615384599998</v>
      </c>
      <c r="H1539" s="11">
        <v>38.859629218600006</v>
      </c>
      <c r="I1539" s="13">
        <v>0.49635098375364051</v>
      </c>
      <c r="J1539" s="11">
        <v>1.9241046409999996</v>
      </c>
      <c r="K1539" s="13">
        <v>1.6424246263162134E-2</v>
      </c>
      <c r="L1539" s="11">
        <v>9.709610218999984</v>
      </c>
      <c r="M1539" s="13">
        <v>8.1542409574519109E-2</v>
      </c>
      <c r="N1539" s="11">
        <v>11.633714859999984</v>
      </c>
      <c r="O1539" s="13">
        <v>9.9305928453424785E-2</v>
      </c>
      <c r="P1539" s="7">
        <v>78.290625969399997</v>
      </c>
      <c r="Q1539" s="7">
        <v>98.559285570599997</v>
      </c>
      <c r="R1539" s="7">
        <v>86.727606556500007</v>
      </c>
      <c r="S1539" s="7">
        <v>102.15703943699999</v>
      </c>
      <c r="T1539" s="7">
        <v>119.198485002</v>
      </c>
      <c r="U1539" s="7">
        <v>100.586792618</v>
      </c>
      <c r="V1539" s="7">
        <v>117.150255188</v>
      </c>
      <c r="W1539" s="7">
        <v>121.727440985</v>
      </c>
      <c r="X1539" s="7">
        <v>106.87011977100001</v>
      </c>
      <c r="Y1539" s="7">
        <v>119.074359829</v>
      </c>
      <c r="Z1539" s="7">
        <v>125.200293316</v>
      </c>
      <c r="AA1539" s="7">
        <v>114.68674502</v>
      </c>
      <c r="AB1539" s="7">
        <v>126.802745276</v>
      </c>
      <c r="AC1539" s="7">
        <v>116.568879338</v>
      </c>
      <c r="AD1539" s="7">
        <v>124.44870574399999</v>
      </c>
      <c r="AE1539" s="7">
        <v>123.723032645</v>
      </c>
      <c r="AF1539" s="7">
        <v>128.78397004799999</v>
      </c>
      <c r="AG1539" s="9">
        <v>4167.5165992999973</v>
      </c>
      <c r="AH1539" s="13">
        <v>0.21156265850287692</v>
      </c>
      <c r="AI1539" s="9">
        <v>1285.906626699998</v>
      </c>
      <c r="AJ1539" s="13">
        <v>6.5278642099905096E-2</v>
      </c>
      <c r="AK1539" s="9">
        <v>-643.98277270000108</v>
      </c>
      <c r="AL1539" s="13">
        <v>-3.0688291246444684E-2</v>
      </c>
      <c r="AM1539" s="9">
        <v>3525.5927453000004</v>
      </c>
      <c r="AN1539" s="13">
        <v>0.17332736813409047</v>
      </c>
      <c r="AO1539" s="9">
        <v>2881.6099725999993</v>
      </c>
      <c r="AP1539" s="13">
        <v>0.13731995613336709</v>
      </c>
      <c r="AQ1539" s="9">
        <v>19698.734307800001</v>
      </c>
      <c r="AR1539" s="9">
        <v>16690.662616199999</v>
      </c>
      <c r="AS1539" s="9">
        <v>17311.237120000002</v>
      </c>
      <c r="AT1539" s="9">
        <v>18389.321554599999</v>
      </c>
      <c r="AU1539" s="9">
        <v>19205.3849415</v>
      </c>
      <c r="AV1539" s="9">
        <v>18881.398679999998</v>
      </c>
      <c r="AW1539" s="9">
        <v>20984.640934499999</v>
      </c>
      <c r="AX1539" s="9">
        <v>20855.2557466</v>
      </c>
      <c r="AY1539" s="9">
        <v>17864.313523199999</v>
      </c>
      <c r="AZ1539" s="9">
        <v>20340.658161799998</v>
      </c>
      <c r="BA1539" s="9">
        <v>20287.391460300001</v>
      </c>
      <c r="BB1539" s="9">
        <v>20912.461751499999</v>
      </c>
      <c r="BC1539" s="9">
        <v>18788.2254359</v>
      </c>
      <c r="BD1539" s="9">
        <v>21734.6085614</v>
      </c>
      <c r="BE1539" s="9">
        <v>22891.343094200001</v>
      </c>
      <c r="BF1539" s="9">
        <v>23866.250907099999</v>
      </c>
      <c r="BG1539" s="11">
        <v>6</v>
      </c>
      <c r="BH1539" s="13">
        <v>0.46153846153846156</v>
      </c>
      <c r="BI1539" s="6">
        <v>3</v>
      </c>
      <c r="BJ1539" s="13">
        <v>0.23076923076923078</v>
      </c>
      <c r="BK1539" s="6">
        <v>4</v>
      </c>
      <c r="BL1539" s="13">
        <v>0.25</v>
      </c>
      <c r="BM1539" s="11">
        <v>-1</v>
      </c>
      <c r="BN1539" s="13">
        <v>-0.05</v>
      </c>
      <c r="BO1539" s="11">
        <v>3</v>
      </c>
      <c r="BP1539" s="13">
        <v>0.1875</v>
      </c>
      <c r="BQ1539" s="6">
        <v>13</v>
      </c>
      <c r="BR1539" s="6">
        <v>16</v>
      </c>
      <c r="BS1539" s="6">
        <v>13</v>
      </c>
      <c r="BT1539" s="6">
        <v>16</v>
      </c>
      <c r="BU1539" s="6">
        <v>18</v>
      </c>
      <c r="BV1539" s="6">
        <v>18</v>
      </c>
      <c r="BW1539" s="6">
        <v>20</v>
      </c>
      <c r="BX1539" s="6">
        <v>16</v>
      </c>
      <c r="BY1539" s="6">
        <v>17</v>
      </c>
      <c r="BZ1539" s="6">
        <v>17</v>
      </c>
      <c r="CA1539" s="6">
        <v>19</v>
      </c>
      <c r="CB1539" s="6">
        <v>22</v>
      </c>
      <c r="CC1539" s="11">
        <v>19</v>
      </c>
      <c r="CD1539" s="11">
        <v>34.891199999999998</v>
      </c>
      <c r="CE1539" s="11">
        <v>7.0440100000000001</v>
      </c>
      <c r="CF1539" s="11">
        <v>8.5581099999999992</v>
      </c>
      <c r="CG1539" s="11">
        <v>16</v>
      </c>
      <c r="CH1539" s="20">
        <v>0.241725</v>
      </c>
      <c r="CI1539" s="20">
        <v>0.304012</v>
      </c>
      <c r="CJ1539" s="20">
        <v>0.26558100000000001</v>
      </c>
      <c r="CK1539" s="20">
        <v>0.30738100000000002</v>
      </c>
      <c r="CL1539" s="20">
        <v>0.35433500000000001</v>
      </c>
      <c r="CM1539" s="20">
        <v>0.29576999999999998</v>
      </c>
      <c r="CN1539" s="20">
        <v>0.35285</v>
      </c>
      <c r="CO1539" s="20">
        <v>0.38935700000000001</v>
      </c>
      <c r="CP1539" s="20">
        <v>0.37926100000000001</v>
      </c>
      <c r="CQ1539" s="20">
        <v>0.42117399999999999</v>
      </c>
      <c r="CR1539" s="20">
        <v>0.429149</v>
      </c>
      <c r="CS1539" s="20">
        <v>0.382606</v>
      </c>
      <c r="CT1539" s="20">
        <v>0.41063899999999998</v>
      </c>
      <c r="CU1539" s="20">
        <v>0.36776799999999998</v>
      </c>
      <c r="CV1539" s="20">
        <v>0.374859</v>
      </c>
      <c r="CW1539" s="20">
        <v>0.36986999999999998</v>
      </c>
      <c r="CX1539" s="20">
        <v>0.37212699999999999</v>
      </c>
      <c r="CY1539" s="6" t="s">
        <v>614</v>
      </c>
      <c r="CZ1539" s="6" t="s">
        <v>615</v>
      </c>
      <c r="DA1539" s="6" t="s">
        <v>151</v>
      </c>
      <c r="DB1539" s="6" t="s">
        <v>345</v>
      </c>
      <c r="DC1539" s="6"/>
      <c r="DD1539" s="6"/>
      <c r="DE1539" s="6"/>
      <c r="DF1539" s="6"/>
      <c r="DG1539" s="6"/>
      <c r="DH1539" s="6" t="s">
        <v>333</v>
      </c>
      <c r="DI1539" s="6"/>
      <c r="DJ1539" s="6"/>
      <c r="DK1539" s="6"/>
      <c r="DL1539" s="6">
        <v>7</v>
      </c>
      <c r="DM1539" s="6" t="s">
        <v>485</v>
      </c>
      <c r="DN1539" s="6">
        <v>8</v>
      </c>
      <c r="DO1539" s="6" t="s">
        <v>486</v>
      </c>
      <c r="DP1539" s="6"/>
      <c r="DQ1539" s="6"/>
    </row>
    <row r="1540" spans="1:121" x14ac:dyDescent="0.2">
      <c r="A1540" s="6" t="s">
        <v>320</v>
      </c>
      <c r="B1540" s="6" t="s">
        <v>320</v>
      </c>
      <c r="C1540" s="6" t="s">
        <v>189</v>
      </c>
      <c r="D1540" s="6" t="s">
        <v>151</v>
      </c>
      <c r="E1540" s="6" t="s">
        <v>292</v>
      </c>
      <c r="F1540" s="11">
        <v>3</v>
      </c>
      <c r="G1540" s="13">
        <v>0.27272727272699998</v>
      </c>
      <c r="H1540" s="11">
        <v>5.6774880412999984</v>
      </c>
      <c r="I1540" s="13">
        <v>0.53005614622541153</v>
      </c>
      <c r="J1540" s="11">
        <v>9.5553964155000024</v>
      </c>
      <c r="K1540" s="13">
        <v>0.5830515949683126</v>
      </c>
      <c r="L1540" s="11">
        <v>-12.4246045588</v>
      </c>
      <c r="M1540" s="13">
        <v>-0.47890104461846195</v>
      </c>
      <c r="N1540" s="11">
        <v>-2.8692081432999981</v>
      </c>
      <c r="O1540" s="13">
        <v>-0.17507346754693459</v>
      </c>
      <c r="P1540" s="7">
        <v>10.7111068926</v>
      </c>
      <c r="Q1540" s="7">
        <v>10.263676415000001</v>
      </c>
      <c r="R1540" s="7">
        <v>12.3608595666</v>
      </c>
      <c r="S1540" s="7">
        <v>12.963155566899999</v>
      </c>
      <c r="T1540" s="7">
        <v>15.2346089529</v>
      </c>
      <c r="U1540" s="7">
        <v>11.8959244403</v>
      </c>
      <c r="V1540" s="7">
        <v>16.388594933899999</v>
      </c>
      <c r="W1540" s="7">
        <v>12.7267199143</v>
      </c>
      <c r="X1540" s="7">
        <v>16.718545562300001</v>
      </c>
      <c r="Y1540" s="7">
        <v>25.943991349400001</v>
      </c>
      <c r="Z1540" s="7">
        <v>30.613032914600002</v>
      </c>
      <c r="AA1540" s="7">
        <v>19.847480864000001</v>
      </c>
      <c r="AB1540" s="7">
        <v>19.6198293544</v>
      </c>
      <c r="AC1540" s="7">
        <v>12.8922434613</v>
      </c>
      <c r="AD1540" s="7">
        <v>11.4338045783</v>
      </c>
      <c r="AE1540" s="7">
        <v>12.586547098400001</v>
      </c>
      <c r="AF1540" s="7">
        <v>13.5193867906</v>
      </c>
      <c r="AG1540" s="9">
        <v>-1276.8098140000002</v>
      </c>
      <c r="AH1540" s="13">
        <v>-5.6597178012341064E-2</v>
      </c>
      <c r="AI1540" s="9">
        <v>-1030.3080717000012</v>
      </c>
      <c r="AJ1540" s="13">
        <v>-4.5670489607903986E-2</v>
      </c>
      <c r="AK1540" s="9">
        <v>6868.667844399999</v>
      </c>
      <c r="AL1540" s="13">
        <v>0.31903822978655166</v>
      </c>
      <c r="AM1540" s="9">
        <v>-7115.169586699998</v>
      </c>
      <c r="AN1540" s="13">
        <v>-0.25055212156383694</v>
      </c>
      <c r="AO1540" s="9">
        <v>-246.50174229999902</v>
      </c>
      <c r="AP1540" s="13">
        <v>-1.1449597110276658E-2</v>
      </c>
      <c r="AQ1540" s="9">
        <v>22559.602065700001</v>
      </c>
      <c r="AR1540" s="9">
        <v>14432.2009502</v>
      </c>
      <c r="AS1540" s="9">
        <v>19927.511121899999</v>
      </c>
      <c r="AT1540" s="9">
        <v>17721.860365600001</v>
      </c>
      <c r="AU1540" s="9">
        <v>19063.397917800001</v>
      </c>
      <c r="AV1540" s="9">
        <v>21272.582439000002</v>
      </c>
      <c r="AW1540" s="9">
        <v>21529.293994</v>
      </c>
      <c r="AX1540" s="9">
        <v>26912.498949699999</v>
      </c>
      <c r="AY1540" s="9">
        <v>22859.344137799999</v>
      </c>
      <c r="AZ1540" s="9">
        <v>28397.961838399999</v>
      </c>
      <c r="BA1540" s="9">
        <v>17120.266452200001</v>
      </c>
      <c r="BB1540" s="9">
        <v>16367.325156700001</v>
      </c>
      <c r="BC1540" s="9">
        <v>19192.235146300001</v>
      </c>
      <c r="BD1540" s="9">
        <v>16798.999579399999</v>
      </c>
      <c r="BE1540" s="9">
        <v>20240.821383300001</v>
      </c>
      <c r="BF1540" s="9">
        <v>21282.792251700001</v>
      </c>
      <c r="BG1540" s="11">
        <v>-0.5</v>
      </c>
      <c r="BH1540" s="13">
        <v>-0.25</v>
      </c>
      <c r="BI1540" s="6">
        <v>0</v>
      </c>
      <c r="BJ1540" s="13">
        <v>0</v>
      </c>
      <c r="BK1540" s="6">
        <v>0</v>
      </c>
      <c r="BL1540" s="13">
        <v>0</v>
      </c>
      <c r="BM1540" s="11">
        <v>-0.5</v>
      </c>
      <c r="BN1540" s="13">
        <v>-0.25</v>
      </c>
      <c r="BO1540" s="11">
        <v>-0.5</v>
      </c>
      <c r="BP1540" s="13">
        <v>-0.25</v>
      </c>
      <c r="BQ1540" s="6">
        <v>2</v>
      </c>
      <c r="BR1540" s="6">
        <v>1</v>
      </c>
      <c r="BS1540" s="6">
        <v>1</v>
      </c>
      <c r="BT1540" s="6">
        <v>2</v>
      </c>
      <c r="BU1540" s="6">
        <v>2</v>
      </c>
      <c r="BV1540" s="6">
        <v>3</v>
      </c>
      <c r="BW1540" s="6">
        <v>2</v>
      </c>
      <c r="BX1540" s="6">
        <v>1</v>
      </c>
      <c r="BY1540" s="6">
        <v>0</v>
      </c>
      <c r="BZ1540" s="6">
        <v>0</v>
      </c>
      <c r="CA1540" s="6">
        <v>1</v>
      </c>
      <c r="CB1540" s="6">
        <v>2</v>
      </c>
      <c r="CC1540" s="11">
        <v>1.5</v>
      </c>
      <c r="CD1540" s="11">
        <v>-2.24112</v>
      </c>
      <c r="CE1540" s="11">
        <v>3.8785500000000002</v>
      </c>
      <c r="CF1540" s="11">
        <v>1.1708499999999999</v>
      </c>
      <c r="CG1540" s="11">
        <v>5</v>
      </c>
      <c r="CH1540" s="20">
        <v>9.9125199999999997E-2</v>
      </c>
      <c r="CI1540" s="20">
        <v>9.0681800000000007E-2</v>
      </c>
      <c r="CJ1540" s="20">
        <v>0.105291</v>
      </c>
      <c r="CK1540" s="20">
        <v>0.108084</v>
      </c>
      <c r="CL1540" s="20">
        <v>0.128302</v>
      </c>
      <c r="CM1540" s="20">
        <v>9.9585699999999999E-2</v>
      </c>
      <c r="CN1540" s="20">
        <v>0.13833899999999999</v>
      </c>
      <c r="CO1540" s="20">
        <v>0.106034</v>
      </c>
      <c r="CP1540" s="20">
        <v>0.136818</v>
      </c>
      <c r="CQ1540" s="20">
        <v>0.213201</v>
      </c>
      <c r="CR1540" s="20">
        <v>0.24557699999999999</v>
      </c>
      <c r="CS1540" s="20">
        <v>0.15645600000000001</v>
      </c>
      <c r="CT1540" s="20">
        <v>0.15209400000000001</v>
      </c>
      <c r="CU1540" s="20">
        <v>9.8532400000000006E-2</v>
      </c>
      <c r="CV1540" s="20">
        <v>8.4333099999999994E-2</v>
      </c>
      <c r="CW1540" s="20">
        <v>9.2257000000000006E-2</v>
      </c>
      <c r="CX1540" s="20">
        <v>9.5435500000000006E-2</v>
      </c>
      <c r="CY1540" s="6" t="s">
        <v>614</v>
      </c>
      <c r="CZ1540" s="6" t="s">
        <v>615</v>
      </c>
      <c r="DA1540" s="6" t="s">
        <v>151</v>
      </c>
      <c r="DB1540" s="6" t="s">
        <v>345</v>
      </c>
      <c r="DC1540" s="6"/>
      <c r="DD1540" s="6"/>
      <c r="DE1540" s="6"/>
      <c r="DF1540" s="6"/>
      <c r="DG1540" s="6"/>
      <c r="DH1540" s="6" t="s">
        <v>333</v>
      </c>
      <c r="DI1540" s="6"/>
      <c r="DJ1540" s="6"/>
      <c r="DK1540" s="6"/>
      <c r="DL1540" s="6">
        <v>7</v>
      </c>
      <c r="DM1540" s="6" t="s">
        <v>485</v>
      </c>
      <c r="DN1540" s="6">
        <v>8</v>
      </c>
      <c r="DO1540" s="6" t="s">
        <v>486</v>
      </c>
      <c r="DP1540" s="6"/>
      <c r="DQ1540" s="6"/>
    </row>
    <row r="1541" spans="1:121" x14ac:dyDescent="0.2">
      <c r="A1541" s="6" t="s">
        <v>321</v>
      </c>
      <c r="B1541" s="6" t="s">
        <v>321</v>
      </c>
      <c r="C1541" s="6" t="s">
        <v>190</v>
      </c>
      <c r="D1541" s="6" t="s">
        <v>151</v>
      </c>
      <c r="E1541" s="6" t="s">
        <v>292</v>
      </c>
      <c r="F1541" s="11">
        <v>53</v>
      </c>
      <c r="G1541" s="13">
        <v>0.23660714285699999</v>
      </c>
      <c r="H1541" s="11">
        <v>-8.2915827820000061</v>
      </c>
      <c r="I1541" s="13">
        <v>-3.6953676227041855E-2</v>
      </c>
      <c r="J1541" s="11">
        <v>-7.2738847459999931</v>
      </c>
      <c r="K1541" s="13">
        <v>-3.3661963598518883E-2</v>
      </c>
      <c r="L1541" s="11">
        <v>67.826065440999969</v>
      </c>
      <c r="M1541" s="13">
        <v>0.32481836866238878</v>
      </c>
      <c r="N1541" s="11">
        <v>60.552180694999976</v>
      </c>
      <c r="O1541" s="13">
        <v>0.28022238096182628</v>
      </c>
      <c r="P1541" s="7">
        <v>224.37775151400001</v>
      </c>
      <c r="Q1541" s="7">
        <v>219.53299849199999</v>
      </c>
      <c r="R1541" s="7">
        <v>220.399802193</v>
      </c>
      <c r="S1541" s="7">
        <v>221.12751271600001</v>
      </c>
      <c r="T1541" s="7">
        <v>220.88666058499999</v>
      </c>
      <c r="U1541" s="7">
        <v>226.64380012500001</v>
      </c>
      <c r="V1541" s="7">
        <v>216.086168732</v>
      </c>
      <c r="W1541" s="7">
        <v>214.62452094299999</v>
      </c>
      <c r="X1541" s="7">
        <v>224.40131479199999</v>
      </c>
      <c r="Y1541" s="7">
        <v>208.81228398600001</v>
      </c>
      <c r="Z1541" s="7">
        <v>218.78263949999999</v>
      </c>
      <c r="AA1541" s="7">
        <v>229.40395901799999</v>
      </c>
      <c r="AB1541" s="7">
        <v>249.700812963</v>
      </c>
      <c r="AC1541" s="7">
        <v>269.54001777600001</v>
      </c>
      <c r="AD1541" s="7">
        <v>273.00088717599999</v>
      </c>
      <c r="AE1541" s="7">
        <v>264.675590274</v>
      </c>
      <c r="AF1541" s="7">
        <v>276.63834942699998</v>
      </c>
      <c r="AG1541" s="9">
        <v>9379.1939034999996</v>
      </c>
      <c r="AH1541" s="13">
        <v>0.42206144539224882</v>
      </c>
      <c r="AI1541" s="9">
        <v>9829.8532493999992</v>
      </c>
      <c r="AJ1541" s="13">
        <v>0.44234100639365864</v>
      </c>
      <c r="AK1541" s="9">
        <v>175.57298609999998</v>
      </c>
      <c r="AL1541" s="13">
        <v>5.4777210481118934E-3</v>
      </c>
      <c r="AM1541" s="9">
        <v>-626.23233199999959</v>
      </c>
      <c r="AN1541" s="13">
        <v>-1.9431451844451855E-2</v>
      </c>
      <c r="AO1541" s="9">
        <v>-450.65934589999961</v>
      </c>
      <c r="AP1541" s="13">
        <v>-1.4060170869103689E-2</v>
      </c>
      <c r="AQ1541" s="9">
        <v>22222.342281900001</v>
      </c>
      <c r="AR1541" s="9">
        <v>24198.386362199999</v>
      </c>
      <c r="AS1541" s="9">
        <v>26575.819630499998</v>
      </c>
      <c r="AT1541" s="9">
        <v>26874.923078899999</v>
      </c>
      <c r="AU1541" s="9">
        <v>26752.0564094</v>
      </c>
      <c r="AV1541" s="9">
        <v>28424.595546299999</v>
      </c>
      <c r="AW1541" s="9">
        <v>32052.1955313</v>
      </c>
      <c r="AX1541" s="9">
        <v>30578.497711600001</v>
      </c>
      <c r="AY1541" s="9">
        <v>30377.949756599999</v>
      </c>
      <c r="AZ1541" s="9">
        <v>32227.7685174</v>
      </c>
      <c r="BA1541" s="9">
        <v>35827.489555300002</v>
      </c>
      <c r="BB1541" s="9">
        <v>33083.987419500001</v>
      </c>
      <c r="BC1541" s="9">
        <v>31022.229206299999</v>
      </c>
      <c r="BD1541" s="9">
        <v>29773.7880253</v>
      </c>
      <c r="BE1541" s="9">
        <v>31271.9666192</v>
      </c>
      <c r="BF1541" s="9">
        <v>31601.5361854</v>
      </c>
      <c r="BG1541" s="11">
        <v>31.25</v>
      </c>
      <c r="BH1541" s="13">
        <v>1.4204545454545454</v>
      </c>
      <c r="BI1541" s="6">
        <v>3</v>
      </c>
      <c r="BJ1541" s="13">
        <v>0.13636363636363635</v>
      </c>
      <c r="BK1541" s="6">
        <v>2</v>
      </c>
      <c r="BL1541" s="13">
        <v>0.08</v>
      </c>
      <c r="BM1541" s="11">
        <v>26.25</v>
      </c>
      <c r="BN1541" s="13">
        <v>0.97222222222222221</v>
      </c>
      <c r="BO1541" s="11">
        <v>28.25</v>
      </c>
      <c r="BP1541" s="13">
        <v>1.1299999999999999</v>
      </c>
      <c r="BQ1541" s="6">
        <v>22</v>
      </c>
      <c r="BR1541" s="6">
        <v>21</v>
      </c>
      <c r="BS1541" s="6">
        <v>22</v>
      </c>
      <c r="BT1541" s="6">
        <v>25</v>
      </c>
      <c r="BU1541" s="6">
        <v>25</v>
      </c>
      <c r="BV1541" s="6">
        <v>25</v>
      </c>
      <c r="BW1541" s="6">
        <v>27</v>
      </c>
      <c r="BX1541" s="6">
        <v>30</v>
      </c>
      <c r="BY1541" s="6">
        <v>32</v>
      </c>
      <c r="BZ1541" s="6">
        <v>63</v>
      </c>
      <c r="CA1541" s="6">
        <v>58</v>
      </c>
      <c r="CB1541" s="6">
        <v>59</v>
      </c>
      <c r="CC1541" s="11">
        <v>53.25</v>
      </c>
      <c r="CD1541" s="11">
        <v>-53.977499999999999</v>
      </c>
      <c r="CE1541" s="11">
        <v>81.710899999999995</v>
      </c>
      <c r="CF1541" s="11">
        <v>24.527200000000001</v>
      </c>
      <c r="CG1541" s="11">
        <v>107</v>
      </c>
      <c r="CH1541" s="20">
        <v>0.42045100000000002</v>
      </c>
      <c r="CI1541" s="20">
        <v>0.39559299999999997</v>
      </c>
      <c r="CJ1541" s="20">
        <v>0.38223699999999999</v>
      </c>
      <c r="CK1541" s="20">
        <v>0.38147599999999998</v>
      </c>
      <c r="CL1541" s="20">
        <v>0.38073400000000002</v>
      </c>
      <c r="CM1541" s="20">
        <v>0.38709100000000002</v>
      </c>
      <c r="CN1541" s="20">
        <v>0.371313</v>
      </c>
      <c r="CO1541" s="20">
        <v>0.36524000000000001</v>
      </c>
      <c r="CP1541" s="20">
        <v>0.37797700000000001</v>
      </c>
      <c r="CQ1541" s="20">
        <v>0.355408</v>
      </c>
      <c r="CR1541" s="20">
        <v>0.36999399999999999</v>
      </c>
      <c r="CS1541" s="20">
        <v>0.37495400000000001</v>
      </c>
      <c r="CT1541" s="20">
        <v>0.39924300000000001</v>
      </c>
      <c r="CU1541" s="20">
        <v>0.425759</v>
      </c>
      <c r="CV1541" s="20">
        <v>0.41201100000000002</v>
      </c>
      <c r="CW1541" s="20">
        <v>0.39457100000000001</v>
      </c>
      <c r="CX1541" s="20">
        <v>0.39485999999999999</v>
      </c>
      <c r="CY1541" s="6" t="s">
        <v>614</v>
      </c>
      <c r="CZ1541" s="6" t="s">
        <v>615</v>
      </c>
      <c r="DA1541" s="6" t="s">
        <v>151</v>
      </c>
      <c r="DB1541" s="6" t="s">
        <v>345</v>
      </c>
      <c r="DC1541" s="6"/>
      <c r="DD1541" s="6"/>
      <c r="DE1541" s="6"/>
      <c r="DF1541" s="6"/>
      <c r="DG1541" s="6"/>
      <c r="DH1541" s="6" t="s">
        <v>333</v>
      </c>
      <c r="DI1541" s="6"/>
      <c r="DJ1541" s="6"/>
      <c r="DK1541" s="6"/>
      <c r="DL1541" s="6">
        <v>7</v>
      </c>
      <c r="DM1541" s="6" t="s">
        <v>485</v>
      </c>
      <c r="DN1541" s="6">
        <v>8</v>
      </c>
      <c r="DO1541" s="6" t="s">
        <v>486</v>
      </c>
      <c r="DP1541" s="6"/>
      <c r="DQ1541" s="6"/>
    </row>
    <row r="1542" spans="1:121" x14ac:dyDescent="0.2">
      <c r="A1542" s="6" t="s">
        <v>322</v>
      </c>
      <c r="B1542" s="6" t="s">
        <v>322</v>
      </c>
      <c r="C1542" s="6" t="s">
        <v>191</v>
      </c>
      <c r="D1542" s="6" t="s">
        <v>151</v>
      </c>
      <c r="E1542" s="6" t="s">
        <v>292</v>
      </c>
      <c r="F1542" s="11">
        <v>-74</v>
      </c>
      <c r="G1542" s="13">
        <v>-0.68</v>
      </c>
      <c r="H1542" s="11">
        <v>-3</v>
      </c>
      <c r="I1542" s="13">
        <v>-2.7522935779816515E-2</v>
      </c>
      <c r="J1542" s="11">
        <v>-50</v>
      </c>
      <c r="K1542" s="13">
        <v>-0.47169811320754718</v>
      </c>
      <c r="L1542" s="11">
        <v>-21</v>
      </c>
      <c r="M1542" s="13">
        <v>-0.375</v>
      </c>
      <c r="N1542" s="11">
        <v>-71</v>
      </c>
      <c r="O1542" s="13">
        <v>-0.66981132075471694</v>
      </c>
      <c r="P1542" s="7">
        <v>109</v>
      </c>
      <c r="Q1542" s="7">
        <v>118</v>
      </c>
      <c r="R1542" s="7">
        <v>123</v>
      </c>
      <c r="S1542" s="7">
        <v>117</v>
      </c>
      <c r="T1542" s="7">
        <v>113</v>
      </c>
      <c r="U1542" s="7">
        <v>119</v>
      </c>
      <c r="V1542" s="7">
        <v>106</v>
      </c>
      <c r="W1542" s="7">
        <v>82</v>
      </c>
      <c r="X1542" s="7">
        <v>78</v>
      </c>
      <c r="Y1542" s="7">
        <v>56</v>
      </c>
      <c r="Z1542" s="7">
        <v>47</v>
      </c>
      <c r="AA1542" s="7">
        <v>46</v>
      </c>
      <c r="AB1542" s="7">
        <v>41</v>
      </c>
      <c r="AC1542" s="7">
        <v>39</v>
      </c>
      <c r="AD1542" s="7">
        <v>38</v>
      </c>
      <c r="AE1542" s="7">
        <v>39</v>
      </c>
      <c r="AF1542" s="7">
        <v>35</v>
      </c>
      <c r="AG1542" s="9">
        <v>3464</v>
      </c>
      <c r="AH1542" s="13">
        <v>0.19426840895070385</v>
      </c>
      <c r="AI1542" s="9">
        <v>5381</v>
      </c>
      <c r="AJ1542" s="13">
        <v>0.30177780270315741</v>
      </c>
      <c r="AK1542" s="9">
        <v>-2409</v>
      </c>
      <c r="AL1542" s="13">
        <v>-0.1037825262795106</v>
      </c>
      <c r="AM1542" s="9">
        <v>492</v>
      </c>
      <c r="AN1542" s="13">
        <v>2.3650435033408641E-2</v>
      </c>
      <c r="AO1542" s="9">
        <v>-1917</v>
      </c>
      <c r="AP1542" s="13">
        <v>-8.2586593141478551E-2</v>
      </c>
      <c r="AQ1542" s="9">
        <v>17831</v>
      </c>
      <c r="AR1542" s="9">
        <v>18241</v>
      </c>
      <c r="AS1542" s="9">
        <v>17496</v>
      </c>
      <c r="AT1542" s="9">
        <v>19235</v>
      </c>
      <c r="AU1542" s="9">
        <v>19624</v>
      </c>
      <c r="AV1542" s="9">
        <v>19058</v>
      </c>
      <c r="AW1542" s="9">
        <v>23212</v>
      </c>
      <c r="AX1542" s="9">
        <v>20874</v>
      </c>
      <c r="AY1542" s="9">
        <v>18235</v>
      </c>
      <c r="AZ1542" s="9">
        <v>20803</v>
      </c>
      <c r="BA1542" s="9">
        <v>19250</v>
      </c>
      <c r="BB1542" s="9">
        <v>19016</v>
      </c>
      <c r="BC1542" s="9">
        <v>22561</v>
      </c>
      <c r="BD1542" s="9">
        <v>21916</v>
      </c>
      <c r="BE1542" s="9">
        <v>22762</v>
      </c>
      <c r="BF1542" s="9">
        <v>21295</v>
      </c>
      <c r="BG1542" s="11">
        <v>-7</v>
      </c>
      <c r="BH1542" s="13">
        <v>-0.46666666666666667</v>
      </c>
      <c r="BI1542" s="6">
        <v>0</v>
      </c>
      <c r="BJ1542" s="13">
        <v>0</v>
      </c>
      <c r="BK1542" s="6">
        <v>-4</v>
      </c>
      <c r="BL1542" s="13">
        <v>-0.26666666666666666</v>
      </c>
      <c r="BM1542" s="11">
        <v>-3</v>
      </c>
      <c r="BN1542" s="13">
        <v>-0.27272727272727271</v>
      </c>
      <c r="BO1542" s="11">
        <v>-7</v>
      </c>
      <c r="BP1542" s="13">
        <v>-0.46666666666666667</v>
      </c>
      <c r="BQ1542" s="6">
        <v>15</v>
      </c>
      <c r="BR1542" s="6">
        <v>14</v>
      </c>
      <c r="BS1542" s="6">
        <v>14</v>
      </c>
      <c r="BT1542" s="6">
        <v>15</v>
      </c>
      <c r="BU1542" s="6">
        <v>15</v>
      </c>
      <c r="BV1542" s="6">
        <v>15</v>
      </c>
      <c r="BW1542" s="6">
        <v>11</v>
      </c>
      <c r="BX1542" s="6">
        <v>9</v>
      </c>
      <c r="BY1542" s="6">
        <v>10</v>
      </c>
      <c r="BZ1542" s="6">
        <v>9</v>
      </c>
      <c r="CA1542" s="6">
        <v>7</v>
      </c>
      <c r="CB1542" s="6">
        <v>8</v>
      </c>
      <c r="CC1542" s="11">
        <v>8</v>
      </c>
      <c r="CD1542" s="11">
        <v>-106</v>
      </c>
      <c r="CE1542" s="11">
        <v>20</v>
      </c>
      <c r="CF1542" s="11">
        <v>12</v>
      </c>
      <c r="CG1542" s="11">
        <v>32</v>
      </c>
      <c r="CH1542" s="20">
        <v>1.34</v>
      </c>
      <c r="CI1542" s="20">
        <v>1.41</v>
      </c>
      <c r="CJ1542" s="20">
        <v>1.44</v>
      </c>
      <c r="CK1542" s="20">
        <v>1.36</v>
      </c>
      <c r="CL1542" s="20">
        <v>1.32</v>
      </c>
      <c r="CM1542" s="20">
        <v>1.39</v>
      </c>
      <c r="CN1542" s="20">
        <v>1.25</v>
      </c>
      <c r="CO1542" s="20">
        <v>0.97</v>
      </c>
      <c r="CP1542" s="20">
        <v>0.95</v>
      </c>
      <c r="CQ1542" s="20">
        <v>0.71</v>
      </c>
      <c r="CR1542" s="20">
        <v>0.59</v>
      </c>
      <c r="CS1542" s="20">
        <v>0.56999999999999995</v>
      </c>
      <c r="CT1542" s="20">
        <v>0.5</v>
      </c>
      <c r="CU1542" s="20">
        <v>0.46</v>
      </c>
      <c r="CV1542" s="20">
        <v>0.42</v>
      </c>
      <c r="CW1542" s="20">
        <v>0.43</v>
      </c>
      <c r="CX1542" s="20">
        <v>0.38</v>
      </c>
      <c r="CY1542" s="6" t="s">
        <v>614</v>
      </c>
      <c r="CZ1542" s="6" t="s">
        <v>615</v>
      </c>
      <c r="DA1542" s="6" t="s">
        <v>151</v>
      </c>
      <c r="DB1542" s="6" t="s">
        <v>345</v>
      </c>
      <c r="DC1542" s="6"/>
      <c r="DD1542" s="6"/>
      <c r="DE1542" s="6"/>
      <c r="DF1542" s="6"/>
      <c r="DG1542" s="6"/>
      <c r="DH1542" s="6" t="s">
        <v>333</v>
      </c>
      <c r="DI1542" s="6"/>
      <c r="DJ1542" s="6"/>
      <c r="DK1542" s="6"/>
      <c r="DL1542" s="6">
        <v>7</v>
      </c>
      <c r="DM1542" s="6" t="s">
        <v>485</v>
      </c>
      <c r="DN1542" s="6">
        <v>8</v>
      </c>
      <c r="DO1542" s="6" t="s">
        <v>486</v>
      </c>
      <c r="DP1542" s="6"/>
      <c r="DQ1542" s="6"/>
    </row>
    <row r="1543" spans="1:121" x14ac:dyDescent="0.2">
      <c r="A1543" s="6" t="s">
        <v>323</v>
      </c>
      <c r="B1543" s="6" t="s">
        <v>323</v>
      </c>
      <c r="C1543" s="6" t="s">
        <v>192</v>
      </c>
      <c r="D1543" s="6" t="s">
        <v>151</v>
      </c>
      <c r="E1543" s="6" t="s">
        <v>292</v>
      </c>
      <c r="F1543" s="11">
        <v>20</v>
      </c>
      <c r="G1543" s="13">
        <v>3.7664783427500001E-2</v>
      </c>
      <c r="H1543" s="11">
        <v>-124.02274586999994</v>
      </c>
      <c r="I1543" s="13">
        <v>-0.23351883595111417</v>
      </c>
      <c r="J1543" s="11">
        <v>43.558406795999986</v>
      </c>
      <c r="K1543" s="13">
        <v>0.10700179777249565</v>
      </c>
      <c r="L1543" s="11">
        <v>100.77463386400001</v>
      </c>
      <c r="M1543" s="13">
        <v>0.22362584300163327</v>
      </c>
      <c r="N1543" s="11">
        <v>144.33304065999999</v>
      </c>
      <c r="O1543" s="13">
        <v>0.35455600800369352</v>
      </c>
      <c r="P1543" s="7">
        <v>531.10382023299996</v>
      </c>
      <c r="Q1543" s="7">
        <v>488.36319213199999</v>
      </c>
      <c r="R1543" s="7">
        <v>464.231879553</v>
      </c>
      <c r="S1543" s="7">
        <v>464.28253912399998</v>
      </c>
      <c r="T1543" s="7">
        <v>418.79360875399999</v>
      </c>
      <c r="U1543" s="7">
        <v>435.53107021800002</v>
      </c>
      <c r="V1543" s="7">
        <v>407.08107436300003</v>
      </c>
      <c r="W1543" s="7">
        <v>442.99724189599999</v>
      </c>
      <c r="X1543" s="7">
        <v>429.72067231099999</v>
      </c>
      <c r="Y1543" s="7">
        <v>450.63948115900001</v>
      </c>
      <c r="Z1543" s="7">
        <v>424.80870787800001</v>
      </c>
      <c r="AA1543" s="7">
        <v>476.24740843500001</v>
      </c>
      <c r="AB1543" s="7">
        <v>457.98728530300002</v>
      </c>
      <c r="AC1543" s="7">
        <v>493.33212304900002</v>
      </c>
      <c r="AD1543" s="7">
        <v>533.19946622099997</v>
      </c>
      <c r="AE1543" s="7">
        <v>537.33426113600001</v>
      </c>
      <c r="AF1543" s="7">
        <v>551.41411502300002</v>
      </c>
      <c r="AG1543" s="9">
        <v>5745.6575947000001</v>
      </c>
      <c r="AH1543" s="13">
        <v>0.51245108631358383</v>
      </c>
      <c r="AI1543" s="9">
        <v>396.79008860000067</v>
      </c>
      <c r="AJ1543" s="13">
        <v>3.5389423854477069E-2</v>
      </c>
      <c r="AK1543" s="9">
        <v>2054.4414607999988</v>
      </c>
      <c r="AL1543" s="13">
        <v>0.17697125202234054</v>
      </c>
      <c r="AM1543" s="9">
        <v>3294.4260453000006</v>
      </c>
      <c r="AN1543" s="13">
        <v>0.24111423989981681</v>
      </c>
      <c r="AO1543" s="9">
        <v>5348.8675060999994</v>
      </c>
      <c r="AP1543" s="13">
        <v>0.4607557808376429</v>
      </c>
      <c r="AQ1543" s="9">
        <v>11212.1093079</v>
      </c>
      <c r="AR1543" s="9">
        <v>11475.940266899999</v>
      </c>
      <c r="AS1543" s="9">
        <v>11129.5744533</v>
      </c>
      <c r="AT1543" s="9">
        <v>11181.167676700001</v>
      </c>
      <c r="AU1543" s="9">
        <v>10892.0704142</v>
      </c>
      <c r="AV1543" s="9">
        <v>11256.8453075</v>
      </c>
      <c r="AW1543" s="9">
        <v>11608.899396500001</v>
      </c>
      <c r="AX1543" s="9">
        <v>11904.104175300001</v>
      </c>
      <c r="AY1543" s="9">
        <v>12769.118603499999</v>
      </c>
      <c r="AZ1543" s="9">
        <v>13663.3408573</v>
      </c>
      <c r="BA1543" s="9">
        <v>14320.881531700001</v>
      </c>
      <c r="BB1543" s="9">
        <v>14778.793081</v>
      </c>
      <c r="BC1543" s="9">
        <v>14950.318412299999</v>
      </c>
      <c r="BD1543" s="9">
        <v>14752.4376362</v>
      </c>
      <c r="BE1543" s="9">
        <v>16358.7815885</v>
      </c>
      <c r="BF1543" s="9">
        <v>16957.7669026</v>
      </c>
      <c r="BG1543" s="11">
        <v>8.25</v>
      </c>
      <c r="BH1543" s="13">
        <v>0.19186046511627908</v>
      </c>
      <c r="BI1543" s="6">
        <v>-1</v>
      </c>
      <c r="BJ1543" s="13">
        <v>-2.3255813953488372E-2</v>
      </c>
      <c r="BK1543" s="6">
        <v>6</v>
      </c>
      <c r="BL1543" s="13">
        <v>0.14285714285714285</v>
      </c>
      <c r="BM1543" s="11">
        <v>3.25</v>
      </c>
      <c r="BN1543" s="13">
        <v>6.7708333333333329E-2</v>
      </c>
      <c r="BO1543" s="11">
        <v>9.25</v>
      </c>
      <c r="BP1543" s="13">
        <v>0.22023809523809523</v>
      </c>
      <c r="BQ1543" s="6">
        <v>43</v>
      </c>
      <c r="BR1543" s="6">
        <v>44</v>
      </c>
      <c r="BS1543" s="6">
        <v>47</v>
      </c>
      <c r="BT1543" s="6">
        <v>42</v>
      </c>
      <c r="BU1543" s="6">
        <v>43</v>
      </c>
      <c r="BV1543" s="6">
        <v>44</v>
      </c>
      <c r="BW1543" s="6">
        <v>48</v>
      </c>
      <c r="BX1543" s="6">
        <v>49</v>
      </c>
      <c r="BY1543" s="6">
        <v>47</v>
      </c>
      <c r="BZ1543" s="6">
        <v>49</v>
      </c>
      <c r="CA1543" s="6">
        <v>52</v>
      </c>
      <c r="CB1543" s="6">
        <v>53</v>
      </c>
      <c r="CC1543" s="11">
        <v>51.25</v>
      </c>
      <c r="CD1543" s="11">
        <v>-158.52199999999999</v>
      </c>
      <c r="CE1543" s="11">
        <v>120.776</v>
      </c>
      <c r="CF1543" s="11">
        <v>58.055999999999997</v>
      </c>
      <c r="CG1543" s="11">
        <v>179</v>
      </c>
      <c r="CH1543" s="20">
        <v>1.3410299999999999</v>
      </c>
      <c r="CI1543" s="20">
        <v>1.21597</v>
      </c>
      <c r="CJ1543" s="20">
        <v>1.12608</v>
      </c>
      <c r="CK1543" s="20">
        <v>1.11442</v>
      </c>
      <c r="CL1543" s="20">
        <v>1.0036099999999999</v>
      </c>
      <c r="CM1543" s="20">
        <v>1.0382899999999999</v>
      </c>
      <c r="CN1543" s="20">
        <v>0.98186300000000004</v>
      </c>
      <c r="CO1543" s="20">
        <v>1.0824100000000001</v>
      </c>
      <c r="CP1543" s="20">
        <v>1.09076</v>
      </c>
      <c r="CQ1543" s="20">
        <v>1.1709700000000001</v>
      </c>
      <c r="CR1543" s="20">
        <v>1.0847800000000001</v>
      </c>
      <c r="CS1543" s="20">
        <v>1.18266</v>
      </c>
      <c r="CT1543" s="20">
        <v>1.1006800000000001</v>
      </c>
      <c r="CU1543" s="20">
        <v>1.1589700000000001</v>
      </c>
      <c r="CV1543" s="20">
        <v>1.1853499999999999</v>
      </c>
      <c r="CW1543" s="20">
        <v>1.17719</v>
      </c>
      <c r="CX1543" s="20">
        <v>1.16906</v>
      </c>
      <c r="CY1543" s="6" t="s">
        <v>614</v>
      </c>
      <c r="CZ1543" s="6" t="s">
        <v>615</v>
      </c>
      <c r="DA1543" s="6" t="s">
        <v>151</v>
      </c>
      <c r="DB1543" s="6" t="s">
        <v>345</v>
      </c>
      <c r="DC1543" s="6"/>
      <c r="DD1543" s="6"/>
      <c r="DE1543" s="6"/>
      <c r="DF1543" s="6"/>
      <c r="DG1543" s="6"/>
      <c r="DH1543" s="6" t="s">
        <v>333</v>
      </c>
      <c r="DI1543" s="6"/>
      <c r="DJ1543" s="6"/>
      <c r="DK1543" s="6"/>
      <c r="DL1543" s="6">
        <v>7</v>
      </c>
      <c r="DM1543" s="6" t="s">
        <v>485</v>
      </c>
      <c r="DN1543" s="6">
        <v>8</v>
      </c>
      <c r="DO1543" s="6" t="s">
        <v>486</v>
      </c>
      <c r="DP1543" s="6"/>
      <c r="DQ1543" s="6"/>
    </row>
    <row r="1544" spans="1:121" x14ac:dyDescent="0.2">
      <c r="A1544" s="6" t="s">
        <v>325</v>
      </c>
      <c r="B1544" s="6" t="s">
        <v>325</v>
      </c>
      <c r="C1544" s="6" t="s">
        <v>193</v>
      </c>
      <c r="D1544" s="6" t="s">
        <v>151</v>
      </c>
      <c r="E1544" s="6" t="s">
        <v>292</v>
      </c>
      <c r="F1544" s="11">
        <v>2</v>
      </c>
      <c r="G1544" s="13">
        <v>6.7567567567600002E-3</v>
      </c>
      <c r="H1544" s="11">
        <v>56.675393973999974</v>
      </c>
      <c r="I1544" s="13">
        <v>0.19132030636012881</v>
      </c>
      <c r="J1544" s="11">
        <v>-7.6938132809999615</v>
      </c>
      <c r="K1544" s="13">
        <v>-2.1801160775453961E-2</v>
      </c>
      <c r="L1544" s="11">
        <v>-46.815166965000003</v>
      </c>
      <c r="M1544" s="13">
        <v>-0.13561177763431145</v>
      </c>
      <c r="N1544" s="11">
        <v>-54.508980245999965</v>
      </c>
      <c r="O1544" s="13">
        <v>-0.15445644424251465</v>
      </c>
      <c r="P1544" s="7">
        <v>296.23302958400001</v>
      </c>
      <c r="Q1544" s="7">
        <v>310.16622063300002</v>
      </c>
      <c r="R1544" s="7">
        <v>331.30633809800003</v>
      </c>
      <c r="S1544" s="7">
        <v>325.28451861799999</v>
      </c>
      <c r="T1544" s="7">
        <v>356.42053846499999</v>
      </c>
      <c r="U1544" s="7">
        <v>371.43501605300003</v>
      </c>
      <c r="V1544" s="7">
        <v>352.90842355799998</v>
      </c>
      <c r="W1544" s="7">
        <v>360.46550713800002</v>
      </c>
      <c r="X1544" s="7">
        <v>350.88175348999999</v>
      </c>
      <c r="Y1544" s="7">
        <v>345.21461027700002</v>
      </c>
      <c r="Z1544" s="7">
        <v>364.43609300200001</v>
      </c>
      <c r="AA1544" s="7">
        <v>338.61744979399998</v>
      </c>
      <c r="AB1544" s="7">
        <v>310.85214017300001</v>
      </c>
      <c r="AC1544" s="7">
        <v>294.77962826100003</v>
      </c>
      <c r="AD1544" s="7">
        <v>291.32239876099999</v>
      </c>
      <c r="AE1544" s="7">
        <v>300.057227082</v>
      </c>
      <c r="AF1544" s="7">
        <v>298.39944331200002</v>
      </c>
      <c r="AG1544" s="9">
        <v>6181.2635154</v>
      </c>
      <c r="AH1544" s="13">
        <v>0.37844419681332259</v>
      </c>
      <c r="AI1544" s="9">
        <v>1704.5473991000017</v>
      </c>
      <c r="AJ1544" s="13">
        <v>0.1043599046983672</v>
      </c>
      <c r="AK1544" s="9">
        <v>-498.74110540000038</v>
      </c>
      <c r="AL1544" s="13">
        <v>-2.7649617287769684E-2</v>
      </c>
      <c r="AM1544" s="9">
        <v>4975.4572216999986</v>
      </c>
      <c r="AN1544" s="13">
        <v>0.28367702779837561</v>
      </c>
      <c r="AO1544" s="9">
        <v>4476.7161162999982</v>
      </c>
      <c r="AP1544" s="13">
        <v>0.24818384925864889</v>
      </c>
      <c r="AQ1544" s="9">
        <v>16333.355267299999</v>
      </c>
      <c r="AR1544" s="9">
        <v>16396.234955899999</v>
      </c>
      <c r="AS1544" s="9">
        <v>16425.4373481</v>
      </c>
      <c r="AT1544" s="9">
        <v>16137.960100599999</v>
      </c>
      <c r="AU1544" s="9">
        <v>17068.892241699999</v>
      </c>
      <c r="AV1544" s="9">
        <v>18041.0406133</v>
      </c>
      <c r="AW1544" s="9">
        <v>18037.902666400001</v>
      </c>
      <c r="AX1544" s="9">
        <v>18121.835208</v>
      </c>
      <c r="AY1544" s="9">
        <v>17710.923607500001</v>
      </c>
      <c r="AZ1544" s="9">
        <v>17539.161561000001</v>
      </c>
      <c r="BA1544" s="9">
        <v>16953.859088000001</v>
      </c>
      <c r="BB1544" s="9">
        <v>17984.9615343</v>
      </c>
      <c r="BC1544" s="9">
        <v>20795.758605300001</v>
      </c>
      <c r="BD1544" s="9">
        <v>20415.711771800001</v>
      </c>
      <c r="BE1544" s="9">
        <v>21441.626891</v>
      </c>
      <c r="BF1544" s="9">
        <v>22514.618782699999</v>
      </c>
      <c r="BG1544" s="11">
        <v>-31.25</v>
      </c>
      <c r="BH1544" s="13">
        <v>-0.48828125</v>
      </c>
      <c r="BI1544" s="6">
        <v>-1</v>
      </c>
      <c r="BJ1544" s="13">
        <v>-1.5625E-2</v>
      </c>
      <c r="BK1544" s="6">
        <v>0</v>
      </c>
      <c r="BL1544" s="13">
        <v>0</v>
      </c>
      <c r="BM1544" s="11">
        <v>-30.25</v>
      </c>
      <c r="BN1544" s="13">
        <v>-0.48015873015873017</v>
      </c>
      <c r="BO1544" s="11">
        <v>-30.25</v>
      </c>
      <c r="BP1544" s="13">
        <v>-0.48015873015873017</v>
      </c>
      <c r="BQ1544" s="6">
        <v>64</v>
      </c>
      <c r="BR1544" s="6">
        <v>62</v>
      </c>
      <c r="BS1544" s="6">
        <v>61</v>
      </c>
      <c r="BT1544" s="6">
        <v>63</v>
      </c>
      <c r="BU1544" s="6">
        <v>58</v>
      </c>
      <c r="BV1544" s="6">
        <v>59</v>
      </c>
      <c r="BW1544" s="6">
        <v>63</v>
      </c>
      <c r="BX1544" s="6">
        <v>64</v>
      </c>
      <c r="BY1544" s="6">
        <v>61</v>
      </c>
      <c r="BZ1544" s="6">
        <v>35</v>
      </c>
      <c r="CA1544" s="6">
        <v>32</v>
      </c>
      <c r="CB1544" s="6">
        <v>31</v>
      </c>
      <c r="CC1544" s="11">
        <v>32.75</v>
      </c>
      <c r="CD1544" s="11">
        <v>-27.487400000000001</v>
      </c>
      <c r="CE1544" s="11">
        <v>-2.7280199999999999</v>
      </c>
      <c r="CF1544" s="11">
        <v>32.381799999999998</v>
      </c>
      <c r="CG1544" s="11">
        <v>29</v>
      </c>
      <c r="CH1544" s="20">
        <v>1.1011899999999999</v>
      </c>
      <c r="CI1544" s="20">
        <v>1.1322300000000001</v>
      </c>
      <c r="CJ1544" s="20">
        <v>1.18499</v>
      </c>
      <c r="CK1544" s="20">
        <v>1.17211</v>
      </c>
      <c r="CL1544" s="20">
        <v>1.3035000000000001</v>
      </c>
      <c r="CM1544" s="20">
        <v>1.36398</v>
      </c>
      <c r="CN1544" s="20">
        <v>1.3176600000000001</v>
      </c>
      <c r="CO1544" s="20">
        <v>1.3621000000000001</v>
      </c>
      <c r="CP1544" s="20">
        <v>1.3493200000000001</v>
      </c>
      <c r="CQ1544" s="20">
        <v>1.36907</v>
      </c>
      <c r="CR1544" s="20">
        <v>1.4410499999999999</v>
      </c>
      <c r="CS1544" s="20">
        <v>1.3121799999999999</v>
      </c>
      <c r="CT1544" s="20">
        <v>1.27169</v>
      </c>
      <c r="CU1544" s="20">
        <v>1.19137</v>
      </c>
      <c r="CV1544" s="20">
        <v>1.1362099999999999</v>
      </c>
      <c r="CW1544" s="20">
        <v>1.16553</v>
      </c>
      <c r="CX1544" s="20">
        <v>1.1316999999999999</v>
      </c>
      <c r="CY1544" s="6" t="s">
        <v>614</v>
      </c>
      <c r="CZ1544" s="6" t="s">
        <v>615</v>
      </c>
      <c r="DA1544" s="6" t="s">
        <v>151</v>
      </c>
      <c r="DB1544" s="6" t="s">
        <v>345</v>
      </c>
      <c r="DC1544" s="6"/>
      <c r="DD1544" s="6"/>
      <c r="DE1544" s="6"/>
      <c r="DF1544" s="6"/>
      <c r="DG1544" s="6"/>
      <c r="DH1544" s="6" t="s">
        <v>333</v>
      </c>
      <c r="DI1544" s="6"/>
      <c r="DJ1544" s="6"/>
      <c r="DK1544" s="6"/>
      <c r="DL1544" s="6">
        <v>7</v>
      </c>
      <c r="DM1544" s="6" t="s">
        <v>485</v>
      </c>
      <c r="DN1544" s="6">
        <v>8</v>
      </c>
      <c r="DO1544" s="6" t="s">
        <v>486</v>
      </c>
      <c r="DP1544" s="6"/>
      <c r="DQ1544" s="6"/>
    </row>
    <row r="1545" spans="1:121" x14ac:dyDescent="0.2">
      <c r="A1545" s="6" t="s">
        <v>327</v>
      </c>
      <c r="B1545" s="6" t="s">
        <v>327</v>
      </c>
      <c r="C1545" s="6" t="s">
        <v>194</v>
      </c>
      <c r="D1545" s="6" t="s">
        <v>151</v>
      </c>
      <c r="E1545" s="6" t="s">
        <v>292</v>
      </c>
      <c r="F1545" s="11">
        <v>1</v>
      </c>
      <c r="G1545" s="13">
        <v>9.4339622641500002E-4</v>
      </c>
      <c r="H1545" s="11">
        <v>54.23395000000005</v>
      </c>
      <c r="I1545" s="13">
        <v>5.1166053682928897E-2</v>
      </c>
      <c r="J1545" s="11">
        <v>10.262486999999965</v>
      </c>
      <c r="K1545" s="13">
        <v>9.2106860277168367E-3</v>
      </c>
      <c r="L1545" s="11">
        <v>-63.155702739999924</v>
      </c>
      <c r="M1545" s="13">
        <v>-5.6165559556987543E-2</v>
      </c>
      <c r="N1545" s="11">
        <v>-52.89321573999996</v>
      </c>
      <c r="O1545" s="13">
        <v>-4.7472196863921151E-2</v>
      </c>
      <c r="P1545" s="7">
        <v>1059.9596039999999</v>
      </c>
      <c r="Q1545" s="7">
        <v>1065.145111</v>
      </c>
      <c r="R1545" s="7">
        <v>1055.7902939999999</v>
      </c>
      <c r="S1545" s="7">
        <v>1076.1176809999999</v>
      </c>
      <c r="T1545" s="7">
        <v>1090.1299759999999</v>
      </c>
      <c r="U1545" s="7">
        <v>1096.630212</v>
      </c>
      <c r="V1545" s="7">
        <v>1114.1935539999999</v>
      </c>
      <c r="W1545" s="7">
        <v>1135.1251769999999</v>
      </c>
      <c r="X1545" s="7">
        <v>1131.4696919999999</v>
      </c>
      <c r="Y1545" s="7">
        <v>1124.4560409999999</v>
      </c>
      <c r="Z1545" s="7">
        <v>1098.788145</v>
      </c>
      <c r="AA1545" s="7">
        <v>1073.831774</v>
      </c>
      <c r="AB1545" s="7">
        <v>1056.2257790000001</v>
      </c>
      <c r="AC1545" s="7">
        <v>1056.340271</v>
      </c>
      <c r="AD1545" s="7">
        <v>1061.9416000000001</v>
      </c>
      <c r="AE1545" s="7">
        <v>1063.665851</v>
      </c>
      <c r="AF1545" s="7">
        <v>1061.30033826</v>
      </c>
      <c r="AG1545" s="9">
        <v>11015.341691199999</v>
      </c>
      <c r="AH1545" s="13">
        <v>0.41151699777235695</v>
      </c>
      <c r="AI1545" s="9">
        <v>7240.9825257000011</v>
      </c>
      <c r="AJ1545" s="13">
        <v>0.27051247917971288</v>
      </c>
      <c r="AK1545" s="9">
        <v>3819.1180791999941</v>
      </c>
      <c r="AL1545" s="13">
        <v>0.11229850021270328</v>
      </c>
      <c r="AM1545" s="9">
        <v>-44.758913699995901</v>
      </c>
      <c r="AN1545" s="13">
        <v>-1.1832296831826546E-3</v>
      </c>
      <c r="AO1545" s="9">
        <v>3774.3591654999982</v>
      </c>
      <c r="AP1545" s="13">
        <v>0.11098239561069208</v>
      </c>
      <c r="AQ1545" s="9">
        <v>26767.646903600002</v>
      </c>
      <c r="AR1545" s="9">
        <v>27892.901883400002</v>
      </c>
      <c r="AS1545" s="9">
        <v>29510.882735800002</v>
      </c>
      <c r="AT1545" s="9">
        <v>30810.3299042</v>
      </c>
      <c r="AU1545" s="9">
        <v>31834.4987129</v>
      </c>
      <c r="AV1545" s="9">
        <v>32710.882001900001</v>
      </c>
      <c r="AW1545" s="9">
        <v>34008.629429300003</v>
      </c>
      <c r="AX1545" s="9">
        <v>35428.851186899999</v>
      </c>
      <c r="AY1545" s="9">
        <v>37399.555137700001</v>
      </c>
      <c r="AZ1545" s="9">
        <v>37827.747508499997</v>
      </c>
      <c r="BA1545" s="9">
        <v>38693.0366479</v>
      </c>
      <c r="BB1545" s="9">
        <v>38204.499622199997</v>
      </c>
      <c r="BC1545" s="9">
        <v>37564.454902600002</v>
      </c>
      <c r="BD1545" s="9">
        <v>36484.713889699997</v>
      </c>
      <c r="BE1545" s="9">
        <v>36817.6663377</v>
      </c>
      <c r="BF1545" s="9">
        <v>37782.988594800001</v>
      </c>
      <c r="BG1545" s="11">
        <v>6.75</v>
      </c>
      <c r="BH1545" s="13">
        <v>0.19852941176470587</v>
      </c>
      <c r="BI1545" s="6">
        <v>4</v>
      </c>
      <c r="BJ1545" s="13">
        <v>0.11764705882352941</v>
      </c>
      <c r="BK1545" s="6">
        <v>1</v>
      </c>
      <c r="BL1545" s="13">
        <v>2.6315789473684209E-2</v>
      </c>
      <c r="BM1545" s="11">
        <v>1.75</v>
      </c>
      <c r="BN1545" s="13">
        <v>4.4871794871794872E-2</v>
      </c>
      <c r="BO1545" s="11">
        <v>2.75</v>
      </c>
      <c r="BP1545" s="13">
        <v>7.2368421052631582E-2</v>
      </c>
      <c r="BQ1545" s="6">
        <v>34</v>
      </c>
      <c r="BR1545" s="6">
        <v>34</v>
      </c>
      <c r="BS1545" s="6">
        <v>36</v>
      </c>
      <c r="BT1545" s="6">
        <v>38</v>
      </c>
      <c r="BU1545" s="6">
        <v>37</v>
      </c>
      <c r="BV1545" s="6">
        <v>37</v>
      </c>
      <c r="BW1545" s="6">
        <v>39</v>
      </c>
      <c r="BX1545" s="6">
        <v>39</v>
      </c>
      <c r="BY1545" s="6">
        <v>40</v>
      </c>
      <c r="BZ1545" s="6">
        <v>40</v>
      </c>
      <c r="CA1545" s="6">
        <v>39</v>
      </c>
      <c r="CB1545" s="6">
        <v>40</v>
      </c>
      <c r="CC1545" s="11">
        <v>40.75</v>
      </c>
      <c r="CD1545" s="11">
        <v>-52.385899999999999</v>
      </c>
      <c r="CE1545" s="11">
        <v>-62.139699999999998</v>
      </c>
      <c r="CF1545" s="11">
        <v>115.866</v>
      </c>
      <c r="CG1545" s="11">
        <v>54</v>
      </c>
      <c r="CH1545" s="20">
        <v>1.1861600000000001</v>
      </c>
      <c r="CI1545" s="20">
        <v>1.16821</v>
      </c>
      <c r="CJ1545" s="20">
        <v>1.1429400000000001</v>
      </c>
      <c r="CK1545" s="20">
        <v>1.1821200000000001</v>
      </c>
      <c r="CL1545" s="20">
        <v>1.2182200000000001</v>
      </c>
      <c r="CM1545" s="20">
        <v>1.2386200000000001</v>
      </c>
      <c r="CN1545" s="20">
        <v>1.2887200000000001</v>
      </c>
      <c r="CO1545" s="20">
        <v>1.3154600000000001</v>
      </c>
      <c r="CP1545" s="20">
        <v>1.31948</v>
      </c>
      <c r="CQ1545" s="20">
        <v>1.34459</v>
      </c>
      <c r="CR1545" s="20">
        <v>1.3407899999999999</v>
      </c>
      <c r="CS1545" s="20">
        <v>1.32768</v>
      </c>
      <c r="CT1545" s="20">
        <v>1.3095000000000001</v>
      </c>
      <c r="CU1545" s="20">
        <v>1.31829</v>
      </c>
      <c r="CV1545" s="20">
        <v>1.2899099999999999</v>
      </c>
      <c r="CW1545" s="20">
        <v>1.2932600000000001</v>
      </c>
      <c r="CX1545" s="20">
        <v>1.2686999999999999</v>
      </c>
      <c r="CY1545" s="6" t="s">
        <v>614</v>
      </c>
      <c r="CZ1545" s="6" t="s">
        <v>615</v>
      </c>
      <c r="DA1545" s="6" t="s">
        <v>151</v>
      </c>
      <c r="DB1545" s="6" t="s">
        <v>345</v>
      </c>
      <c r="DC1545" s="6"/>
      <c r="DD1545" s="6"/>
      <c r="DE1545" s="6"/>
      <c r="DF1545" s="6"/>
      <c r="DG1545" s="6"/>
      <c r="DH1545" s="6" t="s">
        <v>333</v>
      </c>
      <c r="DI1545" s="6"/>
      <c r="DJ1545" s="6"/>
      <c r="DK1545" s="6"/>
      <c r="DL1545" s="6">
        <v>7</v>
      </c>
      <c r="DM1545" s="6" t="s">
        <v>485</v>
      </c>
      <c r="DN1545" s="6">
        <v>8</v>
      </c>
      <c r="DO1545" s="6" t="s">
        <v>486</v>
      </c>
      <c r="DP1545" s="6"/>
      <c r="DQ1545" s="6"/>
    </row>
    <row r="1546" spans="1:121" x14ac:dyDescent="0.2">
      <c r="A1546" s="6" t="s">
        <v>1</v>
      </c>
      <c r="B1546" s="6" t="s">
        <v>1</v>
      </c>
      <c r="C1546" s="6" t="s">
        <v>2</v>
      </c>
      <c r="D1546" s="6" t="s">
        <v>61</v>
      </c>
      <c r="E1546" s="6" t="s">
        <v>202</v>
      </c>
      <c r="F1546" s="11">
        <v>280</v>
      </c>
      <c r="G1546" s="13">
        <v>0.40756914119400001</v>
      </c>
      <c r="H1546" s="11">
        <v>198.38022395200005</v>
      </c>
      <c r="I1546" s="13">
        <v>0.28889720200249303</v>
      </c>
      <c r="J1546" s="11">
        <v>45.013395592999927</v>
      </c>
      <c r="K1546" s="13">
        <v>5.0859074607595242E-2</v>
      </c>
      <c r="L1546" s="11">
        <v>37.159926022000036</v>
      </c>
      <c r="M1546" s="13">
        <v>3.9953703321053399E-2</v>
      </c>
      <c r="N1546" s="11">
        <v>82.173321614999963</v>
      </c>
      <c r="O1546" s="13">
        <v>9.2844786306703814E-2</v>
      </c>
      <c r="P1546" s="7">
        <v>686.68101517399998</v>
      </c>
      <c r="Q1546" s="7">
        <v>700.34762504499997</v>
      </c>
      <c r="R1546" s="7">
        <v>677.02168795600005</v>
      </c>
      <c r="S1546" s="7">
        <v>757.84765301200002</v>
      </c>
      <c r="T1546" s="7">
        <v>811.68555766300005</v>
      </c>
      <c r="U1546" s="7">
        <v>869.48953633999997</v>
      </c>
      <c r="V1546" s="7">
        <v>885.06123912600003</v>
      </c>
      <c r="W1546" s="7">
        <v>808.82253463699999</v>
      </c>
      <c r="X1546" s="7">
        <v>785.73393994900005</v>
      </c>
      <c r="Y1546" s="7">
        <v>930.07463471899996</v>
      </c>
      <c r="Z1546" s="7">
        <v>953.37241164800002</v>
      </c>
      <c r="AA1546" s="7">
        <v>979.173405946</v>
      </c>
      <c r="AB1546" s="7">
        <v>956.86146511000004</v>
      </c>
      <c r="AC1546" s="7">
        <v>933.03912911500004</v>
      </c>
      <c r="AD1546" s="7">
        <v>955.38200505500004</v>
      </c>
      <c r="AE1546" s="7">
        <v>959.43560673599995</v>
      </c>
      <c r="AF1546" s="7">
        <v>967.234560741</v>
      </c>
      <c r="AG1546" s="9">
        <v>13111.796894299998</v>
      </c>
      <c r="AH1546" s="13">
        <v>0.64470222464670079</v>
      </c>
      <c r="AI1546" s="9">
        <v>1295.9752466999998</v>
      </c>
      <c r="AJ1546" s="13">
        <v>6.3722625614935052E-2</v>
      </c>
      <c r="AK1546" s="9">
        <v>4065.2065189000023</v>
      </c>
      <c r="AL1546" s="13">
        <v>0.18791055359580688</v>
      </c>
      <c r="AM1546" s="9">
        <v>7750.6151286999957</v>
      </c>
      <c r="AN1546" s="13">
        <v>0.30159281416577943</v>
      </c>
      <c r="AO1546" s="9">
        <v>11815.821647599998</v>
      </c>
      <c r="AP1546" s="13">
        <v>0.5461758404319953</v>
      </c>
      <c r="AQ1546" s="9">
        <v>20337.756553399999</v>
      </c>
      <c r="AR1546" s="9">
        <v>20237.930591799999</v>
      </c>
      <c r="AS1546" s="9">
        <v>20045.967153599999</v>
      </c>
      <c r="AT1546" s="9">
        <v>21146.7495423</v>
      </c>
      <c r="AU1546" s="9">
        <v>20477.3030865</v>
      </c>
      <c r="AV1546" s="9">
        <v>21499.1040244</v>
      </c>
      <c r="AW1546" s="9">
        <v>21633.731800099999</v>
      </c>
      <c r="AX1546" s="9">
        <v>23836.562666500002</v>
      </c>
      <c r="AY1546" s="9">
        <v>24610.174596000001</v>
      </c>
      <c r="AZ1546" s="9">
        <v>25698.938319000001</v>
      </c>
      <c r="BA1546" s="9">
        <v>28073.2713573</v>
      </c>
      <c r="BB1546" s="9">
        <v>31111.069478599999</v>
      </c>
      <c r="BC1546" s="9">
        <v>32873.677665800002</v>
      </c>
      <c r="BD1546" s="9">
        <v>33217.460663799997</v>
      </c>
      <c r="BE1546" s="9">
        <v>33055.508351999997</v>
      </c>
      <c r="BF1546" s="9">
        <v>33449.553447699996</v>
      </c>
      <c r="BG1546" s="11">
        <v>-2.75</v>
      </c>
      <c r="BH1546" s="13">
        <v>-4.9107142857142856E-2</v>
      </c>
      <c r="BI1546" s="6">
        <v>0</v>
      </c>
      <c r="BJ1546" s="13">
        <v>0</v>
      </c>
      <c r="BK1546" s="6">
        <v>-2</v>
      </c>
      <c r="BL1546" s="13">
        <v>-3.5714285714285712E-2</v>
      </c>
      <c r="BM1546" s="11">
        <v>-0.75</v>
      </c>
      <c r="BN1546" s="13">
        <v>-1.3888888888888888E-2</v>
      </c>
      <c r="BO1546" s="11">
        <v>-2.75</v>
      </c>
      <c r="BP1546" s="13">
        <v>-4.9107142857142856E-2</v>
      </c>
      <c r="BQ1546" s="6">
        <v>56</v>
      </c>
      <c r="BR1546" s="6">
        <v>53</v>
      </c>
      <c r="BS1546" s="6">
        <v>57</v>
      </c>
      <c r="BT1546" s="6">
        <v>56</v>
      </c>
      <c r="BU1546" s="6">
        <v>52</v>
      </c>
      <c r="BV1546" s="6">
        <v>50</v>
      </c>
      <c r="BW1546" s="6">
        <v>54</v>
      </c>
      <c r="BX1546" s="6">
        <v>54</v>
      </c>
      <c r="BY1546" s="6">
        <v>58</v>
      </c>
      <c r="BZ1546" s="6">
        <v>59</v>
      </c>
      <c r="CA1546" s="6">
        <v>56</v>
      </c>
      <c r="CB1546" s="6">
        <v>54</v>
      </c>
      <c r="CC1546" s="11">
        <v>53.25</v>
      </c>
      <c r="CD1546" s="11">
        <v>268.09800000000001</v>
      </c>
      <c r="CE1546" s="11">
        <v>-62.607199999999999</v>
      </c>
      <c r="CF1546" s="11">
        <v>75.0625</v>
      </c>
      <c r="CG1546" s="11">
        <v>12</v>
      </c>
      <c r="CH1546" s="20">
        <v>5.6399499999999998</v>
      </c>
      <c r="CI1546" s="20">
        <v>6.20113</v>
      </c>
      <c r="CJ1546" s="20">
        <v>6.1772</v>
      </c>
      <c r="CK1546" s="20">
        <v>6.9167800000000002</v>
      </c>
      <c r="CL1546" s="20">
        <v>7.2898500000000004</v>
      </c>
      <c r="CM1546" s="20">
        <v>7.7671200000000002</v>
      </c>
      <c r="CN1546" s="20">
        <v>7.7516499999999997</v>
      </c>
      <c r="CO1546" s="20">
        <v>7.4606399999999997</v>
      </c>
      <c r="CP1546" s="20">
        <v>7.7174199999999997</v>
      </c>
      <c r="CQ1546" s="20">
        <v>8.4788800000000002</v>
      </c>
      <c r="CR1546" s="20">
        <v>8.90808</v>
      </c>
      <c r="CS1546" s="20">
        <v>9.1478099999999998</v>
      </c>
      <c r="CT1546" s="20">
        <v>9.1066400000000005</v>
      </c>
      <c r="CU1546" s="20">
        <v>8.7778700000000001</v>
      </c>
      <c r="CV1546" s="20">
        <v>8.8679100000000002</v>
      </c>
      <c r="CW1546" s="20">
        <v>9.6236300000000004</v>
      </c>
      <c r="CX1546" s="20">
        <v>9.6604799999999997</v>
      </c>
      <c r="CY1546" s="6" t="s">
        <v>616</v>
      </c>
      <c r="CZ1546" s="6" t="s">
        <v>617</v>
      </c>
      <c r="DA1546" s="6" t="s">
        <v>61</v>
      </c>
      <c r="DB1546" s="6" t="s">
        <v>345</v>
      </c>
      <c r="DC1546" s="6"/>
      <c r="DD1546" s="6"/>
      <c r="DE1546" s="6"/>
      <c r="DF1546" s="6"/>
      <c r="DG1546" s="6"/>
      <c r="DH1546" s="6" t="s">
        <v>333</v>
      </c>
      <c r="DI1546" s="6"/>
      <c r="DJ1546" s="6"/>
      <c r="DK1546" s="6"/>
      <c r="DL1546" s="6">
        <v>9</v>
      </c>
      <c r="DM1546" s="6" t="s">
        <v>440</v>
      </c>
      <c r="DN1546" s="6">
        <v>7</v>
      </c>
      <c r="DO1546" s="6" t="s">
        <v>369</v>
      </c>
      <c r="DP1546" s="6"/>
      <c r="DQ1546" s="6"/>
    </row>
    <row r="1547" spans="1:121" x14ac:dyDescent="0.2">
      <c r="A1547" s="6" t="s">
        <v>310</v>
      </c>
      <c r="B1547" s="6" t="s">
        <v>310</v>
      </c>
      <c r="C1547" s="6" t="s">
        <v>173</v>
      </c>
      <c r="D1547" s="6" t="s">
        <v>61</v>
      </c>
      <c r="E1547" s="6" t="s">
        <v>202</v>
      </c>
      <c r="F1547" s="11">
        <v>0</v>
      </c>
      <c r="G1547" s="13">
        <v>0</v>
      </c>
      <c r="H1547" s="11">
        <v>0</v>
      </c>
      <c r="I1547" s="13"/>
      <c r="J1547" s="11">
        <v>0</v>
      </c>
      <c r="K1547" s="13"/>
      <c r="L1547" s="11">
        <v>0</v>
      </c>
      <c r="M1547" s="13"/>
      <c r="N1547" s="11">
        <v>0</v>
      </c>
      <c r="O1547" s="13"/>
      <c r="P1547" s="7">
        <v>0</v>
      </c>
      <c r="Q1547" s="7">
        <v>0</v>
      </c>
      <c r="R1547" s="7">
        <v>0</v>
      </c>
      <c r="S1547" s="7">
        <v>0</v>
      </c>
      <c r="T1547" s="7">
        <v>0</v>
      </c>
      <c r="U1547" s="7">
        <v>0</v>
      </c>
      <c r="V1547" s="7">
        <v>0</v>
      </c>
      <c r="W1547" s="7">
        <v>0</v>
      </c>
      <c r="X1547" s="7">
        <v>0</v>
      </c>
      <c r="Y1547" s="7">
        <v>0</v>
      </c>
      <c r="Z1547" s="7">
        <v>0</v>
      </c>
      <c r="AA1547" s="7">
        <v>0</v>
      </c>
      <c r="AB1547" s="7">
        <v>0</v>
      </c>
      <c r="AC1547" s="7">
        <v>0</v>
      </c>
      <c r="AD1547" s="7">
        <v>0</v>
      </c>
      <c r="AE1547" s="7">
        <v>0</v>
      </c>
      <c r="AF1547" s="7">
        <v>0</v>
      </c>
      <c r="AG1547" s="9">
        <v>0</v>
      </c>
      <c r="AH1547" s="13"/>
      <c r="AI1547" s="9">
        <v>0</v>
      </c>
      <c r="AJ1547" s="13"/>
      <c r="AK1547" s="9">
        <v>0</v>
      </c>
      <c r="AL1547" s="13"/>
      <c r="AM1547" s="9">
        <v>0</v>
      </c>
      <c r="AN1547" s="13"/>
      <c r="AO1547" s="9">
        <v>0</v>
      </c>
      <c r="AP1547" s="13"/>
      <c r="AQ1547" s="9">
        <v>0</v>
      </c>
      <c r="AR1547" s="9">
        <v>0</v>
      </c>
      <c r="AS1547" s="9">
        <v>0</v>
      </c>
      <c r="AT1547" s="9">
        <v>0</v>
      </c>
      <c r="AU1547" s="9">
        <v>0</v>
      </c>
      <c r="AV1547" s="9">
        <v>0</v>
      </c>
      <c r="AW1547" s="9">
        <v>0</v>
      </c>
      <c r="AX1547" s="9">
        <v>0</v>
      </c>
      <c r="AY1547" s="9">
        <v>0</v>
      </c>
      <c r="AZ1547" s="9">
        <v>0</v>
      </c>
      <c r="BA1547" s="9">
        <v>0</v>
      </c>
      <c r="BB1547" s="9">
        <v>0</v>
      </c>
      <c r="BC1547" s="9">
        <v>0</v>
      </c>
      <c r="BD1547" s="9">
        <v>0</v>
      </c>
      <c r="BE1547" s="9">
        <v>0</v>
      </c>
      <c r="BF1547" s="9">
        <v>0</v>
      </c>
      <c r="BG1547" s="11">
        <v>0</v>
      </c>
      <c r="BH1547" s="13" t="e">
        <v>#DIV/0!</v>
      </c>
      <c r="BI1547" s="6">
        <v>0</v>
      </c>
      <c r="BJ1547" s="13" t="e">
        <v>#DIV/0!</v>
      </c>
      <c r="BK1547" s="6">
        <v>0</v>
      </c>
      <c r="BL1547" s="13" t="e">
        <v>#DIV/0!</v>
      </c>
      <c r="BM1547" s="11">
        <v>0</v>
      </c>
      <c r="BN1547" s="13" t="e">
        <v>#DIV/0!</v>
      </c>
      <c r="BO1547" s="11">
        <v>0</v>
      </c>
      <c r="BP1547" s="13" t="e">
        <v>#DIV/0!</v>
      </c>
      <c r="BQ1547" s="6">
        <v>0</v>
      </c>
      <c r="BR1547" s="6">
        <v>0</v>
      </c>
      <c r="BS1547" s="6">
        <v>0</v>
      </c>
      <c r="BT1547" s="6">
        <v>0</v>
      </c>
      <c r="BU1547" s="6">
        <v>0</v>
      </c>
      <c r="BV1547" s="6">
        <v>0</v>
      </c>
      <c r="BW1547" s="6">
        <v>0</v>
      </c>
      <c r="BX1547" s="6">
        <v>0</v>
      </c>
      <c r="BY1547" s="6">
        <v>0</v>
      </c>
      <c r="BZ1547" s="6">
        <v>0</v>
      </c>
      <c r="CA1547" s="6">
        <v>0</v>
      </c>
      <c r="CB1547" s="6">
        <v>0</v>
      </c>
      <c r="CC1547" s="11">
        <v>0</v>
      </c>
      <c r="CD1547" s="11">
        <v>0</v>
      </c>
      <c r="CE1547" s="11">
        <v>0</v>
      </c>
      <c r="CF1547" s="11">
        <v>0</v>
      </c>
      <c r="CG1547" s="11">
        <v>0</v>
      </c>
      <c r="CH1547" s="20">
        <v>0</v>
      </c>
      <c r="CI1547" s="20">
        <v>0</v>
      </c>
      <c r="CJ1547" s="20">
        <v>0</v>
      </c>
      <c r="CK1547" s="20">
        <v>0</v>
      </c>
      <c r="CL1547" s="20">
        <v>0</v>
      </c>
      <c r="CM1547" s="20">
        <v>0</v>
      </c>
      <c r="CN1547" s="20">
        <v>0</v>
      </c>
      <c r="CO1547" s="20">
        <v>0</v>
      </c>
      <c r="CP1547" s="20">
        <v>0</v>
      </c>
      <c r="CQ1547" s="20">
        <v>0</v>
      </c>
      <c r="CR1547" s="20">
        <v>0</v>
      </c>
      <c r="CS1547" s="20">
        <v>0</v>
      </c>
      <c r="CT1547" s="20">
        <v>0</v>
      </c>
      <c r="CU1547" s="20">
        <v>0</v>
      </c>
      <c r="CV1547" s="20">
        <v>0</v>
      </c>
      <c r="CW1547" s="20">
        <v>0</v>
      </c>
      <c r="CX1547" s="20">
        <v>0</v>
      </c>
      <c r="CY1547" s="6" t="s">
        <v>616</v>
      </c>
      <c r="CZ1547" s="6" t="s">
        <v>617</v>
      </c>
      <c r="DA1547" s="6" t="s">
        <v>61</v>
      </c>
      <c r="DB1547" s="6" t="s">
        <v>345</v>
      </c>
      <c r="DC1547" s="6"/>
      <c r="DD1547" s="6"/>
      <c r="DE1547" s="6"/>
      <c r="DF1547" s="6"/>
      <c r="DG1547" s="6"/>
      <c r="DH1547" s="6" t="s">
        <v>333</v>
      </c>
      <c r="DI1547" s="6"/>
      <c r="DJ1547" s="6"/>
      <c r="DK1547" s="6"/>
      <c r="DL1547" s="6">
        <v>9</v>
      </c>
      <c r="DM1547" s="6" t="s">
        <v>440</v>
      </c>
      <c r="DN1547" s="6">
        <v>7</v>
      </c>
      <c r="DO1547" s="6" t="s">
        <v>369</v>
      </c>
      <c r="DP1547" s="6"/>
      <c r="DQ1547" s="6"/>
    </row>
    <row r="1548" spans="1:121" x14ac:dyDescent="0.2">
      <c r="A1548" s="6" t="s">
        <v>311</v>
      </c>
      <c r="B1548" s="6" t="s">
        <v>311</v>
      </c>
      <c r="C1548" s="6" t="s">
        <v>174</v>
      </c>
      <c r="D1548" s="6" t="s">
        <v>61</v>
      </c>
      <c r="E1548" s="6" t="s">
        <v>202</v>
      </c>
      <c r="F1548" s="11">
        <v>-54</v>
      </c>
      <c r="G1548" s="13">
        <v>-0.27835051546400003</v>
      </c>
      <c r="H1548" s="11">
        <v>79.134756999999979</v>
      </c>
      <c r="I1548" s="13">
        <v>0.40773022714989393</v>
      </c>
      <c r="J1548" s="11">
        <v>-59.145069999999976</v>
      </c>
      <c r="K1548" s="13">
        <v>-0.21647350557383929</v>
      </c>
      <c r="L1548" s="11">
        <v>-74.413721509000027</v>
      </c>
      <c r="M1548" s="13">
        <v>-0.34760461856783081</v>
      </c>
      <c r="N1548" s="11">
        <v>-133.558791509</v>
      </c>
      <c r="O1548" s="13">
        <v>-0.4888309338066345</v>
      </c>
      <c r="P1548" s="7">
        <v>194.08606900000001</v>
      </c>
      <c r="Q1548" s="7">
        <v>162.86989800000001</v>
      </c>
      <c r="R1548" s="7">
        <v>183.16789199999999</v>
      </c>
      <c r="S1548" s="7">
        <v>188.75621100000001</v>
      </c>
      <c r="T1548" s="7">
        <v>210.635614</v>
      </c>
      <c r="U1548" s="7">
        <v>233.40025900000001</v>
      </c>
      <c r="V1548" s="7">
        <v>273.22082599999999</v>
      </c>
      <c r="W1548" s="7">
        <v>261.63873599999999</v>
      </c>
      <c r="X1548" s="7">
        <v>218.721013</v>
      </c>
      <c r="Y1548" s="7">
        <v>214.07575600000001</v>
      </c>
      <c r="Z1548" s="7">
        <v>184.137618</v>
      </c>
      <c r="AA1548" s="7">
        <v>139.000291</v>
      </c>
      <c r="AB1548" s="7">
        <v>157.98817399999999</v>
      </c>
      <c r="AC1548" s="7">
        <v>145.29857000000001</v>
      </c>
      <c r="AD1548" s="7">
        <v>153.53418099999999</v>
      </c>
      <c r="AE1548" s="7">
        <v>148.47343225</v>
      </c>
      <c r="AF1548" s="7">
        <v>139.66203449099999</v>
      </c>
      <c r="AG1548" s="9">
        <v>55150.130561100013</v>
      </c>
      <c r="AH1548" s="13">
        <v>0.62578517275380952</v>
      </c>
      <c r="AI1548" s="9">
        <v>10380.973356100003</v>
      </c>
      <c r="AJ1548" s="13">
        <v>0.11779227245532312</v>
      </c>
      <c r="AK1548" s="9">
        <v>18210.374522999991</v>
      </c>
      <c r="AL1548" s="13">
        <v>0.1848572545776854</v>
      </c>
      <c r="AM1548" s="9">
        <v>26558.782682000019</v>
      </c>
      <c r="AN1548" s="13">
        <v>0.22754104818445223</v>
      </c>
      <c r="AO1548" s="9">
        <v>44769.15720500001</v>
      </c>
      <c r="AP1548" s="13">
        <v>0.45446091623324431</v>
      </c>
      <c r="AQ1548" s="9">
        <v>88129.493893899999</v>
      </c>
      <c r="AR1548" s="9">
        <v>87378.397987400007</v>
      </c>
      <c r="AS1548" s="9">
        <v>89757.780251899996</v>
      </c>
      <c r="AT1548" s="9">
        <v>96574.819751799994</v>
      </c>
      <c r="AU1548" s="9">
        <v>97173.882928599996</v>
      </c>
      <c r="AV1548" s="9">
        <v>101551.23323699999</v>
      </c>
      <c r="AW1548" s="9">
        <v>98510.467250000002</v>
      </c>
      <c r="AX1548" s="9">
        <v>103027.296399</v>
      </c>
      <c r="AY1548" s="9">
        <v>108344.307604</v>
      </c>
      <c r="AZ1548" s="9">
        <v>116720.84177299999</v>
      </c>
      <c r="BA1548" s="9">
        <v>125191.39960600001</v>
      </c>
      <c r="BB1548" s="9">
        <v>170349.509387</v>
      </c>
      <c r="BC1548" s="9">
        <v>139945.95939100001</v>
      </c>
      <c r="BD1548" s="9">
        <v>151616.10472599999</v>
      </c>
      <c r="BE1548" s="9">
        <v>154116.94209</v>
      </c>
      <c r="BF1548" s="9">
        <v>143279.62445500001</v>
      </c>
      <c r="BG1548" s="11">
        <v>1</v>
      </c>
      <c r="BH1548" s="13">
        <v>1</v>
      </c>
      <c r="BI1548" s="6">
        <v>1</v>
      </c>
      <c r="BJ1548" s="13">
        <v>1</v>
      </c>
      <c r="BK1548" s="6">
        <v>0</v>
      </c>
      <c r="BL1548" s="13">
        <v>0</v>
      </c>
      <c r="BM1548" s="11">
        <v>0</v>
      </c>
      <c r="BN1548" s="13">
        <v>0</v>
      </c>
      <c r="BO1548" s="11">
        <v>0</v>
      </c>
      <c r="BP1548" s="13">
        <v>0</v>
      </c>
      <c r="BQ1548" s="6">
        <v>1</v>
      </c>
      <c r="BR1548" s="6">
        <v>1</v>
      </c>
      <c r="BS1548" s="6">
        <v>1</v>
      </c>
      <c r="BT1548" s="6">
        <v>2</v>
      </c>
      <c r="BU1548" s="6">
        <v>2</v>
      </c>
      <c r="BV1548" s="6">
        <v>2</v>
      </c>
      <c r="BW1548" s="6">
        <v>2</v>
      </c>
      <c r="BX1548" s="6">
        <v>2</v>
      </c>
      <c r="BY1548" s="6">
        <v>2</v>
      </c>
      <c r="BZ1548" s="6">
        <v>2</v>
      </c>
      <c r="CA1548" s="6">
        <v>2</v>
      </c>
      <c r="CB1548" s="6">
        <v>2</v>
      </c>
      <c r="CC1548" s="11">
        <v>2</v>
      </c>
      <c r="CD1548" s="11">
        <v>-44.034300000000002</v>
      </c>
      <c r="CE1548" s="11">
        <v>-31.605699999999999</v>
      </c>
      <c r="CF1548" s="11">
        <v>21.215900000000001</v>
      </c>
      <c r="CG1548" s="11">
        <v>-11</v>
      </c>
      <c r="CH1548" s="20">
        <v>5.1280400000000004</v>
      </c>
      <c r="CI1548" s="20">
        <v>4.6545800000000002</v>
      </c>
      <c r="CJ1548" s="20">
        <v>5.5699199999999998</v>
      </c>
      <c r="CK1548" s="20">
        <v>5.8978200000000003</v>
      </c>
      <c r="CL1548" s="20">
        <v>6.6749900000000002</v>
      </c>
      <c r="CM1548" s="20">
        <v>7.3952799999999996</v>
      </c>
      <c r="CN1548" s="20">
        <v>8.37331</v>
      </c>
      <c r="CO1548" s="20">
        <v>8.0874400000000009</v>
      </c>
      <c r="CP1548" s="20">
        <v>7.1001300000000001</v>
      </c>
      <c r="CQ1548" s="20">
        <v>6.5178399999999996</v>
      </c>
      <c r="CR1548" s="20">
        <v>5.7954800000000004</v>
      </c>
      <c r="CS1548" s="20">
        <v>4.4316899999999997</v>
      </c>
      <c r="CT1548" s="20">
        <v>5.1948800000000004</v>
      </c>
      <c r="CU1548" s="20">
        <v>4.7580600000000004</v>
      </c>
      <c r="CV1548" s="20">
        <v>4.9678399999999998</v>
      </c>
      <c r="CW1548" s="20">
        <v>5.1848599999999996</v>
      </c>
      <c r="CX1548" s="20">
        <v>4.8270600000000004</v>
      </c>
      <c r="CY1548" s="6" t="s">
        <v>616</v>
      </c>
      <c r="CZ1548" s="6" t="s">
        <v>617</v>
      </c>
      <c r="DA1548" s="6" t="s">
        <v>61</v>
      </c>
      <c r="DB1548" s="6" t="s">
        <v>345</v>
      </c>
      <c r="DC1548" s="6"/>
      <c r="DD1548" s="6"/>
      <c r="DE1548" s="6"/>
      <c r="DF1548" s="6"/>
      <c r="DG1548" s="6"/>
      <c r="DH1548" s="6" t="s">
        <v>333</v>
      </c>
      <c r="DI1548" s="6"/>
      <c r="DJ1548" s="6"/>
      <c r="DK1548" s="6"/>
      <c r="DL1548" s="6">
        <v>9</v>
      </c>
      <c r="DM1548" s="6" t="s">
        <v>440</v>
      </c>
      <c r="DN1548" s="6">
        <v>7</v>
      </c>
      <c r="DO1548" s="6" t="s">
        <v>369</v>
      </c>
      <c r="DP1548" s="6"/>
      <c r="DQ1548" s="6"/>
    </row>
    <row r="1549" spans="1:121" x14ac:dyDescent="0.2">
      <c r="A1549" s="6" t="s">
        <v>312</v>
      </c>
      <c r="B1549" s="6" t="s">
        <v>312</v>
      </c>
      <c r="C1549" s="6" t="s">
        <v>175</v>
      </c>
      <c r="D1549" s="6" t="s">
        <v>61</v>
      </c>
      <c r="E1549" s="6" t="s">
        <v>202</v>
      </c>
      <c r="F1549" s="11">
        <v>31</v>
      </c>
      <c r="G1549" s="13">
        <v>0.17514124293800001</v>
      </c>
      <c r="H1549" s="11">
        <v>96.987470899999977</v>
      </c>
      <c r="I1549" s="13">
        <v>0.5477243112703577</v>
      </c>
      <c r="J1549" s="11">
        <v>-53.948538680999974</v>
      </c>
      <c r="K1549" s="13">
        <v>-0.1968486606661434</v>
      </c>
      <c r="L1549" s="11">
        <v>-12.362979445999997</v>
      </c>
      <c r="M1549" s="13">
        <v>-5.616665214640898E-2</v>
      </c>
      <c r="N1549" s="11">
        <v>-66.311518126999971</v>
      </c>
      <c r="O1549" s="13">
        <v>-0.2419589825634306</v>
      </c>
      <c r="P1549" s="7">
        <v>177.073518382</v>
      </c>
      <c r="Q1549" s="7">
        <v>175.85514161699999</v>
      </c>
      <c r="R1549" s="7">
        <v>205.04694863200001</v>
      </c>
      <c r="S1549" s="7">
        <v>258.218699367</v>
      </c>
      <c r="T1549" s="7">
        <v>223.90014259500001</v>
      </c>
      <c r="U1549" s="7">
        <v>270.60171165700001</v>
      </c>
      <c r="V1549" s="7">
        <v>274.06098928199998</v>
      </c>
      <c r="W1549" s="7">
        <v>235.55102626600001</v>
      </c>
      <c r="X1549" s="7">
        <v>229.90930185299999</v>
      </c>
      <c r="Y1549" s="7">
        <v>220.11245060100001</v>
      </c>
      <c r="Z1549" s="7">
        <v>217.52458188700001</v>
      </c>
      <c r="AA1549" s="7">
        <v>215.65117350899999</v>
      </c>
      <c r="AB1549" s="7">
        <v>191.41957540999999</v>
      </c>
      <c r="AC1549" s="7">
        <v>266.80145109099999</v>
      </c>
      <c r="AD1549" s="7">
        <v>214.28934340999999</v>
      </c>
      <c r="AE1549" s="7">
        <v>198.57393934500001</v>
      </c>
      <c r="AF1549" s="7">
        <v>207.74947115500001</v>
      </c>
      <c r="AG1549" s="9">
        <v>14685.497768600002</v>
      </c>
      <c r="AH1549" s="13">
        <v>0.65387144949969556</v>
      </c>
      <c r="AI1549" s="9">
        <v>9682.1472270000013</v>
      </c>
      <c r="AJ1549" s="13">
        <v>0.43109738201209674</v>
      </c>
      <c r="AK1549" s="9">
        <v>7938.1839905999987</v>
      </c>
      <c r="AL1549" s="13">
        <v>0.24697652554586855</v>
      </c>
      <c r="AM1549" s="9">
        <v>-2934.8334489999979</v>
      </c>
      <c r="AN1549" s="13">
        <v>-7.322505359748592E-2</v>
      </c>
      <c r="AO1549" s="9">
        <v>5003.3505416000007</v>
      </c>
      <c r="AP1549" s="13">
        <v>0.15566660262796556</v>
      </c>
      <c r="AQ1549" s="9">
        <v>22459.304164199999</v>
      </c>
      <c r="AR1549" s="9">
        <v>22846.309804299999</v>
      </c>
      <c r="AS1549" s="9">
        <v>24468.125092599999</v>
      </c>
      <c r="AT1549" s="9">
        <v>27274.528586500001</v>
      </c>
      <c r="AU1549" s="9">
        <v>28874.521444900001</v>
      </c>
      <c r="AV1549" s="9">
        <v>30641.345337800001</v>
      </c>
      <c r="AW1549" s="9">
        <v>32141.4513912</v>
      </c>
      <c r="AX1549" s="9">
        <v>32365.854702799999</v>
      </c>
      <c r="AY1549" s="9">
        <v>36758.521113700001</v>
      </c>
      <c r="AZ1549" s="9">
        <v>40079.635381799999</v>
      </c>
      <c r="BA1549" s="9">
        <v>32454.614872300001</v>
      </c>
      <c r="BB1549" s="9">
        <v>34857.971505399997</v>
      </c>
      <c r="BC1549" s="9">
        <v>33760.358626200003</v>
      </c>
      <c r="BD1549" s="9">
        <v>45103.3847245</v>
      </c>
      <c r="BE1549" s="9">
        <v>38190.295219200001</v>
      </c>
      <c r="BF1549" s="9">
        <v>37144.801932800001</v>
      </c>
      <c r="BG1549" s="11">
        <v>-8.75</v>
      </c>
      <c r="BH1549" s="13">
        <v>-0.30172413793103448</v>
      </c>
      <c r="BI1549" s="6">
        <v>-2</v>
      </c>
      <c r="BJ1549" s="13">
        <v>-6.8965517241379309E-2</v>
      </c>
      <c r="BK1549" s="6">
        <v>-2</v>
      </c>
      <c r="BL1549" s="13">
        <v>-7.407407407407407E-2</v>
      </c>
      <c r="BM1549" s="11">
        <v>-4.75</v>
      </c>
      <c r="BN1549" s="13">
        <v>-0.19</v>
      </c>
      <c r="BO1549" s="11">
        <v>-6.75</v>
      </c>
      <c r="BP1549" s="13">
        <v>-0.25</v>
      </c>
      <c r="BQ1549" s="6">
        <v>29</v>
      </c>
      <c r="BR1549" s="6">
        <v>27</v>
      </c>
      <c r="BS1549" s="6">
        <v>23</v>
      </c>
      <c r="BT1549" s="6">
        <v>27</v>
      </c>
      <c r="BU1549" s="6">
        <v>24</v>
      </c>
      <c r="BV1549" s="6">
        <v>25</v>
      </c>
      <c r="BW1549" s="6">
        <v>25</v>
      </c>
      <c r="BX1549" s="6">
        <v>27</v>
      </c>
      <c r="BY1549" s="6">
        <v>26</v>
      </c>
      <c r="BZ1549" s="6">
        <v>24</v>
      </c>
      <c r="CA1549" s="6">
        <v>20</v>
      </c>
      <c r="CB1549" s="6">
        <v>21</v>
      </c>
      <c r="CC1549" s="11">
        <v>20.25</v>
      </c>
      <c r="CD1549" s="11">
        <v>32.767800000000001</v>
      </c>
      <c r="CE1549" s="11">
        <v>-21.4481</v>
      </c>
      <c r="CF1549" s="11">
        <v>19.356300000000001</v>
      </c>
      <c r="CG1549" s="11">
        <v>-2</v>
      </c>
      <c r="CH1549" s="20">
        <v>0.32256099999999999</v>
      </c>
      <c r="CI1549" s="20">
        <v>0.34409899999999999</v>
      </c>
      <c r="CJ1549" s="20">
        <v>0.40796900000000003</v>
      </c>
      <c r="CK1549" s="20">
        <v>0.49496200000000001</v>
      </c>
      <c r="CL1549" s="20">
        <v>0.40581200000000001</v>
      </c>
      <c r="CM1549" s="20">
        <v>0.46702700000000003</v>
      </c>
      <c r="CN1549" s="20">
        <v>0.46365899999999999</v>
      </c>
      <c r="CO1549" s="20">
        <v>0.43136799999999997</v>
      </c>
      <c r="CP1549" s="20">
        <v>0.51003299999999996</v>
      </c>
      <c r="CQ1549" s="20">
        <v>0.48996800000000001</v>
      </c>
      <c r="CR1549" s="20">
        <v>0.50580999999999998</v>
      </c>
      <c r="CS1549" s="20">
        <v>0.50318700000000005</v>
      </c>
      <c r="CT1549" s="20">
        <v>0.449486</v>
      </c>
      <c r="CU1549" s="20">
        <v>0.604993</v>
      </c>
      <c r="CV1549" s="20">
        <v>0.46683200000000002</v>
      </c>
      <c r="CW1549" s="20">
        <v>0.45725199999999999</v>
      </c>
      <c r="CX1549" s="20">
        <v>0.47414699999999999</v>
      </c>
      <c r="CY1549" s="6" t="s">
        <v>616</v>
      </c>
      <c r="CZ1549" s="6" t="s">
        <v>617</v>
      </c>
      <c r="DA1549" s="6" t="s">
        <v>61</v>
      </c>
      <c r="DB1549" s="6" t="s">
        <v>345</v>
      </c>
      <c r="DC1549" s="6"/>
      <c r="DD1549" s="6"/>
      <c r="DE1549" s="6"/>
      <c r="DF1549" s="6"/>
      <c r="DG1549" s="6"/>
      <c r="DH1549" s="6" t="s">
        <v>333</v>
      </c>
      <c r="DI1549" s="6"/>
      <c r="DJ1549" s="6"/>
      <c r="DK1549" s="6"/>
      <c r="DL1549" s="6">
        <v>9</v>
      </c>
      <c r="DM1549" s="6" t="s">
        <v>440</v>
      </c>
      <c r="DN1549" s="6">
        <v>7</v>
      </c>
      <c r="DO1549" s="6" t="s">
        <v>369</v>
      </c>
      <c r="DP1549" s="6"/>
      <c r="DQ1549" s="6"/>
    </row>
    <row r="1550" spans="1:121" x14ac:dyDescent="0.2">
      <c r="A1550" s="6" t="s">
        <v>792</v>
      </c>
      <c r="B1550" s="6" t="s">
        <v>176</v>
      </c>
      <c r="C1550" s="6" t="s">
        <v>177</v>
      </c>
      <c r="D1550" s="6" t="s">
        <v>61</v>
      </c>
      <c r="E1550" s="6" t="s">
        <v>202</v>
      </c>
      <c r="F1550" s="11">
        <v>-2112</v>
      </c>
      <c r="G1550" s="13">
        <v>-0.62319268220699997</v>
      </c>
      <c r="H1550" s="11">
        <v>-1103.9277230299999</v>
      </c>
      <c r="I1550" s="13">
        <v>-0.32575517988867403</v>
      </c>
      <c r="J1550" s="11">
        <v>-628.12249416000009</v>
      </c>
      <c r="K1550" s="13">
        <v>-0.27490169530974301</v>
      </c>
      <c r="L1550" s="11">
        <v>-379.87922188000016</v>
      </c>
      <c r="M1550" s="13">
        <v>-0.22928820881111825</v>
      </c>
      <c r="N1550" s="11">
        <v>-1008.0017160400002</v>
      </c>
      <c r="O1550" s="13">
        <v>-0.44115818680415048</v>
      </c>
      <c r="P1550" s="7">
        <v>3388.8263063300001</v>
      </c>
      <c r="Q1550" s="7">
        <v>2945.6357340200002</v>
      </c>
      <c r="R1550" s="7">
        <v>2558.63248587</v>
      </c>
      <c r="S1550" s="7">
        <v>2482.1238145699999</v>
      </c>
      <c r="T1550" s="7">
        <v>2650.6813883499999</v>
      </c>
      <c r="U1550" s="7">
        <v>2867.5773666300001</v>
      </c>
      <c r="V1550" s="7">
        <v>2284.8985833000002</v>
      </c>
      <c r="W1550" s="7">
        <v>2288.0897101700002</v>
      </c>
      <c r="X1550" s="7">
        <v>1553.64939521</v>
      </c>
      <c r="Y1550" s="7">
        <v>1656.7760891400001</v>
      </c>
      <c r="Z1550" s="7">
        <v>1612.5247130800001</v>
      </c>
      <c r="AA1550" s="7">
        <v>1657.76707302</v>
      </c>
      <c r="AB1550" s="7">
        <v>1512.9680646300001</v>
      </c>
      <c r="AC1550" s="7">
        <v>1662.18323465</v>
      </c>
      <c r="AD1550" s="7">
        <v>1765.4025600499999</v>
      </c>
      <c r="AE1550" s="7">
        <v>1312.68100927</v>
      </c>
      <c r="AF1550" s="7">
        <v>1276.8968672599999</v>
      </c>
      <c r="AG1550" s="9">
        <v>21158.921081499997</v>
      </c>
      <c r="AH1550" s="13">
        <v>0.51649546424083026</v>
      </c>
      <c r="AI1550" s="9">
        <v>17119.0400304</v>
      </c>
      <c r="AJ1550" s="13">
        <v>0.41788078389259659</v>
      </c>
      <c r="AK1550" s="9">
        <v>8704.7156320999929</v>
      </c>
      <c r="AL1550" s="13">
        <v>0.14986073717790976</v>
      </c>
      <c r="AM1550" s="9">
        <v>-4664.8345809999955</v>
      </c>
      <c r="AN1550" s="13">
        <v>-6.9843224178645844E-2</v>
      </c>
      <c r="AO1550" s="9">
        <v>4039.8810510999974</v>
      </c>
      <c r="AP1550" s="13">
        <v>6.9550755936970049E-2</v>
      </c>
      <c r="AQ1550" s="9">
        <v>40966.325062700002</v>
      </c>
      <c r="AR1550" s="9">
        <v>45013.435559799997</v>
      </c>
      <c r="AS1550" s="9">
        <v>46558.569152800002</v>
      </c>
      <c r="AT1550" s="9">
        <v>48515.2351881</v>
      </c>
      <c r="AU1550" s="9">
        <v>50228.802592599997</v>
      </c>
      <c r="AV1550" s="9">
        <v>52386.178845599999</v>
      </c>
      <c r="AW1550" s="9">
        <v>58085.365093100001</v>
      </c>
      <c r="AX1550" s="9">
        <v>59075.117206299998</v>
      </c>
      <c r="AY1550" s="9">
        <v>63096.060853299998</v>
      </c>
      <c r="AZ1550" s="9">
        <v>66790.080725199994</v>
      </c>
      <c r="BA1550" s="9">
        <v>64879.251675899999</v>
      </c>
      <c r="BB1550" s="9">
        <v>68277.856304400004</v>
      </c>
      <c r="BC1550" s="9">
        <v>68115.535708700001</v>
      </c>
      <c r="BD1550" s="9">
        <v>70972.700367500001</v>
      </c>
      <c r="BE1550" s="9">
        <v>71582.435720599999</v>
      </c>
      <c r="BF1550" s="9">
        <v>62125.246144199999</v>
      </c>
      <c r="BG1550" s="11">
        <v>-4.75</v>
      </c>
      <c r="BH1550" s="13">
        <v>-0.23749999999999999</v>
      </c>
      <c r="BI1550" s="6">
        <v>-1</v>
      </c>
      <c r="BJ1550" s="13">
        <v>-0.05</v>
      </c>
      <c r="BK1550" s="6">
        <v>0</v>
      </c>
      <c r="BL1550" s="13">
        <v>0</v>
      </c>
      <c r="BM1550" s="11">
        <v>-3.75</v>
      </c>
      <c r="BN1550" s="13">
        <v>-0.19736842105263158</v>
      </c>
      <c r="BO1550" s="11">
        <v>-3.75</v>
      </c>
      <c r="BP1550" s="13">
        <v>-0.19736842105263158</v>
      </c>
      <c r="BQ1550" s="6">
        <v>20</v>
      </c>
      <c r="BR1550" s="6">
        <v>16</v>
      </c>
      <c r="BS1550" s="6">
        <v>16</v>
      </c>
      <c r="BT1550" s="6">
        <v>19</v>
      </c>
      <c r="BU1550" s="6">
        <v>20</v>
      </c>
      <c r="BV1550" s="6">
        <v>19</v>
      </c>
      <c r="BW1550" s="6">
        <v>19</v>
      </c>
      <c r="BX1550" s="6">
        <v>15</v>
      </c>
      <c r="BY1550" s="6">
        <v>13</v>
      </c>
      <c r="BZ1550" s="6">
        <v>12</v>
      </c>
      <c r="CA1550" s="6">
        <v>14</v>
      </c>
      <c r="CB1550" s="6">
        <v>14</v>
      </c>
      <c r="CC1550" s="11">
        <v>15.25</v>
      </c>
      <c r="CD1550" s="11">
        <v>-1286.19</v>
      </c>
      <c r="CE1550" s="11">
        <v>-1196.18</v>
      </c>
      <c r="CF1550" s="11">
        <v>370.44</v>
      </c>
      <c r="CG1550" s="11">
        <v>-826</v>
      </c>
      <c r="CH1550" s="20">
        <v>3.2244999999999999</v>
      </c>
      <c r="CI1550" s="20">
        <v>3.21733</v>
      </c>
      <c r="CJ1550" s="20">
        <v>3.0375999999999999</v>
      </c>
      <c r="CK1550" s="20">
        <v>3.00692</v>
      </c>
      <c r="CL1550" s="20">
        <v>3.19726</v>
      </c>
      <c r="CM1550" s="20">
        <v>3.4522499999999998</v>
      </c>
      <c r="CN1550" s="20">
        <v>2.72993</v>
      </c>
      <c r="CO1550" s="20">
        <v>2.8952300000000002</v>
      </c>
      <c r="CP1550" s="20">
        <v>2.3462999999999998</v>
      </c>
      <c r="CQ1550" s="20">
        <v>2.3750200000000001</v>
      </c>
      <c r="CR1550" s="20">
        <v>2.3428</v>
      </c>
      <c r="CS1550" s="20">
        <v>2.3995099999999998</v>
      </c>
      <c r="CT1550" s="20">
        <v>2.23855</v>
      </c>
      <c r="CU1550" s="20">
        <v>2.4331299999999998</v>
      </c>
      <c r="CV1550" s="20">
        <v>2.55227</v>
      </c>
      <c r="CW1550" s="20">
        <v>2.0496799999999999</v>
      </c>
      <c r="CX1550" s="20">
        <v>1.98888</v>
      </c>
      <c r="CY1550" s="6" t="s">
        <v>616</v>
      </c>
      <c r="CZ1550" s="6" t="s">
        <v>617</v>
      </c>
      <c r="DA1550" s="6" t="s">
        <v>61</v>
      </c>
      <c r="DB1550" s="6" t="s">
        <v>345</v>
      </c>
      <c r="DC1550" s="6"/>
      <c r="DD1550" s="6"/>
      <c r="DE1550" s="6"/>
      <c r="DF1550" s="6"/>
      <c r="DG1550" s="6"/>
      <c r="DH1550" s="6" t="s">
        <v>333</v>
      </c>
      <c r="DI1550" s="6"/>
      <c r="DJ1550" s="6"/>
      <c r="DK1550" s="6"/>
      <c r="DL1550" s="6">
        <v>9</v>
      </c>
      <c r="DM1550" s="6" t="s">
        <v>440</v>
      </c>
      <c r="DN1550" s="6">
        <v>7</v>
      </c>
      <c r="DO1550" s="6" t="s">
        <v>369</v>
      </c>
      <c r="DP1550" s="6"/>
      <c r="DQ1550" s="6"/>
    </row>
    <row r="1551" spans="1:121" x14ac:dyDescent="0.2">
      <c r="A1551" s="6" t="s">
        <v>313</v>
      </c>
      <c r="B1551" s="6" t="s">
        <v>313</v>
      </c>
      <c r="C1551" s="6" t="s">
        <v>178</v>
      </c>
      <c r="D1551" s="6" t="s">
        <v>61</v>
      </c>
      <c r="E1551" s="6" t="s">
        <v>202</v>
      </c>
      <c r="F1551" s="11">
        <v>124</v>
      </c>
      <c r="G1551" s="13">
        <v>0.252545824847</v>
      </c>
      <c r="H1551" s="11">
        <v>35.735907904999976</v>
      </c>
      <c r="I1551" s="13">
        <v>7.2787270571307447E-2</v>
      </c>
      <c r="J1551" s="11">
        <v>-11.988539193999941</v>
      </c>
      <c r="K1551" s="13">
        <v>-2.2761625301009197E-2</v>
      </c>
      <c r="L1551" s="11">
        <v>100.52189131599994</v>
      </c>
      <c r="M1551" s="13">
        <v>0.19529770545668096</v>
      </c>
      <c r="N1551" s="11">
        <v>88.533352121999997</v>
      </c>
      <c r="O1551" s="13">
        <v>0.16809078696191992</v>
      </c>
      <c r="P1551" s="7">
        <v>490.96370319300001</v>
      </c>
      <c r="Q1551" s="7">
        <v>478.33594455999997</v>
      </c>
      <c r="R1551" s="7">
        <v>542.66296920499997</v>
      </c>
      <c r="S1551" s="7">
        <v>498.82720598499998</v>
      </c>
      <c r="T1551" s="7">
        <v>501.47354222799999</v>
      </c>
      <c r="U1551" s="7">
        <v>423.23317786400003</v>
      </c>
      <c r="V1551" s="7">
        <v>526.69961109799999</v>
      </c>
      <c r="W1551" s="7">
        <v>455.92070837099999</v>
      </c>
      <c r="X1551" s="7">
        <v>418.19235912599999</v>
      </c>
      <c r="Y1551" s="7">
        <v>514.71107190400005</v>
      </c>
      <c r="Z1551" s="7">
        <v>493.329085851</v>
      </c>
      <c r="AA1551" s="7">
        <v>497.04694764800001</v>
      </c>
      <c r="AB1551" s="7">
        <v>598.74797652999996</v>
      </c>
      <c r="AC1551" s="7">
        <v>603.03839102100005</v>
      </c>
      <c r="AD1551" s="7">
        <v>618.36610061199997</v>
      </c>
      <c r="AE1551" s="7">
        <v>594.80582168299998</v>
      </c>
      <c r="AF1551" s="7">
        <v>615.23296321999999</v>
      </c>
      <c r="AG1551" s="9">
        <v>28286.612847700002</v>
      </c>
      <c r="AH1551" s="13">
        <v>0.84322127885788178</v>
      </c>
      <c r="AI1551" s="9">
        <v>13560.416858700002</v>
      </c>
      <c r="AJ1551" s="13">
        <v>0.40423475610190407</v>
      </c>
      <c r="AK1551" s="9">
        <v>3334.7877386999971</v>
      </c>
      <c r="AL1551" s="13">
        <v>7.0792799869972833E-2</v>
      </c>
      <c r="AM1551" s="9">
        <v>11391.408250300003</v>
      </c>
      <c r="AN1551" s="13">
        <v>0.22583584107735244</v>
      </c>
      <c r="AO1551" s="9">
        <v>14726.195989</v>
      </c>
      <c r="AP1551" s="13">
        <v>0.31261619244818128</v>
      </c>
      <c r="AQ1551" s="9">
        <v>33545.8954333</v>
      </c>
      <c r="AR1551" s="9">
        <v>34828.830095500001</v>
      </c>
      <c r="AS1551" s="9">
        <v>34304.898892600002</v>
      </c>
      <c r="AT1551" s="9">
        <v>40587.320332099996</v>
      </c>
      <c r="AU1551" s="9">
        <v>38602.310924999998</v>
      </c>
      <c r="AV1551" s="9">
        <v>44335.792083200002</v>
      </c>
      <c r="AW1551" s="9">
        <v>47106.312292000002</v>
      </c>
      <c r="AX1551" s="9">
        <v>55231.714058199999</v>
      </c>
      <c r="AY1551" s="9">
        <v>52715.612452599999</v>
      </c>
      <c r="AZ1551" s="9">
        <v>50441.100030699999</v>
      </c>
      <c r="BA1551" s="9">
        <v>50114.465295499998</v>
      </c>
      <c r="BB1551" s="9">
        <v>56925.946718899999</v>
      </c>
      <c r="BC1551" s="9">
        <v>56160.370522500001</v>
      </c>
      <c r="BD1551" s="9">
        <v>59493.952396300003</v>
      </c>
      <c r="BE1551" s="9">
        <v>60483.871732300002</v>
      </c>
      <c r="BF1551" s="9">
        <v>61832.508281000002</v>
      </c>
      <c r="BG1551" s="11">
        <v>14.25</v>
      </c>
      <c r="BH1551" s="13">
        <v>0.5089285714285714</v>
      </c>
      <c r="BI1551" s="6">
        <v>5</v>
      </c>
      <c r="BJ1551" s="13">
        <v>0.17857142857142858</v>
      </c>
      <c r="BK1551" s="6">
        <v>5</v>
      </c>
      <c r="BL1551" s="13">
        <v>0.15151515151515152</v>
      </c>
      <c r="BM1551" s="11">
        <v>4.25</v>
      </c>
      <c r="BN1551" s="13">
        <v>0.1118421052631579</v>
      </c>
      <c r="BO1551" s="11">
        <v>9.25</v>
      </c>
      <c r="BP1551" s="13">
        <v>0.28030303030303028</v>
      </c>
      <c r="BQ1551" s="6">
        <v>28</v>
      </c>
      <c r="BR1551" s="6">
        <v>30</v>
      </c>
      <c r="BS1551" s="6">
        <v>31</v>
      </c>
      <c r="BT1551" s="6">
        <v>33</v>
      </c>
      <c r="BU1551" s="6">
        <v>32</v>
      </c>
      <c r="BV1551" s="6">
        <v>31</v>
      </c>
      <c r="BW1551" s="6">
        <v>38</v>
      </c>
      <c r="BX1551" s="6">
        <v>37</v>
      </c>
      <c r="BY1551" s="6">
        <v>36</v>
      </c>
      <c r="BZ1551" s="6">
        <v>42</v>
      </c>
      <c r="CA1551" s="6">
        <v>41</v>
      </c>
      <c r="CB1551" s="6">
        <v>43</v>
      </c>
      <c r="CC1551" s="11">
        <v>42.25</v>
      </c>
      <c r="CD1551" s="11">
        <v>110.746</v>
      </c>
      <c r="CE1551" s="11">
        <v>-40.1449</v>
      </c>
      <c r="CF1551" s="11">
        <v>53.668199999999999</v>
      </c>
      <c r="CG1551" s="11">
        <v>14</v>
      </c>
      <c r="CH1551" s="20">
        <v>1.3119499999999999</v>
      </c>
      <c r="CI1551" s="20">
        <v>1.3935299999999999</v>
      </c>
      <c r="CJ1551" s="20">
        <v>1.64262</v>
      </c>
      <c r="CK1551" s="20">
        <v>1.5042899999999999</v>
      </c>
      <c r="CL1551" s="20">
        <v>1.4700299999999999</v>
      </c>
      <c r="CM1551" s="20">
        <v>1.20482</v>
      </c>
      <c r="CN1551" s="20">
        <v>1.4353199999999999</v>
      </c>
      <c r="CO1551" s="20">
        <v>1.2821199999999999</v>
      </c>
      <c r="CP1551" s="20">
        <v>1.3267899999999999</v>
      </c>
      <c r="CQ1551" s="20">
        <v>1.5346599999999999</v>
      </c>
      <c r="CR1551" s="20">
        <v>1.49732</v>
      </c>
      <c r="CS1551" s="20">
        <v>1.50119</v>
      </c>
      <c r="CT1551" s="20">
        <v>1.83802</v>
      </c>
      <c r="CU1551" s="20">
        <v>1.8337699999999999</v>
      </c>
      <c r="CV1551" s="20">
        <v>1.85833</v>
      </c>
      <c r="CW1551" s="20">
        <v>1.9356100000000001</v>
      </c>
      <c r="CX1551" s="20">
        <v>1.98089</v>
      </c>
      <c r="CY1551" s="6" t="s">
        <v>616</v>
      </c>
      <c r="CZ1551" s="6" t="s">
        <v>617</v>
      </c>
      <c r="DA1551" s="6" t="s">
        <v>61</v>
      </c>
      <c r="DB1551" s="6" t="s">
        <v>345</v>
      </c>
      <c r="DC1551" s="6"/>
      <c r="DD1551" s="6"/>
      <c r="DE1551" s="6"/>
      <c r="DF1551" s="6"/>
      <c r="DG1551" s="6"/>
      <c r="DH1551" s="6" t="s">
        <v>333</v>
      </c>
      <c r="DI1551" s="6"/>
      <c r="DJ1551" s="6"/>
      <c r="DK1551" s="6"/>
      <c r="DL1551" s="6">
        <v>9</v>
      </c>
      <c r="DM1551" s="6" t="s">
        <v>440</v>
      </c>
      <c r="DN1551" s="6">
        <v>7</v>
      </c>
      <c r="DO1551" s="6" t="s">
        <v>369</v>
      </c>
      <c r="DP1551" s="6"/>
      <c r="DQ1551" s="6"/>
    </row>
    <row r="1552" spans="1:121" x14ac:dyDescent="0.2">
      <c r="A1552" s="6" t="s">
        <v>793</v>
      </c>
      <c r="B1552" s="6" t="s">
        <v>179</v>
      </c>
      <c r="C1552" s="6" t="s">
        <v>180</v>
      </c>
      <c r="D1552" s="6" t="s">
        <v>61</v>
      </c>
      <c r="E1552" s="6" t="s">
        <v>202</v>
      </c>
      <c r="F1552" s="11">
        <v>487</v>
      </c>
      <c r="G1552" s="13">
        <v>0.48</v>
      </c>
      <c r="H1552" s="11">
        <v>415</v>
      </c>
      <c r="I1552" s="13">
        <v>0.40806293018682399</v>
      </c>
      <c r="J1552" s="11">
        <v>-20</v>
      </c>
      <c r="K1552" s="13">
        <v>-1.3966480446927372E-2</v>
      </c>
      <c r="L1552" s="11">
        <v>92</v>
      </c>
      <c r="M1552" s="13">
        <v>6.5155807365439092E-2</v>
      </c>
      <c r="N1552" s="11">
        <v>72</v>
      </c>
      <c r="O1552" s="13">
        <v>5.027932960893855E-2</v>
      </c>
      <c r="P1552" s="7">
        <v>1017</v>
      </c>
      <c r="Q1552" s="7">
        <v>925</v>
      </c>
      <c r="R1552" s="7">
        <v>913</v>
      </c>
      <c r="S1552" s="7">
        <v>907</v>
      </c>
      <c r="T1552" s="7">
        <v>875</v>
      </c>
      <c r="U1552" s="7">
        <v>878</v>
      </c>
      <c r="V1552" s="7">
        <v>1432</v>
      </c>
      <c r="W1552" s="7">
        <v>1360</v>
      </c>
      <c r="X1552" s="7">
        <v>1330</v>
      </c>
      <c r="Y1552" s="7">
        <v>1412</v>
      </c>
      <c r="Z1552" s="7">
        <v>1323</v>
      </c>
      <c r="AA1552" s="7">
        <v>1323</v>
      </c>
      <c r="AB1552" s="7">
        <v>1329</v>
      </c>
      <c r="AC1552" s="7">
        <v>1320</v>
      </c>
      <c r="AD1552" s="7">
        <v>1404</v>
      </c>
      <c r="AE1552" s="7">
        <v>1451</v>
      </c>
      <c r="AF1552" s="7">
        <v>1504</v>
      </c>
      <c r="AG1552" s="9">
        <v>8056</v>
      </c>
      <c r="AH1552" s="13">
        <v>0.38131301178586641</v>
      </c>
      <c r="AI1552" s="9">
        <v>4425</v>
      </c>
      <c r="AJ1552" s="13">
        <v>0.20944762626023572</v>
      </c>
      <c r="AK1552" s="9">
        <v>1569</v>
      </c>
      <c r="AL1552" s="13">
        <v>6.1404195366311837E-2</v>
      </c>
      <c r="AM1552" s="9">
        <v>2062</v>
      </c>
      <c r="AN1552" s="13">
        <v>7.602964492459717E-2</v>
      </c>
      <c r="AO1552" s="9">
        <v>3631</v>
      </c>
      <c r="AP1552" s="13">
        <v>0.14210237946149029</v>
      </c>
      <c r="AQ1552" s="9">
        <v>21127</v>
      </c>
      <c r="AR1552" s="9">
        <v>23105</v>
      </c>
      <c r="AS1552" s="9">
        <v>23683</v>
      </c>
      <c r="AT1552" s="9">
        <v>24363</v>
      </c>
      <c r="AU1552" s="9">
        <v>25605</v>
      </c>
      <c r="AV1552" s="9">
        <v>25946</v>
      </c>
      <c r="AW1552" s="9">
        <v>25552</v>
      </c>
      <c r="AX1552" s="9">
        <v>26199</v>
      </c>
      <c r="AY1552" s="9">
        <v>26683</v>
      </c>
      <c r="AZ1552" s="9">
        <v>27121</v>
      </c>
      <c r="BA1552" s="9">
        <v>27991</v>
      </c>
      <c r="BB1552" s="9">
        <v>28253</v>
      </c>
      <c r="BC1552" s="9">
        <v>28238</v>
      </c>
      <c r="BD1552" s="9">
        <v>28185</v>
      </c>
      <c r="BE1552" s="9">
        <v>28881</v>
      </c>
      <c r="BF1552" s="9">
        <v>29183</v>
      </c>
      <c r="BG1552" s="11">
        <v>-2</v>
      </c>
      <c r="BH1552" s="13">
        <v>-2.6315789473684209E-2</v>
      </c>
      <c r="BI1552" s="6">
        <v>-8</v>
      </c>
      <c r="BJ1552" s="13">
        <v>-0.10526315789473684</v>
      </c>
      <c r="BK1552" s="6">
        <v>9</v>
      </c>
      <c r="BL1552" s="13">
        <v>0.13235294117647059</v>
      </c>
      <c r="BM1552" s="11">
        <v>-3</v>
      </c>
      <c r="BN1552" s="13">
        <v>-3.896103896103896E-2</v>
      </c>
      <c r="BO1552" s="11">
        <v>6</v>
      </c>
      <c r="BP1552" s="13">
        <v>8.8235294117647065E-2</v>
      </c>
      <c r="BQ1552" s="6">
        <v>76</v>
      </c>
      <c r="BR1552" s="6">
        <v>69</v>
      </c>
      <c r="BS1552" s="6">
        <v>69</v>
      </c>
      <c r="BT1552" s="6">
        <v>68</v>
      </c>
      <c r="BU1552" s="6">
        <v>67</v>
      </c>
      <c r="BV1552" s="6">
        <v>67</v>
      </c>
      <c r="BW1552" s="6">
        <v>77</v>
      </c>
      <c r="BX1552" s="6">
        <v>73</v>
      </c>
      <c r="BY1552" s="6">
        <v>73</v>
      </c>
      <c r="BZ1552" s="6">
        <v>70</v>
      </c>
      <c r="CA1552" s="6">
        <v>72</v>
      </c>
      <c r="CB1552" s="6">
        <v>74</v>
      </c>
      <c r="CC1552" s="11">
        <v>74</v>
      </c>
      <c r="CD1552" s="11">
        <v>441</v>
      </c>
      <c r="CE1552" s="11">
        <v>-65</v>
      </c>
      <c r="CF1552" s="11">
        <v>111</v>
      </c>
      <c r="CG1552" s="11">
        <v>46</v>
      </c>
      <c r="CH1552" s="20">
        <v>1.01</v>
      </c>
      <c r="CI1552" s="20">
        <v>0.99</v>
      </c>
      <c r="CJ1552" s="20">
        <v>1.02</v>
      </c>
      <c r="CK1552" s="20">
        <v>1.01</v>
      </c>
      <c r="CL1552" s="20">
        <v>0.95</v>
      </c>
      <c r="CM1552" s="20">
        <v>0.94</v>
      </c>
      <c r="CN1552" s="20">
        <v>1.48</v>
      </c>
      <c r="CO1552" s="20">
        <v>1.46</v>
      </c>
      <c r="CP1552" s="20">
        <v>1.59</v>
      </c>
      <c r="CQ1552" s="20">
        <v>1.56</v>
      </c>
      <c r="CR1552" s="20">
        <v>1.5</v>
      </c>
      <c r="CS1552" s="20">
        <v>1.5</v>
      </c>
      <c r="CT1552" s="20">
        <v>1.53</v>
      </c>
      <c r="CU1552" s="20">
        <v>1.5</v>
      </c>
      <c r="CV1552" s="20">
        <v>1.56</v>
      </c>
      <c r="CW1552" s="20">
        <v>1.73</v>
      </c>
      <c r="CX1552" s="20">
        <v>1.77</v>
      </c>
      <c r="CY1552" s="6" t="s">
        <v>616</v>
      </c>
      <c r="CZ1552" s="6" t="s">
        <v>617</v>
      </c>
      <c r="DA1552" s="6" t="s">
        <v>61</v>
      </c>
      <c r="DB1552" s="6" t="s">
        <v>345</v>
      </c>
      <c r="DC1552" s="6"/>
      <c r="DD1552" s="6"/>
      <c r="DE1552" s="6"/>
      <c r="DF1552" s="6"/>
      <c r="DG1552" s="6"/>
      <c r="DH1552" s="6" t="s">
        <v>333</v>
      </c>
      <c r="DI1552" s="6"/>
      <c r="DJ1552" s="6"/>
      <c r="DK1552" s="6"/>
      <c r="DL1552" s="6">
        <v>9</v>
      </c>
      <c r="DM1552" s="6" t="s">
        <v>440</v>
      </c>
      <c r="DN1552" s="6">
        <v>7</v>
      </c>
      <c r="DO1552" s="6" t="s">
        <v>369</v>
      </c>
      <c r="DP1552" s="6"/>
      <c r="DQ1552" s="6"/>
    </row>
    <row r="1553" spans="1:121" x14ac:dyDescent="0.2">
      <c r="A1553" s="6" t="s">
        <v>794</v>
      </c>
      <c r="B1553" s="6" t="s">
        <v>181</v>
      </c>
      <c r="C1553" s="6" t="s">
        <v>182</v>
      </c>
      <c r="D1553" s="6" t="s">
        <v>61</v>
      </c>
      <c r="E1553" s="6" t="s">
        <v>202</v>
      </c>
      <c r="F1553" s="11">
        <v>120</v>
      </c>
      <c r="G1553" s="13">
        <v>0.6</v>
      </c>
      <c r="H1553" s="11">
        <v>128.04133007999997</v>
      </c>
      <c r="I1553" s="13">
        <v>0.64179417938631955</v>
      </c>
      <c r="J1553" s="11">
        <v>36.433223380000015</v>
      </c>
      <c r="K1553" s="13">
        <v>0.11123065177554203</v>
      </c>
      <c r="L1553" s="11">
        <v>-44.37565194299998</v>
      </c>
      <c r="M1553" s="13">
        <v>-0.12191788491031828</v>
      </c>
      <c r="N1553" s="11">
        <v>-7.9424285629999645</v>
      </c>
      <c r="O1553" s="13">
        <v>-2.4248238936446457E-2</v>
      </c>
      <c r="P1553" s="7">
        <v>199.50528408100001</v>
      </c>
      <c r="Q1553" s="7">
        <v>243.999522012</v>
      </c>
      <c r="R1553" s="7">
        <v>210.30079480399999</v>
      </c>
      <c r="S1553" s="7">
        <v>190.786095921</v>
      </c>
      <c r="T1553" s="7">
        <v>269.99760864000001</v>
      </c>
      <c r="U1553" s="7">
        <v>225.90744777</v>
      </c>
      <c r="V1553" s="7">
        <v>327.54661416099998</v>
      </c>
      <c r="W1553" s="7">
        <v>302.96316245000003</v>
      </c>
      <c r="X1553" s="7">
        <v>332.38570695499999</v>
      </c>
      <c r="Y1553" s="7">
        <v>363.97983754099999</v>
      </c>
      <c r="Z1553" s="7">
        <v>373.67339590900002</v>
      </c>
      <c r="AA1553" s="7">
        <v>343.35439310700002</v>
      </c>
      <c r="AB1553" s="7">
        <v>340.607648789</v>
      </c>
      <c r="AC1553" s="7">
        <v>303.49089629600002</v>
      </c>
      <c r="AD1553" s="7">
        <v>325.99541377100002</v>
      </c>
      <c r="AE1553" s="7">
        <v>307.62785976599997</v>
      </c>
      <c r="AF1553" s="7">
        <v>319.60418559800002</v>
      </c>
      <c r="AG1553" s="9">
        <v>31246.209161999999</v>
      </c>
      <c r="AH1553" s="13">
        <v>1.0457225721626238</v>
      </c>
      <c r="AI1553" s="9">
        <v>14927.623413299996</v>
      </c>
      <c r="AJ1553" s="13">
        <v>0.49958549119025059</v>
      </c>
      <c r="AK1553" s="9">
        <v>6406.4782605</v>
      </c>
      <c r="AL1553" s="13">
        <v>0.14297735998722225</v>
      </c>
      <c r="AM1553" s="9">
        <v>9912.107488200003</v>
      </c>
      <c r="AN1553" s="13">
        <v>0.19354247564987292</v>
      </c>
      <c r="AO1553" s="9">
        <v>16318.585748700003</v>
      </c>
      <c r="AP1553" s="13">
        <v>0.36419202785090526</v>
      </c>
      <c r="AQ1553" s="9">
        <v>29880.017887900001</v>
      </c>
      <c r="AR1553" s="9">
        <v>36825.164579199998</v>
      </c>
      <c r="AS1553" s="9">
        <v>34628.919955600002</v>
      </c>
      <c r="AT1553" s="9">
        <v>43034.4846712</v>
      </c>
      <c r="AU1553" s="9">
        <v>43298.155487299999</v>
      </c>
      <c r="AV1553" s="9">
        <v>43542.710875299999</v>
      </c>
      <c r="AW1553" s="9">
        <v>44807.641301199998</v>
      </c>
      <c r="AX1553" s="9">
        <v>49874.9291276</v>
      </c>
      <c r="AY1553" s="9">
        <v>50766.371719100003</v>
      </c>
      <c r="AZ1553" s="9">
        <v>51214.119561699998</v>
      </c>
      <c r="BA1553" s="9">
        <v>56239.252441299999</v>
      </c>
      <c r="BB1553" s="9">
        <v>53076.438415600001</v>
      </c>
      <c r="BC1553" s="9">
        <v>69749.344357499998</v>
      </c>
      <c r="BD1553" s="9">
        <v>64054.051423700002</v>
      </c>
      <c r="BE1553" s="9">
        <v>58547.5230343</v>
      </c>
      <c r="BF1553" s="9">
        <v>61126.227049900001</v>
      </c>
      <c r="BG1553" s="11">
        <v>-1.25</v>
      </c>
      <c r="BH1553" s="13">
        <v>-5.6818181818181816E-2</v>
      </c>
      <c r="BI1553" s="6">
        <v>3</v>
      </c>
      <c r="BJ1553" s="13">
        <v>0.13636363636363635</v>
      </c>
      <c r="BK1553" s="6">
        <v>1</v>
      </c>
      <c r="BL1553" s="13">
        <v>0.04</v>
      </c>
      <c r="BM1553" s="11">
        <v>-5.25</v>
      </c>
      <c r="BN1553" s="13">
        <v>-0.20192307692307693</v>
      </c>
      <c r="BO1553" s="11">
        <v>-4.25</v>
      </c>
      <c r="BP1553" s="13">
        <v>-0.17</v>
      </c>
      <c r="BQ1553" s="6">
        <v>22</v>
      </c>
      <c r="BR1553" s="6">
        <v>25</v>
      </c>
      <c r="BS1553" s="6">
        <v>22</v>
      </c>
      <c r="BT1553" s="6">
        <v>25</v>
      </c>
      <c r="BU1553" s="6">
        <v>21</v>
      </c>
      <c r="BV1553" s="6">
        <v>19</v>
      </c>
      <c r="BW1553" s="6">
        <v>26</v>
      </c>
      <c r="BX1553" s="6">
        <v>26</v>
      </c>
      <c r="BY1553" s="6">
        <v>21</v>
      </c>
      <c r="BZ1553" s="6">
        <v>26</v>
      </c>
      <c r="CA1553" s="6">
        <v>22</v>
      </c>
      <c r="CB1553" s="6">
        <v>21</v>
      </c>
      <c r="CC1553" s="11">
        <v>20.75</v>
      </c>
      <c r="CD1553" s="11">
        <v>85.715699999999998</v>
      </c>
      <c r="CE1553" s="11">
        <v>12.5749</v>
      </c>
      <c r="CF1553" s="11">
        <v>21.808299999999999</v>
      </c>
      <c r="CG1553" s="11">
        <v>35</v>
      </c>
      <c r="CH1553" s="20">
        <v>0.67346200000000001</v>
      </c>
      <c r="CI1553" s="20">
        <v>0.90559299999999998</v>
      </c>
      <c r="CJ1553" s="20">
        <v>0.81268499999999999</v>
      </c>
      <c r="CK1553" s="20">
        <v>0.72744200000000003</v>
      </c>
      <c r="CL1553" s="20">
        <v>0.99472099999999997</v>
      </c>
      <c r="CM1553" s="20">
        <v>0.80590700000000004</v>
      </c>
      <c r="CN1553" s="20">
        <v>1.1161799999999999</v>
      </c>
      <c r="CO1553" s="20">
        <v>1.0654999999999999</v>
      </c>
      <c r="CP1553" s="20">
        <v>1.3149900000000001</v>
      </c>
      <c r="CQ1553" s="20">
        <v>1.3450899999999999</v>
      </c>
      <c r="CR1553" s="20">
        <v>1.3874899999999999</v>
      </c>
      <c r="CS1553" s="20">
        <v>1.2637</v>
      </c>
      <c r="CT1553" s="20">
        <v>1.26651</v>
      </c>
      <c r="CU1553" s="20">
        <v>1.0929599999999999</v>
      </c>
      <c r="CV1553" s="20">
        <v>1.12052</v>
      </c>
      <c r="CW1553" s="20">
        <v>1.11571</v>
      </c>
      <c r="CX1553" s="20">
        <v>1.1393800000000001</v>
      </c>
      <c r="CY1553" s="6" t="s">
        <v>616</v>
      </c>
      <c r="CZ1553" s="6" t="s">
        <v>617</v>
      </c>
      <c r="DA1553" s="6" t="s">
        <v>61</v>
      </c>
      <c r="DB1553" s="6" t="s">
        <v>345</v>
      </c>
      <c r="DC1553" s="6"/>
      <c r="DD1553" s="6"/>
      <c r="DE1553" s="6"/>
      <c r="DF1553" s="6"/>
      <c r="DG1553" s="6"/>
      <c r="DH1553" s="6" t="s">
        <v>333</v>
      </c>
      <c r="DI1553" s="6"/>
      <c r="DJ1553" s="6"/>
      <c r="DK1553" s="6"/>
      <c r="DL1553" s="6">
        <v>9</v>
      </c>
      <c r="DM1553" s="6" t="s">
        <v>440</v>
      </c>
      <c r="DN1553" s="6">
        <v>7</v>
      </c>
      <c r="DO1553" s="6" t="s">
        <v>369</v>
      </c>
      <c r="DP1553" s="6"/>
      <c r="DQ1553" s="6"/>
    </row>
    <row r="1554" spans="1:121" x14ac:dyDescent="0.2">
      <c r="A1554" s="6" t="s">
        <v>314</v>
      </c>
      <c r="B1554" s="6" t="s">
        <v>314</v>
      </c>
      <c r="C1554" s="6" t="s">
        <v>183</v>
      </c>
      <c r="D1554" s="6" t="s">
        <v>61</v>
      </c>
      <c r="E1554" s="6" t="s">
        <v>202</v>
      </c>
      <c r="F1554" s="11">
        <v>1</v>
      </c>
      <c r="G1554" s="13">
        <v>1</v>
      </c>
      <c r="H1554" s="11">
        <v>11.3640065545</v>
      </c>
      <c r="I1554" s="13">
        <v>0.80266947161720292</v>
      </c>
      <c r="J1554" s="11">
        <v>-11.160600794400001</v>
      </c>
      <c r="K1554" s="13">
        <v>-0.43729724377753554</v>
      </c>
      <c r="L1554" s="11">
        <v>-9.3611717600999995</v>
      </c>
      <c r="M1554" s="13">
        <v>-0.65183899451076655</v>
      </c>
      <c r="N1554" s="11">
        <v>-20.5217725545</v>
      </c>
      <c r="O1554" s="13">
        <v>-0.80408884260202373</v>
      </c>
      <c r="P1554" s="7">
        <v>14.157766000000001</v>
      </c>
      <c r="Q1554" s="7">
        <v>13.9574635899</v>
      </c>
      <c r="R1554" s="7">
        <v>11.5345703173</v>
      </c>
      <c r="S1554" s="7">
        <v>13.582028730799999</v>
      </c>
      <c r="T1554" s="7">
        <v>12.9253611922</v>
      </c>
      <c r="U1554" s="7">
        <v>16.205164504300001</v>
      </c>
      <c r="V1554" s="7">
        <v>25.5217725545</v>
      </c>
      <c r="W1554" s="7">
        <v>18.1603521999</v>
      </c>
      <c r="X1554" s="7">
        <v>15.840511600099999</v>
      </c>
      <c r="Y1554" s="7">
        <v>14.3611717601</v>
      </c>
      <c r="Z1554" s="7">
        <v>5</v>
      </c>
      <c r="AA1554" s="7">
        <v>5</v>
      </c>
      <c r="AB1554" s="7">
        <v>23.969961678200001</v>
      </c>
      <c r="AC1554" s="7">
        <v>26.9349174904</v>
      </c>
      <c r="AD1554" s="7">
        <v>5</v>
      </c>
      <c r="AE1554" s="7">
        <v>5</v>
      </c>
      <c r="AF1554" s="7">
        <v>5</v>
      </c>
      <c r="AG1554" s="9">
        <v>-39188.075052300002</v>
      </c>
      <c r="AH1554" s="13">
        <v>-0.99997448268430256</v>
      </c>
      <c r="AI1554" s="9">
        <v>12637.709877399997</v>
      </c>
      <c r="AJ1554" s="13">
        <v>0.32248043263420406</v>
      </c>
      <c r="AK1554" s="9">
        <v>30593.662710900004</v>
      </c>
      <c r="AL1554" s="13">
        <v>0.59030601169643293</v>
      </c>
      <c r="AM1554" s="9">
        <v>-82419.447640600003</v>
      </c>
      <c r="AN1554" s="13">
        <v>-0.99998786708846388</v>
      </c>
      <c r="AO1554" s="9">
        <v>-51825.784929699999</v>
      </c>
      <c r="AP1554" s="13">
        <v>-0.99998070495784452</v>
      </c>
      <c r="AQ1554" s="9">
        <v>39189.075052300002</v>
      </c>
      <c r="AR1554" s="9">
        <v>41446.641193900003</v>
      </c>
      <c r="AS1554" s="9">
        <v>44651.832842199998</v>
      </c>
      <c r="AT1554" s="9">
        <v>46172.879276200001</v>
      </c>
      <c r="AU1554" s="9">
        <v>44764.722755000003</v>
      </c>
      <c r="AV1554" s="9">
        <v>48767.513550800002</v>
      </c>
      <c r="AW1554" s="9">
        <v>51826.784929699999</v>
      </c>
      <c r="AX1554" s="9">
        <v>58438.203922499997</v>
      </c>
      <c r="AY1554" s="9">
        <v>69002.940208600005</v>
      </c>
      <c r="AZ1554" s="9">
        <v>82420.447640600003</v>
      </c>
      <c r="BA1554" s="9">
        <v>1</v>
      </c>
      <c r="BB1554" s="9">
        <v>1</v>
      </c>
      <c r="BC1554" s="9">
        <v>58623.008342200003</v>
      </c>
      <c r="BD1554" s="9">
        <v>55501.712087400003</v>
      </c>
      <c r="BE1554" s="9">
        <v>1</v>
      </c>
      <c r="BF1554" s="9">
        <v>1</v>
      </c>
      <c r="BG1554" s="11">
        <v>-2</v>
      </c>
      <c r="BH1554" s="13">
        <v>-0.5</v>
      </c>
      <c r="BI1554" s="6">
        <v>1</v>
      </c>
      <c r="BJ1554" s="13">
        <v>0.25</v>
      </c>
      <c r="BK1554" s="6">
        <v>-1</v>
      </c>
      <c r="BL1554" s="13">
        <v>-0.2</v>
      </c>
      <c r="BM1554" s="11">
        <v>-2</v>
      </c>
      <c r="BN1554" s="13">
        <v>-0.5</v>
      </c>
      <c r="BO1554" s="11">
        <v>-3</v>
      </c>
      <c r="BP1554" s="13">
        <v>-0.6</v>
      </c>
      <c r="BQ1554" s="6">
        <v>4</v>
      </c>
      <c r="BR1554" s="6">
        <v>4</v>
      </c>
      <c r="BS1554" s="6">
        <v>4</v>
      </c>
      <c r="BT1554" s="6">
        <v>5</v>
      </c>
      <c r="BU1554" s="6">
        <v>4</v>
      </c>
      <c r="BV1554" s="6">
        <v>4</v>
      </c>
      <c r="BW1554" s="6">
        <v>4</v>
      </c>
      <c r="BX1554" s="6">
        <v>4</v>
      </c>
      <c r="BY1554" s="6">
        <v>4</v>
      </c>
      <c r="BZ1554" s="6">
        <v>5</v>
      </c>
      <c r="CA1554" s="6">
        <v>5</v>
      </c>
      <c r="CB1554" s="6">
        <v>2</v>
      </c>
      <c r="CC1554" s="11">
        <v>2</v>
      </c>
      <c r="CD1554" s="11">
        <v>-5.0631599999999999</v>
      </c>
      <c r="CE1554" s="11">
        <v>-4.3363899999999997</v>
      </c>
      <c r="CF1554" s="11">
        <v>1.5476099999999999</v>
      </c>
      <c r="CG1554" s="11">
        <v>-2</v>
      </c>
      <c r="CH1554" s="20">
        <v>6.06895E-2</v>
      </c>
      <c r="CI1554" s="20">
        <v>6.7638299999999998E-2</v>
      </c>
      <c r="CJ1554" s="20">
        <v>6.07708E-2</v>
      </c>
      <c r="CK1554" s="20">
        <v>7.35904E-2</v>
      </c>
      <c r="CL1554" s="20">
        <v>7.0234400000000002E-2</v>
      </c>
      <c r="CM1554" s="20">
        <v>8.7806700000000001E-2</v>
      </c>
      <c r="CN1554" s="20">
        <v>0.13512199999999999</v>
      </c>
      <c r="CO1554" s="20">
        <v>0.100092</v>
      </c>
      <c r="CP1554" s="20">
        <v>9.7745799999999994E-2</v>
      </c>
      <c r="CQ1554" s="20">
        <v>8.4907899999999994E-2</v>
      </c>
      <c r="CR1554" s="20">
        <v>4.8425599999999999E-2</v>
      </c>
      <c r="CS1554" s="20">
        <v>4.0369299999999997E-2</v>
      </c>
      <c r="CT1554" s="20">
        <v>0.15245700000000001</v>
      </c>
      <c r="CU1554" s="20">
        <v>0.16948199999999999</v>
      </c>
      <c r="CV1554" s="20">
        <v>4.0032699999999997E-2</v>
      </c>
      <c r="CW1554" s="20">
        <v>3.6434399999999999E-2</v>
      </c>
      <c r="CX1554" s="20">
        <v>4.1676100000000001E-2</v>
      </c>
      <c r="CY1554" s="6" t="s">
        <v>616</v>
      </c>
      <c r="CZ1554" s="6" t="s">
        <v>617</v>
      </c>
      <c r="DA1554" s="6" t="s">
        <v>61</v>
      </c>
      <c r="DB1554" s="6" t="s">
        <v>345</v>
      </c>
      <c r="DC1554" s="6"/>
      <c r="DD1554" s="6"/>
      <c r="DE1554" s="6"/>
      <c r="DF1554" s="6"/>
      <c r="DG1554" s="6"/>
      <c r="DH1554" s="6" t="s">
        <v>333</v>
      </c>
      <c r="DI1554" s="6"/>
      <c r="DJ1554" s="6"/>
      <c r="DK1554" s="6"/>
      <c r="DL1554" s="6">
        <v>9</v>
      </c>
      <c r="DM1554" s="6" t="s">
        <v>440</v>
      </c>
      <c r="DN1554" s="6">
        <v>7</v>
      </c>
      <c r="DO1554" s="6" t="s">
        <v>369</v>
      </c>
      <c r="DP1554" s="6"/>
      <c r="DQ1554" s="6"/>
    </row>
    <row r="1555" spans="1:121" x14ac:dyDescent="0.2">
      <c r="A1555" s="6" t="s">
        <v>315</v>
      </c>
      <c r="B1555" s="6" t="s">
        <v>315</v>
      </c>
      <c r="C1555" s="6" t="s">
        <v>184</v>
      </c>
      <c r="D1555" s="6" t="s">
        <v>61</v>
      </c>
      <c r="E1555" s="6" t="s">
        <v>202</v>
      </c>
      <c r="F1555" s="11">
        <v>-37</v>
      </c>
      <c r="G1555" s="13">
        <v>-0.24</v>
      </c>
      <c r="H1555" s="11">
        <v>-33</v>
      </c>
      <c r="I1555" s="13">
        <v>-0.21153846153846151</v>
      </c>
      <c r="J1555" s="11">
        <v>15</v>
      </c>
      <c r="K1555" s="13">
        <v>0.12195121951219512</v>
      </c>
      <c r="L1555" s="11">
        <v>-19</v>
      </c>
      <c r="M1555" s="13">
        <v>-0.13768115942028986</v>
      </c>
      <c r="N1555" s="11">
        <v>-4</v>
      </c>
      <c r="O1555" s="13">
        <v>-3.2520325203252036E-2</v>
      </c>
      <c r="P1555" s="7">
        <v>156</v>
      </c>
      <c r="Q1555" s="7">
        <v>164</v>
      </c>
      <c r="R1555" s="7">
        <v>144</v>
      </c>
      <c r="S1555" s="7">
        <v>138</v>
      </c>
      <c r="T1555" s="7">
        <v>129</v>
      </c>
      <c r="U1555" s="7">
        <v>128</v>
      </c>
      <c r="V1555" s="7">
        <v>123</v>
      </c>
      <c r="W1555" s="7">
        <v>112</v>
      </c>
      <c r="X1555" s="7">
        <v>105</v>
      </c>
      <c r="Y1555" s="7">
        <v>138</v>
      </c>
      <c r="Z1555" s="7">
        <v>136</v>
      </c>
      <c r="AA1555" s="7">
        <v>135</v>
      </c>
      <c r="AB1555" s="7">
        <v>116</v>
      </c>
      <c r="AC1555" s="7">
        <v>121</v>
      </c>
      <c r="AD1555" s="7">
        <v>120</v>
      </c>
      <c r="AE1555" s="7">
        <v>120</v>
      </c>
      <c r="AF1555" s="7">
        <v>119</v>
      </c>
      <c r="AG1555" s="9">
        <v>17842</v>
      </c>
      <c r="AH1555" s="13">
        <v>0.54945799457994582</v>
      </c>
      <c r="AI1555" s="9">
        <v>5346</v>
      </c>
      <c r="AJ1555" s="13">
        <v>0.16463414634146342</v>
      </c>
      <c r="AK1555" s="9">
        <v>4316</v>
      </c>
      <c r="AL1555" s="13">
        <v>0.11412554868052252</v>
      </c>
      <c r="AM1555" s="9">
        <v>8180</v>
      </c>
      <c r="AN1555" s="13">
        <v>0.19414249774528883</v>
      </c>
      <c r="AO1555" s="9">
        <v>12496</v>
      </c>
      <c r="AP1555" s="13">
        <v>0.33042466550319954</v>
      </c>
      <c r="AQ1555" s="9">
        <v>32472</v>
      </c>
      <c r="AR1555" s="9">
        <v>34852</v>
      </c>
      <c r="AS1555" s="9">
        <v>34094</v>
      </c>
      <c r="AT1555" s="9">
        <v>35205</v>
      </c>
      <c r="AU1555" s="9">
        <v>38336</v>
      </c>
      <c r="AV1555" s="9">
        <v>36755</v>
      </c>
      <c r="AW1555" s="9">
        <v>37818</v>
      </c>
      <c r="AX1555" s="9">
        <v>40850</v>
      </c>
      <c r="AY1555" s="9">
        <v>39832</v>
      </c>
      <c r="AZ1555" s="9">
        <v>42134</v>
      </c>
      <c r="BA1555" s="9">
        <v>41756</v>
      </c>
      <c r="BB1555" s="9">
        <v>44121</v>
      </c>
      <c r="BC1555" s="9">
        <v>43178</v>
      </c>
      <c r="BD1555" s="9">
        <v>44160</v>
      </c>
      <c r="BE1555" s="9">
        <v>46100</v>
      </c>
      <c r="BF1555" s="9">
        <v>50314</v>
      </c>
      <c r="BG1555" s="11">
        <v>-3</v>
      </c>
      <c r="BH1555" s="13">
        <v>-0.13043478260869565</v>
      </c>
      <c r="BI1555" s="6">
        <v>-1</v>
      </c>
      <c r="BJ1555" s="13">
        <v>-4.3478260869565216E-2</v>
      </c>
      <c r="BK1555" s="6">
        <v>3</v>
      </c>
      <c r="BL1555" s="13">
        <v>0.13636363636363635</v>
      </c>
      <c r="BM1555" s="11">
        <v>-5</v>
      </c>
      <c r="BN1555" s="13">
        <v>-0.2</v>
      </c>
      <c r="BO1555" s="11">
        <v>-2</v>
      </c>
      <c r="BP1555" s="13">
        <v>-9.0909090909090912E-2</v>
      </c>
      <c r="BQ1555" s="6">
        <v>23</v>
      </c>
      <c r="BR1555" s="6">
        <v>24</v>
      </c>
      <c r="BS1555" s="6">
        <v>23</v>
      </c>
      <c r="BT1555" s="6">
        <v>22</v>
      </c>
      <c r="BU1555" s="6">
        <v>20</v>
      </c>
      <c r="BV1555" s="6">
        <v>21</v>
      </c>
      <c r="BW1555" s="6">
        <v>25</v>
      </c>
      <c r="BX1555" s="6">
        <v>24</v>
      </c>
      <c r="BY1555" s="6">
        <v>21</v>
      </c>
      <c r="BZ1555" s="6">
        <v>19</v>
      </c>
      <c r="CA1555" s="6">
        <v>19</v>
      </c>
      <c r="CB1555" s="6">
        <v>19</v>
      </c>
      <c r="CC1555" s="11">
        <v>20</v>
      </c>
      <c r="CD1555" s="11">
        <v>-42</v>
      </c>
      <c r="CE1555" s="11">
        <v>-12</v>
      </c>
      <c r="CF1555" s="11">
        <v>17</v>
      </c>
      <c r="CG1555" s="11">
        <v>5</v>
      </c>
      <c r="CH1555" s="20">
        <v>0.41</v>
      </c>
      <c r="CI1555" s="20">
        <v>0.46</v>
      </c>
      <c r="CJ1555" s="20">
        <v>0.41</v>
      </c>
      <c r="CK1555" s="20">
        <v>0.39</v>
      </c>
      <c r="CL1555" s="20">
        <v>0.36</v>
      </c>
      <c r="CM1555" s="20">
        <v>0.35</v>
      </c>
      <c r="CN1555" s="20">
        <v>0.32</v>
      </c>
      <c r="CO1555" s="20">
        <v>0.31</v>
      </c>
      <c r="CP1555" s="20">
        <v>0.32</v>
      </c>
      <c r="CQ1555" s="20">
        <v>0.4</v>
      </c>
      <c r="CR1555" s="20">
        <v>0.4</v>
      </c>
      <c r="CS1555" s="20">
        <v>0.4</v>
      </c>
      <c r="CT1555" s="20">
        <v>0.35</v>
      </c>
      <c r="CU1555" s="20">
        <v>0.37</v>
      </c>
      <c r="CV1555" s="20">
        <v>0.36</v>
      </c>
      <c r="CW1555" s="20">
        <v>0.38</v>
      </c>
      <c r="CX1555" s="20">
        <v>0.38</v>
      </c>
      <c r="CY1555" s="6" t="s">
        <v>616</v>
      </c>
      <c r="CZ1555" s="6" t="s">
        <v>617</v>
      </c>
      <c r="DA1555" s="6" t="s">
        <v>61</v>
      </c>
      <c r="DB1555" s="6" t="s">
        <v>345</v>
      </c>
      <c r="DC1555" s="6"/>
      <c r="DD1555" s="6"/>
      <c r="DE1555" s="6"/>
      <c r="DF1555" s="6"/>
      <c r="DG1555" s="6"/>
      <c r="DH1555" s="6" t="s">
        <v>333</v>
      </c>
      <c r="DI1555" s="6"/>
      <c r="DJ1555" s="6"/>
      <c r="DK1555" s="6"/>
      <c r="DL1555" s="6">
        <v>9</v>
      </c>
      <c r="DM1555" s="6" t="s">
        <v>440</v>
      </c>
      <c r="DN1555" s="6">
        <v>7</v>
      </c>
      <c r="DO1555" s="6" t="s">
        <v>369</v>
      </c>
      <c r="DP1555" s="6"/>
      <c r="DQ1555" s="6"/>
    </row>
    <row r="1556" spans="1:121" x14ac:dyDescent="0.2">
      <c r="A1556" s="6" t="s">
        <v>316</v>
      </c>
      <c r="B1556" s="6" t="s">
        <v>316</v>
      </c>
      <c r="C1556" s="6" t="s">
        <v>185</v>
      </c>
      <c r="D1556" s="6" t="s">
        <v>61</v>
      </c>
      <c r="E1556" s="6" t="s">
        <v>202</v>
      </c>
      <c r="F1556" s="11">
        <v>-46</v>
      </c>
      <c r="G1556" s="13">
        <v>-0.57999999999999996</v>
      </c>
      <c r="H1556" s="11">
        <v>-42</v>
      </c>
      <c r="I1556" s="13">
        <v>-0.52500000000000002</v>
      </c>
      <c r="J1556" s="11">
        <v>1</v>
      </c>
      <c r="K1556" s="13">
        <v>2.6315789473684209E-2</v>
      </c>
      <c r="L1556" s="11">
        <v>-5</v>
      </c>
      <c r="M1556" s="13">
        <v>-0.12820512820512819</v>
      </c>
      <c r="N1556" s="11">
        <v>-4</v>
      </c>
      <c r="O1556" s="13">
        <v>-0.10526315789473684</v>
      </c>
      <c r="P1556" s="7">
        <v>80</v>
      </c>
      <c r="Q1556" s="7">
        <v>65</v>
      </c>
      <c r="R1556" s="7">
        <v>62</v>
      </c>
      <c r="S1556" s="7">
        <v>64</v>
      </c>
      <c r="T1556" s="7">
        <v>48</v>
      </c>
      <c r="U1556" s="7">
        <v>36</v>
      </c>
      <c r="V1556" s="7">
        <v>38</v>
      </c>
      <c r="W1556" s="7">
        <v>35</v>
      </c>
      <c r="X1556" s="7">
        <v>31</v>
      </c>
      <c r="Y1556" s="7">
        <v>39</v>
      </c>
      <c r="Z1556" s="7">
        <v>35</v>
      </c>
      <c r="AA1556" s="7">
        <v>32</v>
      </c>
      <c r="AB1556" s="7">
        <v>34</v>
      </c>
      <c r="AC1556" s="7">
        <v>35</v>
      </c>
      <c r="AD1556" s="7">
        <v>36</v>
      </c>
      <c r="AE1556" s="7">
        <v>32</v>
      </c>
      <c r="AF1556" s="7">
        <v>34</v>
      </c>
      <c r="AG1556" s="9">
        <v>23448</v>
      </c>
      <c r="AH1556" s="13">
        <v>1.2385379252060005</v>
      </c>
      <c r="AI1556" s="9">
        <v>3020</v>
      </c>
      <c r="AJ1556" s="13">
        <v>0.15951827593492501</v>
      </c>
      <c r="AK1556" s="9">
        <v>11716</v>
      </c>
      <c r="AL1556" s="13">
        <v>0.53370991253644318</v>
      </c>
      <c r="AM1556" s="9">
        <v>8712</v>
      </c>
      <c r="AN1556" s="13">
        <v>0.25876202922656527</v>
      </c>
      <c r="AO1556" s="9">
        <v>20428</v>
      </c>
      <c r="AP1556" s="13">
        <v>0.93057580174927124</v>
      </c>
      <c r="AQ1556" s="9">
        <v>18932</v>
      </c>
      <c r="AR1556" s="9">
        <v>21124</v>
      </c>
      <c r="AS1556" s="9">
        <v>24681</v>
      </c>
      <c r="AT1556" s="9">
        <v>29183</v>
      </c>
      <c r="AU1556" s="9">
        <v>39459</v>
      </c>
      <c r="AV1556" s="9">
        <v>19649</v>
      </c>
      <c r="AW1556" s="9">
        <v>21952</v>
      </c>
      <c r="AX1556" s="9">
        <v>27213</v>
      </c>
      <c r="AY1556" s="9">
        <v>29173</v>
      </c>
      <c r="AZ1556" s="9">
        <v>33668</v>
      </c>
      <c r="BA1556" s="9">
        <v>36935</v>
      </c>
      <c r="BB1556" s="9">
        <v>40116</v>
      </c>
      <c r="BC1556" s="9">
        <v>39192</v>
      </c>
      <c r="BD1556" s="9">
        <v>40030</v>
      </c>
      <c r="BE1556" s="9">
        <v>40644</v>
      </c>
      <c r="BF1556" s="9">
        <v>42380</v>
      </c>
      <c r="BG1556" s="11">
        <v>0</v>
      </c>
      <c r="BH1556" s="13">
        <v>0</v>
      </c>
      <c r="BI1556" s="6">
        <v>4</v>
      </c>
      <c r="BJ1556" s="13">
        <v>0.4</v>
      </c>
      <c r="BK1556" s="6">
        <v>-1</v>
      </c>
      <c r="BL1556" s="13">
        <v>-7.1428571428571425E-2</v>
      </c>
      <c r="BM1556" s="11">
        <v>-3</v>
      </c>
      <c r="BN1556" s="13">
        <v>-0.23076923076923078</v>
      </c>
      <c r="BO1556" s="11">
        <v>-4</v>
      </c>
      <c r="BP1556" s="13">
        <v>-0.2857142857142857</v>
      </c>
      <c r="BQ1556" s="6">
        <v>10</v>
      </c>
      <c r="BR1556" s="6">
        <v>11</v>
      </c>
      <c r="BS1556" s="6">
        <v>13</v>
      </c>
      <c r="BT1556" s="6">
        <v>14</v>
      </c>
      <c r="BU1556" s="6">
        <v>13</v>
      </c>
      <c r="BV1556" s="6">
        <v>13</v>
      </c>
      <c r="BW1556" s="6">
        <v>13</v>
      </c>
      <c r="BX1556" s="6">
        <v>12</v>
      </c>
      <c r="BY1556" s="6">
        <v>13</v>
      </c>
      <c r="BZ1556" s="6">
        <v>13</v>
      </c>
      <c r="CA1556" s="6">
        <v>11</v>
      </c>
      <c r="CB1556" s="6">
        <v>11</v>
      </c>
      <c r="CC1556" s="11">
        <v>10</v>
      </c>
      <c r="CD1556" s="11">
        <v>-51</v>
      </c>
      <c r="CE1556" s="11">
        <v>-4</v>
      </c>
      <c r="CF1556" s="11">
        <v>9</v>
      </c>
      <c r="CG1556" s="11">
        <v>5</v>
      </c>
      <c r="CH1556" s="20">
        <v>0.51</v>
      </c>
      <c r="CI1556" s="20">
        <v>0.44</v>
      </c>
      <c r="CJ1556" s="20">
        <v>0.42</v>
      </c>
      <c r="CK1556" s="20">
        <v>0.43</v>
      </c>
      <c r="CL1556" s="20">
        <v>0.31</v>
      </c>
      <c r="CM1556" s="20">
        <v>0.23</v>
      </c>
      <c r="CN1556" s="20">
        <v>0.23</v>
      </c>
      <c r="CO1556" s="20">
        <v>0.23</v>
      </c>
      <c r="CP1556" s="20">
        <v>0.22</v>
      </c>
      <c r="CQ1556" s="20">
        <v>0.27</v>
      </c>
      <c r="CR1556" s="20">
        <v>0.26</v>
      </c>
      <c r="CS1556" s="20">
        <v>0.23</v>
      </c>
      <c r="CT1556" s="20">
        <v>0.25</v>
      </c>
      <c r="CU1556" s="20">
        <v>0.25</v>
      </c>
      <c r="CV1556" s="20">
        <v>0.25</v>
      </c>
      <c r="CW1556" s="20">
        <v>0.24</v>
      </c>
      <c r="CX1556" s="20">
        <v>0.25</v>
      </c>
      <c r="CY1556" s="6" t="s">
        <v>616</v>
      </c>
      <c r="CZ1556" s="6" t="s">
        <v>617</v>
      </c>
      <c r="DA1556" s="6" t="s">
        <v>61</v>
      </c>
      <c r="DB1556" s="6" t="s">
        <v>345</v>
      </c>
      <c r="DC1556" s="6"/>
      <c r="DD1556" s="6"/>
      <c r="DE1556" s="6"/>
      <c r="DF1556" s="6"/>
      <c r="DG1556" s="6"/>
      <c r="DH1556" s="6" t="s">
        <v>333</v>
      </c>
      <c r="DI1556" s="6"/>
      <c r="DJ1556" s="6"/>
      <c r="DK1556" s="6"/>
      <c r="DL1556" s="6">
        <v>9</v>
      </c>
      <c r="DM1556" s="6" t="s">
        <v>440</v>
      </c>
      <c r="DN1556" s="6">
        <v>7</v>
      </c>
      <c r="DO1556" s="6" t="s">
        <v>369</v>
      </c>
      <c r="DP1556" s="6"/>
      <c r="DQ1556" s="6"/>
    </row>
    <row r="1557" spans="1:121" x14ac:dyDescent="0.2">
      <c r="A1557" s="6" t="s">
        <v>317</v>
      </c>
      <c r="B1557" s="6" t="s">
        <v>317</v>
      </c>
      <c r="C1557" s="6" t="s">
        <v>186</v>
      </c>
      <c r="D1557" s="6" t="s">
        <v>61</v>
      </c>
      <c r="E1557" s="6" t="s">
        <v>202</v>
      </c>
      <c r="F1557" s="11">
        <v>5</v>
      </c>
      <c r="G1557" s="13">
        <v>0.15</v>
      </c>
      <c r="H1557" s="11">
        <v>54</v>
      </c>
      <c r="I1557" s="13">
        <v>1.588235294117647</v>
      </c>
      <c r="J1557" s="11">
        <v>-18</v>
      </c>
      <c r="K1557" s="13">
        <v>-0.20454545454545456</v>
      </c>
      <c r="L1557" s="11">
        <v>-31</v>
      </c>
      <c r="M1557" s="13">
        <v>-0.44285714285714289</v>
      </c>
      <c r="N1557" s="11">
        <v>-49</v>
      </c>
      <c r="O1557" s="13">
        <v>-0.55681818181818177</v>
      </c>
      <c r="P1557" s="7">
        <v>34</v>
      </c>
      <c r="Q1557" s="7">
        <v>41</v>
      </c>
      <c r="R1557" s="7">
        <v>65</v>
      </c>
      <c r="S1557" s="7">
        <v>79</v>
      </c>
      <c r="T1557" s="7">
        <v>80</v>
      </c>
      <c r="U1557" s="7">
        <v>90</v>
      </c>
      <c r="V1557" s="7">
        <v>88</v>
      </c>
      <c r="W1557" s="7">
        <v>84</v>
      </c>
      <c r="X1557" s="7">
        <v>68</v>
      </c>
      <c r="Y1557" s="7">
        <v>70</v>
      </c>
      <c r="Z1557" s="7">
        <v>69</v>
      </c>
      <c r="AA1557" s="7">
        <v>64</v>
      </c>
      <c r="AB1557" s="7">
        <v>34</v>
      </c>
      <c r="AC1557" s="7">
        <v>36</v>
      </c>
      <c r="AD1557" s="7">
        <v>41</v>
      </c>
      <c r="AE1557" s="7">
        <v>38</v>
      </c>
      <c r="AF1557" s="7">
        <v>39</v>
      </c>
      <c r="AG1557" s="9">
        <v>13541</v>
      </c>
      <c r="AH1557" s="13">
        <v>0.51183096462050193</v>
      </c>
      <c r="AI1557" s="9">
        <v>6898</v>
      </c>
      <c r="AJ1557" s="13">
        <v>0.2607348049591775</v>
      </c>
      <c r="AK1557" s="9">
        <v>4228</v>
      </c>
      <c r="AL1557" s="13">
        <v>0.12676140792708521</v>
      </c>
      <c r="AM1557" s="9">
        <v>2415</v>
      </c>
      <c r="AN1557" s="13">
        <v>6.4259485924112611E-2</v>
      </c>
      <c r="AO1557" s="9">
        <v>6643</v>
      </c>
      <c r="AP1557" s="13">
        <v>0.19916651675960903</v>
      </c>
      <c r="AQ1557" s="9">
        <v>26456</v>
      </c>
      <c r="AR1557" s="9">
        <v>24288</v>
      </c>
      <c r="AS1557" s="9">
        <v>30207</v>
      </c>
      <c r="AT1557" s="9">
        <v>28931</v>
      </c>
      <c r="AU1557" s="9">
        <v>27318</v>
      </c>
      <c r="AV1557" s="9">
        <v>33802</v>
      </c>
      <c r="AW1557" s="9">
        <v>33354</v>
      </c>
      <c r="AX1557" s="9">
        <v>31858</v>
      </c>
      <c r="AY1557" s="9">
        <v>37398</v>
      </c>
      <c r="AZ1557" s="9">
        <v>37582</v>
      </c>
      <c r="BA1557" s="9">
        <v>38820</v>
      </c>
      <c r="BB1557" s="9">
        <v>27225</v>
      </c>
      <c r="BC1557" s="9">
        <v>33107</v>
      </c>
      <c r="BD1557" s="9">
        <v>31670</v>
      </c>
      <c r="BE1557" s="9">
        <v>41322</v>
      </c>
      <c r="BF1557" s="9">
        <v>39997</v>
      </c>
      <c r="BG1557" s="11">
        <v>-8</v>
      </c>
      <c r="BH1557" s="13">
        <v>-0.47058823529411764</v>
      </c>
      <c r="BI1557" s="6">
        <v>-1</v>
      </c>
      <c r="BJ1557" s="13">
        <v>-5.8823529411764705E-2</v>
      </c>
      <c r="BK1557" s="6">
        <v>0</v>
      </c>
      <c r="BL1557" s="13">
        <v>0</v>
      </c>
      <c r="BM1557" s="11">
        <v>-7</v>
      </c>
      <c r="BN1557" s="13">
        <v>-0.4375</v>
      </c>
      <c r="BO1557" s="11">
        <v>-7</v>
      </c>
      <c r="BP1557" s="13">
        <v>-0.4375</v>
      </c>
      <c r="BQ1557" s="6">
        <v>17</v>
      </c>
      <c r="BR1557" s="6">
        <v>17</v>
      </c>
      <c r="BS1557" s="6">
        <v>17</v>
      </c>
      <c r="BT1557" s="6">
        <v>16</v>
      </c>
      <c r="BU1557" s="6">
        <v>17</v>
      </c>
      <c r="BV1557" s="6">
        <v>15</v>
      </c>
      <c r="BW1557" s="6">
        <v>16</v>
      </c>
      <c r="BX1557" s="6">
        <v>17</v>
      </c>
      <c r="BY1557" s="6">
        <v>16</v>
      </c>
      <c r="BZ1557" s="6">
        <v>13</v>
      </c>
      <c r="CA1557" s="6">
        <v>10</v>
      </c>
      <c r="CB1557" s="6">
        <v>11</v>
      </c>
      <c r="CC1557" s="11">
        <v>9</v>
      </c>
      <c r="CD1557" s="11">
        <v>-5</v>
      </c>
      <c r="CE1557" s="11">
        <v>7</v>
      </c>
      <c r="CF1557" s="11">
        <v>4</v>
      </c>
      <c r="CG1557" s="11">
        <v>11</v>
      </c>
      <c r="CH1557" s="20">
        <v>7.0000000000000007E-2</v>
      </c>
      <c r="CI1557" s="20">
        <v>0.09</v>
      </c>
      <c r="CJ1557" s="20">
        <v>0.15</v>
      </c>
      <c r="CK1557" s="20">
        <v>0.18</v>
      </c>
      <c r="CL1557" s="20">
        <v>0.17</v>
      </c>
      <c r="CM1557" s="20">
        <v>0.18</v>
      </c>
      <c r="CN1557" s="20">
        <v>0.17</v>
      </c>
      <c r="CO1557" s="20">
        <v>0.16</v>
      </c>
      <c r="CP1557" s="20">
        <v>0.14000000000000001</v>
      </c>
      <c r="CQ1557" s="20">
        <v>0.14000000000000001</v>
      </c>
      <c r="CR1557" s="20">
        <v>0.13</v>
      </c>
      <c r="CS1557" s="20">
        <v>0.12</v>
      </c>
      <c r="CT1557" s="20">
        <v>7.0000000000000007E-2</v>
      </c>
      <c r="CU1557" s="20">
        <v>7.0000000000000007E-2</v>
      </c>
      <c r="CV1557" s="20">
        <v>0.08</v>
      </c>
      <c r="CW1557" s="20">
        <v>7.0000000000000007E-2</v>
      </c>
      <c r="CX1557" s="20">
        <v>7.0000000000000007E-2</v>
      </c>
      <c r="CY1557" s="6" t="s">
        <v>616</v>
      </c>
      <c r="CZ1557" s="6" t="s">
        <v>617</v>
      </c>
      <c r="DA1557" s="6" t="s">
        <v>61</v>
      </c>
      <c r="DB1557" s="6" t="s">
        <v>345</v>
      </c>
      <c r="DC1557" s="6"/>
      <c r="DD1557" s="6"/>
      <c r="DE1557" s="6"/>
      <c r="DF1557" s="6"/>
      <c r="DG1557" s="6"/>
      <c r="DH1557" s="6" t="s">
        <v>333</v>
      </c>
      <c r="DI1557" s="6"/>
      <c r="DJ1557" s="6"/>
      <c r="DK1557" s="6"/>
      <c r="DL1557" s="6">
        <v>9</v>
      </c>
      <c r="DM1557" s="6" t="s">
        <v>440</v>
      </c>
      <c r="DN1557" s="6">
        <v>7</v>
      </c>
      <c r="DO1557" s="6" t="s">
        <v>369</v>
      </c>
      <c r="DP1557" s="6"/>
      <c r="DQ1557" s="6"/>
    </row>
    <row r="1558" spans="1:121" x14ac:dyDescent="0.2">
      <c r="A1558" s="6" t="s">
        <v>318</v>
      </c>
      <c r="B1558" s="6" t="s">
        <v>318</v>
      </c>
      <c r="C1558" s="6" t="s">
        <v>187</v>
      </c>
      <c r="D1558" s="6" t="s">
        <v>61</v>
      </c>
      <c r="E1558" s="6" t="s">
        <v>202</v>
      </c>
      <c r="F1558" s="11">
        <v>-40</v>
      </c>
      <c r="G1558" s="13">
        <v>-0.74074074074100005</v>
      </c>
      <c r="H1558" s="11">
        <v>-26.659616</v>
      </c>
      <c r="I1558" s="13">
        <v>-0.49661644900451463</v>
      </c>
      <c r="J1558" s="11">
        <v>-12.863613000000001</v>
      </c>
      <c r="K1558" s="13">
        <v>-0.4760265287677769</v>
      </c>
      <c r="L1558" s="11">
        <v>-0.37633700589999997</v>
      </c>
      <c r="M1558" s="13">
        <v>-2.6578827387950144E-2</v>
      </c>
      <c r="N1558" s="11">
        <v>-13.239950005900001</v>
      </c>
      <c r="O1558" s="13">
        <v>-0.48995312921552325</v>
      </c>
      <c r="P1558" s="7">
        <v>53.682507000000001</v>
      </c>
      <c r="Q1558" s="7">
        <v>41.656407000000002</v>
      </c>
      <c r="R1558" s="7">
        <v>33.158042999999999</v>
      </c>
      <c r="S1558" s="7">
        <v>31.656839000000002</v>
      </c>
      <c r="T1558" s="7">
        <v>27.187331</v>
      </c>
      <c r="U1558" s="7">
        <v>29.179176999999999</v>
      </c>
      <c r="V1558" s="7">
        <v>27.022891000000001</v>
      </c>
      <c r="W1558" s="7">
        <v>27.113659999999999</v>
      </c>
      <c r="X1558" s="7">
        <v>16.730416000000002</v>
      </c>
      <c r="Y1558" s="7">
        <v>14.159278</v>
      </c>
      <c r="Z1558" s="7">
        <v>5</v>
      </c>
      <c r="AA1558" s="7">
        <v>11.828745</v>
      </c>
      <c r="AB1558" s="7">
        <v>19.624047999999998</v>
      </c>
      <c r="AC1558" s="7">
        <v>19.738959999999999</v>
      </c>
      <c r="AD1558" s="7">
        <v>15.75318</v>
      </c>
      <c r="AE1558" s="7">
        <v>15.025937000000001</v>
      </c>
      <c r="AF1558" s="7">
        <v>13.782940994100001</v>
      </c>
      <c r="AG1558" s="9">
        <v>8457.5136352000045</v>
      </c>
      <c r="AH1558" s="13">
        <v>0.30985375850025526</v>
      </c>
      <c r="AI1558" s="9">
        <v>12841.216053100005</v>
      </c>
      <c r="AJ1558" s="13">
        <v>0.47045730333874375</v>
      </c>
      <c r="AK1558" s="9">
        <v>3750.396150499997</v>
      </c>
      <c r="AL1558" s="13">
        <v>9.3441281805845766E-2</v>
      </c>
      <c r="AM1558" s="9">
        <v>-8134.098568399997</v>
      </c>
      <c r="AN1558" s="13">
        <v>-0.18534275223016008</v>
      </c>
      <c r="AO1558" s="9">
        <v>-4383.7024179</v>
      </c>
      <c r="AP1558" s="13">
        <v>-0.10922013476612374</v>
      </c>
      <c r="AQ1558" s="9">
        <v>27295.178461399999</v>
      </c>
      <c r="AR1558" s="9">
        <v>31377.4434463</v>
      </c>
      <c r="AS1558" s="9">
        <v>35864.590919299997</v>
      </c>
      <c r="AT1558" s="9">
        <v>32646.140441</v>
      </c>
      <c r="AU1558" s="9">
        <v>11677.794876800001</v>
      </c>
      <c r="AV1558" s="9">
        <v>38870.343330199998</v>
      </c>
      <c r="AW1558" s="9">
        <v>40136.394514500003</v>
      </c>
      <c r="AX1558" s="9">
        <v>38035.852999299997</v>
      </c>
      <c r="AY1558" s="9">
        <v>36595.950251499999</v>
      </c>
      <c r="AZ1558" s="9">
        <v>43886.790665</v>
      </c>
      <c r="BA1558" s="9">
        <v>1</v>
      </c>
      <c r="BB1558" s="9">
        <v>110282.235971</v>
      </c>
      <c r="BC1558" s="9">
        <v>68388.636747600001</v>
      </c>
      <c r="BD1558" s="9">
        <v>60292.274584699997</v>
      </c>
      <c r="BE1558" s="9">
        <v>36028.263055800002</v>
      </c>
      <c r="BF1558" s="9">
        <v>35752.692096600003</v>
      </c>
      <c r="BG1558" s="11">
        <v>-1</v>
      </c>
      <c r="BH1558" s="13">
        <v>-0.5</v>
      </c>
      <c r="BI1558" s="6">
        <v>0</v>
      </c>
      <c r="BJ1558" s="13">
        <v>0</v>
      </c>
      <c r="BK1558" s="6">
        <v>-1</v>
      </c>
      <c r="BL1558" s="13">
        <v>-0.5</v>
      </c>
      <c r="BM1558" s="11">
        <v>0</v>
      </c>
      <c r="BN1558" s="13">
        <v>0</v>
      </c>
      <c r="BO1558" s="11">
        <v>-1</v>
      </c>
      <c r="BP1558" s="13">
        <v>-0.5</v>
      </c>
      <c r="BQ1558" s="6">
        <v>2</v>
      </c>
      <c r="BR1558" s="6">
        <v>2</v>
      </c>
      <c r="BS1558" s="6">
        <v>2</v>
      </c>
      <c r="BT1558" s="6">
        <v>2</v>
      </c>
      <c r="BU1558" s="6">
        <v>2</v>
      </c>
      <c r="BV1558" s="6">
        <v>1</v>
      </c>
      <c r="BW1558" s="6">
        <v>1</v>
      </c>
      <c r="BX1558" s="6">
        <v>1</v>
      </c>
      <c r="BY1558" s="6">
        <v>1</v>
      </c>
      <c r="BZ1558" s="6">
        <v>1</v>
      </c>
      <c r="CA1558" s="6">
        <v>1</v>
      </c>
      <c r="CB1558" s="6">
        <v>1</v>
      </c>
      <c r="CC1558" s="11">
        <v>1</v>
      </c>
      <c r="CD1558" s="11">
        <v>-57.261600000000001</v>
      </c>
      <c r="CE1558" s="11">
        <v>11.4939</v>
      </c>
      <c r="CF1558" s="11">
        <v>5.8681400000000004</v>
      </c>
      <c r="CG1558" s="11">
        <v>17</v>
      </c>
      <c r="CH1558" s="20">
        <v>0.495813</v>
      </c>
      <c r="CI1558" s="20">
        <v>0.41576000000000002</v>
      </c>
      <c r="CJ1558" s="20">
        <v>0.34976299999999999</v>
      </c>
      <c r="CK1558" s="20">
        <v>0.328791</v>
      </c>
      <c r="CL1558" s="20">
        <v>0.272123</v>
      </c>
      <c r="CM1558" s="20">
        <v>0.28303099999999998</v>
      </c>
      <c r="CN1558" s="20">
        <v>0.247393</v>
      </c>
      <c r="CO1558" s="20">
        <v>0.246725</v>
      </c>
      <c r="CP1558" s="20">
        <v>0.16415199999999999</v>
      </c>
      <c r="CQ1558" s="20">
        <v>0.12817799999999999</v>
      </c>
      <c r="CR1558" s="20">
        <v>8.3626599999999995E-2</v>
      </c>
      <c r="CS1558" s="20">
        <v>0.10364</v>
      </c>
      <c r="CT1558" s="20">
        <v>0.16991000000000001</v>
      </c>
      <c r="CU1558" s="20">
        <v>0.16605600000000001</v>
      </c>
      <c r="CV1558" s="20">
        <v>0.129662</v>
      </c>
      <c r="CW1558" s="20">
        <v>0.132245</v>
      </c>
      <c r="CX1558" s="20">
        <v>0.119092</v>
      </c>
      <c r="CY1558" s="6" t="s">
        <v>616</v>
      </c>
      <c r="CZ1558" s="6" t="s">
        <v>617</v>
      </c>
      <c r="DA1558" s="6" t="s">
        <v>61</v>
      </c>
      <c r="DB1558" s="6" t="s">
        <v>345</v>
      </c>
      <c r="DC1558" s="6"/>
      <c r="DD1558" s="6"/>
      <c r="DE1558" s="6"/>
      <c r="DF1558" s="6"/>
      <c r="DG1558" s="6"/>
      <c r="DH1558" s="6" t="s">
        <v>333</v>
      </c>
      <c r="DI1558" s="6"/>
      <c r="DJ1558" s="6"/>
      <c r="DK1558" s="6"/>
      <c r="DL1558" s="6">
        <v>9</v>
      </c>
      <c r="DM1558" s="6" t="s">
        <v>440</v>
      </c>
      <c r="DN1558" s="6">
        <v>7</v>
      </c>
      <c r="DO1558" s="6" t="s">
        <v>369</v>
      </c>
      <c r="DP1558" s="6"/>
      <c r="DQ1558" s="6"/>
    </row>
    <row r="1559" spans="1:121" x14ac:dyDescent="0.2">
      <c r="A1559" s="6" t="s">
        <v>319</v>
      </c>
      <c r="B1559" s="6" t="s">
        <v>319</v>
      </c>
      <c r="C1559" s="6" t="s">
        <v>188</v>
      </c>
      <c r="D1559" s="6" t="s">
        <v>61</v>
      </c>
      <c r="E1559" s="6" t="s">
        <v>202</v>
      </c>
      <c r="F1559" s="11">
        <v>-100</v>
      </c>
      <c r="G1559" s="13">
        <v>-0.59880239521</v>
      </c>
      <c r="H1559" s="11">
        <v>-84.040723122199992</v>
      </c>
      <c r="I1559" s="13">
        <v>-0.50288756152032177</v>
      </c>
      <c r="J1559" s="11">
        <v>12.920497662700001</v>
      </c>
      <c r="K1559" s="13">
        <v>0.15552697502925292</v>
      </c>
      <c r="L1559" s="11">
        <v>-29.384870587600005</v>
      </c>
      <c r="M1559" s="13">
        <v>-0.30610482654660065</v>
      </c>
      <c r="N1559" s="11">
        <v>-16.464372924900005</v>
      </c>
      <c r="O1559" s="13">
        <v>-0.19818540923199471</v>
      </c>
      <c r="P1559" s="7">
        <v>167.11632888299999</v>
      </c>
      <c r="Q1559" s="7">
        <v>109.62275205900001</v>
      </c>
      <c r="R1559" s="7">
        <v>84.780522216999998</v>
      </c>
      <c r="S1559" s="7">
        <v>71.845649999900004</v>
      </c>
      <c r="T1559" s="7">
        <v>70.898282874499998</v>
      </c>
      <c r="U1559" s="7">
        <v>66.164912482099993</v>
      </c>
      <c r="V1559" s="7">
        <v>83.075605760800002</v>
      </c>
      <c r="W1559" s="7">
        <v>89.1535977554</v>
      </c>
      <c r="X1559" s="7">
        <v>85.968614252799995</v>
      </c>
      <c r="Y1559" s="7">
        <v>95.996103423500003</v>
      </c>
      <c r="Z1559" s="7">
        <v>138.625020361</v>
      </c>
      <c r="AA1559" s="7">
        <v>131.568814301</v>
      </c>
      <c r="AB1559" s="7">
        <v>118.217021546</v>
      </c>
      <c r="AC1559" s="7">
        <v>139.71723495699999</v>
      </c>
      <c r="AD1559" s="7">
        <v>83.851203401199996</v>
      </c>
      <c r="AE1559" s="7">
        <v>66.849508912900006</v>
      </c>
      <c r="AF1559" s="7">
        <v>66.611232835899997</v>
      </c>
      <c r="AG1559" s="9">
        <v>-24316.6951224</v>
      </c>
      <c r="AH1559" s="13">
        <v>-0.42275021195926754</v>
      </c>
      <c r="AI1559" s="9">
        <v>-36006.439432799998</v>
      </c>
      <c r="AJ1559" s="13">
        <v>-0.6259785643359409</v>
      </c>
      <c r="AK1559" s="9">
        <v>8075.4331238999985</v>
      </c>
      <c r="AL1559" s="13">
        <v>0.37536054092623944</v>
      </c>
      <c r="AM1559" s="9">
        <v>3614.3111864999992</v>
      </c>
      <c r="AN1559" s="13">
        <v>0.12214952233502574</v>
      </c>
      <c r="AO1559" s="9">
        <v>11689.744310399998</v>
      </c>
      <c r="AP1559" s="13">
        <v>0.5433601740388222</v>
      </c>
      <c r="AQ1559" s="9">
        <v>57520.243478299999</v>
      </c>
      <c r="AR1559" s="9">
        <v>29852.544427500001</v>
      </c>
      <c r="AS1559" s="9">
        <v>15299.0754937</v>
      </c>
      <c r="AT1559" s="9">
        <v>16100.648651400001</v>
      </c>
      <c r="AU1559" s="9">
        <v>23692.5652453</v>
      </c>
      <c r="AV1559" s="9">
        <v>18143.144834300001</v>
      </c>
      <c r="AW1559" s="9">
        <v>21513.804045500001</v>
      </c>
      <c r="AX1559" s="9">
        <v>21124.300045600001</v>
      </c>
      <c r="AY1559" s="9">
        <v>22082.6818585</v>
      </c>
      <c r="AZ1559" s="9">
        <v>29589.237169399999</v>
      </c>
      <c r="BA1559" s="9">
        <v>33085.516150299998</v>
      </c>
      <c r="BB1559" s="9">
        <v>26356.798661699999</v>
      </c>
      <c r="BC1559" s="9">
        <v>24807.053382599999</v>
      </c>
      <c r="BD1559" s="9">
        <v>27953.344493100001</v>
      </c>
      <c r="BE1559" s="9">
        <v>29491.567491400001</v>
      </c>
      <c r="BF1559" s="9">
        <v>33203.548355899999</v>
      </c>
      <c r="BG1559" s="11">
        <v>2.75</v>
      </c>
      <c r="BH1559" s="13">
        <v>0.45833333333333331</v>
      </c>
      <c r="BI1559" s="6">
        <v>5</v>
      </c>
      <c r="BJ1559" s="13">
        <v>0.83333333333333337</v>
      </c>
      <c r="BK1559" s="6">
        <v>1</v>
      </c>
      <c r="BL1559" s="13">
        <v>9.0909090909090912E-2</v>
      </c>
      <c r="BM1559" s="11">
        <v>-3.25</v>
      </c>
      <c r="BN1559" s="13">
        <v>-0.27083333333333331</v>
      </c>
      <c r="BO1559" s="11">
        <v>-2.25</v>
      </c>
      <c r="BP1559" s="13">
        <v>-0.20454545454545456</v>
      </c>
      <c r="BQ1559" s="6">
        <v>6</v>
      </c>
      <c r="BR1559" s="6">
        <v>7</v>
      </c>
      <c r="BS1559" s="6">
        <v>7</v>
      </c>
      <c r="BT1559" s="6">
        <v>11</v>
      </c>
      <c r="BU1559" s="6">
        <v>12</v>
      </c>
      <c r="BV1559" s="6">
        <v>12</v>
      </c>
      <c r="BW1559" s="6">
        <v>12</v>
      </c>
      <c r="BX1559" s="6">
        <v>11</v>
      </c>
      <c r="BY1559" s="6">
        <v>11</v>
      </c>
      <c r="BZ1559" s="6">
        <v>11</v>
      </c>
      <c r="CA1559" s="6">
        <v>9</v>
      </c>
      <c r="CB1559" s="6">
        <v>8</v>
      </c>
      <c r="CC1559" s="11">
        <v>8.75</v>
      </c>
      <c r="CD1559" s="11">
        <v>-133.809</v>
      </c>
      <c r="CE1559" s="11">
        <v>15.0359</v>
      </c>
      <c r="CF1559" s="11">
        <v>18.267800000000001</v>
      </c>
      <c r="CG1559" s="11">
        <v>33</v>
      </c>
      <c r="CH1559" s="20">
        <v>0.314662</v>
      </c>
      <c r="CI1559" s="20">
        <v>0.22087399999999999</v>
      </c>
      <c r="CJ1559" s="20">
        <v>0.17732800000000001</v>
      </c>
      <c r="CK1559" s="20">
        <v>0.146232</v>
      </c>
      <c r="CL1559" s="20">
        <v>0.13808599999999999</v>
      </c>
      <c r="CM1559" s="20">
        <v>0.12431399999999999</v>
      </c>
      <c r="CN1559" s="20">
        <v>0.15041299999999999</v>
      </c>
      <c r="CO1559" s="20">
        <v>0.17288500000000001</v>
      </c>
      <c r="CP1559" s="20">
        <v>0.19350700000000001</v>
      </c>
      <c r="CQ1559" s="20">
        <v>0.19378500000000001</v>
      </c>
      <c r="CR1559" s="20">
        <v>0.27812300000000001</v>
      </c>
      <c r="CS1559" s="20">
        <v>0.25894099999999998</v>
      </c>
      <c r="CT1559" s="20">
        <v>0.23253699999999999</v>
      </c>
      <c r="CU1559" s="20">
        <v>0.26669199999999998</v>
      </c>
      <c r="CV1559" s="20">
        <v>0.156171</v>
      </c>
      <c r="CW1559" s="20">
        <v>0.13253100000000001</v>
      </c>
      <c r="CX1559" s="20">
        <v>0.12948000000000001</v>
      </c>
      <c r="CY1559" s="6" t="s">
        <v>616</v>
      </c>
      <c r="CZ1559" s="6" t="s">
        <v>617</v>
      </c>
      <c r="DA1559" s="6" t="s">
        <v>61</v>
      </c>
      <c r="DB1559" s="6" t="s">
        <v>345</v>
      </c>
      <c r="DC1559" s="6"/>
      <c r="DD1559" s="6"/>
      <c r="DE1559" s="6"/>
      <c r="DF1559" s="6"/>
      <c r="DG1559" s="6"/>
      <c r="DH1559" s="6" t="s">
        <v>333</v>
      </c>
      <c r="DI1559" s="6"/>
      <c r="DJ1559" s="6"/>
      <c r="DK1559" s="6"/>
      <c r="DL1559" s="6">
        <v>9</v>
      </c>
      <c r="DM1559" s="6" t="s">
        <v>440</v>
      </c>
      <c r="DN1559" s="6">
        <v>7</v>
      </c>
      <c r="DO1559" s="6" t="s">
        <v>369</v>
      </c>
      <c r="DP1559" s="6"/>
      <c r="DQ1559" s="6"/>
    </row>
    <row r="1560" spans="1:121" x14ac:dyDescent="0.2">
      <c r="A1560" s="6" t="s">
        <v>320</v>
      </c>
      <c r="B1560" s="6" t="s">
        <v>320</v>
      </c>
      <c r="C1560" s="6" t="s">
        <v>189</v>
      </c>
      <c r="D1560" s="6" t="s">
        <v>61</v>
      </c>
      <c r="E1560" s="6" t="s">
        <v>202</v>
      </c>
      <c r="F1560" s="11">
        <v>1</v>
      </c>
      <c r="G1560" s="13">
        <v>1</v>
      </c>
      <c r="H1560" s="11">
        <v>-28.574465956099999</v>
      </c>
      <c r="I1560" s="13">
        <v>-0.68665848187087541</v>
      </c>
      <c r="J1560" s="11">
        <v>-1.0009669999999993</v>
      </c>
      <c r="K1560" s="13">
        <v>-7.6765217231253388E-2</v>
      </c>
      <c r="L1560" s="11">
        <v>-7.0383630000000004</v>
      </c>
      <c r="M1560" s="13">
        <v>-0.58466113706655964</v>
      </c>
      <c r="N1560" s="11">
        <v>-8.0393299999999996</v>
      </c>
      <c r="O1560" s="13">
        <v>-0.61654471510422693</v>
      </c>
      <c r="P1560" s="7">
        <v>41.613795956099999</v>
      </c>
      <c r="Q1560" s="7">
        <v>35.776196533700002</v>
      </c>
      <c r="R1560" s="7">
        <v>32.763927926999997</v>
      </c>
      <c r="S1560" s="7">
        <v>26.9712379152</v>
      </c>
      <c r="T1560" s="7">
        <v>27.446794734400001</v>
      </c>
      <c r="U1560" s="7">
        <v>29.408479807100001</v>
      </c>
      <c r="V1560" s="7">
        <v>13.03933</v>
      </c>
      <c r="W1560" s="7">
        <v>17.194894999999999</v>
      </c>
      <c r="X1560" s="7">
        <v>27.523185000000002</v>
      </c>
      <c r="Y1560" s="7">
        <v>12.038363</v>
      </c>
      <c r="Z1560" s="7">
        <v>15.099378120400001</v>
      </c>
      <c r="AA1560" s="7">
        <v>12.4430072798</v>
      </c>
      <c r="AB1560" s="7">
        <v>12.3842589967</v>
      </c>
      <c r="AC1560" s="7">
        <v>5</v>
      </c>
      <c r="AD1560" s="7">
        <v>5</v>
      </c>
      <c r="AE1560" s="7">
        <v>5</v>
      </c>
      <c r="AF1560" s="7">
        <v>5</v>
      </c>
      <c r="AG1560" s="9">
        <v>-26635.498828799999</v>
      </c>
      <c r="AH1560" s="13">
        <v>-0.99996245752843005</v>
      </c>
      <c r="AI1560" s="9">
        <v>116.63151959999959</v>
      </c>
      <c r="AJ1560" s="13">
        <v>4.3786355087289059E-3</v>
      </c>
      <c r="AK1560" s="9">
        <v>-7456.9278470999998</v>
      </c>
      <c r="AL1560" s="13">
        <v>-0.27873104006858657</v>
      </c>
      <c r="AM1560" s="9">
        <v>-19295.202501299998</v>
      </c>
      <c r="AN1560" s="13">
        <v>-0.99994817633158994</v>
      </c>
      <c r="AO1560" s="9">
        <v>-26752.130348399998</v>
      </c>
      <c r="AP1560" s="13">
        <v>-0.99996262119658608</v>
      </c>
      <c r="AQ1560" s="9">
        <v>26636.498828799999</v>
      </c>
      <c r="AR1560" s="9">
        <v>34255.981181199997</v>
      </c>
      <c r="AS1560" s="9">
        <v>41200.3654608</v>
      </c>
      <c r="AT1560" s="9">
        <v>27457.9959676</v>
      </c>
      <c r="AU1560" s="9">
        <v>44532.2228588</v>
      </c>
      <c r="AV1560" s="9">
        <v>38966.3202016</v>
      </c>
      <c r="AW1560" s="9">
        <v>26753.130348399998</v>
      </c>
      <c r="AX1560" s="9">
        <v>35253.081991799998</v>
      </c>
      <c r="AY1560" s="9">
        <v>43971.163471300002</v>
      </c>
      <c r="AZ1560" s="9">
        <v>19296.202501299998</v>
      </c>
      <c r="BA1560" s="9">
        <v>17848.610448200001</v>
      </c>
      <c r="BB1560" s="9">
        <v>19455.096913199999</v>
      </c>
      <c r="BC1560" s="9">
        <v>23422.009502500001</v>
      </c>
      <c r="BD1560" s="9">
        <v>1</v>
      </c>
      <c r="BE1560" s="9">
        <v>1</v>
      </c>
      <c r="BF1560" s="9">
        <v>1</v>
      </c>
      <c r="BG1560" s="11">
        <v>0</v>
      </c>
      <c r="BH1560" s="13">
        <v>0</v>
      </c>
      <c r="BI1560" s="6">
        <v>0</v>
      </c>
      <c r="BJ1560" s="13">
        <v>0</v>
      </c>
      <c r="BK1560" s="6">
        <v>-1</v>
      </c>
      <c r="BL1560" s="13">
        <v>-1</v>
      </c>
      <c r="BM1560" s="11">
        <v>1</v>
      </c>
      <c r="BN1560" s="13" t="e">
        <v>#DIV/0!</v>
      </c>
      <c r="BO1560" s="11">
        <v>0</v>
      </c>
      <c r="BP1560" s="13">
        <v>0</v>
      </c>
      <c r="BQ1560" s="6">
        <v>1</v>
      </c>
      <c r="BR1560" s="6">
        <v>1</v>
      </c>
      <c r="BS1560" s="6">
        <v>1</v>
      </c>
      <c r="BT1560" s="6">
        <v>1</v>
      </c>
      <c r="BU1560" s="6">
        <v>1</v>
      </c>
      <c r="BV1560" s="6">
        <v>1</v>
      </c>
      <c r="BW1560" s="6">
        <v>0</v>
      </c>
      <c r="BX1560" s="6">
        <v>0</v>
      </c>
      <c r="BY1560" s="6">
        <v>0</v>
      </c>
      <c r="BZ1560" s="6">
        <v>1</v>
      </c>
      <c r="CA1560" s="6">
        <v>1</v>
      </c>
      <c r="CB1560" s="6">
        <v>1</v>
      </c>
      <c r="CC1560" s="11">
        <v>1</v>
      </c>
      <c r="CD1560" s="11">
        <v>-58.420699999999997</v>
      </c>
      <c r="CE1560" s="11">
        <v>15.0686</v>
      </c>
      <c r="CF1560" s="11">
        <v>4.5488900000000001</v>
      </c>
      <c r="CG1560" s="11">
        <v>20</v>
      </c>
      <c r="CH1560" s="20">
        <v>0.23485500000000001</v>
      </c>
      <c r="CI1560" s="20">
        <v>0.20647199999999999</v>
      </c>
      <c r="CJ1560" s="20">
        <v>0.19062599999999999</v>
      </c>
      <c r="CK1560" s="20">
        <v>0.15212000000000001</v>
      </c>
      <c r="CL1560" s="20">
        <v>0.151449</v>
      </c>
      <c r="CM1560" s="20">
        <v>0.157308</v>
      </c>
      <c r="CN1560" s="20">
        <v>6.6164200000000006E-2</v>
      </c>
      <c r="CO1560" s="20">
        <v>8.6853600000000003E-2</v>
      </c>
      <c r="CP1560" s="20">
        <v>0.14286299999999999</v>
      </c>
      <c r="CQ1560" s="20">
        <v>5.6460299999999998E-2</v>
      </c>
      <c r="CR1560" s="20">
        <v>7.0897699999999994E-2</v>
      </c>
      <c r="CS1560" s="20">
        <v>5.7865600000000003E-2</v>
      </c>
      <c r="CT1560" s="20">
        <v>5.8313299999999998E-2</v>
      </c>
      <c r="CU1560" s="20">
        <v>1.6255200000000001E-2</v>
      </c>
      <c r="CV1560" s="20">
        <v>6.1223800000000002E-3</v>
      </c>
      <c r="CW1560" s="20">
        <v>1.2696300000000001E-2</v>
      </c>
      <c r="CX1560" s="20">
        <v>1.3346800000000001E-2</v>
      </c>
      <c r="CY1560" s="6" t="s">
        <v>616</v>
      </c>
      <c r="CZ1560" s="6" t="s">
        <v>617</v>
      </c>
      <c r="DA1560" s="6" t="s">
        <v>61</v>
      </c>
      <c r="DB1560" s="6" t="s">
        <v>345</v>
      </c>
      <c r="DC1560" s="6"/>
      <c r="DD1560" s="6"/>
      <c r="DE1560" s="6"/>
      <c r="DF1560" s="6"/>
      <c r="DG1560" s="6"/>
      <c r="DH1560" s="6" t="s">
        <v>333</v>
      </c>
      <c r="DI1560" s="6"/>
      <c r="DJ1560" s="6"/>
      <c r="DK1560" s="6"/>
      <c r="DL1560" s="6">
        <v>9</v>
      </c>
      <c r="DM1560" s="6" t="s">
        <v>440</v>
      </c>
      <c r="DN1560" s="6">
        <v>7</v>
      </c>
      <c r="DO1560" s="6" t="s">
        <v>369</v>
      </c>
      <c r="DP1560" s="6"/>
      <c r="DQ1560" s="6"/>
    </row>
    <row r="1561" spans="1:121" x14ac:dyDescent="0.2">
      <c r="A1561" s="6" t="s">
        <v>321</v>
      </c>
      <c r="B1561" s="6" t="s">
        <v>321</v>
      </c>
      <c r="C1561" s="6" t="s">
        <v>190</v>
      </c>
      <c r="D1561" s="6" t="s">
        <v>61</v>
      </c>
      <c r="E1561" s="6" t="s">
        <v>202</v>
      </c>
      <c r="F1561" s="11">
        <v>471</v>
      </c>
      <c r="G1561" s="13">
        <v>0.67672413793099995</v>
      </c>
      <c r="H1561" s="11">
        <v>56.149630649999949</v>
      </c>
      <c r="I1561" s="13">
        <v>8.0699470792626515E-2</v>
      </c>
      <c r="J1561" s="11">
        <v>90.509002188000068</v>
      </c>
      <c r="K1561" s="13">
        <v>0.12036788267615292</v>
      </c>
      <c r="L1561" s="11">
        <v>324.87776013799987</v>
      </c>
      <c r="M1561" s="13">
        <v>0.38563653841019718</v>
      </c>
      <c r="N1561" s="11">
        <v>415.38676232599994</v>
      </c>
      <c r="O1561" s="13">
        <v>0.55242267469734652</v>
      </c>
      <c r="P1561" s="7">
        <v>695.78685087400004</v>
      </c>
      <c r="Q1561" s="7">
        <v>707.35441003799997</v>
      </c>
      <c r="R1561" s="7">
        <v>766.42160445000002</v>
      </c>
      <c r="S1561" s="7">
        <v>805.67307801100003</v>
      </c>
      <c r="T1561" s="7">
        <v>805.55437644200003</v>
      </c>
      <c r="U1561" s="7">
        <v>823.49098680700001</v>
      </c>
      <c r="V1561" s="7">
        <v>751.93648152399999</v>
      </c>
      <c r="W1561" s="7">
        <v>741.55488397600004</v>
      </c>
      <c r="X1561" s="7">
        <v>800.08110299800001</v>
      </c>
      <c r="Y1561" s="7">
        <v>842.44548371200005</v>
      </c>
      <c r="Z1561" s="7">
        <v>804.18875957099999</v>
      </c>
      <c r="AA1561" s="7">
        <v>986.52801466000005</v>
      </c>
      <c r="AB1561" s="7">
        <v>1119.44383537</v>
      </c>
      <c r="AC1561" s="7">
        <v>1079.8376469699999</v>
      </c>
      <c r="AD1561" s="7">
        <v>1147.589203</v>
      </c>
      <c r="AE1561" s="7">
        <v>1109.68691173</v>
      </c>
      <c r="AF1561" s="7">
        <v>1167.3232438499999</v>
      </c>
      <c r="AG1561" s="9">
        <v>8407.9258082000015</v>
      </c>
      <c r="AH1561" s="13">
        <v>0.45257783307637062</v>
      </c>
      <c r="AI1561" s="9">
        <v>6583.4878423000009</v>
      </c>
      <c r="AJ1561" s="13">
        <v>0.35437285362900178</v>
      </c>
      <c r="AK1561" s="9">
        <v>4077.3645794000004</v>
      </c>
      <c r="AL1561" s="13">
        <v>0.16204876043993777</v>
      </c>
      <c r="AM1561" s="9">
        <v>-2252.9266134999998</v>
      </c>
      <c r="AN1561" s="13">
        <v>-7.7052877356964908E-2</v>
      </c>
      <c r="AO1561" s="9">
        <v>1824.4379659000006</v>
      </c>
      <c r="AP1561" s="13">
        <v>7.2509559818946148E-2</v>
      </c>
      <c r="AQ1561" s="9">
        <v>18577.855992299999</v>
      </c>
      <c r="AR1561" s="9">
        <v>18305.159267499999</v>
      </c>
      <c r="AS1561" s="9">
        <v>20066.322952099999</v>
      </c>
      <c r="AT1561" s="9">
        <v>21332.440942699999</v>
      </c>
      <c r="AU1561" s="9">
        <v>22504.1014392</v>
      </c>
      <c r="AV1561" s="9">
        <v>23538.278398900002</v>
      </c>
      <c r="AW1561" s="9">
        <v>25161.3438346</v>
      </c>
      <c r="AX1561" s="9">
        <v>26437.383192400001</v>
      </c>
      <c r="AY1561" s="9">
        <v>27859.988147399999</v>
      </c>
      <c r="AZ1561" s="9">
        <v>29238.708414000001</v>
      </c>
      <c r="BA1561" s="9">
        <v>28197.4536869</v>
      </c>
      <c r="BB1561" s="9">
        <v>26440.0711649</v>
      </c>
      <c r="BC1561" s="9">
        <v>24675.076620600001</v>
      </c>
      <c r="BD1561" s="9">
        <v>25191.923115000001</v>
      </c>
      <c r="BE1561" s="9">
        <v>25790.382862599999</v>
      </c>
      <c r="BF1561" s="9">
        <v>26985.781800500001</v>
      </c>
      <c r="BG1561" s="11">
        <v>216.25</v>
      </c>
      <c r="BH1561" s="13">
        <v>6.3602941176470589</v>
      </c>
      <c r="BI1561" s="6">
        <v>-2</v>
      </c>
      <c r="BJ1561" s="13">
        <v>-5.8823529411764705E-2</v>
      </c>
      <c r="BK1561" s="6">
        <v>2</v>
      </c>
      <c r="BL1561" s="13">
        <v>6.25E-2</v>
      </c>
      <c r="BM1561" s="11">
        <v>216.25</v>
      </c>
      <c r="BN1561" s="13">
        <v>6.3602941176470589</v>
      </c>
      <c r="BO1561" s="11">
        <v>218.25</v>
      </c>
      <c r="BP1561" s="13">
        <v>6.8203125</v>
      </c>
      <c r="BQ1561" s="6">
        <v>34</v>
      </c>
      <c r="BR1561" s="6">
        <v>33</v>
      </c>
      <c r="BS1561" s="6">
        <v>35</v>
      </c>
      <c r="BT1561" s="6">
        <v>32</v>
      </c>
      <c r="BU1561" s="6">
        <v>33</v>
      </c>
      <c r="BV1561" s="6">
        <v>34</v>
      </c>
      <c r="BW1561" s="6">
        <v>34</v>
      </c>
      <c r="BX1561" s="6">
        <v>35</v>
      </c>
      <c r="BY1561" s="6">
        <v>37</v>
      </c>
      <c r="BZ1561" s="6">
        <v>256</v>
      </c>
      <c r="CA1561" s="6">
        <v>266</v>
      </c>
      <c r="CB1561" s="6">
        <v>257</v>
      </c>
      <c r="CC1561" s="11">
        <v>250.25</v>
      </c>
      <c r="CD1561" s="11">
        <v>142.096</v>
      </c>
      <c r="CE1561" s="11">
        <v>253.38200000000001</v>
      </c>
      <c r="CF1561" s="11">
        <v>76.057900000000004</v>
      </c>
      <c r="CG1561" s="11">
        <v>329</v>
      </c>
      <c r="CH1561" s="20">
        <v>0.79510599999999998</v>
      </c>
      <c r="CI1561" s="20">
        <v>0.83259899999999998</v>
      </c>
      <c r="CJ1561" s="20">
        <v>0.90788899999999995</v>
      </c>
      <c r="CK1561" s="20">
        <v>0.94019399999999997</v>
      </c>
      <c r="CL1561" s="20">
        <v>0.90974299999999997</v>
      </c>
      <c r="CM1561" s="20">
        <v>0.89868300000000001</v>
      </c>
      <c r="CN1561" s="20">
        <v>0.77671000000000001</v>
      </c>
      <c r="CO1561" s="20">
        <v>0.76507199999999997</v>
      </c>
      <c r="CP1561" s="20">
        <v>0.85476799999999997</v>
      </c>
      <c r="CQ1561" s="20">
        <v>0.81834300000000004</v>
      </c>
      <c r="CR1561" s="20">
        <v>0.79603500000000005</v>
      </c>
      <c r="CS1561" s="20">
        <v>0.95125300000000002</v>
      </c>
      <c r="CT1561" s="20">
        <v>1.08718</v>
      </c>
      <c r="CU1561" s="20">
        <v>1.0319700000000001</v>
      </c>
      <c r="CV1561" s="20">
        <v>1.0708899999999999</v>
      </c>
      <c r="CW1561" s="20">
        <v>1.09707</v>
      </c>
      <c r="CX1561" s="20">
        <v>1.12086</v>
      </c>
      <c r="CY1561" s="6" t="s">
        <v>616</v>
      </c>
      <c r="CZ1561" s="6" t="s">
        <v>617</v>
      </c>
      <c r="DA1561" s="6" t="s">
        <v>61</v>
      </c>
      <c r="DB1561" s="6" t="s">
        <v>345</v>
      </c>
      <c r="DC1561" s="6"/>
      <c r="DD1561" s="6"/>
      <c r="DE1561" s="6"/>
      <c r="DF1561" s="6"/>
      <c r="DG1561" s="6"/>
      <c r="DH1561" s="6" t="s">
        <v>333</v>
      </c>
      <c r="DI1561" s="6"/>
      <c r="DJ1561" s="6"/>
      <c r="DK1561" s="6"/>
      <c r="DL1561" s="6">
        <v>9</v>
      </c>
      <c r="DM1561" s="6" t="s">
        <v>440</v>
      </c>
      <c r="DN1561" s="6">
        <v>7</v>
      </c>
      <c r="DO1561" s="6" t="s">
        <v>369</v>
      </c>
      <c r="DP1561" s="6"/>
      <c r="DQ1561" s="6"/>
    </row>
    <row r="1562" spans="1:121" x14ac:dyDescent="0.2">
      <c r="A1562" s="6" t="s">
        <v>322</v>
      </c>
      <c r="B1562" s="6" t="s">
        <v>322</v>
      </c>
      <c r="C1562" s="6" t="s">
        <v>191</v>
      </c>
      <c r="D1562" s="6" t="s">
        <v>61</v>
      </c>
      <c r="E1562" s="6" t="s">
        <v>202</v>
      </c>
      <c r="F1562" s="11">
        <v>1</v>
      </c>
      <c r="G1562" s="13">
        <v>1</v>
      </c>
      <c r="H1562" s="11">
        <v>10</v>
      </c>
      <c r="I1562" s="13">
        <v>2</v>
      </c>
      <c r="J1562" s="11">
        <v>-3</v>
      </c>
      <c r="K1562" s="13">
        <v>-0.2</v>
      </c>
      <c r="L1562" s="11">
        <v>-7</v>
      </c>
      <c r="M1562" s="13">
        <v>-0.58333333333333337</v>
      </c>
      <c r="N1562" s="11">
        <v>-10</v>
      </c>
      <c r="O1562" s="13">
        <v>-0.66666666666666663</v>
      </c>
      <c r="P1562" s="7">
        <v>5</v>
      </c>
      <c r="Q1562" s="7">
        <v>12</v>
      </c>
      <c r="R1562" s="7">
        <v>5</v>
      </c>
      <c r="S1562" s="7">
        <v>5</v>
      </c>
      <c r="T1562" s="7">
        <v>5</v>
      </c>
      <c r="U1562" s="7">
        <v>14</v>
      </c>
      <c r="V1562" s="7">
        <v>15</v>
      </c>
      <c r="W1562" s="7">
        <v>20</v>
      </c>
      <c r="X1562" s="7">
        <v>23</v>
      </c>
      <c r="Y1562" s="7">
        <v>12</v>
      </c>
      <c r="Z1562" s="7">
        <v>17</v>
      </c>
      <c r="AA1562" s="7">
        <v>10</v>
      </c>
      <c r="AB1562" s="7">
        <v>5</v>
      </c>
      <c r="AC1562" s="7">
        <v>5</v>
      </c>
      <c r="AD1562" s="7">
        <v>5</v>
      </c>
      <c r="AE1562" s="7">
        <v>5</v>
      </c>
      <c r="AF1562" s="7">
        <v>5</v>
      </c>
      <c r="AG1562" s="9">
        <v>0</v>
      </c>
      <c r="AH1562" s="13">
        <v>0</v>
      </c>
      <c r="AI1562" s="9">
        <v>8813</v>
      </c>
      <c r="AJ1562" s="13">
        <v>8813</v>
      </c>
      <c r="AK1562" s="9">
        <v>3975</v>
      </c>
      <c r="AL1562" s="13">
        <v>0.45098706603131383</v>
      </c>
      <c r="AM1562" s="9">
        <v>-12788</v>
      </c>
      <c r="AN1562" s="13">
        <v>-0.9999218078035812</v>
      </c>
      <c r="AO1562" s="9">
        <v>-8813</v>
      </c>
      <c r="AP1562" s="13">
        <v>-0.99988654413433187</v>
      </c>
      <c r="AQ1562" s="9">
        <v>1</v>
      </c>
      <c r="AR1562" s="9">
        <v>12307</v>
      </c>
      <c r="AS1562" s="9">
        <v>1</v>
      </c>
      <c r="AT1562" s="9">
        <v>1</v>
      </c>
      <c r="AU1562" s="9">
        <v>1</v>
      </c>
      <c r="AV1562" s="9">
        <v>12992</v>
      </c>
      <c r="AW1562" s="9">
        <v>8814</v>
      </c>
      <c r="AX1562" s="9">
        <v>10691</v>
      </c>
      <c r="AY1562" s="9">
        <v>15391</v>
      </c>
      <c r="AZ1562" s="9">
        <v>12789</v>
      </c>
      <c r="BA1562" s="9">
        <v>21973</v>
      </c>
      <c r="BB1562" s="9">
        <v>13029</v>
      </c>
      <c r="BC1562" s="9">
        <v>1</v>
      </c>
      <c r="BD1562" s="9">
        <v>1</v>
      </c>
      <c r="BE1562" s="9">
        <v>1</v>
      </c>
      <c r="BF1562" s="9">
        <v>1</v>
      </c>
      <c r="BG1562" s="11">
        <v>0</v>
      </c>
      <c r="BH1562" s="13">
        <v>0</v>
      </c>
      <c r="BI1562" s="6">
        <v>0</v>
      </c>
      <c r="BJ1562" s="13">
        <v>0</v>
      </c>
      <c r="BK1562" s="6">
        <v>0</v>
      </c>
      <c r="BL1562" s="13">
        <v>0</v>
      </c>
      <c r="BM1562" s="11">
        <v>0</v>
      </c>
      <c r="BN1562" s="13">
        <v>0</v>
      </c>
      <c r="BO1562" s="11">
        <v>0</v>
      </c>
      <c r="BP1562" s="13">
        <v>0</v>
      </c>
      <c r="BQ1562" s="6">
        <v>2</v>
      </c>
      <c r="BR1562" s="6">
        <v>2</v>
      </c>
      <c r="BS1562" s="6">
        <v>2</v>
      </c>
      <c r="BT1562" s="6">
        <v>2</v>
      </c>
      <c r="BU1562" s="6">
        <v>2</v>
      </c>
      <c r="BV1562" s="6">
        <v>2</v>
      </c>
      <c r="BW1562" s="6">
        <v>2</v>
      </c>
      <c r="BX1562" s="6">
        <v>2</v>
      </c>
      <c r="BY1562" s="6">
        <v>2</v>
      </c>
      <c r="BZ1562" s="6">
        <v>2</v>
      </c>
      <c r="CA1562" s="6">
        <v>2</v>
      </c>
      <c r="CB1562" s="6">
        <v>2</v>
      </c>
      <c r="CC1562" s="11">
        <v>2</v>
      </c>
      <c r="CD1562" s="11">
        <v>2</v>
      </c>
      <c r="CE1562" s="11">
        <v>1</v>
      </c>
      <c r="CF1562" s="11">
        <v>0</v>
      </c>
      <c r="CG1562" s="11">
        <v>1</v>
      </c>
      <c r="CH1562" s="20">
        <v>0.03</v>
      </c>
      <c r="CI1562" s="20">
        <v>0.1</v>
      </c>
      <c r="CJ1562" s="20">
        <v>7.0000000000000007E-2</v>
      </c>
      <c r="CK1562" s="20">
        <v>7.0000000000000007E-2</v>
      </c>
      <c r="CL1562" s="20">
        <v>7.0000000000000007E-2</v>
      </c>
      <c r="CM1562" s="20">
        <v>0.11</v>
      </c>
      <c r="CN1562" s="20">
        <v>0.11</v>
      </c>
      <c r="CO1562" s="20">
        <v>0.15</v>
      </c>
      <c r="CP1562" s="20">
        <v>0.18</v>
      </c>
      <c r="CQ1562" s="20">
        <v>0.09</v>
      </c>
      <c r="CR1562" s="20">
        <v>0.12</v>
      </c>
      <c r="CS1562" s="20">
        <v>7.0000000000000007E-2</v>
      </c>
      <c r="CT1562" s="20">
        <v>0.05</v>
      </c>
      <c r="CU1562" s="20">
        <v>0.06</v>
      </c>
      <c r="CV1562" s="20">
        <v>0.05</v>
      </c>
      <c r="CW1562" s="20">
        <v>0.05</v>
      </c>
      <c r="CX1562" s="20">
        <v>0.05</v>
      </c>
      <c r="CY1562" s="6" t="s">
        <v>616</v>
      </c>
      <c r="CZ1562" s="6" t="s">
        <v>617</v>
      </c>
      <c r="DA1562" s="6" t="s">
        <v>61</v>
      </c>
      <c r="DB1562" s="6" t="s">
        <v>345</v>
      </c>
      <c r="DC1562" s="6"/>
      <c r="DD1562" s="6"/>
      <c r="DE1562" s="6"/>
      <c r="DF1562" s="6"/>
      <c r="DG1562" s="6"/>
      <c r="DH1562" s="6" t="s">
        <v>333</v>
      </c>
      <c r="DI1562" s="6"/>
      <c r="DJ1562" s="6"/>
      <c r="DK1562" s="6"/>
      <c r="DL1562" s="6">
        <v>9</v>
      </c>
      <c r="DM1562" s="6" t="s">
        <v>440</v>
      </c>
      <c r="DN1562" s="6">
        <v>7</v>
      </c>
      <c r="DO1562" s="6" t="s">
        <v>369</v>
      </c>
      <c r="DP1562" s="6"/>
      <c r="DQ1562" s="6"/>
    </row>
    <row r="1563" spans="1:121" x14ac:dyDescent="0.2">
      <c r="A1563" s="6" t="s">
        <v>323</v>
      </c>
      <c r="B1563" s="6" t="s">
        <v>323</v>
      </c>
      <c r="C1563" s="6" t="s">
        <v>192</v>
      </c>
      <c r="D1563" s="6" t="s">
        <v>61</v>
      </c>
      <c r="E1563" s="6" t="s">
        <v>202</v>
      </c>
      <c r="F1563" s="11">
        <v>132</v>
      </c>
      <c r="G1563" s="13">
        <v>0.41904761904799998</v>
      </c>
      <c r="H1563" s="11">
        <v>37.698343124000019</v>
      </c>
      <c r="I1563" s="13">
        <v>0.11970736652788376</v>
      </c>
      <c r="J1563" s="11">
        <v>56.890983856999981</v>
      </c>
      <c r="K1563" s="13">
        <v>0.16133831716482661</v>
      </c>
      <c r="L1563" s="11">
        <v>37.146860585000013</v>
      </c>
      <c r="M1563" s="13">
        <v>9.0710474520800388E-2</v>
      </c>
      <c r="N1563" s="11">
        <v>94.037844441999994</v>
      </c>
      <c r="O1563" s="13">
        <v>0.26668386699403579</v>
      </c>
      <c r="P1563" s="7">
        <v>314.920829164</v>
      </c>
      <c r="Q1563" s="7">
        <v>264.67737935299999</v>
      </c>
      <c r="R1563" s="7">
        <v>261.28066406900001</v>
      </c>
      <c r="S1563" s="7">
        <v>327.622965276</v>
      </c>
      <c r="T1563" s="7">
        <v>299.47421833300001</v>
      </c>
      <c r="U1563" s="7">
        <v>261.58467629699999</v>
      </c>
      <c r="V1563" s="7">
        <v>352.61917228800002</v>
      </c>
      <c r="W1563" s="7">
        <v>368.74482685499999</v>
      </c>
      <c r="X1563" s="7">
        <v>332.82234965200001</v>
      </c>
      <c r="Y1563" s="7">
        <v>409.510156145</v>
      </c>
      <c r="Z1563" s="7">
        <v>412.900896493</v>
      </c>
      <c r="AA1563" s="7">
        <v>328.02343439200001</v>
      </c>
      <c r="AB1563" s="7">
        <v>417.03097005500001</v>
      </c>
      <c r="AC1563" s="7">
        <v>410.73751088799997</v>
      </c>
      <c r="AD1563" s="7">
        <v>422.62378245100001</v>
      </c>
      <c r="AE1563" s="7">
        <v>430.55616715600001</v>
      </c>
      <c r="AF1563" s="7">
        <v>446.65701673000001</v>
      </c>
      <c r="AG1563" s="9">
        <v>7314.4538019399988</v>
      </c>
      <c r="AH1563" s="13">
        <v>0.79377044461971313</v>
      </c>
      <c r="AI1563" s="9">
        <v>5053.6524026400002</v>
      </c>
      <c r="AJ1563" s="13">
        <v>0.54842644758151149</v>
      </c>
      <c r="AK1563" s="9">
        <v>972.25246309999966</v>
      </c>
      <c r="AL1563" s="13">
        <v>6.8139900411626333E-2</v>
      </c>
      <c r="AM1563" s="9">
        <v>1288.5489361999989</v>
      </c>
      <c r="AN1563" s="13">
        <v>8.4546419606912754E-2</v>
      </c>
      <c r="AO1563" s="9">
        <v>2260.8013992999986</v>
      </c>
      <c r="AP1563" s="13">
        <v>0.15844730463071369</v>
      </c>
      <c r="AQ1563" s="9">
        <v>9214.8225617600001</v>
      </c>
      <c r="AR1563" s="9">
        <v>10648.525378</v>
      </c>
      <c r="AS1563" s="9">
        <v>10819.236288800001</v>
      </c>
      <c r="AT1563" s="9">
        <v>11424.2672871</v>
      </c>
      <c r="AU1563" s="9">
        <v>12016.815501900001</v>
      </c>
      <c r="AV1563" s="9">
        <v>12354.683452400001</v>
      </c>
      <c r="AW1563" s="9">
        <v>14268.4749644</v>
      </c>
      <c r="AX1563" s="9">
        <v>14160.323942200001</v>
      </c>
      <c r="AY1563" s="9">
        <v>14672.053986999999</v>
      </c>
      <c r="AZ1563" s="9">
        <v>15240.7274275</v>
      </c>
      <c r="BA1563" s="9">
        <v>15150.007562700001</v>
      </c>
      <c r="BB1563" s="9">
        <v>15889.547942900001</v>
      </c>
      <c r="BC1563" s="9">
        <v>15767.9159064</v>
      </c>
      <c r="BD1563" s="9">
        <v>15547.501347900001</v>
      </c>
      <c r="BE1563" s="9">
        <v>16043.437393</v>
      </c>
      <c r="BF1563" s="9">
        <v>16529.276363699999</v>
      </c>
      <c r="BG1563" s="11">
        <v>-2.5</v>
      </c>
      <c r="BH1563" s="13">
        <v>-7.575757575757576E-2</v>
      </c>
      <c r="BI1563" s="6">
        <v>-4</v>
      </c>
      <c r="BJ1563" s="13">
        <v>-0.12121212121212122</v>
      </c>
      <c r="BK1563" s="6">
        <v>2</v>
      </c>
      <c r="BL1563" s="13">
        <v>6.8965517241379309E-2</v>
      </c>
      <c r="BM1563" s="11">
        <v>-0.5</v>
      </c>
      <c r="BN1563" s="13">
        <v>-1.6129032258064516E-2</v>
      </c>
      <c r="BO1563" s="11">
        <v>1.5</v>
      </c>
      <c r="BP1563" s="13">
        <v>5.1724137931034482E-2</v>
      </c>
      <c r="BQ1563" s="6">
        <v>33</v>
      </c>
      <c r="BR1563" s="6">
        <v>33</v>
      </c>
      <c r="BS1563" s="6">
        <v>28</v>
      </c>
      <c r="BT1563" s="6">
        <v>29</v>
      </c>
      <c r="BU1563" s="6">
        <v>30</v>
      </c>
      <c r="BV1563" s="6">
        <v>28</v>
      </c>
      <c r="BW1563" s="6">
        <v>31</v>
      </c>
      <c r="BX1563" s="6">
        <v>30</v>
      </c>
      <c r="BY1563" s="6">
        <v>29</v>
      </c>
      <c r="BZ1563" s="6">
        <v>32</v>
      </c>
      <c r="CA1563" s="6">
        <v>33</v>
      </c>
      <c r="CB1563" s="6">
        <v>31</v>
      </c>
      <c r="CC1563" s="11">
        <v>30.5</v>
      </c>
      <c r="CD1563" s="11">
        <v>25.6968</v>
      </c>
      <c r="CE1563" s="11">
        <v>71.614800000000002</v>
      </c>
      <c r="CF1563" s="11">
        <v>34.424599999999998</v>
      </c>
      <c r="CG1563" s="11">
        <v>106</v>
      </c>
      <c r="CH1563" s="20">
        <v>0.48492499999999999</v>
      </c>
      <c r="CI1563" s="20">
        <v>0.43047299999999999</v>
      </c>
      <c r="CJ1563" s="20">
        <v>0.43289899999999998</v>
      </c>
      <c r="CK1563" s="20">
        <v>0.53195300000000001</v>
      </c>
      <c r="CL1563" s="20">
        <v>0.47021600000000002</v>
      </c>
      <c r="CM1563" s="20">
        <v>0.39846399999999998</v>
      </c>
      <c r="CN1563" s="20">
        <v>0.51125900000000002</v>
      </c>
      <c r="CO1563" s="20">
        <v>0.54622800000000005</v>
      </c>
      <c r="CP1563" s="20">
        <v>0.53583099999999995</v>
      </c>
      <c r="CQ1563" s="20">
        <v>0.60730200000000001</v>
      </c>
      <c r="CR1563" s="20">
        <v>0.617143</v>
      </c>
      <c r="CS1563" s="20">
        <v>0.48055300000000001</v>
      </c>
      <c r="CT1563" s="20">
        <v>0.60877499999999996</v>
      </c>
      <c r="CU1563" s="20">
        <v>0.58380200000000004</v>
      </c>
      <c r="CV1563" s="20">
        <v>0.58093099999999998</v>
      </c>
      <c r="CW1563" s="20">
        <v>0.62553999999999998</v>
      </c>
      <c r="CX1563" s="20">
        <v>0.63703200000000004</v>
      </c>
      <c r="CY1563" s="6" t="s">
        <v>616</v>
      </c>
      <c r="CZ1563" s="6" t="s">
        <v>617</v>
      </c>
      <c r="DA1563" s="6" t="s">
        <v>61</v>
      </c>
      <c r="DB1563" s="6" t="s">
        <v>345</v>
      </c>
      <c r="DC1563" s="6"/>
      <c r="DD1563" s="6"/>
      <c r="DE1563" s="6"/>
      <c r="DF1563" s="6"/>
      <c r="DG1563" s="6"/>
      <c r="DH1563" s="6" t="s">
        <v>333</v>
      </c>
      <c r="DI1563" s="6"/>
      <c r="DJ1563" s="6"/>
      <c r="DK1563" s="6"/>
      <c r="DL1563" s="6">
        <v>9</v>
      </c>
      <c r="DM1563" s="6" t="s">
        <v>440</v>
      </c>
      <c r="DN1563" s="6">
        <v>7</v>
      </c>
      <c r="DO1563" s="6" t="s">
        <v>369</v>
      </c>
      <c r="DP1563" s="6"/>
      <c r="DQ1563" s="6"/>
    </row>
    <row r="1564" spans="1:121" x14ac:dyDescent="0.2">
      <c r="A1564" s="6" t="s">
        <v>325</v>
      </c>
      <c r="B1564" s="6" t="s">
        <v>325</v>
      </c>
      <c r="C1564" s="6" t="s">
        <v>193</v>
      </c>
      <c r="D1564" s="6" t="s">
        <v>61</v>
      </c>
      <c r="E1564" s="6" t="s">
        <v>202</v>
      </c>
      <c r="F1564" s="11">
        <v>-8</v>
      </c>
      <c r="G1564" s="13">
        <v>-3.21285140562E-2</v>
      </c>
      <c r="H1564" s="11">
        <v>110.17110289499999</v>
      </c>
      <c r="I1564" s="13">
        <v>0.44167485053030098</v>
      </c>
      <c r="J1564" s="11">
        <v>125.14401624700002</v>
      </c>
      <c r="K1564" s="13">
        <v>0.34799879483554824</v>
      </c>
      <c r="L1564" s="11">
        <v>-244.02330630599999</v>
      </c>
      <c r="M1564" s="13">
        <v>-0.50339564550490101</v>
      </c>
      <c r="N1564" s="11">
        <v>-118.87929005899997</v>
      </c>
      <c r="O1564" s="13">
        <v>-0.33057792863052121</v>
      </c>
      <c r="P1564" s="7">
        <v>249.43938456699999</v>
      </c>
      <c r="Q1564" s="7">
        <v>273.63810847100001</v>
      </c>
      <c r="R1564" s="7">
        <v>297.63402329399997</v>
      </c>
      <c r="S1564" s="7">
        <v>297.782476497</v>
      </c>
      <c r="T1564" s="7">
        <v>327.60841324699999</v>
      </c>
      <c r="U1564" s="7">
        <v>325.25546507400003</v>
      </c>
      <c r="V1564" s="7">
        <v>359.61048746199998</v>
      </c>
      <c r="W1564" s="7">
        <v>384.58558423900001</v>
      </c>
      <c r="X1564" s="7">
        <v>448.78321346500002</v>
      </c>
      <c r="Y1564" s="7">
        <v>484.75450370900001</v>
      </c>
      <c r="Z1564" s="7">
        <v>512.42594382499999</v>
      </c>
      <c r="AA1564" s="7">
        <v>502.23960212499998</v>
      </c>
      <c r="AB1564" s="7">
        <v>250.251648453</v>
      </c>
      <c r="AC1564" s="7">
        <v>272.16127475799999</v>
      </c>
      <c r="AD1564" s="7">
        <v>254.64495554499999</v>
      </c>
      <c r="AE1564" s="7">
        <v>249.64062343399999</v>
      </c>
      <c r="AF1564" s="7">
        <v>240.73119740300001</v>
      </c>
      <c r="AG1564" s="9">
        <v>2231.5500248999997</v>
      </c>
      <c r="AH1564" s="13">
        <v>0.16920493702980152</v>
      </c>
      <c r="AI1564" s="9">
        <v>2767.3745068999997</v>
      </c>
      <c r="AJ1564" s="13">
        <v>0.20983326564631949</v>
      </c>
      <c r="AK1564" s="9">
        <v>-1935.8459475</v>
      </c>
      <c r="AL1564" s="13">
        <v>-0.12132538431691468</v>
      </c>
      <c r="AM1564" s="9">
        <v>1400.0214655</v>
      </c>
      <c r="AN1564" s="13">
        <v>9.9859065230353358E-2</v>
      </c>
      <c r="AO1564" s="9">
        <v>-535.82448199999999</v>
      </c>
      <c r="AP1564" s="13">
        <v>-3.3581758553161797E-2</v>
      </c>
      <c r="AQ1564" s="9">
        <v>13188.445113199999</v>
      </c>
      <c r="AR1564" s="9">
        <v>13695.4964057</v>
      </c>
      <c r="AS1564" s="9">
        <v>13636.0004391</v>
      </c>
      <c r="AT1564" s="9">
        <v>12700.3554841</v>
      </c>
      <c r="AU1564" s="9">
        <v>14412.290736299999</v>
      </c>
      <c r="AV1564" s="9">
        <v>14830.3005536</v>
      </c>
      <c r="AW1564" s="9">
        <v>15955.819620099999</v>
      </c>
      <c r="AX1564" s="9">
        <v>16035.514084300001</v>
      </c>
      <c r="AY1564" s="9">
        <v>15462.371359000001</v>
      </c>
      <c r="AZ1564" s="9">
        <v>14019.973672599999</v>
      </c>
      <c r="BA1564" s="9">
        <v>13925.146524</v>
      </c>
      <c r="BB1564" s="9">
        <v>11372.1047865</v>
      </c>
      <c r="BC1564" s="9">
        <v>18487.932815200002</v>
      </c>
      <c r="BD1564" s="9">
        <v>17291.6653764</v>
      </c>
      <c r="BE1564" s="9">
        <v>15166.699260199999</v>
      </c>
      <c r="BF1564" s="9">
        <v>15419.995138099999</v>
      </c>
      <c r="BG1564" s="11">
        <v>-28.25</v>
      </c>
      <c r="BH1564" s="13">
        <v>-0.47083333333333333</v>
      </c>
      <c r="BI1564" s="6">
        <v>15</v>
      </c>
      <c r="BJ1564" s="13">
        <v>0.25</v>
      </c>
      <c r="BK1564" s="6">
        <v>115</v>
      </c>
      <c r="BL1564" s="13">
        <v>1.5333333333333334</v>
      </c>
      <c r="BM1564" s="11">
        <v>-158.25</v>
      </c>
      <c r="BN1564" s="13">
        <v>-0.83289473684210524</v>
      </c>
      <c r="BO1564" s="11">
        <v>-43.25</v>
      </c>
      <c r="BP1564" s="13">
        <v>-0.57666666666666666</v>
      </c>
      <c r="BQ1564" s="6">
        <v>60</v>
      </c>
      <c r="BR1564" s="6">
        <v>68</v>
      </c>
      <c r="BS1564" s="6">
        <v>70</v>
      </c>
      <c r="BT1564" s="6">
        <v>75</v>
      </c>
      <c r="BU1564" s="6">
        <v>100</v>
      </c>
      <c r="BV1564" s="6">
        <v>142</v>
      </c>
      <c r="BW1564" s="6">
        <v>190</v>
      </c>
      <c r="BX1564" s="6">
        <v>218</v>
      </c>
      <c r="BY1564" s="6">
        <v>240</v>
      </c>
      <c r="BZ1564" s="6">
        <v>31</v>
      </c>
      <c r="CA1564" s="6">
        <v>35</v>
      </c>
      <c r="CB1564" s="6">
        <v>37</v>
      </c>
      <c r="CC1564" s="11">
        <v>31.75</v>
      </c>
      <c r="CD1564" s="11">
        <v>-33.677799999999998</v>
      </c>
      <c r="CE1564" s="11">
        <v>-2.2970999999999999</v>
      </c>
      <c r="CF1564" s="11">
        <v>27.2667</v>
      </c>
      <c r="CG1564" s="11">
        <v>25</v>
      </c>
      <c r="CH1564" s="20">
        <v>0.56546399999999997</v>
      </c>
      <c r="CI1564" s="20">
        <v>0.65248099999999998</v>
      </c>
      <c r="CJ1564" s="20">
        <v>0.727128</v>
      </c>
      <c r="CK1564" s="20">
        <v>0.72583699999999995</v>
      </c>
      <c r="CL1564" s="20">
        <v>0.78500999999999999</v>
      </c>
      <c r="CM1564" s="20">
        <v>0.763181</v>
      </c>
      <c r="CN1564" s="20">
        <v>0.807118</v>
      </c>
      <c r="CO1564" s="20">
        <v>0.88104199999999999</v>
      </c>
      <c r="CP1564" s="20">
        <v>1.0946199999999999</v>
      </c>
      <c r="CQ1564" s="20">
        <v>1.0971900000000001</v>
      </c>
      <c r="CR1564" s="20">
        <v>1.1859900000000001</v>
      </c>
      <c r="CS1564" s="20">
        <v>1.1481600000000001</v>
      </c>
      <c r="CT1564" s="20">
        <v>0.62184700000000004</v>
      </c>
      <c r="CU1564" s="20">
        <v>0.66549400000000003</v>
      </c>
      <c r="CV1564" s="20">
        <v>0.61409199999999997</v>
      </c>
      <c r="CW1564" s="20">
        <v>0.64306799999999997</v>
      </c>
      <c r="CX1564" s="20">
        <v>0.61417600000000006</v>
      </c>
      <c r="CY1564" s="6" t="s">
        <v>616</v>
      </c>
      <c r="CZ1564" s="6" t="s">
        <v>617</v>
      </c>
      <c r="DA1564" s="6" t="s">
        <v>61</v>
      </c>
      <c r="DB1564" s="6" t="s">
        <v>345</v>
      </c>
      <c r="DC1564" s="6"/>
      <c r="DD1564" s="6"/>
      <c r="DE1564" s="6"/>
      <c r="DF1564" s="6"/>
      <c r="DG1564" s="6"/>
      <c r="DH1564" s="6" t="s">
        <v>333</v>
      </c>
      <c r="DI1564" s="6"/>
      <c r="DJ1564" s="6"/>
      <c r="DK1564" s="6"/>
      <c r="DL1564" s="6">
        <v>9</v>
      </c>
      <c r="DM1564" s="6" t="s">
        <v>440</v>
      </c>
      <c r="DN1564" s="6">
        <v>7</v>
      </c>
      <c r="DO1564" s="6" t="s">
        <v>369</v>
      </c>
      <c r="DP1564" s="6"/>
      <c r="DQ1564" s="6"/>
    </row>
    <row r="1565" spans="1:121" x14ac:dyDescent="0.2">
      <c r="A1565" s="6" t="s">
        <v>327</v>
      </c>
      <c r="B1565" s="6" t="s">
        <v>327</v>
      </c>
      <c r="C1565" s="6" t="s">
        <v>194</v>
      </c>
      <c r="D1565" s="6" t="s">
        <v>61</v>
      </c>
      <c r="E1565" s="6" t="s">
        <v>202</v>
      </c>
      <c r="F1565" s="11">
        <v>-159</v>
      </c>
      <c r="G1565" s="13">
        <v>-0.13589743589700001</v>
      </c>
      <c r="H1565" s="11">
        <v>2.545902999999953</v>
      </c>
      <c r="I1565" s="13">
        <v>2.1755858651678261E-3</v>
      </c>
      <c r="J1565" s="11">
        <v>-29.311161999999968</v>
      </c>
      <c r="K1565" s="13">
        <v>-2.4993299464846946E-2</v>
      </c>
      <c r="L1565" s="11">
        <v>-132.25596940999992</v>
      </c>
      <c r="M1565" s="13">
        <v>-0.11566400865980236</v>
      </c>
      <c r="N1565" s="11">
        <v>-161.56713140999989</v>
      </c>
      <c r="O1565" s="13">
        <v>-0.13776648291891022</v>
      </c>
      <c r="P1565" s="7">
        <v>1170.2149019999999</v>
      </c>
      <c r="Q1565" s="7">
        <v>1149.877888</v>
      </c>
      <c r="R1565" s="7">
        <v>1168.0142109999999</v>
      </c>
      <c r="S1565" s="7">
        <v>1130.8373300000001</v>
      </c>
      <c r="T1565" s="7">
        <v>1127.1841440000001</v>
      </c>
      <c r="U1565" s="7">
        <v>1131.183008</v>
      </c>
      <c r="V1565" s="7">
        <v>1172.7608049999999</v>
      </c>
      <c r="W1565" s="7">
        <v>1175.64823</v>
      </c>
      <c r="X1565" s="7">
        <v>1166.2476260000001</v>
      </c>
      <c r="Y1565" s="7">
        <v>1143.4496429999999</v>
      </c>
      <c r="Z1565" s="7">
        <v>1096.8963000000001</v>
      </c>
      <c r="AA1565" s="7">
        <v>1082.0607480000001</v>
      </c>
      <c r="AB1565" s="7">
        <v>1072.2481829999999</v>
      </c>
      <c r="AC1565" s="7">
        <v>1060.323114</v>
      </c>
      <c r="AD1565" s="7">
        <v>1047.4348419999999</v>
      </c>
      <c r="AE1565" s="7">
        <v>1025.4070345</v>
      </c>
      <c r="AF1565" s="7">
        <v>1011.19367359</v>
      </c>
      <c r="AG1565" s="9">
        <v>15041.166625900001</v>
      </c>
      <c r="AH1565" s="13">
        <v>0.4780258691449511</v>
      </c>
      <c r="AI1565" s="9">
        <v>7293.4286181000025</v>
      </c>
      <c r="AJ1565" s="13">
        <v>0.23179369266546496</v>
      </c>
      <c r="AK1565" s="9">
        <v>2935.3750920999955</v>
      </c>
      <c r="AL1565" s="13">
        <v>7.5734804062015174E-2</v>
      </c>
      <c r="AM1565" s="9">
        <v>4812.3629157000032</v>
      </c>
      <c r="AN1565" s="13">
        <v>0.1154210585396509</v>
      </c>
      <c r="AO1565" s="9">
        <v>7747.7380077999987</v>
      </c>
      <c r="AP1565" s="13">
        <v>0.19989725385479692</v>
      </c>
      <c r="AQ1565" s="9">
        <v>31465.172905399999</v>
      </c>
      <c r="AR1565" s="9">
        <v>32214.1114198</v>
      </c>
      <c r="AS1565" s="9">
        <v>33535.668623400001</v>
      </c>
      <c r="AT1565" s="9">
        <v>35843.983276999999</v>
      </c>
      <c r="AU1565" s="9">
        <v>37120.592529399997</v>
      </c>
      <c r="AV1565" s="9">
        <v>37657.683762100001</v>
      </c>
      <c r="AW1565" s="9">
        <v>38758.601523500001</v>
      </c>
      <c r="AX1565" s="9">
        <v>39672.408549599997</v>
      </c>
      <c r="AY1565" s="9">
        <v>41248.929896100002</v>
      </c>
      <c r="AZ1565" s="9">
        <v>41693.976615599997</v>
      </c>
      <c r="BA1565" s="9">
        <v>42456.719460300003</v>
      </c>
      <c r="BB1565" s="9">
        <v>42748.631628100004</v>
      </c>
      <c r="BC1565" s="9">
        <v>42928.522310400003</v>
      </c>
      <c r="BD1565" s="9">
        <v>43149.452920399999</v>
      </c>
      <c r="BE1565" s="9">
        <v>45348.9187619</v>
      </c>
      <c r="BF1565" s="9">
        <v>46506.3395313</v>
      </c>
      <c r="BG1565" s="11">
        <v>4</v>
      </c>
      <c r="BH1565" s="13">
        <v>5.3333333333333337E-2</v>
      </c>
      <c r="BI1565" s="6">
        <v>3</v>
      </c>
      <c r="BJ1565" s="13">
        <v>0.04</v>
      </c>
      <c r="BK1565" s="6">
        <v>2</v>
      </c>
      <c r="BL1565" s="13">
        <v>2.564102564102564E-2</v>
      </c>
      <c r="BM1565" s="11">
        <v>-1</v>
      </c>
      <c r="BN1565" s="13">
        <v>-1.2500000000000001E-2</v>
      </c>
      <c r="BO1565" s="11">
        <v>1</v>
      </c>
      <c r="BP1565" s="13">
        <v>1.282051282051282E-2</v>
      </c>
      <c r="BQ1565" s="6">
        <v>75</v>
      </c>
      <c r="BR1565" s="6">
        <v>70</v>
      </c>
      <c r="BS1565" s="6">
        <v>71</v>
      </c>
      <c r="BT1565" s="6">
        <v>78</v>
      </c>
      <c r="BU1565" s="6">
        <v>80</v>
      </c>
      <c r="BV1565" s="6">
        <v>82</v>
      </c>
      <c r="BW1565" s="6">
        <v>80</v>
      </c>
      <c r="BX1565" s="6">
        <v>80</v>
      </c>
      <c r="BY1565" s="6">
        <v>81</v>
      </c>
      <c r="BZ1565" s="6">
        <v>80</v>
      </c>
      <c r="CA1565" s="6">
        <v>79</v>
      </c>
      <c r="CB1565" s="6">
        <v>79</v>
      </c>
      <c r="CC1565" s="11">
        <v>79</v>
      </c>
      <c r="CD1565" s="11">
        <v>-218.33600000000001</v>
      </c>
      <c r="CE1565" s="11">
        <v>-68.603399999999993</v>
      </c>
      <c r="CF1565" s="11">
        <v>127.919</v>
      </c>
      <c r="CG1565" s="11">
        <v>59</v>
      </c>
      <c r="CH1565" s="20">
        <v>0.79860699999999996</v>
      </c>
      <c r="CI1565" s="20">
        <v>0.82378300000000004</v>
      </c>
      <c r="CJ1565" s="20">
        <v>0.86365099999999995</v>
      </c>
      <c r="CK1565" s="20">
        <v>0.840306</v>
      </c>
      <c r="CL1565" s="20">
        <v>0.82530099999999995</v>
      </c>
      <c r="CM1565" s="20">
        <v>0.81637400000000004</v>
      </c>
      <c r="CN1565" s="20">
        <v>0.81540299999999999</v>
      </c>
      <c r="CO1565" s="20">
        <v>0.82598499999999997</v>
      </c>
      <c r="CP1565" s="20">
        <v>0.86263100000000004</v>
      </c>
      <c r="CQ1565" s="20">
        <v>0.78034700000000001</v>
      </c>
      <c r="CR1565" s="20">
        <v>0.78344100000000005</v>
      </c>
      <c r="CS1565" s="20">
        <v>0.78925800000000002</v>
      </c>
      <c r="CT1565" s="20">
        <v>0.80746499999999999</v>
      </c>
      <c r="CU1565" s="20">
        <v>0.80059599999999997</v>
      </c>
      <c r="CV1565" s="20">
        <v>0.78668099999999996</v>
      </c>
      <c r="CW1565" s="20">
        <v>0.82679899999999995</v>
      </c>
      <c r="CX1565" s="20">
        <v>0.81316999999999995</v>
      </c>
      <c r="CY1565" s="6" t="s">
        <v>616</v>
      </c>
      <c r="CZ1565" s="6" t="s">
        <v>617</v>
      </c>
      <c r="DA1565" s="6" t="s">
        <v>61</v>
      </c>
      <c r="DB1565" s="6" t="s">
        <v>345</v>
      </c>
      <c r="DC1565" s="6"/>
      <c r="DD1565" s="6"/>
      <c r="DE1565" s="6"/>
      <c r="DF1565" s="6"/>
      <c r="DG1565" s="6"/>
      <c r="DH1565" s="6" t="s">
        <v>333</v>
      </c>
      <c r="DI1565" s="6"/>
      <c r="DJ1565" s="6"/>
      <c r="DK1565" s="6"/>
      <c r="DL1565" s="6">
        <v>9</v>
      </c>
      <c r="DM1565" s="6" t="s">
        <v>440</v>
      </c>
      <c r="DN1565" s="6">
        <v>7</v>
      </c>
      <c r="DO1565" s="6" t="s">
        <v>369</v>
      </c>
      <c r="DP1565" s="6"/>
      <c r="DQ1565" s="6"/>
    </row>
    <row r="1566" spans="1:121" x14ac:dyDescent="0.2">
      <c r="A1566" s="6" t="s">
        <v>1</v>
      </c>
      <c r="B1566" s="6" t="s">
        <v>1</v>
      </c>
      <c r="C1566" s="6" t="s">
        <v>2</v>
      </c>
      <c r="D1566" s="6" t="s">
        <v>167</v>
      </c>
      <c r="E1566" s="6" t="s">
        <v>306</v>
      </c>
      <c r="F1566" s="11">
        <v>-755</v>
      </c>
      <c r="G1566" s="13">
        <v>-0.77595066803699997</v>
      </c>
      <c r="H1566" s="11">
        <v>-509.91324377799998</v>
      </c>
      <c r="I1566" s="13">
        <v>-0.52380210823324314</v>
      </c>
      <c r="J1566" s="11">
        <v>14.907535995999979</v>
      </c>
      <c r="K1566" s="13">
        <v>3.2158023520137698E-2</v>
      </c>
      <c r="L1566" s="11">
        <v>-260.39733183499999</v>
      </c>
      <c r="M1566" s="13">
        <v>-0.54421914893876389</v>
      </c>
      <c r="N1566" s="11">
        <v>-245.48979583900001</v>
      </c>
      <c r="O1566" s="13">
        <v>-0.52956213761030824</v>
      </c>
      <c r="P1566" s="7">
        <v>973.48451975099999</v>
      </c>
      <c r="Q1566" s="7">
        <v>930.25906074099998</v>
      </c>
      <c r="R1566" s="7">
        <v>827.09642535399996</v>
      </c>
      <c r="S1566" s="7">
        <v>837.49454676000005</v>
      </c>
      <c r="T1566" s="7">
        <v>874.99875145099998</v>
      </c>
      <c r="U1566" s="7">
        <v>856.14292081799999</v>
      </c>
      <c r="V1566" s="7">
        <v>463.57127597300001</v>
      </c>
      <c r="W1566" s="7">
        <v>404.67315140300002</v>
      </c>
      <c r="X1566" s="7">
        <v>389.99579552</v>
      </c>
      <c r="Y1566" s="7">
        <v>478.47881196899999</v>
      </c>
      <c r="Z1566" s="7">
        <v>367.67844124499999</v>
      </c>
      <c r="AA1566" s="7">
        <v>286.00618307000002</v>
      </c>
      <c r="AB1566" s="7">
        <v>235.18384961199999</v>
      </c>
      <c r="AC1566" s="7">
        <v>246.91837787899999</v>
      </c>
      <c r="AD1566" s="7">
        <v>248.70409658899999</v>
      </c>
      <c r="AE1566" s="7">
        <v>235.512333735</v>
      </c>
      <c r="AF1566" s="7">
        <v>218.081480134</v>
      </c>
      <c r="AG1566" s="9">
        <v>5223.513656500003</v>
      </c>
      <c r="AH1566" s="13">
        <v>0.26210710609465643</v>
      </c>
      <c r="AI1566" s="9">
        <v>828.2089562000001</v>
      </c>
      <c r="AJ1566" s="13">
        <v>4.1558128690087778E-2</v>
      </c>
      <c r="AK1566" s="9">
        <v>1984.8626258000004</v>
      </c>
      <c r="AL1566" s="13">
        <v>9.5623140418136479E-2</v>
      </c>
      <c r="AM1566" s="9">
        <v>2410.4420745000025</v>
      </c>
      <c r="AN1566" s="13">
        <v>0.10599077101469206</v>
      </c>
      <c r="AO1566" s="9">
        <v>4395.3047003000029</v>
      </c>
      <c r="AP1566" s="13">
        <v>0.211749081812593</v>
      </c>
      <c r="AQ1566" s="9">
        <v>19928.928041399999</v>
      </c>
      <c r="AR1566" s="9">
        <v>20256.6407827</v>
      </c>
      <c r="AS1566" s="9">
        <v>20493.386629500001</v>
      </c>
      <c r="AT1566" s="9">
        <v>20722.438310599999</v>
      </c>
      <c r="AU1566" s="9">
        <v>20573.438234199999</v>
      </c>
      <c r="AV1566" s="9">
        <v>21648.148282999999</v>
      </c>
      <c r="AW1566" s="9">
        <v>20757.136997599999</v>
      </c>
      <c r="AX1566" s="9">
        <v>21159.511356399998</v>
      </c>
      <c r="AY1566" s="9">
        <v>21640.112541499999</v>
      </c>
      <c r="AZ1566" s="9">
        <v>22741.999623399999</v>
      </c>
      <c r="BA1566" s="9">
        <v>23264.926521199999</v>
      </c>
      <c r="BB1566" s="9">
        <v>23919.920739599998</v>
      </c>
      <c r="BC1566" s="9">
        <v>24304.925754799999</v>
      </c>
      <c r="BD1566" s="9">
        <v>24311.558896999999</v>
      </c>
      <c r="BE1566" s="9">
        <v>25923.173879900001</v>
      </c>
      <c r="BF1566" s="9">
        <v>25152.441697900002</v>
      </c>
      <c r="BG1566" s="11">
        <v>2</v>
      </c>
      <c r="BH1566" s="13">
        <v>0.14285714285714285</v>
      </c>
      <c r="BI1566" s="6">
        <v>1</v>
      </c>
      <c r="BJ1566" s="13">
        <v>7.1428571428571425E-2</v>
      </c>
      <c r="BK1566" s="6">
        <v>4</v>
      </c>
      <c r="BL1566" s="13">
        <v>0.26666666666666666</v>
      </c>
      <c r="BM1566" s="11">
        <v>-3</v>
      </c>
      <c r="BN1566" s="13">
        <v>-0.15789473684210525</v>
      </c>
      <c r="BO1566" s="11">
        <v>1</v>
      </c>
      <c r="BP1566" s="13">
        <v>6.6666666666666666E-2</v>
      </c>
      <c r="BQ1566" s="6">
        <v>14</v>
      </c>
      <c r="BR1566" s="6">
        <v>13</v>
      </c>
      <c r="BS1566" s="6">
        <v>14</v>
      </c>
      <c r="BT1566" s="6">
        <v>15</v>
      </c>
      <c r="BU1566" s="6">
        <v>15</v>
      </c>
      <c r="BV1566" s="6">
        <v>13</v>
      </c>
      <c r="BW1566" s="6">
        <v>19</v>
      </c>
      <c r="BX1566" s="6">
        <v>15</v>
      </c>
      <c r="BY1566" s="6">
        <v>16</v>
      </c>
      <c r="BZ1566" s="6">
        <v>14</v>
      </c>
      <c r="CA1566" s="6">
        <v>15</v>
      </c>
      <c r="CB1566" s="6">
        <v>17</v>
      </c>
      <c r="CC1566" s="11">
        <v>16</v>
      </c>
      <c r="CD1566" s="11">
        <v>-773.06</v>
      </c>
      <c r="CE1566" s="11">
        <v>-88.756200000000007</v>
      </c>
      <c r="CF1566" s="11">
        <v>106.414</v>
      </c>
      <c r="CG1566" s="11">
        <v>17</v>
      </c>
      <c r="CH1566" s="20">
        <v>3.38626</v>
      </c>
      <c r="CI1566" s="20">
        <v>3.24091</v>
      </c>
      <c r="CJ1566" s="20">
        <v>2.87405</v>
      </c>
      <c r="CK1566" s="20">
        <v>2.8885100000000001</v>
      </c>
      <c r="CL1566" s="20">
        <v>3.0486599999999999</v>
      </c>
      <c r="CM1566" s="20">
        <v>3.02536</v>
      </c>
      <c r="CN1566" s="20">
        <v>1.6108100000000001</v>
      </c>
      <c r="CO1566" s="20">
        <v>1.45231</v>
      </c>
      <c r="CP1566" s="20">
        <v>1.4245399999999999</v>
      </c>
      <c r="CQ1566" s="20">
        <v>1.67814</v>
      </c>
      <c r="CR1566" s="20">
        <v>1.3185899999999999</v>
      </c>
      <c r="CS1566" s="20">
        <v>1.01234</v>
      </c>
      <c r="CT1566" s="20">
        <v>0.92975600000000003</v>
      </c>
      <c r="CU1566" s="20">
        <v>0.97999400000000003</v>
      </c>
      <c r="CV1566" s="20">
        <v>1.01796</v>
      </c>
      <c r="CW1566" s="20">
        <v>0.97774899999999998</v>
      </c>
      <c r="CX1566" s="20">
        <v>0.90394699999999994</v>
      </c>
      <c r="CY1566" s="6" t="s">
        <v>618</v>
      </c>
      <c r="CZ1566" s="6" t="s">
        <v>619</v>
      </c>
      <c r="DA1566" s="6" t="s">
        <v>167</v>
      </c>
      <c r="DB1566" s="6" t="s">
        <v>345</v>
      </c>
      <c r="DC1566" s="6">
        <v>27900</v>
      </c>
      <c r="DD1566" s="6">
        <v>309</v>
      </c>
      <c r="DE1566" s="6" t="s">
        <v>545</v>
      </c>
      <c r="DF1566" s="6" t="s">
        <v>375</v>
      </c>
      <c r="DG1566" s="6" t="s">
        <v>376</v>
      </c>
      <c r="DH1566" s="6" t="s">
        <v>328</v>
      </c>
      <c r="DI1566" s="6" t="s">
        <v>546</v>
      </c>
      <c r="DJ1566" s="6">
        <v>29</v>
      </c>
      <c r="DK1566" s="6">
        <v>145</v>
      </c>
      <c r="DL1566" s="6">
        <v>2</v>
      </c>
      <c r="DM1566" s="6" t="s">
        <v>379</v>
      </c>
      <c r="DN1566" s="6">
        <v>3</v>
      </c>
      <c r="DO1566" s="6" t="s">
        <v>380</v>
      </c>
      <c r="DP1566" s="6"/>
      <c r="DQ1566" s="6"/>
    </row>
    <row r="1567" spans="1:121" x14ac:dyDescent="0.2">
      <c r="A1567" s="6" t="s">
        <v>310</v>
      </c>
      <c r="B1567" s="6" t="s">
        <v>310</v>
      </c>
      <c r="C1567" s="6" t="s">
        <v>173</v>
      </c>
      <c r="D1567" s="6" t="s">
        <v>167</v>
      </c>
      <c r="E1567" s="6" t="s">
        <v>306</v>
      </c>
      <c r="F1567" s="11">
        <v>5</v>
      </c>
      <c r="G1567" s="13">
        <v>0.26315789473700002</v>
      </c>
      <c r="H1567" s="11">
        <v>0.17794999999999916</v>
      </c>
      <c r="I1567" s="13">
        <v>9.126158642638868E-3</v>
      </c>
      <c r="J1567" s="11">
        <v>2.4235989999999994</v>
      </c>
      <c r="K1567" s="13">
        <v>0.12317010797056679</v>
      </c>
      <c r="L1567" s="11">
        <v>2.003516083600001</v>
      </c>
      <c r="M1567" s="13">
        <v>9.0655019159570749E-2</v>
      </c>
      <c r="N1567" s="11">
        <v>4.4271150836000004</v>
      </c>
      <c r="O1567" s="13">
        <v>0.22499111562809568</v>
      </c>
      <c r="P1567" s="7">
        <v>19.498894</v>
      </c>
      <c r="Q1567" s="7">
        <v>19.664712000000002</v>
      </c>
      <c r="R1567" s="7">
        <v>27.168424000000002</v>
      </c>
      <c r="S1567" s="7">
        <v>24.260355000000001</v>
      </c>
      <c r="T1567" s="7">
        <v>23.066309</v>
      </c>
      <c r="U1567" s="7">
        <v>22.182804000000001</v>
      </c>
      <c r="V1567" s="7">
        <v>19.676843999999999</v>
      </c>
      <c r="W1567" s="7">
        <v>20.065987</v>
      </c>
      <c r="X1567" s="7">
        <v>21.893039999999999</v>
      </c>
      <c r="Y1567" s="7">
        <v>22.100442999999999</v>
      </c>
      <c r="Z1567" s="7">
        <v>14.2130176331</v>
      </c>
      <c r="AA1567" s="7">
        <v>19.803683998099999</v>
      </c>
      <c r="AB1567" s="7">
        <v>14.4070325494</v>
      </c>
      <c r="AC1567" s="7">
        <v>14.1397702796</v>
      </c>
      <c r="AD1567" s="7">
        <v>20.534331830199999</v>
      </c>
      <c r="AE1567" s="7">
        <v>23.161161628999999</v>
      </c>
      <c r="AF1567" s="7">
        <v>24.1039590836</v>
      </c>
      <c r="AG1567" s="9">
        <v>-5727.7255298000018</v>
      </c>
      <c r="AH1567" s="13">
        <v>-0.13904866627529799</v>
      </c>
      <c r="AI1567" s="9">
        <v>6733.4842461000007</v>
      </c>
      <c r="AJ1567" s="13">
        <v>0.16346488653038307</v>
      </c>
      <c r="AK1567" s="9">
        <v>-7914.2012197000004</v>
      </c>
      <c r="AL1567" s="13">
        <v>-0.16513473592040737</v>
      </c>
      <c r="AM1567" s="9">
        <v>-4547.0085562000022</v>
      </c>
      <c r="AN1567" s="13">
        <v>-0.11364248654993014</v>
      </c>
      <c r="AO1567" s="9">
        <v>-12461.209775900003</v>
      </c>
      <c r="AP1567" s="13">
        <v>-0.26001090046457637</v>
      </c>
      <c r="AQ1567" s="9">
        <v>41192.236381900002</v>
      </c>
      <c r="AR1567" s="9">
        <v>37220.912355300003</v>
      </c>
      <c r="AS1567" s="9">
        <v>38479.720513400003</v>
      </c>
      <c r="AT1567" s="9">
        <v>35933.893743799999</v>
      </c>
      <c r="AU1567" s="9">
        <v>37917.662994099999</v>
      </c>
      <c r="AV1567" s="9">
        <v>43230.3591419</v>
      </c>
      <c r="AW1567" s="9">
        <v>47925.720628000003</v>
      </c>
      <c r="AX1567" s="9">
        <v>45367.766069099998</v>
      </c>
      <c r="AY1567" s="9">
        <v>41146.555166400001</v>
      </c>
      <c r="AZ1567" s="9">
        <v>40011.519408300002</v>
      </c>
      <c r="BA1567" s="9">
        <v>58536.430556599997</v>
      </c>
      <c r="BB1567" s="9">
        <v>49908.028226800001</v>
      </c>
      <c r="BC1567" s="9">
        <v>56386.159767999998</v>
      </c>
      <c r="BD1567" s="9">
        <v>58919.956073900001</v>
      </c>
      <c r="BE1567" s="9">
        <v>37524.995353899998</v>
      </c>
      <c r="BF1567" s="9">
        <v>35464.5108521</v>
      </c>
      <c r="BG1567" s="11">
        <v>-1</v>
      </c>
      <c r="BH1567" s="13">
        <v>-0.33333333333333331</v>
      </c>
      <c r="BI1567" s="6">
        <v>0</v>
      </c>
      <c r="BJ1567" s="13">
        <v>0</v>
      </c>
      <c r="BK1567" s="6">
        <v>0</v>
      </c>
      <c r="BL1567" s="13">
        <v>0</v>
      </c>
      <c r="BM1567" s="11">
        <v>-1</v>
      </c>
      <c r="BN1567" s="13">
        <v>-0.33333333333333331</v>
      </c>
      <c r="BO1567" s="11">
        <v>-1</v>
      </c>
      <c r="BP1567" s="13">
        <v>-0.33333333333333331</v>
      </c>
      <c r="BQ1567" s="6">
        <v>3</v>
      </c>
      <c r="BR1567" s="6">
        <v>3</v>
      </c>
      <c r="BS1567" s="6">
        <v>3</v>
      </c>
      <c r="BT1567" s="6">
        <v>3</v>
      </c>
      <c r="BU1567" s="6">
        <v>3</v>
      </c>
      <c r="BV1567" s="6">
        <v>3</v>
      </c>
      <c r="BW1567" s="6">
        <v>3</v>
      </c>
      <c r="BX1567" s="6">
        <v>2</v>
      </c>
      <c r="BY1567" s="6">
        <v>2</v>
      </c>
      <c r="BZ1567" s="6">
        <v>2</v>
      </c>
      <c r="CA1567" s="6">
        <v>2</v>
      </c>
      <c r="CB1567" s="6">
        <v>2</v>
      </c>
      <c r="CC1567" s="11">
        <v>2</v>
      </c>
      <c r="CD1567" s="11">
        <v>0.45063199999999998</v>
      </c>
      <c r="CE1567" s="11">
        <v>2.0229699999999999</v>
      </c>
      <c r="CF1567" s="11">
        <v>2.1314600000000001</v>
      </c>
      <c r="CG1567" s="11">
        <v>4</v>
      </c>
      <c r="CH1567" s="20">
        <v>0.239061</v>
      </c>
      <c r="CI1567" s="20">
        <v>0.25223099999999998</v>
      </c>
      <c r="CJ1567" s="20">
        <v>0.35250199999999998</v>
      </c>
      <c r="CK1567" s="20">
        <v>0.30230800000000002</v>
      </c>
      <c r="CL1567" s="20">
        <v>0.27090399999999998</v>
      </c>
      <c r="CM1567" s="20">
        <v>0.23985799999999999</v>
      </c>
      <c r="CN1567" s="20">
        <v>0.19414300000000001</v>
      </c>
      <c r="CO1567" s="20">
        <v>0.18449099999999999</v>
      </c>
      <c r="CP1567" s="20">
        <v>0.22505500000000001</v>
      </c>
      <c r="CQ1567" s="20">
        <v>0.21391299999999999</v>
      </c>
      <c r="CR1567" s="20">
        <v>0.12663199999999999</v>
      </c>
      <c r="CS1567" s="20">
        <v>0.161607</v>
      </c>
      <c r="CT1567" s="20">
        <v>0.13031699999999999</v>
      </c>
      <c r="CU1567" s="20">
        <v>0.12601000000000001</v>
      </c>
      <c r="CV1567" s="20">
        <v>0.213315</v>
      </c>
      <c r="CW1567" s="20">
        <v>0.28726000000000002</v>
      </c>
      <c r="CX1567" s="20">
        <v>0.29555900000000002</v>
      </c>
      <c r="CY1567" s="6" t="s">
        <v>618</v>
      </c>
      <c r="CZ1567" s="6" t="s">
        <v>619</v>
      </c>
      <c r="DA1567" s="6" t="s">
        <v>167</v>
      </c>
      <c r="DB1567" s="6" t="s">
        <v>345</v>
      </c>
      <c r="DC1567" s="6">
        <v>27900</v>
      </c>
      <c r="DD1567" s="6">
        <v>309</v>
      </c>
      <c r="DE1567" s="6" t="s">
        <v>545</v>
      </c>
      <c r="DF1567" s="6" t="s">
        <v>375</v>
      </c>
      <c r="DG1567" s="6" t="s">
        <v>376</v>
      </c>
      <c r="DH1567" s="6" t="s">
        <v>328</v>
      </c>
      <c r="DI1567" s="6" t="s">
        <v>546</v>
      </c>
      <c r="DJ1567" s="6">
        <v>29</v>
      </c>
      <c r="DK1567" s="6">
        <v>145</v>
      </c>
      <c r="DL1567" s="6">
        <v>2</v>
      </c>
      <c r="DM1567" s="6" t="s">
        <v>379</v>
      </c>
      <c r="DN1567" s="6">
        <v>3</v>
      </c>
      <c r="DO1567" s="6" t="s">
        <v>380</v>
      </c>
      <c r="DP1567" s="6"/>
      <c r="DQ1567" s="6"/>
    </row>
    <row r="1568" spans="1:121" x14ac:dyDescent="0.2">
      <c r="A1568" s="6" t="s">
        <v>311</v>
      </c>
      <c r="B1568" s="6" t="s">
        <v>311</v>
      </c>
      <c r="C1568" s="6" t="s">
        <v>174</v>
      </c>
      <c r="D1568" s="6" t="s">
        <v>167</v>
      </c>
      <c r="E1568" s="6" t="s">
        <v>306</v>
      </c>
      <c r="F1568" s="11">
        <v>244</v>
      </c>
      <c r="G1568" s="13">
        <v>2.51546391753</v>
      </c>
      <c r="H1568" s="11">
        <v>-4.6854480000000081</v>
      </c>
      <c r="I1568" s="13">
        <v>-4.8451870332235414E-2</v>
      </c>
      <c r="J1568" s="11">
        <v>30.230902</v>
      </c>
      <c r="K1568" s="13">
        <v>0.32853358243325642</v>
      </c>
      <c r="L1568" s="11">
        <v>218.804544967</v>
      </c>
      <c r="M1568" s="13">
        <v>1.7898328136763684</v>
      </c>
      <c r="N1568" s="11">
        <v>249.03544696699998</v>
      </c>
      <c r="O1568" s="13">
        <v>2.7063865823433173</v>
      </c>
      <c r="P1568" s="7">
        <v>96.703140000000005</v>
      </c>
      <c r="Q1568" s="7">
        <v>97.584800999999999</v>
      </c>
      <c r="R1568" s="7">
        <v>97.924987999999999</v>
      </c>
      <c r="S1568" s="7">
        <v>101.02831999999999</v>
      </c>
      <c r="T1568" s="7">
        <v>93.088498000000001</v>
      </c>
      <c r="U1568" s="7">
        <v>92.979380000000006</v>
      </c>
      <c r="V1568" s="7">
        <v>92.017691999999997</v>
      </c>
      <c r="W1568" s="7">
        <v>86.467291000000003</v>
      </c>
      <c r="X1568" s="7">
        <v>85.923122000000006</v>
      </c>
      <c r="Y1568" s="7">
        <v>122.248594</v>
      </c>
      <c r="Z1568" s="7">
        <v>120.293372009</v>
      </c>
      <c r="AA1568" s="7">
        <v>120.476792941</v>
      </c>
      <c r="AB1568" s="7">
        <v>146.79984427700001</v>
      </c>
      <c r="AC1568" s="7">
        <v>207.64523475199999</v>
      </c>
      <c r="AD1568" s="7">
        <v>294.92295908400001</v>
      </c>
      <c r="AE1568" s="7">
        <v>303.01507650799999</v>
      </c>
      <c r="AF1568" s="7">
        <v>341.053138967</v>
      </c>
      <c r="AG1568" s="9">
        <v>36806.232846500003</v>
      </c>
      <c r="AH1568" s="13">
        <v>0.51931207965199355</v>
      </c>
      <c r="AI1568" s="9">
        <v>21197.788780500006</v>
      </c>
      <c r="AJ1568" s="13">
        <v>0.29908705467182739</v>
      </c>
      <c r="AK1568" s="9">
        <v>-4698.822247700009</v>
      </c>
      <c r="AL1568" s="13">
        <v>-5.1033789365542717E-2</v>
      </c>
      <c r="AM1568" s="9">
        <v>20307.266313700005</v>
      </c>
      <c r="AN1568" s="13">
        <v>0.23241786944730369</v>
      </c>
      <c r="AO1568" s="9">
        <v>15608.444065999996</v>
      </c>
      <c r="AP1568" s="13">
        <v>0.16952291548759907</v>
      </c>
      <c r="AQ1568" s="9">
        <v>70874.9792055</v>
      </c>
      <c r="AR1568" s="9">
        <v>68924.2224919</v>
      </c>
      <c r="AS1568" s="9">
        <v>71897.016249399996</v>
      </c>
      <c r="AT1568" s="9">
        <v>76755.636271299998</v>
      </c>
      <c r="AU1568" s="9">
        <v>77162.653296000004</v>
      </c>
      <c r="AV1568" s="9">
        <v>84933.948092399994</v>
      </c>
      <c r="AW1568" s="9">
        <v>92072.767986000006</v>
      </c>
      <c r="AX1568" s="9">
        <v>87105.268007999999</v>
      </c>
      <c r="AY1568" s="9">
        <v>90959.691006499997</v>
      </c>
      <c r="AZ1568" s="9">
        <v>87373.945738299997</v>
      </c>
      <c r="BA1568" s="9">
        <v>90378.230597899994</v>
      </c>
      <c r="BB1568" s="9">
        <v>90704.143568400003</v>
      </c>
      <c r="BC1568" s="9">
        <v>100969.114892</v>
      </c>
      <c r="BD1568" s="9">
        <v>103627.31421900001</v>
      </c>
      <c r="BE1568" s="9">
        <v>108318.252526</v>
      </c>
      <c r="BF1568" s="9">
        <v>107681.212052</v>
      </c>
      <c r="BG1568" s="11">
        <v>2</v>
      </c>
      <c r="BH1568" s="13">
        <v>0.25</v>
      </c>
      <c r="BI1568" s="6">
        <v>1</v>
      </c>
      <c r="BJ1568" s="13">
        <v>0.125</v>
      </c>
      <c r="BK1568" s="6">
        <v>-1</v>
      </c>
      <c r="BL1568" s="13">
        <v>-0.1111111111111111</v>
      </c>
      <c r="BM1568" s="11">
        <v>2</v>
      </c>
      <c r="BN1568" s="13">
        <v>0.25</v>
      </c>
      <c r="BO1568" s="11">
        <v>1</v>
      </c>
      <c r="BP1568" s="13">
        <v>0.1111111111111111</v>
      </c>
      <c r="BQ1568" s="6">
        <v>8</v>
      </c>
      <c r="BR1568" s="6">
        <v>8</v>
      </c>
      <c r="BS1568" s="6">
        <v>9</v>
      </c>
      <c r="BT1568" s="6">
        <v>9</v>
      </c>
      <c r="BU1568" s="6">
        <v>8</v>
      </c>
      <c r="BV1568" s="6">
        <v>8</v>
      </c>
      <c r="BW1568" s="6">
        <v>8</v>
      </c>
      <c r="BX1568" s="6">
        <v>8</v>
      </c>
      <c r="BY1568" s="6">
        <v>8</v>
      </c>
      <c r="BZ1568" s="6">
        <v>9</v>
      </c>
      <c r="CA1568" s="6">
        <v>9</v>
      </c>
      <c r="CB1568" s="6">
        <v>9</v>
      </c>
      <c r="CC1568" s="11">
        <v>10</v>
      </c>
      <c r="CD1568" s="11">
        <v>249.52699999999999</v>
      </c>
      <c r="CE1568" s="11">
        <v>-15.7475</v>
      </c>
      <c r="CF1568" s="11">
        <v>10.5708</v>
      </c>
      <c r="CG1568" s="11">
        <v>-5</v>
      </c>
      <c r="CH1568" s="20">
        <v>1.0821000000000001</v>
      </c>
      <c r="CI1568" s="20">
        <v>1.09731</v>
      </c>
      <c r="CJ1568" s="20">
        <v>1.1340699999999999</v>
      </c>
      <c r="CK1568" s="20">
        <v>1.1929000000000001</v>
      </c>
      <c r="CL1568" s="20">
        <v>1.14442</v>
      </c>
      <c r="CM1568" s="20">
        <v>1.1654</v>
      </c>
      <c r="CN1568" s="20">
        <v>1.1188199999999999</v>
      </c>
      <c r="CO1568" s="20">
        <v>1.0399</v>
      </c>
      <c r="CP1568" s="20">
        <v>1.0373000000000001</v>
      </c>
      <c r="CQ1568" s="20">
        <v>1.43194</v>
      </c>
      <c r="CR1568" s="20">
        <v>1.4531400000000001</v>
      </c>
      <c r="CS1568" s="20">
        <v>1.4553</v>
      </c>
      <c r="CT1568" s="20">
        <v>2.0050699999999999</v>
      </c>
      <c r="CU1568" s="20">
        <v>2.8686099999999999</v>
      </c>
      <c r="CV1568" s="20">
        <v>4.2080000000000002</v>
      </c>
      <c r="CW1568" s="20">
        <v>4.3796799999999996</v>
      </c>
      <c r="CX1568" s="20">
        <v>4.8919699999999997</v>
      </c>
      <c r="CY1568" s="6" t="s">
        <v>618</v>
      </c>
      <c r="CZ1568" s="6" t="s">
        <v>619</v>
      </c>
      <c r="DA1568" s="6" t="s">
        <v>167</v>
      </c>
      <c r="DB1568" s="6" t="s">
        <v>345</v>
      </c>
      <c r="DC1568" s="6">
        <v>27900</v>
      </c>
      <c r="DD1568" s="6">
        <v>309</v>
      </c>
      <c r="DE1568" s="6" t="s">
        <v>545</v>
      </c>
      <c r="DF1568" s="6" t="s">
        <v>375</v>
      </c>
      <c r="DG1568" s="6" t="s">
        <v>376</v>
      </c>
      <c r="DH1568" s="6" t="s">
        <v>328</v>
      </c>
      <c r="DI1568" s="6" t="s">
        <v>546</v>
      </c>
      <c r="DJ1568" s="6">
        <v>29</v>
      </c>
      <c r="DK1568" s="6">
        <v>145</v>
      </c>
      <c r="DL1568" s="6">
        <v>2</v>
      </c>
      <c r="DM1568" s="6" t="s">
        <v>379</v>
      </c>
      <c r="DN1568" s="6">
        <v>3</v>
      </c>
      <c r="DO1568" s="6" t="s">
        <v>380</v>
      </c>
      <c r="DP1568" s="6"/>
      <c r="DQ1568" s="6"/>
    </row>
    <row r="1569" spans="1:121" x14ac:dyDescent="0.2">
      <c r="A1569" s="6" t="s">
        <v>312</v>
      </c>
      <c r="B1569" s="6" t="s">
        <v>312</v>
      </c>
      <c r="C1569" s="6" t="s">
        <v>175</v>
      </c>
      <c r="D1569" s="6" t="s">
        <v>167</v>
      </c>
      <c r="E1569" s="6" t="s">
        <v>306</v>
      </c>
      <c r="F1569" s="11">
        <v>152</v>
      </c>
      <c r="G1569" s="13">
        <v>0.13183000867299999</v>
      </c>
      <c r="H1569" s="11">
        <v>435.43208241000002</v>
      </c>
      <c r="I1569" s="13">
        <v>0.37750291471850705</v>
      </c>
      <c r="J1569" s="11">
        <v>-282.81787933999999</v>
      </c>
      <c r="K1569" s="13">
        <v>-0.17799762995873966</v>
      </c>
      <c r="L1569" s="11">
        <v>-1.1682688299999882</v>
      </c>
      <c r="M1569" s="13">
        <v>-8.9449327166458113E-4</v>
      </c>
      <c r="N1569" s="11">
        <v>-283.98614816999998</v>
      </c>
      <c r="O1569" s="13">
        <v>-0.17873290554803389</v>
      </c>
      <c r="P1569" s="7">
        <v>1153.4535640199999</v>
      </c>
      <c r="Q1569" s="7">
        <v>1327.5165887400001</v>
      </c>
      <c r="R1569" s="7">
        <v>1314.0094346000001</v>
      </c>
      <c r="S1569" s="7">
        <v>1408.4449777899999</v>
      </c>
      <c r="T1569" s="7">
        <v>1550.59226629</v>
      </c>
      <c r="U1569" s="7">
        <v>1636.2205255900001</v>
      </c>
      <c r="V1569" s="7">
        <v>1588.88564643</v>
      </c>
      <c r="W1569" s="7">
        <v>1566.53134664</v>
      </c>
      <c r="X1569" s="7">
        <v>1459.3836816800001</v>
      </c>
      <c r="Y1569" s="7">
        <v>1306.06776709</v>
      </c>
      <c r="Z1569" s="7">
        <v>1444.5422610600001</v>
      </c>
      <c r="AA1569" s="7">
        <v>1322.54621759</v>
      </c>
      <c r="AB1569" s="7">
        <v>1264.07166267</v>
      </c>
      <c r="AC1569" s="7">
        <v>1266.1726861499999</v>
      </c>
      <c r="AD1569" s="7">
        <v>1293.12270674</v>
      </c>
      <c r="AE1569" s="7">
        <v>1312.36701335</v>
      </c>
      <c r="AF1569" s="7">
        <v>1304.89949826</v>
      </c>
      <c r="AG1569" s="9">
        <v>10547.541658700004</v>
      </c>
      <c r="AH1569" s="13">
        <v>0.36614484846388079</v>
      </c>
      <c r="AI1569" s="9">
        <v>2722.5004397000012</v>
      </c>
      <c r="AJ1569" s="13">
        <v>9.4508231699145143E-2</v>
      </c>
      <c r="AK1569" s="9">
        <v>927.07668310000008</v>
      </c>
      <c r="AL1569" s="13">
        <v>2.9403450968453728E-2</v>
      </c>
      <c r="AM1569" s="9">
        <v>6897.9645359000024</v>
      </c>
      <c r="AN1569" s="13">
        <v>0.2125288948808304</v>
      </c>
      <c r="AO1569" s="9">
        <v>7825.0412190000025</v>
      </c>
      <c r="AP1569" s="13">
        <v>0.24818142878929228</v>
      </c>
      <c r="AQ1569" s="9">
        <v>28807.019142699999</v>
      </c>
      <c r="AR1569" s="9">
        <v>28337.255703399998</v>
      </c>
      <c r="AS1569" s="9">
        <v>28136.0425249</v>
      </c>
      <c r="AT1569" s="9">
        <v>28317.3996802</v>
      </c>
      <c r="AU1569" s="9">
        <v>28998.164481799999</v>
      </c>
      <c r="AV1569" s="9">
        <v>30527.488817000001</v>
      </c>
      <c r="AW1569" s="9">
        <v>31529.5195824</v>
      </c>
      <c r="AX1569" s="9">
        <v>33695.821968600001</v>
      </c>
      <c r="AY1569" s="9">
        <v>33217.434542700001</v>
      </c>
      <c r="AZ1569" s="9">
        <v>32456.5962655</v>
      </c>
      <c r="BA1569" s="9">
        <v>34862.711665700001</v>
      </c>
      <c r="BB1569" s="9">
        <v>34440.829379000003</v>
      </c>
      <c r="BC1569" s="9">
        <v>36344.683868599997</v>
      </c>
      <c r="BD1569" s="9">
        <v>37727.395475199999</v>
      </c>
      <c r="BE1569" s="9">
        <v>37290.684984200001</v>
      </c>
      <c r="BF1569" s="9">
        <v>39354.560801400003</v>
      </c>
      <c r="BG1569" s="11">
        <v>-20.75</v>
      </c>
      <c r="BH1569" s="13">
        <v>-0.15145985401459855</v>
      </c>
      <c r="BI1569" s="6">
        <v>11</v>
      </c>
      <c r="BJ1569" s="13">
        <v>8.0291970802919707E-2</v>
      </c>
      <c r="BK1569" s="6">
        <v>-6</v>
      </c>
      <c r="BL1569" s="13">
        <v>-4.0540540540540543E-2</v>
      </c>
      <c r="BM1569" s="11">
        <v>-25.75</v>
      </c>
      <c r="BN1569" s="13">
        <v>-0.18133802816901409</v>
      </c>
      <c r="BO1569" s="11">
        <v>-31.75</v>
      </c>
      <c r="BP1569" s="13">
        <v>-0.21452702702702703</v>
      </c>
      <c r="BQ1569" s="6">
        <v>137</v>
      </c>
      <c r="BR1569" s="6">
        <v>147</v>
      </c>
      <c r="BS1569" s="6">
        <v>148</v>
      </c>
      <c r="BT1569" s="6">
        <v>148</v>
      </c>
      <c r="BU1569" s="6">
        <v>149</v>
      </c>
      <c r="BV1569" s="6">
        <v>139</v>
      </c>
      <c r="BW1569" s="6">
        <v>142</v>
      </c>
      <c r="BX1569" s="6">
        <v>127</v>
      </c>
      <c r="BY1569" s="6">
        <v>133</v>
      </c>
      <c r="BZ1569" s="6">
        <v>128</v>
      </c>
      <c r="CA1569" s="6">
        <v>126</v>
      </c>
      <c r="CB1569" s="6">
        <v>117</v>
      </c>
      <c r="CC1569" s="11">
        <v>116.25</v>
      </c>
      <c r="CD1569" s="11">
        <v>165.072</v>
      </c>
      <c r="CE1569" s="11">
        <v>-139.71299999999999</v>
      </c>
      <c r="CF1569" s="11">
        <v>126.086</v>
      </c>
      <c r="CG1569" s="11">
        <v>-14</v>
      </c>
      <c r="CH1569" s="20">
        <v>0.889876</v>
      </c>
      <c r="CI1569" s="20">
        <v>1.0220499999999999</v>
      </c>
      <c r="CJ1569" s="20">
        <v>0.99568400000000001</v>
      </c>
      <c r="CK1569" s="20">
        <v>1.0202199999999999</v>
      </c>
      <c r="CL1569" s="20">
        <v>1.0902799999999999</v>
      </c>
      <c r="CM1569" s="20">
        <v>1.1170899999999999</v>
      </c>
      <c r="CN1569" s="20">
        <v>1.06647</v>
      </c>
      <c r="CO1569" s="20">
        <v>1.1161799999999999</v>
      </c>
      <c r="CP1569" s="20">
        <v>1.20401</v>
      </c>
      <c r="CQ1569" s="20">
        <v>1.11849</v>
      </c>
      <c r="CR1569" s="20">
        <v>1.2892300000000001</v>
      </c>
      <c r="CS1569" s="20">
        <v>1.1691800000000001</v>
      </c>
      <c r="CT1569" s="20">
        <v>1.2329699999999999</v>
      </c>
      <c r="CU1569" s="20">
        <v>1.21126</v>
      </c>
      <c r="CV1569" s="20">
        <v>1.2422299999999999</v>
      </c>
      <c r="CW1569" s="20">
        <v>1.2507699999999999</v>
      </c>
      <c r="CX1569" s="20">
        <v>1.23597</v>
      </c>
      <c r="CY1569" s="6" t="s">
        <v>618</v>
      </c>
      <c r="CZ1569" s="6" t="s">
        <v>619</v>
      </c>
      <c r="DA1569" s="6" t="s">
        <v>167</v>
      </c>
      <c r="DB1569" s="6" t="s">
        <v>345</v>
      </c>
      <c r="DC1569" s="6">
        <v>27900</v>
      </c>
      <c r="DD1569" s="6">
        <v>309</v>
      </c>
      <c r="DE1569" s="6" t="s">
        <v>545</v>
      </c>
      <c r="DF1569" s="6" t="s">
        <v>375</v>
      </c>
      <c r="DG1569" s="6" t="s">
        <v>376</v>
      </c>
      <c r="DH1569" s="6" t="s">
        <v>328</v>
      </c>
      <c r="DI1569" s="6" t="s">
        <v>546</v>
      </c>
      <c r="DJ1569" s="6">
        <v>29</v>
      </c>
      <c r="DK1569" s="6">
        <v>145</v>
      </c>
      <c r="DL1569" s="6">
        <v>2</v>
      </c>
      <c r="DM1569" s="6" t="s">
        <v>379</v>
      </c>
      <c r="DN1569" s="6">
        <v>3</v>
      </c>
      <c r="DO1569" s="6" t="s">
        <v>380</v>
      </c>
      <c r="DP1569" s="6"/>
      <c r="DQ1569" s="6"/>
    </row>
    <row r="1570" spans="1:121" x14ac:dyDescent="0.2">
      <c r="A1570" s="6" t="s">
        <v>792</v>
      </c>
      <c r="B1570" s="6" t="s">
        <v>176</v>
      </c>
      <c r="C1570" s="6" t="s">
        <v>177</v>
      </c>
      <c r="D1570" s="6" t="s">
        <v>167</v>
      </c>
      <c r="E1570" s="6" t="s">
        <v>306</v>
      </c>
      <c r="F1570" s="11">
        <v>-2049</v>
      </c>
      <c r="G1570" s="13">
        <v>-0.40833001195700003</v>
      </c>
      <c r="H1570" s="11">
        <v>-1107.0416529499998</v>
      </c>
      <c r="I1570" s="13">
        <v>-0.22061208511884975</v>
      </c>
      <c r="J1570" s="11">
        <v>-330.75818862999995</v>
      </c>
      <c r="K1570" s="13">
        <v>-8.4571157595186311E-2</v>
      </c>
      <c r="L1570" s="11">
        <v>-611.0221641600001</v>
      </c>
      <c r="M1570" s="13">
        <v>-0.17066483404138599</v>
      </c>
      <c r="N1570" s="11">
        <v>-941.78035279000005</v>
      </c>
      <c r="O1570" s="13">
        <v>-0.24080266906090192</v>
      </c>
      <c r="P1570" s="7">
        <v>5018.04627953</v>
      </c>
      <c r="Q1570" s="7">
        <v>4765.4712917799998</v>
      </c>
      <c r="R1570" s="7">
        <v>4554.5672359600003</v>
      </c>
      <c r="S1570" s="7">
        <v>4542.7306444699998</v>
      </c>
      <c r="T1570" s="7">
        <v>4420.3090055399998</v>
      </c>
      <c r="U1570" s="7">
        <v>4206.9164931900004</v>
      </c>
      <c r="V1570" s="7">
        <v>3911.0046265800001</v>
      </c>
      <c r="W1570" s="7">
        <v>3656.9199978400002</v>
      </c>
      <c r="X1570" s="7">
        <v>3230.61585956</v>
      </c>
      <c r="Y1570" s="7">
        <v>3580.2464379500002</v>
      </c>
      <c r="Z1570" s="7">
        <v>3278.6817621099999</v>
      </c>
      <c r="AA1570" s="7">
        <v>3892.3757676199998</v>
      </c>
      <c r="AB1570" s="7">
        <v>3640.0747940900001</v>
      </c>
      <c r="AC1570" s="7">
        <v>3603.5552794199998</v>
      </c>
      <c r="AD1570" s="7">
        <v>3030.8097352499999</v>
      </c>
      <c r="AE1570" s="7">
        <v>2992.7457530199999</v>
      </c>
      <c r="AF1570" s="7">
        <v>2969.2242737900001</v>
      </c>
      <c r="AG1570" s="9">
        <v>17414.328628700001</v>
      </c>
      <c r="AH1570" s="13">
        <v>0.50611035599849918</v>
      </c>
      <c r="AI1570" s="9">
        <v>5807.7956654000009</v>
      </c>
      <c r="AJ1570" s="13">
        <v>0.16879120604958764</v>
      </c>
      <c r="AK1570" s="9">
        <v>3407.2688911000005</v>
      </c>
      <c r="AL1570" s="13">
        <v>8.4724294438867379E-2</v>
      </c>
      <c r="AM1570" s="9">
        <v>8199.2640721999996</v>
      </c>
      <c r="AN1570" s="13">
        <v>0.18795637459196624</v>
      </c>
      <c r="AO1570" s="9">
        <v>11606.5329633</v>
      </c>
      <c r="AP1570" s="13">
        <v>0.28860514025342543</v>
      </c>
      <c r="AQ1570" s="9">
        <v>34408.164982800001</v>
      </c>
      <c r="AR1570" s="9">
        <v>36530.664490000003</v>
      </c>
      <c r="AS1570" s="9">
        <v>37471.895967299999</v>
      </c>
      <c r="AT1570" s="9">
        <v>39351.561569500001</v>
      </c>
      <c r="AU1570" s="9">
        <v>40357.644226900004</v>
      </c>
      <c r="AV1570" s="9">
        <v>42067.531941000001</v>
      </c>
      <c r="AW1570" s="9">
        <v>40215.960648200002</v>
      </c>
      <c r="AX1570" s="9">
        <v>42511.805480100003</v>
      </c>
      <c r="AY1570" s="9">
        <v>42394.295185100003</v>
      </c>
      <c r="AZ1570" s="9">
        <v>43623.229539300002</v>
      </c>
      <c r="BA1570" s="9">
        <v>44852.444510000001</v>
      </c>
      <c r="BB1570" s="9">
        <v>47894.0751934</v>
      </c>
      <c r="BC1570" s="9">
        <v>48325.206403600001</v>
      </c>
      <c r="BD1570" s="9">
        <v>50690.104153</v>
      </c>
      <c r="BE1570" s="9">
        <v>49315.069851200002</v>
      </c>
      <c r="BF1570" s="9">
        <v>51822.493611500002</v>
      </c>
      <c r="BG1570" s="11">
        <v>-5.25</v>
      </c>
      <c r="BH1570" s="13">
        <v>-6.9078947368421059E-2</v>
      </c>
      <c r="BI1570" s="6">
        <v>6</v>
      </c>
      <c r="BJ1570" s="13">
        <v>7.8947368421052627E-2</v>
      </c>
      <c r="BK1570" s="6">
        <v>8</v>
      </c>
      <c r="BL1570" s="13">
        <v>9.7560975609756101E-2</v>
      </c>
      <c r="BM1570" s="11">
        <v>-19.25</v>
      </c>
      <c r="BN1570" s="13">
        <v>-0.21388888888888888</v>
      </c>
      <c r="BO1570" s="11">
        <v>-11.25</v>
      </c>
      <c r="BP1570" s="13">
        <v>-0.13719512195121952</v>
      </c>
      <c r="BQ1570" s="6">
        <v>76</v>
      </c>
      <c r="BR1570" s="6">
        <v>82</v>
      </c>
      <c r="BS1570" s="6">
        <v>78</v>
      </c>
      <c r="BT1570" s="6">
        <v>82</v>
      </c>
      <c r="BU1570" s="6">
        <v>83</v>
      </c>
      <c r="BV1570" s="6">
        <v>83</v>
      </c>
      <c r="BW1570" s="6">
        <v>90</v>
      </c>
      <c r="BX1570" s="6">
        <v>83</v>
      </c>
      <c r="BY1570" s="6">
        <v>82</v>
      </c>
      <c r="BZ1570" s="6">
        <v>79</v>
      </c>
      <c r="CA1570" s="6">
        <v>76</v>
      </c>
      <c r="CB1570" s="6">
        <v>71</v>
      </c>
      <c r="CC1570" s="11">
        <v>70.75</v>
      </c>
      <c r="CD1570" s="11">
        <v>-826.096</v>
      </c>
      <c r="CE1570" s="11">
        <v>-1771.26</v>
      </c>
      <c r="CF1570" s="11">
        <v>548.53300000000002</v>
      </c>
      <c r="CG1570" s="11">
        <v>-1222</v>
      </c>
      <c r="CH1570" s="20">
        <v>2.0221800000000001</v>
      </c>
      <c r="CI1570" s="20">
        <v>2.04799</v>
      </c>
      <c r="CJ1570" s="20">
        <v>2.0592999999999999</v>
      </c>
      <c r="CK1570" s="20">
        <v>2.0796199999999998</v>
      </c>
      <c r="CL1570" s="20">
        <v>2.0684399999999998</v>
      </c>
      <c r="CM1570" s="20">
        <v>2.0034900000000002</v>
      </c>
      <c r="CN1570" s="20">
        <v>1.8538699999999999</v>
      </c>
      <c r="CO1570" s="20">
        <v>1.8003499999999999</v>
      </c>
      <c r="CP1570" s="20">
        <v>1.8144</v>
      </c>
      <c r="CQ1570" s="20">
        <v>1.97451</v>
      </c>
      <c r="CR1570" s="20">
        <v>1.8283</v>
      </c>
      <c r="CS1570" s="20">
        <v>2.13456</v>
      </c>
      <c r="CT1570" s="20">
        <v>2.2371699999999999</v>
      </c>
      <c r="CU1570" s="20">
        <v>2.2253500000000002</v>
      </c>
      <c r="CV1570" s="20">
        <v>1.9321699999999999</v>
      </c>
      <c r="CW1570" s="20">
        <v>1.93414</v>
      </c>
      <c r="CX1570" s="20">
        <v>1.9193499999999999</v>
      </c>
      <c r="CY1570" s="6" t="s">
        <v>618</v>
      </c>
      <c r="CZ1570" s="6" t="s">
        <v>619</v>
      </c>
      <c r="DA1570" s="6" t="s">
        <v>167</v>
      </c>
      <c r="DB1570" s="6" t="s">
        <v>345</v>
      </c>
      <c r="DC1570" s="6">
        <v>27900</v>
      </c>
      <c r="DD1570" s="6">
        <v>309</v>
      </c>
      <c r="DE1570" s="6" t="s">
        <v>545</v>
      </c>
      <c r="DF1570" s="6" t="s">
        <v>375</v>
      </c>
      <c r="DG1570" s="6" t="s">
        <v>376</v>
      </c>
      <c r="DH1570" s="6" t="s">
        <v>328</v>
      </c>
      <c r="DI1570" s="6" t="s">
        <v>546</v>
      </c>
      <c r="DJ1570" s="6">
        <v>29</v>
      </c>
      <c r="DK1570" s="6">
        <v>145</v>
      </c>
      <c r="DL1570" s="6">
        <v>2</v>
      </c>
      <c r="DM1570" s="6" t="s">
        <v>379</v>
      </c>
      <c r="DN1570" s="6">
        <v>3</v>
      </c>
      <c r="DO1570" s="6" t="s">
        <v>380</v>
      </c>
      <c r="DP1570" s="6"/>
      <c r="DQ1570" s="6"/>
    </row>
    <row r="1571" spans="1:121" x14ac:dyDescent="0.2">
      <c r="A1571" s="6" t="s">
        <v>313</v>
      </c>
      <c r="B1571" s="6" t="s">
        <v>313</v>
      </c>
      <c r="C1571" s="6" t="s">
        <v>178</v>
      </c>
      <c r="D1571" s="6" t="s">
        <v>167</v>
      </c>
      <c r="E1571" s="6" t="s">
        <v>306</v>
      </c>
      <c r="F1571" s="11">
        <v>531</v>
      </c>
      <c r="G1571" s="13">
        <v>1.1468682505400001</v>
      </c>
      <c r="H1571" s="11">
        <v>117.95896321199996</v>
      </c>
      <c r="I1571" s="13">
        <v>0.25485738308223571</v>
      </c>
      <c r="J1571" s="11">
        <v>86.956212987000072</v>
      </c>
      <c r="K1571" s="13">
        <v>0.14971748395472106</v>
      </c>
      <c r="L1571" s="11">
        <v>326.68923923499995</v>
      </c>
      <c r="M1571" s="13">
        <v>0.4892328339362193</v>
      </c>
      <c r="N1571" s="11">
        <v>413.64545222200002</v>
      </c>
      <c r="O1571" s="13">
        <v>0.71219702685590891</v>
      </c>
      <c r="P1571" s="7">
        <v>462.84302924799999</v>
      </c>
      <c r="Q1571" s="7">
        <v>384.17932458199999</v>
      </c>
      <c r="R1571" s="7">
        <v>410.35535080699998</v>
      </c>
      <c r="S1571" s="7">
        <v>411.21964825999999</v>
      </c>
      <c r="T1571" s="7">
        <v>377.40394551899999</v>
      </c>
      <c r="U1571" s="7">
        <v>551.93470516000002</v>
      </c>
      <c r="V1571" s="7">
        <v>580.80199245999995</v>
      </c>
      <c r="W1571" s="7">
        <v>564.18965648599999</v>
      </c>
      <c r="X1571" s="7">
        <v>602.602685135</v>
      </c>
      <c r="Y1571" s="7">
        <v>667.75820544700002</v>
      </c>
      <c r="Z1571" s="7">
        <v>794.18708235400004</v>
      </c>
      <c r="AA1571" s="7">
        <v>784.28208223399997</v>
      </c>
      <c r="AB1571" s="7">
        <v>895.25702948100002</v>
      </c>
      <c r="AC1571" s="7">
        <v>863.66515972800005</v>
      </c>
      <c r="AD1571" s="7">
        <v>943.24982317900003</v>
      </c>
      <c r="AE1571" s="7">
        <v>932.06883632300003</v>
      </c>
      <c r="AF1571" s="7">
        <v>994.44744468199997</v>
      </c>
      <c r="AG1571" s="9">
        <v>15368.832597200002</v>
      </c>
      <c r="AH1571" s="13">
        <v>0.44792662016610901</v>
      </c>
      <c r="AI1571" s="9">
        <v>19106.964615700002</v>
      </c>
      <c r="AJ1571" s="13">
        <v>0.55687496287149285</v>
      </c>
      <c r="AK1571" s="9">
        <v>557.82444319999922</v>
      </c>
      <c r="AL1571" s="13">
        <v>1.0442627804440104E-2</v>
      </c>
      <c r="AM1571" s="9">
        <v>-4295.9564616999996</v>
      </c>
      <c r="AN1571" s="13">
        <v>-7.9590360203977889E-2</v>
      </c>
      <c r="AO1571" s="9">
        <v>-3738.1320185000004</v>
      </c>
      <c r="AP1571" s="13">
        <v>-6.9978864907969243E-2</v>
      </c>
      <c r="AQ1571" s="9">
        <v>34311.049857899998</v>
      </c>
      <c r="AR1571" s="9">
        <v>35652.440414099998</v>
      </c>
      <c r="AS1571" s="9">
        <v>45150.4549788</v>
      </c>
      <c r="AT1571" s="9">
        <v>42118.345205600002</v>
      </c>
      <c r="AU1571" s="9">
        <v>50527.279003399999</v>
      </c>
      <c r="AV1571" s="9">
        <v>46959.957166100001</v>
      </c>
      <c r="AW1571" s="9">
        <v>53418.0144736</v>
      </c>
      <c r="AX1571" s="9">
        <v>57501.077796099999</v>
      </c>
      <c r="AY1571" s="9">
        <v>56456.550216900003</v>
      </c>
      <c r="AZ1571" s="9">
        <v>53975.838916799999</v>
      </c>
      <c r="BA1571" s="9">
        <v>52142.7604842</v>
      </c>
      <c r="BB1571" s="9">
        <v>54161.341701400001</v>
      </c>
      <c r="BC1571" s="9">
        <v>56612.908467300003</v>
      </c>
      <c r="BD1571" s="9">
        <v>46350.171668000003</v>
      </c>
      <c r="BE1571" s="9">
        <v>49407.111194500001</v>
      </c>
      <c r="BF1571" s="9">
        <v>49679.8824551</v>
      </c>
      <c r="BG1571" s="11">
        <v>9.25</v>
      </c>
      <c r="BH1571" s="13">
        <v>0.17452830188679244</v>
      </c>
      <c r="BI1571" s="6">
        <v>-8</v>
      </c>
      <c r="BJ1571" s="13">
        <v>-0.15094339622641509</v>
      </c>
      <c r="BK1571" s="6">
        <v>17</v>
      </c>
      <c r="BL1571" s="13">
        <v>0.37777777777777777</v>
      </c>
      <c r="BM1571" s="11">
        <v>0.25</v>
      </c>
      <c r="BN1571" s="13">
        <v>4.0322580645161289E-3</v>
      </c>
      <c r="BO1571" s="11">
        <v>17.25</v>
      </c>
      <c r="BP1571" s="13">
        <v>0.38333333333333336</v>
      </c>
      <c r="BQ1571" s="6">
        <v>53</v>
      </c>
      <c r="BR1571" s="6">
        <v>48</v>
      </c>
      <c r="BS1571" s="6">
        <v>46</v>
      </c>
      <c r="BT1571" s="6">
        <v>45</v>
      </c>
      <c r="BU1571" s="6">
        <v>46</v>
      </c>
      <c r="BV1571" s="6">
        <v>52</v>
      </c>
      <c r="BW1571" s="6">
        <v>62</v>
      </c>
      <c r="BX1571" s="6">
        <v>64</v>
      </c>
      <c r="BY1571" s="6">
        <v>59</v>
      </c>
      <c r="BZ1571" s="6">
        <v>64</v>
      </c>
      <c r="CA1571" s="6">
        <v>61</v>
      </c>
      <c r="CB1571" s="6">
        <v>66</v>
      </c>
      <c r="CC1571" s="11">
        <v>62.25</v>
      </c>
      <c r="CD1571" s="11">
        <v>518.85599999999999</v>
      </c>
      <c r="CE1571" s="11">
        <v>-37.845500000000001</v>
      </c>
      <c r="CF1571" s="11">
        <v>50.594299999999997</v>
      </c>
      <c r="CG1571" s="11">
        <v>13</v>
      </c>
      <c r="CH1571" s="20">
        <v>0.52380800000000005</v>
      </c>
      <c r="CI1571" s="20">
        <v>0.44037399999999999</v>
      </c>
      <c r="CJ1571" s="20">
        <v>0.47305999999999998</v>
      </c>
      <c r="CK1571" s="20">
        <v>0.46862399999999999</v>
      </c>
      <c r="CL1571" s="20">
        <v>0.429197</v>
      </c>
      <c r="CM1571" s="20">
        <v>0.62153700000000001</v>
      </c>
      <c r="CN1571" s="20">
        <v>0.62794399999999995</v>
      </c>
      <c r="CO1571" s="20">
        <v>0.61729900000000004</v>
      </c>
      <c r="CP1571" s="20">
        <v>0.71100699999999994</v>
      </c>
      <c r="CQ1571" s="20">
        <v>0.76597099999999996</v>
      </c>
      <c r="CR1571" s="20">
        <v>0.92516500000000002</v>
      </c>
      <c r="CS1571" s="20">
        <v>0.89744100000000004</v>
      </c>
      <c r="CT1571" s="20">
        <v>1.14158</v>
      </c>
      <c r="CU1571" s="20">
        <v>1.1079600000000001</v>
      </c>
      <c r="CV1571" s="20">
        <v>1.25</v>
      </c>
      <c r="CW1571" s="20">
        <v>1.2554000000000001</v>
      </c>
      <c r="CX1571" s="20">
        <v>1.3288</v>
      </c>
      <c r="CY1571" s="6" t="s">
        <v>618</v>
      </c>
      <c r="CZ1571" s="6" t="s">
        <v>619</v>
      </c>
      <c r="DA1571" s="6" t="s">
        <v>167</v>
      </c>
      <c r="DB1571" s="6" t="s">
        <v>345</v>
      </c>
      <c r="DC1571" s="6">
        <v>27900</v>
      </c>
      <c r="DD1571" s="6">
        <v>309</v>
      </c>
      <c r="DE1571" s="6" t="s">
        <v>545</v>
      </c>
      <c r="DF1571" s="6" t="s">
        <v>375</v>
      </c>
      <c r="DG1571" s="6" t="s">
        <v>376</v>
      </c>
      <c r="DH1571" s="6" t="s">
        <v>328</v>
      </c>
      <c r="DI1571" s="6" t="s">
        <v>546</v>
      </c>
      <c r="DJ1571" s="6">
        <v>29</v>
      </c>
      <c r="DK1571" s="6">
        <v>145</v>
      </c>
      <c r="DL1571" s="6">
        <v>2</v>
      </c>
      <c r="DM1571" s="6" t="s">
        <v>379</v>
      </c>
      <c r="DN1571" s="6">
        <v>3</v>
      </c>
      <c r="DO1571" s="6" t="s">
        <v>380</v>
      </c>
      <c r="DP1571" s="6"/>
      <c r="DQ1571" s="6"/>
    </row>
    <row r="1572" spans="1:121" x14ac:dyDescent="0.2">
      <c r="A1572" s="6" t="s">
        <v>793</v>
      </c>
      <c r="B1572" s="6" t="s">
        <v>179</v>
      </c>
      <c r="C1572" s="6" t="s">
        <v>180</v>
      </c>
      <c r="D1572" s="6" t="s">
        <v>167</v>
      </c>
      <c r="E1572" s="6" t="s">
        <v>306</v>
      </c>
      <c r="F1572" s="11">
        <v>674</v>
      </c>
      <c r="G1572" s="13">
        <v>0.33</v>
      </c>
      <c r="H1572" s="11">
        <v>223</v>
      </c>
      <c r="I1572" s="13">
        <v>0.10830500242836329</v>
      </c>
      <c r="J1572" s="11">
        <v>-184</v>
      </c>
      <c r="K1572" s="13">
        <v>-8.0631025416301488E-2</v>
      </c>
      <c r="L1572" s="11">
        <v>635</v>
      </c>
      <c r="M1572" s="13">
        <v>0.30266920877025738</v>
      </c>
      <c r="N1572" s="11">
        <v>451</v>
      </c>
      <c r="O1572" s="13">
        <v>0.19763365468886945</v>
      </c>
      <c r="P1572" s="7">
        <v>2059</v>
      </c>
      <c r="Q1572" s="7">
        <v>2098</v>
      </c>
      <c r="R1572" s="7">
        <v>2151</v>
      </c>
      <c r="S1572" s="7">
        <v>2119</v>
      </c>
      <c r="T1572" s="7">
        <v>2148</v>
      </c>
      <c r="U1572" s="7">
        <v>2105</v>
      </c>
      <c r="V1572" s="7">
        <v>2282</v>
      </c>
      <c r="W1572" s="7">
        <v>2319</v>
      </c>
      <c r="X1572" s="7">
        <v>2182</v>
      </c>
      <c r="Y1572" s="7">
        <v>2098</v>
      </c>
      <c r="Z1572" s="7">
        <v>2066</v>
      </c>
      <c r="AA1572" s="7">
        <v>2045</v>
      </c>
      <c r="AB1572" s="7">
        <v>2153</v>
      </c>
      <c r="AC1572" s="7">
        <v>2099</v>
      </c>
      <c r="AD1572" s="7">
        <v>2615</v>
      </c>
      <c r="AE1572" s="7">
        <v>2622</v>
      </c>
      <c r="AF1572" s="7">
        <v>2733</v>
      </c>
      <c r="AG1572" s="9">
        <v>10492</v>
      </c>
      <c r="AH1572" s="13">
        <v>0.50309278350515463</v>
      </c>
      <c r="AI1572" s="9">
        <v>4736</v>
      </c>
      <c r="AJ1572" s="13">
        <v>0.22709182450251739</v>
      </c>
      <c r="AK1572" s="9">
        <v>694</v>
      </c>
      <c r="AL1572" s="13">
        <v>2.7118908991442304E-2</v>
      </c>
      <c r="AM1572" s="9">
        <v>5062</v>
      </c>
      <c r="AN1572" s="13">
        <v>0.19258132014456911</v>
      </c>
      <c r="AO1572" s="9">
        <v>5756</v>
      </c>
      <c r="AP1572" s="13">
        <v>0.22492282443046385</v>
      </c>
      <c r="AQ1572" s="9">
        <v>20855</v>
      </c>
      <c r="AR1572" s="9">
        <v>21317</v>
      </c>
      <c r="AS1572" s="9">
        <v>22423</v>
      </c>
      <c r="AT1572" s="9">
        <v>22883</v>
      </c>
      <c r="AU1572" s="9">
        <v>23773</v>
      </c>
      <c r="AV1572" s="9">
        <v>25085</v>
      </c>
      <c r="AW1572" s="9">
        <v>25591</v>
      </c>
      <c r="AX1572" s="9">
        <v>26016</v>
      </c>
      <c r="AY1572" s="9">
        <v>26203</v>
      </c>
      <c r="AZ1572" s="9">
        <v>26285</v>
      </c>
      <c r="BA1572" s="9">
        <v>26504</v>
      </c>
      <c r="BB1572" s="9">
        <v>26601</v>
      </c>
      <c r="BC1572" s="9">
        <v>26882</v>
      </c>
      <c r="BD1572" s="9">
        <v>28037</v>
      </c>
      <c r="BE1572" s="9">
        <v>30224</v>
      </c>
      <c r="BF1572" s="9">
        <v>31347</v>
      </c>
      <c r="BG1572" s="11">
        <v>1</v>
      </c>
      <c r="BH1572" s="13">
        <v>5.8823529411764705E-3</v>
      </c>
      <c r="BI1572" s="6">
        <v>2</v>
      </c>
      <c r="BJ1572" s="13">
        <v>1.1764705882352941E-2</v>
      </c>
      <c r="BK1572" s="6">
        <v>11</v>
      </c>
      <c r="BL1572" s="13">
        <v>6.3953488372093026E-2</v>
      </c>
      <c r="BM1572" s="11">
        <v>-12</v>
      </c>
      <c r="BN1572" s="13">
        <v>-6.5573770491803282E-2</v>
      </c>
      <c r="BO1572" s="11">
        <v>-1</v>
      </c>
      <c r="BP1572" s="13">
        <v>-5.8139534883720929E-3</v>
      </c>
      <c r="BQ1572" s="6">
        <v>170</v>
      </c>
      <c r="BR1572" s="6">
        <v>172</v>
      </c>
      <c r="BS1572" s="6">
        <v>167</v>
      </c>
      <c r="BT1572" s="6">
        <v>172</v>
      </c>
      <c r="BU1572" s="6">
        <v>175</v>
      </c>
      <c r="BV1572" s="6">
        <v>167</v>
      </c>
      <c r="BW1572" s="6">
        <v>183</v>
      </c>
      <c r="BX1572" s="6">
        <v>183</v>
      </c>
      <c r="BY1572" s="6">
        <v>171</v>
      </c>
      <c r="BZ1572" s="6">
        <v>179</v>
      </c>
      <c r="CA1572" s="6">
        <v>178</v>
      </c>
      <c r="CB1572" s="6">
        <v>177</v>
      </c>
      <c r="CC1572" s="11">
        <v>171</v>
      </c>
      <c r="CD1572" s="11">
        <v>581</v>
      </c>
      <c r="CE1572" s="11">
        <v>-132</v>
      </c>
      <c r="CF1572" s="11">
        <v>225</v>
      </c>
      <c r="CG1572" s="11">
        <v>93</v>
      </c>
      <c r="CH1572" s="20">
        <v>0.87</v>
      </c>
      <c r="CI1572" s="20">
        <v>0.88</v>
      </c>
      <c r="CJ1572" s="20">
        <v>0.91</v>
      </c>
      <c r="CK1572" s="20">
        <v>0.89</v>
      </c>
      <c r="CL1572" s="20">
        <v>0.91</v>
      </c>
      <c r="CM1572" s="20">
        <v>0.89</v>
      </c>
      <c r="CN1572" s="20">
        <v>0.94</v>
      </c>
      <c r="CO1572" s="20">
        <v>0.97</v>
      </c>
      <c r="CP1572" s="20">
        <v>0.97</v>
      </c>
      <c r="CQ1572" s="20">
        <v>0.89</v>
      </c>
      <c r="CR1572" s="20">
        <v>0.9</v>
      </c>
      <c r="CS1572" s="20">
        <v>0.88</v>
      </c>
      <c r="CT1572" s="20">
        <v>1.03</v>
      </c>
      <c r="CU1572" s="20">
        <v>1</v>
      </c>
      <c r="CV1572" s="20">
        <v>1.28</v>
      </c>
      <c r="CW1572" s="20">
        <v>1.29</v>
      </c>
      <c r="CX1572" s="20">
        <v>1.34</v>
      </c>
      <c r="CY1572" s="6" t="s">
        <v>618</v>
      </c>
      <c r="CZ1572" s="6" t="s">
        <v>619</v>
      </c>
      <c r="DA1572" s="6" t="s">
        <v>167</v>
      </c>
      <c r="DB1572" s="6" t="s">
        <v>345</v>
      </c>
      <c r="DC1572" s="6">
        <v>27900</v>
      </c>
      <c r="DD1572" s="6">
        <v>309</v>
      </c>
      <c r="DE1572" s="6" t="s">
        <v>545</v>
      </c>
      <c r="DF1572" s="6" t="s">
        <v>375</v>
      </c>
      <c r="DG1572" s="6" t="s">
        <v>376</v>
      </c>
      <c r="DH1572" s="6" t="s">
        <v>328</v>
      </c>
      <c r="DI1572" s="6" t="s">
        <v>546</v>
      </c>
      <c r="DJ1572" s="6">
        <v>29</v>
      </c>
      <c r="DK1572" s="6">
        <v>145</v>
      </c>
      <c r="DL1572" s="6">
        <v>2</v>
      </c>
      <c r="DM1572" s="6" t="s">
        <v>379</v>
      </c>
      <c r="DN1572" s="6">
        <v>3</v>
      </c>
      <c r="DO1572" s="6" t="s">
        <v>380</v>
      </c>
      <c r="DP1572" s="6"/>
      <c r="DQ1572" s="6"/>
    </row>
    <row r="1573" spans="1:121" x14ac:dyDescent="0.2">
      <c r="A1573" s="6" t="s">
        <v>794</v>
      </c>
      <c r="B1573" s="6" t="s">
        <v>181</v>
      </c>
      <c r="C1573" s="6" t="s">
        <v>182</v>
      </c>
      <c r="D1573" s="6" t="s">
        <v>167</v>
      </c>
      <c r="E1573" s="6" t="s">
        <v>306</v>
      </c>
      <c r="F1573" s="11">
        <v>-653</v>
      </c>
      <c r="G1573" s="13">
        <v>-0.47387518142200002</v>
      </c>
      <c r="H1573" s="11">
        <v>-253.81825331999994</v>
      </c>
      <c r="I1573" s="13">
        <v>-0.18414904941798252</v>
      </c>
      <c r="J1573" s="11">
        <v>-560.14370512200003</v>
      </c>
      <c r="K1573" s="13">
        <v>-0.49812147575161553</v>
      </c>
      <c r="L1573" s="11">
        <v>160.76075652500003</v>
      </c>
      <c r="M1573" s="13">
        <v>0.2848506634468731</v>
      </c>
      <c r="N1573" s="11">
        <v>-399.382948597</v>
      </c>
      <c r="O1573" s="13">
        <v>-0.35516104514972563</v>
      </c>
      <c r="P1573" s="7">
        <v>1378.33051065</v>
      </c>
      <c r="Q1573" s="7">
        <v>1366.4268603999999</v>
      </c>
      <c r="R1573" s="7">
        <v>1283.1176499000001</v>
      </c>
      <c r="S1573" s="7">
        <v>1231.3733944000001</v>
      </c>
      <c r="T1573" s="7">
        <v>1208.1981104199999</v>
      </c>
      <c r="U1573" s="7">
        <v>1179.3305838399999</v>
      </c>
      <c r="V1573" s="7">
        <v>1124.51225733</v>
      </c>
      <c r="W1573" s="7">
        <v>965.44932646699999</v>
      </c>
      <c r="X1573" s="7">
        <v>815.85443346600005</v>
      </c>
      <c r="Y1573" s="7">
        <v>564.36855220799998</v>
      </c>
      <c r="Z1573" s="7">
        <v>590.36509983300004</v>
      </c>
      <c r="AA1573" s="7">
        <v>653.31280316300001</v>
      </c>
      <c r="AB1573" s="7">
        <v>726.72800668599996</v>
      </c>
      <c r="AC1573" s="7">
        <v>713.85234114399998</v>
      </c>
      <c r="AD1573" s="7">
        <v>744.49828052800001</v>
      </c>
      <c r="AE1573" s="7">
        <v>749.59921590399995</v>
      </c>
      <c r="AF1573" s="7">
        <v>725.12930873300002</v>
      </c>
      <c r="AG1573" s="9">
        <v>10769.8704277</v>
      </c>
      <c r="AH1573" s="13">
        <v>0.27796581349248722</v>
      </c>
      <c r="AI1573" s="9">
        <v>2367.0495018000001</v>
      </c>
      <c r="AJ1573" s="13">
        <v>6.1092549326550859E-2</v>
      </c>
      <c r="AK1573" s="9">
        <v>-70.145760999999766</v>
      </c>
      <c r="AL1573" s="13">
        <v>-1.7061966067288329E-3</v>
      </c>
      <c r="AM1573" s="9">
        <v>8472.9666868999993</v>
      </c>
      <c r="AN1573" s="13">
        <v>0.20644518886963631</v>
      </c>
      <c r="AO1573" s="9">
        <v>8402.8209258999996</v>
      </c>
      <c r="AP1573" s="13">
        <v>0.20438675618218263</v>
      </c>
      <c r="AQ1573" s="9">
        <v>38745.305735200003</v>
      </c>
      <c r="AR1573" s="9">
        <v>40653.227250299999</v>
      </c>
      <c r="AS1573" s="9">
        <v>41415.411769799997</v>
      </c>
      <c r="AT1573" s="9">
        <v>41660.306689899997</v>
      </c>
      <c r="AU1573" s="9">
        <v>41003.887239000003</v>
      </c>
      <c r="AV1573" s="9">
        <v>41574.4633436</v>
      </c>
      <c r="AW1573" s="9">
        <v>41112.355237000003</v>
      </c>
      <c r="AX1573" s="9">
        <v>43616.025066499999</v>
      </c>
      <c r="AY1573" s="9">
        <v>41007.540721400001</v>
      </c>
      <c r="AZ1573" s="9">
        <v>41042.209476000004</v>
      </c>
      <c r="BA1573" s="9">
        <v>42014.506455199997</v>
      </c>
      <c r="BB1573" s="9">
        <v>43741.965906199999</v>
      </c>
      <c r="BC1573" s="9">
        <v>42774.642875500002</v>
      </c>
      <c r="BD1573" s="9">
        <v>45138.063790599997</v>
      </c>
      <c r="BE1573" s="9">
        <v>47457.829580600002</v>
      </c>
      <c r="BF1573" s="9">
        <v>49515.176162900003</v>
      </c>
      <c r="BG1573" s="11">
        <v>-1.25</v>
      </c>
      <c r="BH1573" s="13">
        <v>-1.7361111111111112E-2</v>
      </c>
      <c r="BI1573" s="6">
        <v>-6</v>
      </c>
      <c r="BJ1573" s="13">
        <v>-8.3333333333333329E-2</v>
      </c>
      <c r="BK1573" s="6">
        <v>11</v>
      </c>
      <c r="BL1573" s="13">
        <v>0.16666666666666666</v>
      </c>
      <c r="BM1573" s="11">
        <v>-6.25</v>
      </c>
      <c r="BN1573" s="13">
        <v>-8.1168831168831168E-2</v>
      </c>
      <c r="BO1573" s="11">
        <v>4.75</v>
      </c>
      <c r="BP1573" s="13">
        <v>7.1969696969696975E-2</v>
      </c>
      <c r="BQ1573" s="6">
        <v>72</v>
      </c>
      <c r="BR1573" s="6">
        <v>66</v>
      </c>
      <c r="BS1573" s="6">
        <v>69</v>
      </c>
      <c r="BT1573" s="6">
        <v>66</v>
      </c>
      <c r="BU1573" s="6">
        <v>69</v>
      </c>
      <c r="BV1573" s="6">
        <v>72</v>
      </c>
      <c r="BW1573" s="6">
        <v>77</v>
      </c>
      <c r="BX1573" s="6">
        <v>72</v>
      </c>
      <c r="BY1573" s="6">
        <v>75</v>
      </c>
      <c r="BZ1573" s="6">
        <v>73</v>
      </c>
      <c r="CA1573" s="6">
        <v>72</v>
      </c>
      <c r="CB1573" s="6">
        <v>72</v>
      </c>
      <c r="CC1573" s="11">
        <v>70.75</v>
      </c>
      <c r="CD1573" s="11">
        <v>-890.74599999999998</v>
      </c>
      <c r="CE1573" s="11">
        <v>86.8767</v>
      </c>
      <c r="CF1573" s="11">
        <v>150.66800000000001</v>
      </c>
      <c r="CG1573" s="11">
        <v>238</v>
      </c>
      <c r="CH1573" s="20">
        <v>1.9705299999999999</v>
      </c>
      <c r="CI1573" s="20">
        <v>1.99543</v>
      </c>
      <c r="CJ1573" s="20">
        <v>1.8884099999999999</v>
      </c>
      <c r="CK1573" s="20">
        <v>1.77424</v>
      </c>
      <c r="CL1573" s="20">
        <v>1.7268300000000001</v>
      </c>
      <c r="CM1573" s="20">
        <v>1.66428</v>
      </c>
      <c r="CN1573" s="20">
        <v>1.5203100000000001</v>
      </c>
      <c r="CO1573" s="20">
        <v>1.3210599999999999</v>
      </c>
      <c r="CP1573" s="20">
        <v>1.20035</v>
      </c>
      <c r="CQ1573" s="20">
        <v>0.80238200000000004</v>
      </c>
      <c r="CR1573" s="20">
        <v>0.84135099999999996</v>
      </c>
      <c r="CS1573" s="20">
        <v>0.91099699999999995</v>
      </c>
      <c r="CT1573" s="20">
        <v>1.1224799999999999</v>
      </c>
      <c r="CU1573" s="20">
        <v>1.0845499999999999</v>
      </c>
      <c r="CV1573" s="20">
        <v>1.1284400000000001</v>
      </c>
      <c r="CW1573" s="20">
        <v>1.12524</v>
      </c>
      <c r="CX1573" s="20">
        <v>1.07283</v>
      </c>
      <c r="CY1573" s="6" t="s">
        <v>618</v>
      </c>
      <c r="CZ1573" s="6" t="s">
        <v>619</v>
      </c>
      <c r="DA1573" s="6" t="s">
        <v>167</v>
      </c>
      <c r="DB1573" s="6" t="s">
        <v>345</v>
      </c>
      <c r="DC1573" s="6">
        <v>27900</v>
      </c>
      <c r="DD1573" s="6">
        <v>309</v>
      </c>
      <c r="DE1573" s="6" t="s">
        <v>545</v>
      </c>
      <c r="DF1573" s="6" t="s">
        <v>375</v>
      </c>
      <c r="DG1573" s="6" t="s">
        <v>376</v>
      </c>
      <c r="DH1573" s="6" t="s">
        <v>328</v>
      </c>
      <c r="DI1573" s="6" t="s">
        <v>546</v>
      </c>
      <c r="DJ1573" s="6">
        <v>29</v>
      </c>
      <c r="DK1573" s="6">
        <v>145</v>
      </c>
      <c r="DL1573" s="6">
        <v>2</v>
      </c>
      <c r="DM1573" s="6" t="s">
        <v>379</v>
      </c>
      <c r="DN1573" s="6">
        <v>3</v>
      </c>
      <c r="DO1573" s="6" t="s">
        <v>380</v>
      </c>
      <c r="DP1573" s="6"/>
      <c r="DQ1573" s="6"/>
    </row>
    <row r="1574" spans="1:121" x14ac:dyDescent="0.2">
      <c r="A1574" s="6" t="s">
        <v>314</v>
      </c>
      <c r="B1574" s="6" t="s">
        <v>314</v>
      </c>
      <c r="C1574" s="6" t="s">
        <v>183</v>
      </c>
      <c r="D1574" s="6" t="s">
        <v>167</v>
      </c>
      <c r="E1574" s="6" t="s">
        <v>306</v>
      </c>
      <c r="F1574" s="11">
        <v>-12</v>
      </c>
      <c r="G1574" s="13">
        <v>-6.25E-2</v>
      </c>
      <c r="H1574" s="11">
        <v>26.136388904</v>
      </c>
      <c r="I1574" s="13">
        <v>0.13587971537273233</v>
      </c>
      <c r="J1574" s="11">
        <v>126.45737010399998</v>
      </c>
      <c r="K1574" s="13">
        <v>0.57878977005828214</v>
      </c>
      <c r="L1574" s="11">
        <v>-164.61963409199998</v>
      </c>
      <c r="M1574" s="13">
        <v>-0.47723691447663569</v>
      </c>
      <c r="N1574" s="11">
        <v>-38.162263988000007</v>
      </c>
      <c r="O1574" s="13">
        <v>-0.17466698841160955</v>
      </c>
      <c r="P1574" s="7">
        <v>192.34945284</v>
      </c>
      <c r="Q1574" s="7">
        <v>212.90532426199999</v>
      </c>
      <c r="R1574" s="7">
        <v>194.59426384400001</v>
      </c>
      <c r="S1574" s="7">
        <v>199.05782042199999</v>
      </c>
      <c r="T1574" s="7">
        <v>211.88754795599999</v>
      </c>
      <c r="U1574" s="7">
        <v>209.299598696</v>
      </c>
      <c r="V1574" s="7">
        <v>218.485841744</v>
      </c>
      <c r="W1574" s="7">
        <v>203.81165352900001</v>
      </c>
      <c r="X1574" s="7">
        <v>318.99765359100002</v>
      </c>
      <c r="Y1574" s="7">
        <v>344.94321184799998</v>
      </c>
      <c r="Z1574" s="7">
        <v>216.59500927400001</v>
      </c>
      <c r="AA1574" s="7">
        <v>201.427167817</v>
      </c>
      <c r="AB1574" s="7">
        <v>621.57014473900006</v>
      </c>
      <c r="AC1574" s="7">
        <v>631.96604308799999</v>
      </c>
      <c r="AD1574" s="7">
        <v>172.04304769000001</v>
      </c>
      <c r="AE1574" s="7">
        <v>180.326544893</v>
      </c>
      <c r="AF1574" s="7">
        <v>180.32357775599999</v>
      </c>
      <c r="AG1574" s="9">
        <v>15575.9195033</v>
      </c>
      <c r="AH1574" s="13">
        <v>0.3764186211027491</v>
      </c>
      <c r="AI1574" s="9">
        <v>11686.804481300001</v>
      </c>
      <c r="AJ1574" s="13">
        <v>0.28243153330474985</v>
      </c>
      <c r="AK1574" s="9">
        <v>794.27378379999573</v>
      </c>
      <c r="AL1574" s="13">
        <v>1.4967644011807215E-2</v>
      </c>
      <c r="AM1574" s="9">
        <v>3094.8412382000024</v>
      </c>
      <c r="AN1574" s="13">
        <v>5.7460499191185808E-2</v>
      </c>
      <c r="AO1574" s="9">
        <v>3889.1150219999981</v>
      </c>
      <c r="AP1574" s="13">
        <v>7.3288191499627425E-2</v>
      </c>
      <c r="AQ1574" s="9">
        <v>41379.248076700002</v>
      </c>
      <c r="AR1574" s="9">
        <v>44881.004806299999</v>
      </c>
      <c r="AS1574" s="9">
        <v>48665.546590400001</v>
      </c>
      <c r="AT1574" s="9">
        <v>46641.638293700002</v>
      </c>
      <c r="AU1574" s="9">
        <v>50992.593530300001</v>
      </c>
      <c r="AV1574" s="9">
        <v>53717.7526487</v>
      </c>
      <c r="AW1574" s="9">
        <v>53066.052558000003</v>
      </c>
      <c r="AX1574" s="9">
        <v>53370.082663900001</v>
      </c>
      <c r="AY1574" s="9">
        <v>46080.915086499997</v>
      </c>
      <c r="AZ1574" s="9">
        <v>53860.326341799999</v>
      </c>
      <c r="BA1574" s="9">
        <v>75676.227857200007</v>
      </c>
      <c r="BB1574" s="9">
        <v>76503.400788300001</v>
      </c>
      <c r="BC1574" s="9">
        <v>44436.892411699999</v>
      </c>
      <c r="BD1574" s="9">
        <v>45860.5606702</v>
      </c>
      <c r="BE1574" s="9">
        <v>56336.468776200003</v>
      </c>
      <c r="BF1574" s="9">
        <v>56955.167580000001</v>
      </c>
      <c r="BG1574" s="11">
        <v>-5.75</v>
      </c>
      <c r="BH1574" s="13">
        <v>-0.27380952380952384</v>
      </c>
      <c r="BI1574" s="6">
        <v>-2</v>
      </c>
      <c r="BJ1574" s="13">
        <v>-9.5238095238095233E-2</v>
      </c>
      <c r="BK1574" s="6">
        <v>0</v>
      </c>
      <c r="BL1574" s="13">
        <v>0</v>
      </c>
      <c r="BM1574" s="11">
        <v>-3.75</v>
      </c>
      <c r="BN1574" s="13">
        <v>-0.19736842105263158</v>
      </c>
      <c r="BO1574" s="11">
        <v>-3.75</v>
      </c>
      <c r="BP1574" s="13">
        <v>-0.19736842105263158</v>
      </c>
      <c r="BQ1574" s="6">
        <v>21</v>
      </c>
      <c r="BR1574" s="6">
        <v>18</v>
      </c>
      <c r="BS1574" s="6">
        <v>19</v>
      </c>
      <c r="BT1574" s="6">
        <v>19</v>
      </c>
      <c r="BU1574" s="6">
        <v>19</v>
      </c>
      <c r="BV1574" s="6">
        <v>17</v>
      </c>
      <c r="BW1574" s="6">
        <v>19</v>
      </c>
      <c r="BX1574" s="6">
        <v>18</v>
      </c>
      <c r="BY1574" s="6">
        <v>19</v>
      </c>
      <c r="BZ1574" s="6">
        <v>17</v>
      </c>
      <c r="CA1574" s="6">
        <v>17</v>
      </c>
      <c r="CB1574" s="6">
        <v>14</v>
      </c>
      <c r="CC1574" s="11">
        <v>15.25</v>
      </c>
      <c r="CD1574" s="11">
        <v>25.8628</v>
      </c>
      <c r="CE1574" s="11">
        <v>-58.9148</v>
      </c>
      <c r="CF1574" s="11">
        <v>21.0261</v>
      </c>
      <c r="CG1574" s="11">
        <v>-38</v>
      </c>
      <c r="CH1574" s="20">
        <v>0.34920499999999999</v>
      </c>
      <c r="CI1574" s="20">
        <v>0.40595500000000001</v>
      </c>
      <c r="CJ1574" s="20">
        <v>0.39045600000000003</v>
      </c>
      <c r="CK1574" s="20">
        <v>0.40757300000000002</v>
      </c>
      <c r="CL1574" s="20">
        <v>0.44666699999999998</v>
      </c>
      <c r="CM1574" s="20">
        <v>0.44862000000000002</v>
      </c>
      <c r="CN1574" s="20">
        <v>0.45892699999999997</v>
      </c>
      <c r="CO1574" s="20">
        <v>0.43705300000000002</v>
      </c>
      <c r="CP1574" s="20">
        <v>0.732039</v>
      </c>
      <c r="CQ1574" s="20">
        <v>0.78460300000000005</v>
      </c>
      <c r="CR1574" s="20">
        <v>0.51222299999999998</v>
      </c>
      <c r="CS1574" s="20">
        <v>0.47550300000000001</v>
      </c>
      <c r="CT1574" s="20">
        <v>1.64218</v>
      </c>
      <c r="CU1574" s="20">
        <v>1.67757</v>
      </c>
      <c r="CV1574" s="20">
        <v>0.47225400000000001</v>
      </c>
      <c r="CW1574" s="20">
        <v>0.49557600000000002</v>
      </c>
      <c r="CX1574" s="20">
        <v>0.49460100000000001</v>
      </c>
      <c r="CY1574" s="6" t="s">
        <v>618</v>
      </c>
      <c r="CZ1574" s="6" t="s">
        <v>619</v>
      </c>
      <c r="DA1574" s="6" t="s">
        <v>167</v>
      </c>
      <c r="DB1574" s="6" t="s">
        <v>345</v>
      </c>
      <c r="DC1574" s="6">
        <v>27900</v>
      </c>
      <c r="DD1574" s="6">
        <v>309</v>
      </c>
      <c r="DE1574" s="6" t="s">
        <v>545</v>
      </c>
      <c r="DF1574" s="6" t="s">
        <v>375</v>
      </c>
      <c r="DG1574" s="6" t="s">
        <v>376</v>
      </c>
      <c r="DH1574" s="6" t="s">
        <v>328</v>
      </c>
      <c r="DI1574" s="6" t="s">
        <v>546</v>
      </c>
      <c r="DJ1574" s="6">
        <v>29</v>
      </c>
      <c r="DK1574" s="6">
        <v>145</v>
      </c>
      <c r="DL1574" s="6">
        <v>2</v>
      </c>
      <c r="DM1574" s="6" t="s">
        <v>379</v>
      </c>
      <c r="DN1574" s="6">
        <v>3</v>
      </c>
      <c r="DO1574" s="6" t="s">
        <v>380</v>
      </c>
      <c r="DP1574" s="6"/>
      <c r="DQ1574" s="6"/>
    </row>
    <row r="1575" spans="1:121" x14ac:dyDescent="0.2">
      <c r="A1575" s="6" t="s">
        <v>315</v>
      </c>
      <c r="B1575" s="6" t="s">
        <v>315</v>
      </c>
      <c r="C1575" s="6" t="s">
        <v>184</v>
      </c>
      <c r="D1575" s="6" t="s">
        <v>167</v>
      </c>
      <c r="E1575" s="6" t="s">
        <v>306</v>
      </c>
      <c r="F1575" s="11">
        <v>130</v>
      </c>
      <c r="G1575" s="13">
        <v>0.36</v>
      </c>
      <c r="H1575" s="11">
        <v>163</v>
      </c>
      <c r="I1575" s="13">
        <v>0.45027624309392261</v>
      </c>
      <c r="J1575" s="11">
        <v>38</v>
      </c>
      <c r="K1575" s="13">
        <v>7.2380952380952379E-2</v>
      </c>
      <c r="L1575" s="11">
        <v>-71</v>
      </c>
      <c r="M1575" s="13">
        <v>-0.12611012433392541</v>
      </c>
      <c r="N1575" s="11">
        <v>-33</v>
      </c>
      <c r="O1575" s="13">
        <v>-6.2857142857142861E-2</v>
      </c>
      <c r="P1575" s="7">
        <v>362</v>
      </c>
      <c r="Q1575" s="7">
        <v>364</v>
      </c>
      <c r="R1575" s="7">
        <v>369</v>
      </c>
      <c r="S1575" s="7">
        <v>397</v>
      </c>
      <c r="T1575" s="7">
        <v>462</v>
      </c>
      <c r="U1575" s="7">
        <v>500</v>
      </c>
      <c r="V1575" s="7">
        <v>525</v>
      </c>
      <c r="W1575" s="7">
        <v>511</v>
      </c>
      <c r="X1575" s="7">
        <v>492</v>
      </c>
      <c r="Y1575" s="7">
        <v>563</v>
      </c>
      <c r="Z1575" s="7">
        <v>559</v>
      </c>
      <c r="AA1575" s="7">
        <v>535</v>
      </c>
      <c r="AB1575" s="7">
        <v>513</v>
      </c>
      <c r="AC1575" s="7">
        <v>486</v>
      </c>
      <c r="AD1575" s="7">
        <v>467</v>
      </c>
      <c r="AE1575" s="7">
        <v>489</v>
      </c>
      <c r="AF1575" s="7">
        <v>492</v>
      </c>
      <c r="AG1575" s="9">
        <v>15444</v>
      </c>
      <c r="AH1575" s="13">
        <v>0.47864625302175662</v>
      </c>
      <c r="AI1575" s="9">
        <v>4229</v>
      </c>
      <c r="AJ1575" s="13">
        <v>0.13106675757763589</v>
      </c>
      <c r="AK1575" s="9">
        <v>2902</v>
      </c>
      <c r="AL1575" s="13">
        <v>7.9517742156459792E-2</v>
      </c>
      <c r="AM1575" s="9">
        <v>8313</v>
      </c>
      <c r="AN1575" s="13">
        <v>0.2110059141559002</v>
      </c>
      <c r="AO1575" s="9">
        <v>11215</v>
      </c>
      <c r="AP1575" s="13">
        <v>0.30730237018769696</v>
      </c>
      <c r="AQ1575" s="9">
        <v>32266</v>
      </c>
      <c r="AR1575" s="9">
        <v>32488</v>
      </c>
      <c r="AS1575" s="9">
        <v>35018</v>
      </c>
      <c r="AT1575" s="9">
        <v>34070</v>
      </c>
      <c r="AU1575" s="9">
        <v>34836</v>
      </c>
      <c r="AV1575" s="9">
        <v>35625</v>
      </c>
      <c r="AW1575" s="9">
        <v>36495</v>
      </c>
      <c r="AX1575" s="9">
        <v>39036</v>
      </c>
      <c r="AY1575" s="9">
        <v>39044</v>
      </c>
      <c r="AZ1575" s="9">
        <v>39397</v>
      </c>
      <c r="BA1575" s="9">
        <v>42135</v>
      </c>
      <c r="BB1575" s="9">
        <v>42568</v>
      </c>
      <c r="BC1575" s="9">
        <v>43026</v>
      </c>
      <c r="BD1575" s="9">
        <v>44833</v>
      </c>
      <c r="BE1575" s="9">
        <v>45232</v>
      </c>
      <c r="BF1575" s="9">
        <v>47710</v>
      </c>
      <c r="BG1575" s="11">
        <v>13</v>
      </c>
      <c r="BH1575" s="13">
        <v>0.203125</v>
      </c>
      <c r="BI1575" s="6">
        <v>10</v>
      </c>
      <c r="BJ1575" s="13">
        <v>0.15625</v>
      </c>
      <c r="BK1575" s="6">
        <v>10</v>
      </c>
      <c r="BL1575" s="13">
        <v>0.13513513513513514</v>
      </c>
      <c r="BM1575" s="11">
        <v>-7</v>
      </c>
      <c r="BN1575" s="13">
        <v>-8.3333333333333329E-2</v>
      </c>
      <c r="BO1575" s="11">
        <v>3</v>
      </c>
      <c r="BP1575" s="13">
        <v>4.0540540540540543E-2</v>
      </c>
      <c r="BQ1575" s="6">
        <v>64</v>
      </c>
      <c r="BR1575" s="6">
        <v>65</v>
      </c>
      <c r="BS1575" s="6">
        <v>67</v>
      </c>
      <c r="BT1575" s="6">
        <v>74</v>
      </c>
      <c r="BU1575" s="6">
        <v>72</v>
      </c>
      <c r="BV1575" s="6">
        <v>70</v>
      </c>
      <c r="BW1575" s="6">
        <v>84</v>
      </c>
      <c r="BX1575" s="6">
        <v>83</v>
      </c>
      <c r="BY1575" s="6">
        <v>77</v>
      </c>
      <c r="BZ1575" s="6">
        <v>77</v>
      </c>
      <c r="CA1575" s="6">
        <v>78</v>
      </c>
      <c r="CB1575" s="6">
        <v>79</v>
      </c>
      <c r="CC1575" s="11">
        <v>77</v>
      </c>
      <c r="CD1575" s="11">
        <v>119</v>
      </c>
      <c r="CE1575" s="11">
        <v>-29</v>
      </c>
      <c r="CF1575" s="11">
        <v>40</v>
      </c>
      <c r="CG1575" s="11">
        <v>11</v>
      </c>
      <c r="CH1575" s="20">
        <v>0.4</v>
      </c>
      <c r="CI1575" s="20">
        <v>0.4</v>
      </c>
      <c r="CJ1575" s="20">
        <v>0.4</v>
      </c>
      <c r="CK1575" s="20">
        <v>0.43</v>
      </c>
      <c r="CL1575" s="20">
        <v>0.5</v>
      </c>
      <c r="CM1575" s="20">
        <v>0.54</v>
      </c>
      <c r="CN1575" s="20">
        <v>0.55000000000000004</v>
      </c>
      <c r="CO1575" s="20">
        <v>0.55000000000000004</v>
      </c>
      <c r="CP1575" s="20">
        <v>0.56000000000000005</v>
      </c>
      <c r="CQ1575" s="20">
        <v>0.62</v>
      </c>
      <c r="CR1575" s="20">
        <v>0.63</v>
      </c>
      <c r="CS1575" s="20">
        <v>0.6</v>
      </c>
      <c r="CT1575" s="20">
        <v>0.65</v>
      </c>
      <c r="CU1575" s="20">
        <v>0.62</v>
      </c>
      <c r="CV1575" s="20">
        <v>0.61</v>
      </c>
      <c r="CW1575" s="20">
        <v>0.65</v>
      </c>
      <c r="CX1575" s="20">
        <v>0.64</v>
      </c>
      <c r="CY1575" s="6" t="s">
        <v>618</v>
      </c>
      <c r="CZ1575" s="6" t="s">
        <v>619</v>
      </c>
      <c r="DA1575" s="6" t="s">
        <v>167</v>
      </c>
      <c r="DB1575" s="6" t="s">
        <v>345</v>
      </c>
      <c r="DC1575" s="6">
        <v>27900</v>
      </c>
      <c r="DD1575" s="6">
        <v>309</v>
      </c>
      <c r="DE1575" s="6" t="s">
        <v>545</v>
      </c>
      <c r="DF1575" s="6" t="s">
        <v>375</v>
      </c>
      <c r="DG1575" s="6" t="s">
        <v>376</v>
      </c>
      <c r="DH1575" s="6" t="s">
        <v>328</v>
      </c>
      <c r="DI1575" s="6" t="s">
        <v>546</v>
      </c>
      <c r="DJ1575" s="6">
        <v>29</v>
      </c>
      <c r="DK1575" s="6">
        <v>145</v>
      </c>
      <c r="DL1575" s="6">
        <v>2</v>
      </c>
      <c r="DM1575" s="6" t="s">
        <v>379</v>
      </c>
      <c r="DN1575" s="6">
        <v>3</v>
      </c>
      <c r="DO1575" s="6" t="s">
        <v>380</v>
      </c>
      <c r="DP1575" s="6"/>
      <c r="DQ1575" s="6"/>
    </row>
    <row r="1576" spans="1:121" x14ac:dyDescent="0.2">
      <c r="A1576" s="6" t="s">
        <v>316</v>
      </c>
      <c r="B1576" s="6" t="s">
        <v>316</v>
      </c>
      <c r="C1576" s="6" t="s">
        <v>185</v>
      </c>
      <c r="D1576" s="6" t="s">
        <v>167</v>
      </c>
      <c r="E1576" s="6" t="s">
        <v>306</v>
      </c>
      <c r="F1576" s="11">
        <v>-49</v>
      </c>
      <c r="G1576" s="13">
        <v>-0.24</v>
      </c>
      <c r="H1576" s="11">
        <v>-9</v>
      </c>
      <c r="I1576" s="13">
        <v>-4.3478260869565216E-2</v>
      </c>
      <c r="J1576" s="11">
        <v>6</v>
      </c>
      <c r="K1576" s="13">
        <v>3.0303030303030304E-2</v>
      </c>
      <c r="L1576" s="11">
        <v>-46</v>
      </c>
      <c r="M1576" s="13">
        <v>-0.22549019607843135</v>
      </c>
      <c r="N1576" s="11">
        <v>-40</v>
      </c>
      <c r="O1576" s="13">
        <v>-0.20202020202020199</v>
      </c>
      <c r="P1576" s="7">
        <v>207</v>
      </c>
      <c r="Q1576" s="7">
        <v>193</v>
      </c>
      <c r="R1576" s="7">
        <v>194</v>
      </c>
      <c r="S1576" s="7">
        <v>179</v>
      </c>
      <c r="T1576" s="7">
        <v>197</v>
      </c>
      <c r="U1576" s="7">
        <v>207</v>
      </c>
      <c r="V1576" s="7">
        <v>198</v>
      </c>
      <c r="W1576" s="7">
        <v>188</v>
      </c>
      <c r="X1576" s="7">
        <v>169</v>
      </c>
      <c r="Y1576" s="7">
        <v>204</v>
      </c>
      <c r="Z1576" s="7">
        <v>199</v>
      </c>
      <c r="AA1576" s="7">
        <v>157</v>
      </c>
      <c r="AB1576" s="7">
        <v>158</v>
      </c>
      <c r="AC1576" s="7">
        <v>156</v>
      </c>
      <c r="AD1576" s="7">
        <v>143</v>
      </c>
      <c r="AE1576" s="7">
        <v>153</v>
      </c>
      <c r="AF1576" s="7">
        <v>158</v>
      </c>
      <c r="AG1576" s="9">
        <v>17260</v>
      </c>
      <c r="AH1576" s="13">
        <v>0.88290961174484628</v>
      </c>
      <c r="AI1576" s="9">
        <v>1096</v>
      </c>
      <c r="AJ1576" s="13">
        <v>5.6064248810680853E-2</v>
      </c>
      <c r="AK1576" s="9">
        <v>6049</v>
      </c>
      <c r="AL1576" s="13">
        <v>0.29300072656817633</v>
      </c>
      <c r="AM1576" s="9">
        <v>10115</v>
      </c>
      <c r="AN1576" s="13">
        <v>0.37892410279463551</v>
      </c>
      <c r="AO1576" s="9">
        <v>16164</v>
      </c>
      <c r="AP1576" s="13">
        <v>0.78294986679583445</v>
      </c>
      <c r="AQ1576" s="9">
        <v>19549</v>
      </c>
      <c r="AR1576" s="9">
        <v>20052</v>
      </c>
      <c r="AS1576" s="9">
        <v>21876</v>
      </c>
      <c r="AT1576" s="9">
        <v>20550</v>
      </c>
      <c r="AU1576" s="9">
        <v>20064</v>
      </c>
      <c r="AV1576" s="9">
        <v>20918</v>
      </c>
      <c r="AW1576" s="9">
        <v>20645</v>
      </c>
      <c r="AX1576" s="9">
        <v>20902</v>
      </c>
      <c r="AY1576" s="9">
        <v>20466</v>
      </c>
      <c r="AZ1576" s="9">
        <v>26694</v>
      </c>
      <c r="BA1576" s="9">
        <v>31691</v>
      </c>
      <c r="BB1576" s="9">
        <v>32087</v>
      </c>
      <c r="BC1576" s="9">
        <v>32040</v>
      </c>
      <c r="BD1576" s="9">
        <v>33005</v>
      </c>
      <c r="BE1576" s="9">
        <v>36510</v>
      </c>
      <c r="BF1576" s="9">
        <v>36809</v>
      </c>
      <c r="BG1576" s="11">
        <v>-12</v>
      </c>
      <c r="BH1576" s="13">
        <v>-0.27906976744186046</v>
      </c>
      <c r="BI1576" s="6">
        <v>-1</v>
      </c>
      <c r="BJ1576" s="13">
        <v>-2.3255813953488372E-2</v>
      </c>
      <c r="BK1576" s="6">
        <v>0</v>
      </c>
      <c r="BL1576" s="13">
        <v>0</v>
      </c>
      <c r="BM1576" s="11">
        <v>-11</v>
      </c>
      <c r="BN1576" s="13">
        <v>-0.26190476190476192</v>
      </c>
      <c r="BO1576" s="11">
        <v>-11</v>
      </c>
      <c r="BP1576" s="13">
        <v>-0.26190476190476192</v>
      </c>
      <c r="BQ1576" s="6">
        <v>43</v>
      </c>
      <c r="BR1576" s="6">
        <v>43</v>
      </c>
      <c r="BS1576" s="6">
        <v>44</v>
      </c>
      <c r="BT1576" s="6">
        <v>42</v>
      </c>
      <c r="BU1576" s="6">
        <v>41</v>
      </c>
      <c r="BV1576" s="6">
        <v>38</v>
      </c>
      <c r="BW1576" s="6">
        <v>42</v>
      </c>
      <c r="BX1576" s="6">
        <v>37</v>
      </c>
      <c r="BY1576" s="6">
        <v>32</v>
      </c>
      <c r="BZ1576" s="6">
        <v>33</v>
      </c>
      <c r="CA1576" s="6">
        <v>33</v>
      </c>
      <c r="CB1576" s="6">
        <v>33</v>
      </c>
      <c r="CC1576" s="11">
        <v>31</v>
      </c>
      <c r="CD1576" s="11">
        <v>-61</v>
      </c>
      <c r="CE1576" s="11">
        <v>-10</v>
      </c>
      <c r="CF1576" s="11">
        <v>23</v>
      </c>
      <c r="CG1576" s="11">
        <v>13</v>
      </c>
      <c r="CH1576" s="20">
        <v>0.56000000000000005</v>
      </c>
      <c r="CI1576" s="20">
        <v>0.51</v>
      </c>
      <c r="CJ1576" s="20">
        <v>0.51</v>
      </c>
      <c r="CK1576" s="20">
        <v>0.45</v>
      </c>
      <c r="CL1576" s="20">
        <v>0.49</v>
      </c>
      <c r="CM1576" s="20">
        <v>0.51</v>
      </c>
      <c r="CN1576" s="20">
        <v>0.48</v>
      </c>
      <c r="CO1576" s="20">
        <v>0.47</v>
      </c>
      <c r="CP1576" s="20">
        <v>0.45</v>
      </c>
      <c r="CQ1576" s="20">
        <v>0.55000000000000004</v>
      </c>
      <c r="CR1576" s="20">
        <v>0.56000000000000005</v>
      </c>
      <c r="CS1576" s="20">
        <v>0.43</v>
      </c>
      <c r="CT1576" s="20">
        <v>0.48</v>
      </c>
      <c r="CU1576" s="20">
        <v>0.48</v>
      </c>
      <c r="CV1576" s="20">
        <v>0.44</v>
      </c>
      <c r="CW1576" s="20">
        <v>0.48</v>
      </c>
      <c r="CX1576" s="20">
        <v>0.49</v>
      </c>
      <c r="CY1576" s="6" t="s">
        <v>618</v>
      </c>
      <c r="CZ1576" s="6" t="s">
        <v>619</v>
      </c>
      <c r="DA1576" s="6" t="s">
        <v>167</v>
      </c>
      <c r="DB1576" s="6" t="s">
        <v>345</v>
      </c>
      <c r="DC1576" s="6">
        <v>27900</v>
      </c>
      <c r="DD1576" s="6">
        <v>309</v>
      </c>
      <c r="DE1576" s="6" t="s">
        <v>545</v>
      </c>
      <c r="DF1576" s="6" t="s">
        <v>375</v>
      </c>
      <c r="DG1576" s="6" t="s">
        <v>376</v>
      </c>
      <c r="DH1576" s="6" t="s">
        <v>328</v>
      </c>
      <c r="DI1576" s="6" t="s">
        <v>546</v>
      </c>
      <c r="DJ1576" s="6">
        <v>29</v>
      </c>
      <c r="DK1576" s="6">
        <v>145</v>
      </c>
      <c r="DL1576" s="6">
        <v>2</v>
      </c>
      <c r="DM1576" s="6" t="s">
        <v>379</v>
      </c>
      <c r="DN1576" s="6">
        <v>3</v>
      </c>
      <c r="DO1576" s="6" t="s">
        <v>380</v>
      </c>
      <c r="DP1576" s="6"/>
      <c r="DQ1576" s="6"/>
    </row>
    <row r="1577" spans="1:121" x14ac:dyDescent="0.2">
      <c r="A1577" s="6" t="s">
        <v>317</v>
      </c>
      <c r="B1577" s="6" t="s">
        <v>317</v>
      </c>
      <c r="C1577" s="6" t="s">
        <v>186</v>
      </c>
      <c r="D1577" s="6" t="s">
        <v>167</v>
      </c>
      <c r="E1577" s="6" t="s">
        <v>306</v>
      </c>
      <c r="F1577" s="11">
        <v>149</v>
      </c>
      <c r="G1577" s="13">
        <v>0.7</v>
      </c>
      <c r="H1577" s="11">
        <v>130</v>
      </c>
      <c r="I1577" s="13">
        <v>0.61032863849765262</v>
      </c>
      <c r="J1577" s="11">
        <v>-101</v>
      </c>
      <c r="K1577" s="13">
        <v>-0.29446064139941691</v>
      </c>
      <c r="L1577" s="11">
        <v>120</v>
      </c>
      <c r="M1577" s="13">
        <v>0.49586776859504134</v>
      </c>
      <c r="N1577" s="11">
        <v>19</v>
      </c>
      <c r="O1577" s="13">
        <v>5.5393586005830907E-2</v>
      </c>
      <c r="P1577" s="7">
        <v>213</v>
      </c>
      <c r="Q1577" s="7">
        <v>248</v>
      </c>
      <c r="R1577" s="7">
        <v>250</v>
      </c>
      <c r="S1577" s="7">
        <v>259</v>
      </c>
      <c r="T1577" s="7">
        <v>299</v>
      </c>
      <c r="U1577" s="7">
        <v>335</v>
      </c>
      <c r="V1577" s="7">
        <v>343</v>
      </c>
      <c r="W1577" s="7">
        <v>412</v>
      </c>
      <c r="X1577" s="7">
        <v>349</v>
      </c>
      <c r="Y1577" s="7">
        <v>242</v>
      </c>
      <c r="Z1577" s="7">
        <v>258</v>
      </c>
      <c r="AA1577" s="7">
        <v>269</v>
      </c>
      <c r="AB1577" s="7">
        <v>311</v>
      </c>
      <c r="AC1577" s="7">
        <v>340</v>
      </c>
      <c r="AD1577" s="7">
        <v>353</v>
      </c>
      <c r="AE1577" s="7">
        <v>351</v>
      </c>
      <c r="AF1577" s="7">
        <v>362</v>
      </c>
      <c r="AG1577" s="9">
        <v>15637</v>
      </c>
      <c r="AH1577" s="13">
        <v>0.57607574417919249</v>
      </c>
      <c r="AI1577" s="9">
        <v>-21</v>
      </c>
      <c r="AJ1577" s="13">
        <v>-7.7365163572060125E-4</v>
      </c>
      <c r="AK1577" s="9">
        <v>7055</v>
      </c>
      <c r="AL1577" s="13">
        <v>0.26011134461527119</v>
      </c>
      <c r="AM1577" s="9">
        <v>8603</v>
      </c>
      <c r="AN1577" s="13">
        <v>0.25171162736263092</v>
      </c>
      <c r="AO1577" s="9">
        <v>15658</v>
      </c>
      <c r="AP1577" s="13">
        <v>0.57729602182649409</v>
      </c>
      <c r="AQ1577" s="9">
        <v>27144</v>
      </c>
      <c r="AR1577" s="9">
        <v>30120</v>
      </c>
      <c r="AS1577" s="9">
        <v>32238</v>
      </c>
      <c r="AT1577" s="9">
        <v>31810</v>
      </c>
      <c r="AU1577" s="9">
        <v>35779</v>
      </c>
      <c r="AV1577" s="9">
        <v>35193</v>
      </c>
      <c r="AW1577" s="9">
        <v>27123</v>
      </c>
      <c r="AX1577" s="9">
        <v>30379</v>
      </c>
      <c r="AY1577" s="9">
        <v>28572</v>
      </c>
      <c r="AZ1577" s="9">
        <v>34178</v>
      </c>
      <c r="BA1577" s="9">
        <v>36271</v>
      </c>
      <c r="BB1577" s="9">
        <v>38253</v>
      </c>
      <c r="BC1577" s="9">
        <v>40506</v>
      </c>
      <c r="BD1577" s="9">
        <v>42178</v>
      </c>
      <c r="BE1577" s="9">
        <v>41511</v>
      </c>
      <c r="BF1577" s="9">
        <v>42781</v>
      </c>
      <c r="BG1577" s="11">
        <v>14</v>
      </c>
      <c r="BH1577" s="13">
        <v>0.27450980392156865</v>
      </c>
      <c r="BI1577" s="6">
        <v>12</v>
      </c>
      <c r="BJ1577" s="13">
        <v>0.23529411764705882</v>
      </c>
      <c r="BK1577" s="6">
        <v>-3</v>
      </c>
      <c r="BL1577" s="13">
        <v>-4.7619047619047616E-2</v>
      </c>
      <c r="BM1577" s="11">
        <v>5</v>
      </c>
      <c r="BN1577" s="13">
        <v>8.3333333333333329E-2</v>
      </c>
      <c r="BO1577" s="11">
        <v>2</v>
      </c>
      <c r="BP1577" s="13">
        <v>3.1746031746031744E-2</v>
      </c>
      <c r="BQ1577" s="6">
        <v>51</v>
      </c>
      <c r="BR1577" s="6">
        <v>54</v>
      </c>
      <c r="BS1577" s="6">
        <v>63</v>
      </c>
      <c r="BT1577" s="6">
        <v>63</v>
      </c>
      <c r="BU1577" s="6">
        <v>63</v>
      </c>
      <c r="BV1577" s="6">
        <v>59</v>
      </c>
      <c r="BW1577" s="6">
        <v>60</v>
      </c>
      <c r="BX1577" s="6">
        <v>57</v>
      </c>
      <c r="BY1577" s="6">
        <v>58</v>
      </c>
      <c r="BZ1577" s="6">
        <v>60</v>
      </c>
      <c r="CA1577" s="6">
        <v>62</v>
      </c>
      <c r="CB1577" s="6">
        <v>68</v>
      </c>
      <c r="CC1577" s="11">
        <v>65</v>
      </c>
      <c r="CD1577" s="11">
        <v>84</v>
      </c>
      <c r="CE1577" s="11">
        <v>43</v>
      </c>
      <c r="CF1577" s="11">
        <v>23</v>
      </c>
      <c r="CG1577" s="11">
        <v>66</v>
      </c>
      <c r="CH1577" s="20">
        <v>0.18</v>
      </c>
      <c r="CI1577" s="20">
        <v>0.21</v>
      </c>
      <c r="CJ1577" s="20">
        <v>0.21</v>
      </c>
      <c r="CK1577" s="20">
        <v>0.22</v>
      </c>
      <c r="CL1577" s="20">
        <v>0.25</v>
      </c>
      <c r="CM1577" s="20">
        <v>0.27</v>
      </c>
      <c r="CN1577" s="20">
        <v>0.26</v>
      </c>
      <c r="CO1577" s="20">
        <v>0.31</v>
      </c>
      <c r="CP1577" s="20">
        <v>0.27</v>
      </c>
      <c r="CQ1577" s="20">
        <v>0.18</v>
      </c>
      <c r="CR1577" s="20">
        <v>0.19</v>
      </c>
      <c r="CS1577" s="20">
        <v>0.2</v>
      </c>
      <c r="CT1577" s="20">
        <v>0.25</v>
      </c>
      <c r="CU1577" s="20">
        <v>0.27</v>
      </c>
      <c r="CV1577" s="20">
        <v>0.28000000000000003</v>
      </c>
      <c r="CW1577" s="20">
        <v>0.28000000000000003</v>
      </c>
      <c r="CX1577" s="20">
        <v>0.28999999999999998</v>
      </c>
      <c r="CY1577" s="6" t="s">
        <v>618</v>
      </c>
      <c r="CZ1577" s="6" t="s">
        <v>619</v>
      </c>
      <c r="DA1577" s="6" t="s">
        <v>167</v>
      </c>
      <c r="DB1577" s="6" t="s">
        <v>345</v>
      </c>
      <c r="DC1577" s="6">
        <v>27900</v>
      </c>
      <c r="DD1577" s="6">
        <v>309</v>
      </c>
      <c r="DE1577" s="6" t="s">
        <v>545</v>
      </c>
      <c r="DF1577" s="6" t="s">
        <v>375</v>
      </c>
      <c r="DG1577" s="6" t="s">
        <v>376</v>
      </c>
      <c r="DH1577" s="6" t="s">
        <v>328</v>
      </c>
      <c r="DI1577" s="6" t="s">
        <v>546</v>
      </c>
      <c r="DJ1577" s="6">
        <v>29</v>
      </c>
      <c r="DK1577" s="6">
        <v>145</v>
      </c>
      <c r="DL1577" s="6">
        <v>2</v>
      </c>
      <c r="DM1577" s="6" t="s">
        <v>379</v>
      </c>
      <c r="DN1577" s="6">
        <v>3</v>
      </c>
      <c r="DO1577" s="6" t="s">
        <v>380</v>
      </c>
      <c r="DP1577" s="6"/>
      <c r="DQ1577" s="6"/>
    </row>
    <row r="1578" spans="1:121" x14ac:dyDescent="0.2">
      <c r="A1578" s="6" t="s">
        <v>318</v>
      </c>
      <c r="B1578" s="6" t="s">
        <v>318</v>
      </c>
      <c r="C1578" s="6" t="s">
        <v>187</v>
      </c>
      <c r="D1578" s="6" t="s">
        <v>167</v>
      </c>
      <c r="E1578" s="6" t="s">
        <v>306</v>
      </c>
      <c r="F1578" s="11">
        <v>50</v>
      </c>
      <c r="G1578" s="13">
        <v>2.2727272727300001</v>
      </c>
      <c r="H1578" s="11">
        <v>57.705813000000006</v>
      </c>
      <c r="I1578" s="13">
        <v>2.5721100195924231</v>
      </c>
      <c r="J1578" s="11">
        <v>52.298467999999986</v>
      </c>
      <c r="K1578" s="13">
        <v>0.65258053812818451</v>
      </c>
      <c r="L1578" s="11">
        <v>-59.948997959499991</v>
      </c>
      <c r="M1578" s="13">
        <v>-0.4526520014744847</v>
      </c>
      <c r="N1578" s="11">
        <v>-7.6505299595000054</v>
      </c>
      <c r="O1578" s="13">
        <v>-9.5463350053319199E-2</v>
      </c>
      <c r="P1578" s="7">
        <v>22.435203999999999</v>
      </c>
      <c r="Q1578" s="7">
        <v>19.034324000000002</v>
      </c>
      <c r="R1578" s="7">
        <v>13.567451</v>
      </c>
      <c r="S1578" s="7">
        <v>5</v>
      </c>
      <c r="T1578" s="7">
        <v>15.941205</v>
      </c>
      <c r="U1578" s="7">
        <v>26.820989000000001</v>
      </c>
      <c r="V1578" s="7">
        <v>80.141017000000005</v>
      </c>
      <c r="W1578" s="7">
        <v>59.037137999999999</v>
      </c>
      <c r="X1578" s="7">
        <v>60.923054</v>
      </c>
      <c r="Y1578" s="7">
        <v>132.43948499999999</v>
      </c>
      <c r="Z1578" s="7">
        <v>101.044753</v>
      </c>
      <c r="AA1578" s="7">
        <v>98.952262000000005</v>
      </c>
      <c r="AB1578" s="7">
        <v>88.004886999999997</v>
      </c>
      <c r="AC1578" s="7">
        <v>85.858001999999999</v>
      </c>
      <c r="AD1578" s="7">
        <v>88.993303999999995</v>
      </c>
      <c r="AE1578" s="7">
        <v>72.341160000000002</v>
      </c>
      <c r="AF1578" s="7">
        <v>72.4904870405</v>
      </c>
      <c r="AG1578" s="9">
        <v>26940.549804400005</v>
      </c>
      <c r="AH1578" s="13">
        <v>0.49904794861598328</v>
      </c>
      <c r="AI1578" s="9">
        <v>10254.378480500003</v>
      </c>
      <c r="AJ1578" s="13">
        <v>0.18995256526611859</v>
      </c>
      <c r="AK1578" s="9">
        <v>-12293.6020346</v>
      </c>
      <c r="AL1578" s="13">
        <v>-0.19137505155026324</v>
      </c>
      <c r="AM1578" s="9">
        <v>28979.773358500002</v>
      </c>
      <c r="AN1578" s="13">
        <v>0.55789699061027365</v>
      </c>
      <c r="AO1578" s="9">
        <v>16686.171323900002</v>
      </c>
      <c r="AP1578" s="13">
        <v>0.25975437372223259</v>
      </c>
      <c r="AQ1578" s="9">
        <v>53983.890484099997</v>
      </c>
      <c r="AR1578" s="9">
        <v>63362.447595899997</v>
      </c>
      <c r="AS1578" s="9">
        <v>44585.111095400003</v>
      </c>
      <c r="AT1578" s="9">
        <v>1</v>
      </c>
      <c r="AU1578" s="9">
        <v>58084.7142245</v>
      </c>
      <c r="AV1578" s="9">
        <v>46677.267915299999</v>
      </c>
      <c r="AW1578" s="9">
        <v>64238.2689646</v>
      </c>
      <c r="AX1578" s="9">
        <v>59346.915356500002</v>
      </c>
      <c r="AY1578" s="9">
        <v>57976.190037599998</v>
      </c>
      <c r="AZ1578" s="9">
        <v>51944.666929999999</v>
      </c>
      <c r="BA1578" s="9">
        <v>43851.969530000002</v>
      </c>
      <c r="BB1578" s="9">
        <v>45142.8445527</v>
      </c>
      <c r="BC1578" s="9">
        <v>61673.409656000003</v>
      </c>
      <c r="BD1578" s="9">
        <v>56568.686390000003</v>
      </c>
      <c r="BE1578" s="9">
        <v>64862.896097899997</v>
      </c>
      <c r="BF1578" s="9">
        <v>80924.440288500002</v>
      </c>
      <c r="BG1578" s="11">
        <v>10</v>
      </c>
      <c r="BH1578" s="13">
        <v>5</v>
      </c>
      <c r="BI1578" s="6">
        <v>6</v>
      </c>
      <c r="BJ1578" s="13">
        <v>3</v>
      </c>
      <c r="BK1578" s="6">
        <v>5</v>
      </c>
      <c r="BL1578" s="13">
        <v>0.625</v>
      </c>
      <c r="BM1578" s="11">
        <v>-1</v>
      </c>
      <c r="BN1578" s="13">
        <v>-7.6923076923076927E-2</v>
      </c>
      <c r="BO1578" s="11">
        <v>4</v>
      </c>
      <c r="BP1578" s="13">
        <v>0.5</v>
      </c>
      <c r="BQ1578" s="6">
        <v>2</v>
      </c>
      <c r="BR1578" s="6">
        <v>3</v>
      </c>
      <c r="BS1578" s="6">
        <v>5</v>
      </c>
      <c r="BT1578" s="6">
        <v>8</v>
      </c>
      <c r="BU1578" s="6">
        <v>7</v>
      </c>
      <c r="BV1578" s="6">
        <v>8</v>
      </c>
      <c r="BW1578" s="6">
        <v>13</v>
      </c>
      <c r="BX1578" s="6">
        <v>12</v>
      </c>
      <c r="BY1578" s="6">
        <v>12</v>
      </c>
      <c r="BZ1578" s="6">
        <v>13</v>
      </c>
      <c r="CA1578" s="6">
        <v>12</v>
      </c>
      <c r="CB1578" s="6">
        <v>12</v>
      </c>
      <c r="CC1578" s="11">
        <v>12</v>
      </c>
      <c r="CD1578" s="11">
        <v>42.799300000000002</v>
      </c>
      <c r="CE1578" s="11">
        <v>4.8035600000000001</v>
      </c>
      <c r="CF1578" s="11">
        <v>2.4524400000000002</v>
      </c>
      <c r="CG1578" s="11">
        <v>7</v>
      </c>
      <c r="CH1578" s="20">
        <v>8.77579E-2</v>
      </c>
      <c r="CI1578" s="20">
        <v>7.4748700000000001E-2</v>
      </c>
      <c r="CJ1578" s="20">
        <v>5.4504499999999997E-2</v>
      </c>
      <c r="CK1578" s="20">
        <v>2.02016E-2</v>
      </c>
      <c r="CL1578" s="20">
        <v>6.1899999999999997E-2</v>
      </c>
      <c r="CM1578" s="20">
        <v>0.102913</v>
      </c>
      <c r="CN1578" s="20">
        <v>0.29108200000000001</v>
      </c>
      <c r="CO1578" s="20">
        <v>0.20901700000000001</v>
      </c>
      <c r="CP1578" s="20">
        <v>0.2223</v>
      </c>
      <c r="CQ1578" s="20">
        <v>0.46124900000000002</v>
      </c>
      <c r="CR1578" s="20">
        <v>0.35084599999999999</v>
      </c>
      <c r="CS1578" s="20">
        <v>0.32848100000000002</v>
      </c>
      <c r="CT1578" s="20">
        <v>0.31651200000000002</v>
      </c>
      <c r="CU1578" s="20">
        <v>0.30471300000000001</v>
      </c>
      <c r="CV1578" s="20">
        <v>0.32300299999999998</v>
      </c>
      <c r="CW1578" s="20">
        <v>0.263519</v>
      </c>
      <c r="CX1578" s="20">
        <v>0.25994400000000001</v>
      </c>
      <c r="CY1578" s="6" t="s">
        <v>618</v>
      </c>
      <c r="CZ1578" s="6" t="s">
        <v>619</v>
      </c>
      <c r="DA1578" s="6" t="s">
        <v>167</v>
      </c>
      <c r="DB1578" s="6" t="s">
        <v>345</v>
      </c>
      <c r="DC1578" s="6">
        <v>27900</v>
      </c>
      <c r="DD1578" s="6">
        <v>309</v>
      </c>
      <c r="DE1578" s="6" t="s">
        <v>545</v>
      </c>
      <c r="DF1578" s="6" t="s">
        <v>375</v>
      </c>
      <c r="DG1578" s="6" t="s">
        <v>376</v>
      </c>
      <c r="DH1578" s="6" t="s">
        <v>328</v>
      </c>
      <c r="DI1578" s="6" t="s">
        <v>546</v>
      </c>
      <c r="DJ1578" s="6">
        <v>29</v>
      </c>
      <c r="DK1578" s="6">
        <v>145</v>
      </c>
      <c r="DL1578" s="6">
        <v>2</v>
      </c>
      <c r="DM1578" s="6" t="s">
        <v>379</v>
      </c>
      <c r="DN1578" s="6">
        <v>3</v>
      </c>
      <c r="DO1578" s="6" t="s">
        <v>380</v>
      </c>
      <c r="DP1578" s="6"/>
      <c r="DQ1578" s="6"/>
    </row>
    <row r="1579" spans="1:121" x14ac:dyDescent="0.2">
      <c r="A1579" s="6" t="s">
        <v>319</v>
      </c>
      <c r="B1579" s="6" t="s">
        <v>319</v>
      </c>
      <c r="C1579" s="6" t="s">
        <v>188</v>
      </c>
      <c r="D1579" s="6" t="s">
        <v>167</v>
      </c>
      <c r="E1579" s="6" t="s">
        <v>306</v>
      </c>
      <c r="F1579" s="11">
        <v>-12</v>
      </c>
      <c r="G1579" s="13">
        <v>-1.9199999999999998E-2</v>
      </c>
      <c r="H1579" s="11">
        <v>215.7549898530001</v>
      </c>
      <c r="I1579" s="13">
        <v>0.34539753596183587</v>
      </c>
      <c r="J1579" s="11">
        <v>-29.064420584000004</v>
      </c>
      <c r="K1579" s="13">
        <v>-3.4583538563935631E-2</v>
      </c>
      <c r="L1579" s="11">
        <v>-198.75983221500007</v>
      </c>
      <c r="M1579" s="13">
        <v>-0.24497495138920064</v>
      </c>
      <c r="N1579" s="11">
        <v>-227.82425279900008</v>
      </c>
      <c r="O1579" s="13">
        <v>-0.27108638927456963</v>
      </c>
      <c r="P1579" s="7">
        <v>624.65700356599996</v>
      </c>
      <c r="Q1579" s="7">
        <v>550.61581879699997</v>
      </c>
      <c r="R1579" s="7">
        <v>574.94872429500003</v>
      </c>
      <c r="S1579" s="7">
        <v>760.60923849200003</v>
      </c>
      <c r="T1579" s="7">
        <v>606.30199540700005</v>
      </c>
      <c r="U1579" s="7">
        <v>652.08733742200002</v>
      </c>
      <c r="V1579" s="7">
        <v>840.41199341900005</v>
      </c>
      <c r="W1579" s="7">
        <v>861.80740173000004</v>
      </c>
      <c r="X1579" s="7">
        <v>689.96748130900005</v>
      </c>
      <c r="Y1579" s="7">
        <v>811.34757283500005</v>
      </c>
      <c r="Z1579" s="7">
        <v>691.39653238100004</v>
      </c>
      <c r="AA1579" s="7">
        <v>628.30576189299995</v>
      </c>
      <c r="AB1579" s="7">
        <v>602.81111066899996</v>
      </c>
      <c r="AC1579" s="7">
        <v>570.59309799100004</v>
      </c>
      <c r="AD1579" s="7">
        <v>550.53314184500005</v>
      </c>
      <c r="AE1579" s="7">
        <v>614.86530725099999</v>
      </c>
      <c r="AF1579" s="7">
        <v>612.58774061999998</v>
      </c>
      <c r="AG1579" s="9">
        <v>1782.5844829000016</v>
      </c>
      <c r="AH1579" s="13">
        <v>7.5164107553533907E-2</v>
      </c>
      <c r="AI1579" s="9">
        <v>-4201.2602946999978</v>
      </c>
      <c r="AJ1579" s="13">
        <v>-0.17714951727700912</v>
      </c>
      <c r="AK1579" s="9">
        <v>1808.9888989999999</v>
      </c>
      <c r="AL1579" s="13">
        <v>9.2699065727837662E-2</v>
      </c>
      <c r="AM1579" s="9">
        <v>4174.8558785999994</v>
      </c>
      <c r="AN1579" s="13">
        <v>0.19578543089781</v>
      </c>
      <c r="AO1579" s="9">
        <v>5983.8447775999994</v>
      </c>
      <c r="AP1579" s="13">
        <v>0.30663362315299675</v>
      </c>
      <c r="AQ1579" s="9">
        <v>23715.900326899999</v>
      </c>
      <c r="AR1579" s="9">
        <v>22553.497486600001</v>
      </c>
      <c r="AS1579" s="9">
        <v>24829.7373505</v>
      </c>
      <c r="AT1579" s="9">
        <v>16209.502027099999</v>
      </c>
      <c r="AU1579" s="9">
        <v>21581.8646157</v>
      </c>
      <c r="AV1579" s="9">
        <v>21662.025717</v>
      </c>
      <c r="AW1579" s="9">
        <v>19514.640032200001</v>
      </c>
      <c r="AX1579" s="9">
        <v>22106.460359100001</v>
      </c>
      <c r="AY1579" s="9">
        <v>23880.856467400001</v>
      </c>
      <c r="AZ1579" s="9">
        <v>21323.628931200001</v>
      </c>
      <c r="BA1579" s="9">
        <v>20802.807449899999</v>
      </c>
      <c r="BB1579" s="9">
        <v>20425.3802316</v>
      </c>
      <c r="BC1579" s="9">
        <v>20236.037919300001</v>
      </c>
      <c r="BD1579" s="9">
        <v>22233.835108300002</v>
      </c>
      <c r="BE1579" s="9">
        <v>25804.299284299999</v>
      </c>
      <c r="BF1579" s="9">
        <v>25498.4848098</v>
      </c>
      <c r="BG1579" s="11">
        <v>15.25</v>
      </c>
      <c r="BH1579" s="13">
        <v>0.4236111111111111</v>
      </c>
      <c r="BI1579" s="6">
        <v>5</v>
      </c>
      <c r="BJ1579" s="13">
        <v>0.1388888888888889</v>
      </c>
      <c r="BK1579" s="6">
        <v>7</v>
      </c>
      <c r="BL1579" s="13">
        <v>0.17073170731707318</v>
      </c>
      <c r="BM1579" s="11">
        <v>3.25</v>
      </c>
      <c r="BN1579" s="13">
        <v>6.7708333333333329E-2</v>
      </c>
      <c r="BO1579" s="11">
        <v>10.25</v>
      </c>
      <c r="BP1579" s="13">
        <v>0.25</v>
      </c>
      <c r="BQ1579" s="6">
        <v>36</v>
      </c>
      <c r="BR1579" s="6">
        <v>34</v>
      </c>
      <c r="BS1579" s="6">
        <v>35</v>
      </c>
      <c r="BT1579" s="6">
        <v>41</v>
      </c>
      <c r="BU1579" s="6">
        <v>43</v>
      </c>
      <c r="BV1579" s="6">
        <v>43</v>
      </c>
      <c r="BW1579" s="6">
        <v>48</v>
      </c>
      <c r="BX1579" s="6">
        <v>45</v>
      </c>
      <c r="BY1579" s="6">
        <v>49</v>
      </c>
      <c r="BZ1579" s="6">
        <v>53</v>
      </c>
      <c r="CA1579" s="6">
        <v>56</v>
      </c>
      <c r="CB1579" s="6">
        <v>54</v>
      </c>
      <c r="CC1579" s="11">
        <v>51.25</v>
      </c>
      <c r="CD1579" s="11">
        <v>-136.554</v>
      </c>
      <c r="CE1579" s="11">
        <v>56.201999999999998</v>
      </c>
      <c r="CF1579" s="11">
        <v>68.282499999999999</v>
      </c>
      <c r="CG1579" s="11">
        <v>124</v>
      </c>
      <c r="CH1579" s="20">
        <v>0.49812499999999998</v>
      </c>
      <c r="CI1579" s="20">
        <v>0.43651299999999998</v>
      </c>
      <c r="CJ1579" s="20">
        <v>0.45799400000000001</v>
      </c>
      <c r="CK1579" s="20">
        <v>0.58502399999999999</v>
      </c>
      <c r="CL1579" s="20">
        <v>0.45811499999999999</v>
      </c>
      <c r="CM1579" s="20">
        <v>0.48465599999999998</v>
      </c>
      <c r="CN1579" s="20">
        <v>0.603684</v>
      </c>
      <c r="CO1579" s="20">
        <v>0.65021799999999996</v>
      </c>
      <c r="CP1579" s="20">
        <v>0.57756799999999997</v>
      </c>
      <c r="CQ1579" s="20">
        <v>0.63011099999999998</v>
      </c>
      <c r="CR1579" s="20">
        <v>0.53240399999999999</v>
      </c>
      <c r="CS1579" s="20">
        <v>0.46850399999999998</v>
      </c>
      <c r="CT1579" s="20">
        <v>0.49254399999999998</v>
      </c>
      <c r="CU1579" s="20">
        <v>0.45948</v>
      </c>
      <c r="CV1579" s="20">
        <v>0.45214500000000002</v>
      </c>
      <c r="CW1579" s="20">
        <v>0.50453499999999996</v>
      </c>
      <c r="CX1579" s="20">
        <v>0.49417699999999998</v>
      </c>
      <c r="CY1579" s="6" t="s">
        <v>618</v>
      </c>
      <c r="CZ1579" s="6" t="s">
        <v>619</v>
      </c>
      <c r="DA1579" s="6" t="s">
        <v>167</v>
      </c>
      <c r="DB1579" s="6" t="s">
        <v>345</v>
      </c>
      <c r="DC1579" s="6">
        <v>27900</v>
      </c>
      <c r="DD1579" s="6">
        <v>309</v>
      </c>
      <c r="DE1579" s="6" t="s">
        <v>545</v>
      </c>
      <c r="DF1579" s="6" t="s">
        <v>375</v>
      </c>
      <c r="DG1579" s="6" t="s">
        <v>376</v>
      </c>
      <c r="DH1579" s="6" t="s">
        <v>328</v>
      </c>
      <c r="DI1579" s="6" t="s">
        <v>546</v>
      </c>
      <c r="DJ1579" s="6">
        <v>29</v>
      </c>
      <c r="DK1579" s="6">
        <v>145</v>
      </c>
      <c r="DL1579" s="6">
        <v>2</v>
      </c>
      <c r="DM1579" s="6" t="s">
        <v>379</v>
      </c>
      <c r="DN1579" s="6">
        <v>3</v>
      </c>
      <c r="DO1579" s="6" t="s">
        <v>380</v>
      </c>
      <c r="DP1579" s="6"/>
      <c r="DQ1579" s="6"/>
    </row>
    <row r="1580" spans="1:121" x14ac:dyDescent="0.2">
      <c r="A1580" s="6" t="s">
        <v>320</v>
      </c>
      <c r="B1580" s="6" t="s">
        <v>320</v>
      </c>
      <c r="C1580" s="6" t="s">
        <v>189</v>
      </c>
      <c r="D1580" s="6" t="s">
        <v>167</v>
      </c>
      <c r="E1580" s="6" t="s">
        <v>306</v>
      </c>
      <c r="F1580" s="11">
        <v>-45</v>
      </c>
      <c r="G1580" s="13">
        <v>-0.53571428571400004</v>
      </c>
      <c r="H1580" s="11">
        <v>-39.351383434799999</v>
      </c>
      <c r="I1580" s="13">
        <v>-0.4672708064162171</v>
      </c>
      <c r="J1580" s="11">
        <v>-3.2339452195999954</v>
      </c>
      <c r="K1580" s="13">
        <v>-7.208332410100593E-2</v>
      </c>
      <c r="L1580" s="11">
        <v>-2.5684286501000031</v>
      </c>
      <c r="M1580" s="13">
        <v>-6.1696520643214715E-2</v>
      </c>
      <c r="N1580" s="11">
        <v>-5.8023738696999985</v>
      </c>
      <c r="O1580" s="13">
        <v>-0.12933255445079139</v>
      </c>
      <c r="P1580" s="7">
        <v>84.215369105999997</v>
      </c>
      <c r="Q1580" s="7">
        <v>85.383808891800001</v>
      </c>
      <c r="R1580" s="7">
        <v>33.191463702999997</v>
      </c>
      <c r="S1580" s="7">
        <v>33.443286637999996</v>
      </c>
      <c r="T1580" s="7">
        <v>37.9386654901</v>
      </c>
      <c r="U1580" s="7">
        <v>45.390189515400003</v>
      </c>
      <c r="V1580" s="7">
        <v>44.863985671199998</v>
      </c>
      <c r="W1580" s="7">
        <v>34.0190407212</v>
      </c>
      <c r="X1580" s="7">
        <v>40.0029172841</v>
      </c>
      <c r="Y1580" s="7">
        <v>41.630040451600003</v>
      </c>
      <c r="Z1580" s="7">
        <v>49.918970584599997</v>
      </c>
      <c r="AA1580" s="7">
        <v>40.479473310000003</v>
      </c>
      <c r="AB1580" s="7">
        <v>46.627899270699999</v>
      </c>
      <c r="AC1580" s="7">
        <v>37.1144830175</v>
      </c>
      <c r="AD1580" s="7">
        <v>35.940743223200002</v>
      </c>
      <c r="AE1580" s="7">
        <v>37.889489075199997</v>
      </c>
      <c r="AF1580" s="7">
        <v>39.0616118015</v>
      </c>
      <c r="AG1580" s="9">
        <v>-16343.267211600001</v>
      </c>
      <c r="AH1580" s="13">
        <v>-0.55687381571154659</v>
      </c>
      <c r="AI1580" s="9">
        <v>-17466.199634800003</v>
      </c>
      <c r="AJ1580" s="13">
        <v>-0.5951361567231257</v>
      </c>
      <c r="AK1580" s="9">
        <v>67.431698700000197</v>
      </c>
      <c r="AL1580" s="13">
        <v>5.6750935266451381E-3</v>
      </c>
      <c r="AM1580" s="9">
        <v>1055.5007244999997</v>
      </c>
      <c r="AN1580" s="13">
        <v>8.8330311920515506E-2</v>
      </c>
      <c r="AO1580" s="9">
        <v>1122.9324231999999</v>
      </c>
      <c r="AP1580" s="13">
        <v>9.4506688228547311E-2</v>
      </c>
      <c r="AQ1580" s="9">
        <v>29348.241469600001</v>
      </c>
      <c r="AR1580" s="9">
        <v>25430.451040899999</v>
      </c>
      <c r="AS1580" s="9">
        <v>14026.6603627</v>
      </c>
      <c r="AT1580" s="9">
        <v>13331.1294602</v>
      </c>
      <c r="AU1580" s="9">
        <v>12128.9068291</v>
      </c>
      <c r="AV1580" s="9">
        <v>12300.2587621</v>
      </c>
      <c r="AW1580" s="9">
        <v>11882.0418348</v>
      </c>
      <c r="AX1580" s="9">
        <v>11693.287295300001</v>
      </c>
      <c r="AY1580" s="9">
        <v>11706.9005249</v>
      </c>
      <c r="AZ1580" s="9">
        <v>11949.4735335</v>
      </c>
      <c r="BA1580" s="9">
        <v>11913.6848379</v>
      </c>
      <c r="BB1580" s="9">
        <v>13757.353861400001</v>
      </c>
      <c r="BC1580" s="9">
        <v>17990.985135800001</v>
      </c>
      <c r="BD1580" s="9">
        <v>13384.292093100001</v>
      </c>
      <c r="BE1580" s="9">
        <v>13688.368831</v>
      </c>
      <c r="BF1580" s="9">
        <v>13004.974258</v>
      </c>
      <c r="BG1580" s="11">
        <v>1</v>
      </c>
      <c r="BH1580" s="13">
        <v>0.33333333333333331</v>
      </c>
      <c r="BI1580" s="6">
        <v>2</v>
      </c>
      <c r="BJ1580" s="13">
        <v>0.66666666666666663</v>
      </c>
      <c r="BK1580" s="6">
        <v>-1</v>
      </c>
      <c r="BL1580" s="13">
        <v>-0.2</v>
      </c>
      <c r="BM1580" s="11">
        <v>0</v>
      </c>
      <c r="BN1580" s="13">
        <v>0</v>
      </c>
      <c r="BO1580" s="11">
        <v>-1</v>
      </c>
      <c r="BP1580" s="13">
        <v>-0.2</v>
      </c>
      <c r="BQ1580" s="6">
        <v>3</v>
      </c>
      <c r="BR1580" s="6">
        <v>4</v>
      </c>
      <c r="BS1580" s="6">
        <v>5</v>
      </c>
      <c r="BT1580" s="6">
        <v>5</v>
      </c>
      <c r="BU1580" s="6">
        <v>4</v>
      </c>
      <c r="BV1580" s="6">
        <v>4</v>
      </c>
      <c r="BW1580" s="6">
        <v>4</v>
      </c>
      <c r="BX1580" s="6">
        <v>4</v>
      </c>
      <c r="BY1580" s="6">
        <v>4</v>
      </c>
      <c r="BZ1580" s="6">
        <v>4</v>
      </c>
      <c r="CA1580" s="6">
        <v>4</v>
      </c>
      <c r="CB1580" s="6">
        <v>4</v>
      </c>
      <c r="CC1580" s="11">
        <v>4</v>
      </c>
      <c r="CD1580" s="11">
        <v>-84.854299999999995</v>
      </c>
      <c r="CE1580" s="11">
        <v>30.494800000000001</v>
      </c>
      <c r="CF1580" s="11">
        <v>9.2057500000000001</v>
      </c>
      <c r="CG1580" s="11">
        <v>39</v>
      </c>
      <c r="CH1580" s="20">
        <v>0.201291</v>
      </c>
      <c r="CI1580" s="20">
        <v>0.193887</v>
      </c>
      <c r="CJ1580" s="20">
        <v>7.3546399999999998E-2</v>
      </c>
      <c r="CK1580" s="20">
        <v>7.1279400000000007E-2</v>
      </c>
      <c r="CL1580" s="20">
        <v>8.1213499999999994E-2</v>
      </c>
      <c r="CM1580" s="20">
        <v>9.6045000000000005E-2</v>
      </c>
      <c r="CN1580" s="20">
        <v>9.0317499999999995E-2</v>
      </c>
      <c r="CO1580" s="20">
        <v>6.6856100000000002E-2</v>
      </c>
      <c r="CP1580" s="20">
        <v>7.7219999999999997E-2</v>
      </c>
      <c r="CQ1580" s="20">
        <v>7.5115000000000001E-2</v>
      </c>
      <c r="CR1580" s="20">
        <v>8.9961799999999995E-2</v>
      </c>
      <c r="CS1580" s="20">
        <v>7.1322200000000002E-2</v>
      </c>
      <c r="CT1580" s="20">
        <v>9.1200100000000006E-2</v>
      </c>
      <c r="CU1580" s="20">
        <v>7.2400699999999998E-2</v>
      </c>
      <c r="CV1580" s="20">
        <v>7.2278800000000004E-2</v>
      </c>
      <c r="CW1580" s="20">
        <v>7.62298E-2</v>
      </c>
      <c r="CX1580" s="20">
        <v>7.6981800000000003E-2</v>
      </c>
      <c r="CY1580" s="6" t="s">
        <v>618</v>
      </c>
      <c r="CZ1580" s="6" t="s">
        <v>619</v>
      </c>
      <c r="DA1580" s="6" t="s">
        <v>167</v>
      </c>
      <c r="DB1580" s="6" t="s">
        <v>345</v>
      </c>
      <c r="DC1580" s="6">
        <v>27900</v>
      </c>
      <c r="DD1580" s="6">
        <v>309</v>
      </c>
      <c r="DE1580" s="6" t="s">
        <v>545</v>
      </c>
      <c r="DF1580" s="6" t="s">
        <v>375</v>
      </c>
      <c r="DG1580" s="6" t="s">
        <v>376</v>
      </c>
      <c r="DH1580" s="6" t="s">
        <v>328</v>
      </c>
      <c r="DI1580" s="6" t="s">
        <v>546</v>
      </c>
      <c r="DJ1580" s="6">
        <v>29</v>
      </c>
      <c r="DK1580" s="6">
        <v>145</v>
      </c>
      <c r="DL1580" s="6">
        <v>2</v>
      </c>
      <c r="DM1580" s="6" t="s">
        <v>379</v>
      </c>
      <c r="DN1580" s="6">
        <v>3</v>
      </c>
      <c r="DO1580" s="6" t="s">
        <v>380</v>
      </c>
      <c r="DP1580" s="6"/>
      <c r="DQ1580" s="6"/>
    </row>
    <row r="1581" spans="1:121" x14ac:dyDescent="0.2">
      <c r="A1581" s="6" t="s">
        <v>321</v>
      </c>
      <c r="B1581" s="6" t="s">
        <v>321</v>
      </c>
      <c r="C1581" s="6" t="s">
        <v>190</v>
      </c>
      <c r="D1581" s="6" t="s">
        <v>167</v>
      </c>
      <c r="E1581" s="6" t="s">
        <v>306</v>
      </c>
      <c r="F1581" s="11">
        <v>-1412</v>
      </c>
      <c r="G1581" s="13">
        <v>-0.369827134625</v>
      </c>
      <c r="H1581" s="11">
        <v>751.44559801000059</v>
      </c>
      <c r="I1581" s="13">
        <v>0.19682782755942191</v>
      </c>
      <c r="J1581" s="11">
        <v>409.11738979999973</v>
      </c>
      <c r="K1581" s="13">
        <v>8.9537551877664476E-2</v>
      </c>
      <c r="L1581" s="11">
        <v>-2572.6497253100001</v>
      </c>
      <c r="M1581" s="13">
        <v>-0.51676814221060896</v>
      </c>
      <c r="N1581" s="11">
        <v>-2163.5323355100004</v>
      </c>
      <c r="O1581" s="13">
        <v>-0.4735007446748512</v>
      </c>
      <c r="P1581" s="7">
        <v>3817.7812930599998</v>
      </c>
      <c r="Q1581" s="7">
        <v>3924.34209151</v>
      </c>
      <c r="R1581" s="7">
        <v>4103.1434190999998</v>
      </c>
      <c r="S1581" s="7">
        <v>4137.0773506599999</v>
      </c>
      <c r="T1581" s="7">
        <v>4185.1037129400002</v>
      </c>
      <c r="U1581" s="7">
        <v>4211.1873733299999</v>
      </c>
      <c r="V1581" s="7">
        <v>4569.2268910700004</v>
      </c>
      <c r="W1581" s="7">
        <v>4750.6904837100001</v>
      </c>
      <c r="X1581" s="7">
        <v>4769.3300484000001</v>
      </c>
      <c r="Y1581" s="7">
        <v>4978.3442808700001</v>
      </c>
      <c r="Z1581" s="7">
        <v>4967.3514991800002</v>
      </c>
      <c r="AA1581" s="7">
        <v>5320.8906119200001</v>
      </c>
      <c r="AB1581" s="7">
        <v>2531.98773841</v>
      </c>
      <c r="AC1581" s="7">
        <v>2546.3149728499998</v>
      </c>
      <c r="AD1581" s="7">
        <v>2472.6448815499998</v>
      </c>
      <c r="AE1581" s="7">
        <v>2419.1524975000002</v>
      </c>
      <c r="AF1581" s="7">
        <v>2405.69455556</v>
      </c>
      <c r="AG1581" s="9">
        <v>2753.9254263999974</v>
      </c>
      <c r="AH1581" s="13">
        <v>6.6673729309728966E-2</v>
      </c>
      <c r="AI1581" s="9">
        <v>10452.5081584</v>
      </c>
      <c r="AJ1581" s="13">
        <v>0.25305975713071904</v>
      </c>
      <c r="AK1581" s="9">
        <v>4716.936009099998</v>
      </c>
      <c r="AL1581" s="13">
        <v>9.1136170067474487E-2</v>
      </c>
      <c r="AM1581" s="9">
        <v>-12415.518741100001</v>
      </c>
      <c r="AN1581" s="13">
        <v>-0.21984505758371295</v>
      </c>
      <c r="AO1581" s="9">
        <v>-7698.5827320000026</v>
      </c>
      <c r="AP1581" s="13">
        <v>-0.14874472407268147</v>
      </c>
      <c r="AQ1581" s="9">
        <v>41304.505611300003</v>
      </c>
      <c r="AR1581" s="9">
        <v>44258.532328000001</v>
      </c>
      <c r="AS1581" s="9">
        <v>45516.172784599999</v>
      </c>
      <c r="AT1581" s="9">
        <v>49047.278338199998</v>
      </c>
      <c r="AU1581" s="9">
        <v>50139.932383799998</v>
      </c>
      <c r="AV1581" s="9">
        <v>53862.377901499996</v>
      </c>
      <c r="AW1581" s="9">
        <v>51757.013769700003</v>
      </c>
      <c r="AX1581" s="9">
        <v>54430.733308399998</v>
      </c>
      <c r="AY1581" s="9">
        <v>57222.553151400003</v>
      </c>
      <c r="AZ1581" s="9">
        <v>56473.949778800001</v>
      </c>
      <c r="BA1581" s="9">
        <v>56551.364001900001</v>
      </c>
      <c r="BB1581" s="9">
        <v>58609.660629999998</v>
      </c>
      <c r="BC1581" s="9">
        <v>41820.5498276</v>
      </c>
      <c r="BD1581" s="9">
        <v>41487.267968599997</v>
      </c>
      <c r="BE1581" s="9">
        <v>43733.291082900003</v>
      </c>
      <c r="BF1581" s="9">
        <v>44058.4310377</v>
      </c>
      <c r="BG1581" s="11">
        <v>113.75</v>
      </c>
      <c r="BH1581" s="13">
        <v>1.421875</v>
      </c>
      <c r="BI1581" s="6">
        <v>17</v>
      </c>
      <c r="BJ1581" s="13">
        <v>0.21249999999999999</v>
      </c>
      <c r="BK1581" s="6">
        <v>23</v>
      </c>
      <c r="BL1581" s="13">
        <v>0.23711340206185566</v>
      </c>
      <c r="BM1581" s="11">
        <v>73.75</v>
      </c>
      <c r="BN1581" s="13">
        <v>0.61458333333333337</v>
      </c>
      <c r="BO1581" s="11">
        <v>96.75</v>
      </c>
      <c r="BP1581" s="13">
        <v>0.99742268041237114</v>
      </c>
      <c r="BQ1581" s="6">
        <v>80</v>
      </c>
      <c r="BR1581" s="6">
        <v>81</v>
      </c>
      <c r="BS1581" s="6">
        <v>79</v>
      </c>
      <c r="BT1581" s="6">
        <v>97</v>
      </c>
      <c r="BU1581" s="6">
        <v>97</v>
      </c>
      <c r="BV1581" s="6">
        <v>98</v>
      </c>
      <c r="BW1581" s="6">
        <v>120</v>
      </c>
      <c r="BX1581" s="6">
        <v>121</v>
      </c>
      <c r="BY1581" s="6">
        <v>119</v>
      </c>
      <c r="BZ1581" s="6">
        <v>182</v>
      </c>
      <c r="CA1581" s="6">
        <v>183</v>
      </c>
      <c r="CB1581" s="6">
        <v>187</v>
      </c>
      <c r="CC1581" s="11">
        <v>193.75</v>
      </c>
      <c r="CD1581" s="11">
        <v>-3219.72</v>
      </c>
      <c r="CE1581" s="11">
        <v>1390.31</v>
      </c>
      <c r="CF1581" s="11">
        <v>417.32900000000001</v>
      </c>
      <c r="CG1581" s="11">
        <v>1807</v>
      </c>
      <c r="CH1581" s="20">
        <v>1.8476999999999999</v>
      </c>
      <c r="CI1581" s="20">
        <v>1.81749</v>
      </c>
      <c r="CJ1581" s="20">
        <v>1.8511</v>
      </c>
      <c r="CK1581" s="20">
        <v>1.8244100000000001</v>
      </c>
      <c r="CL1581" s="20">
        <v>1.83358</v>
      </c>
      <c r="CM1581" s="20">
        <v>1.8179700000000001</v>
      </c>
      <c r="CN1581" s="20">
        <v>1.87252</v>
      </c>
      <c r="CO1581" s="20">
        <v>1.9069799999999999</v>
      </c>
      <c r="CP1581" s="20">
        <v>1.8949100000000001</v>
      </c>
      <c r="CQ1581" s="20">
        <v>1.8604700000000001</v>
      </c>
      <c r="CR1581" s="20">
        <v>1.8872</v>
      </c>
      <c r="CS1581" s="20">
        <v>1.9438599999999999</v>
      </c>
      <c r="CT1581" s="20">
        <v>1.0214399999999999</v>
      </c>
      <c r="CU1581" s="20">
        <v>1.0266</v>
      </c>
      <c r="CV1581" s="20">
        <v>1.0174700000000001</v>
      </c>
      <c r="CW1581" s="20">
        <v>0.98989300000000002</v>
      </c>
      <c r="CX1581" s="20">
        <v>0.95864199999999999</v>
      </c>
      <c r="CY1581" s="6" t="s">
        <v>618</v>
      </c>
      <c r="CZ1581" s="6" t="s">
        <v>619</v>
      </c>
      <c r="DA1581" s="6" t="s">
        <v>167</v>
      </c>
      <c r="DB1581" s="6" t="s">
        <v>345</v>
      </c>
      <c r="DC1581" s="6">
        <v>27900</v>
      </c>
      <c r="DD1581" s="6">
        <v>309</v>
      </c>
      <c r="DE1581" s="6" t="s">
        <v>545</v>
      </c>
      <c r="DF1581" s="6" t="s">
        <v>375</v>
      </c>
      <c r="DG1581" s="6" t="s">
        <v>376</v>
      </c>
      <c r="DH1581" s="6" t="s">
        <v>328</v>
      </c>
      <c r="DI1581" s="6" t="s">
        <v>546</v>
      </c>
      <c r="DJ1581" s="6">
        <v>29</v>
      </c>
      <c r="DK1581" s="6">
        <v>145</v>
      </c>
      <c r="DL1581" s="6">
        <v>2</v>
      </c>
      <c r="DM1581" s="6" t="s">
        <v>379</v>
      </c>
      <c r="DN1581" s="6">
        <v>3</v>
      </c>
      <c r="DO1581" s="6" t="s">
        <v>380</v>
      </c>
      <c r="DP1581" s="6"/>
      <c r="DQ1581" s="6"/>
    </row>
    <row r="1582" spans="1:121" x14ac:dyDescent="0.2">
      <c r="A1582" s="6" t="s">
        <v>322</v>
      </c>
      <c r="B1582" s="6" t="s">
        <v>322</v>
      </c>
      <c r="C1582" s="6" t="s">
        <v>191</v>
      </c>
      <c r="D1582" s="6" t="s">
        <v>167</v>
      </c>
      <c r="E1582" s="6" t="s">
        <v>306</v>
      </c>
      <c r="F1582" s="11">
        <v>-67</v>
      </c>
      <c r="G1582" s="13">
        <v>-0.54</v>
      </c>
      <c r="H1582" s="11">
        <v>2</v>
      </c>
      <c r="I1582" s="13">
        <v>1.6E-2</v>
      </c>
      <c r="J1582" s="11">
        <v>33</v>
      </c>
      <c r="K1582" s="13">
        <v>0.25984251968503935</v>
      </c>
      <c r="L1582" s="11">
        <v>-102</v>
      </c>
      <c r="M1582" s="13">
        <v>-0.63749999999999996</v>
      </c>
      <c r="N1582" s="11">
        <v>-69</v>
      </c>
      <c r="O1582" s="13">
        <v>-0.54330708661417326</v>
      </c>
      <c r="P1582" s="7">
        <v>125</v>
      </c>
      <c r="Q1582" s="7">
        <v>156</v>
      </c>
      <c r="R1582" s="7">
        <v>145</v>
      </c>
      <c r="S1582" s="7">
        <v>147</v>
      </c>
      <c r="T1582" s="7">
        <v>145</v>
      </c>
      <c r="U1582" s="7">
        <v>140</v>
      </c>
      <c r="V1582" s="7">
        <v>127</v>
      </c>
      <c r="W1582" s="7">
        <v>133</v>
      </c>
      <c r="X1582" s="7">
        <v>139</v>
      </c>
      <c r="Y1582" s="7">
        <v>160</v>
      </c>
      <c r="Z1582" s="7">
        <v>155</v>
      </c>
      <c r="AA1582" s="7">
        <v>146</v>
      </c>
      <c r="AB1582" s="7">
        <v>125</v>
      </c>
      <c r="AC1582" s="7">
        <v>123</v>
      </c>
      <c r="AD1582" s="7">
        <v>108</v>
      </c>
      <c r="AE1582" s="7">
        <v>60</v>
      </c>
      <c r="AF1582" s="7">
        <v>58</v>
      </c>
      <c r="AG1582" s="9">
        <v>1509</v>
      </c>
      <c r="AH1582" s="13">
        <v>0.1230530865204273</v>
      </c>
      <c r="AI1582" s="9">
        <v>1183</v>
      </c>
      <c r="AJ1582" s="13">
        <v>9.6469053249612663E-2</v>
      </c>
      <c r="AK1582" s="9">
        <v>1611</v>
      </c>
      <c r="AL1582" s="13">
        <v>0.11981258366800536</v>
      </c>
      <c r="AM1582" s="9">
        <v>-1285</v>
      </c>
      <c r="AN1582" s="13">
        <v>-8.534236567709369E-2</v>
      </c>
      <c r="AO1582" s="9">
        <v>326</v>
      </c>
      <c r="AP1582" s="13">
        <v>2.4245128662799344E-2</v>
      </c>
      <c r="AQ1582" s="9">
        <v>12263</v>
      </c>
      <c r="AR1582" s="9">
        <v>12623</v>
      </c>
      <c r="AS1582" s="9">
        <v>11859</v>
      </c>
      <c r="AT1582" s="9">
        <v>12982</v>
      </c>
      <c r="AU1582" s="9">
        <v>12814</v>
      </c>
      <c r="AV1582" s="9">
        <v>13214</v>
      </c>
      <c r="AW1582" s="9">
        <v>13446</v>
      </c>
      <c r="AX1582" s="9">
        <v>14175</v>
      </c>
      <c r="AY1582" s="9">
        <v>14061</v>
      </c>
      <c r="AZ1582" s="9">
        <v>15057</v>
      </c>
      <c r="BA1582" s="9">
        <v>15303</v>
      </c>
      <c r="BB1582" s="9">
        <v>14659</v>
      </c>
      <c r="BC1582" s="9">
        <v>13779</v>
      </c>
      <c r="BD1582" s="9">
        <v>14064</v>
      </c>
      <c r="BE1582" s="9">
        <v>13530</v>
      </c>
      <c r="BF1582" s="9">
        <v>13772</v>
      </c>
      <c r="BG1582" s="11">
        <v>-5</v>
      </c>
      <c r="BH1582" s="13">
        <v>-0.45454545454545453</v>
      </c>
      <c r="BI1582" s="6">
        <v>-2</v>
      </c>
      <c r="BJ1582" s="13">
        <v>-0.18181818181818182</v>
      </c>
      <c r="BK1582" s="6">
        <v>2</v>
      </c>
      <c r="BL1582" s="13">
        <v>0.22222222222222221</v>
      </c>
      <c r="BM1582" s="11">
        <v>-5</v>
      </c>
      <c r="BN1582" s="13">
        <v>-0.45454545454545453</v>
      </c>
      <c r="BO1582" s="11">
        <v>-3</v>
      </c>
      <c r="BP1582" s="13">
        <v>-0.33333333333333331</v>
      </c>
      <c r="BQ1582" s="6">
        <v>11</v>
      </c>
      <c r="BR1582" s="6">
        <v>13</v>
      </c>
      <c r="BS1582" s="6">
        <v>11</v>
      </c>
      <c r="BT1582" s="6">
        <v>9</v>
      </c>
      <c r="BU1582" s="6">
        <v>9</v>
      </c>
      <c r="BV1582" s="6">
        <v>10</v>
      </c>
      <c r="BW1582" s="6">
        <v>11</v>
      </c>
      <c r="BX1582" s="6">
        <v>10</v>
      </c>
      <c r="BY1582" s="6">
        <v>8</v>
      </c>
      <c r="BZ1582" s="6">
        <v>8</v>
      </c>
      <c r="CA1582" s="6">
        <v>8</v>
      </c>
      <c r="CB1582" s="6">
        <v>7</v>
      </c>
      <c r="CC1582" s="11">
        <v>6</v>
      </c>
      <c r="CD1582" s="11">
        <v>-104</v>
      </c>
      <c r="CE1582" s="11">
        <v>23</v>
      </c>
      <c r="CF1582" s="11">
        <v>14</v>
      </c>
      <c r="CG1582" s="11">
        <v>37</v>
      </c>
      <c r="CH1582" s="20">
        <v>0.4</v>
      </c>
      <c r="CI1582" s="20">
        <v>0.48</v>
      </c>
      <c r="CJ1582" s="20">
        <v>0.44</v>
      </c>
      <c r="CK1582" s="20">
        <v>0.44</v>
      </c>
      <c r="CL1582" s="20">
        <v>0.43</v>
      </c>
      <c r="CM1582" s="20">
        <v>0.42</v>
      </c>
      <c r="CN1582" s="20">
        <v>0.36</v>
      </c>
      <c r="CO1582" s="20">
        <v>0.37</v>
      </c>
      <c r="CP1582" s="20">
        <v>0.4</v>
      </c>
      <c r="CQ1582" s="20">
        <v>0.45</v>
      </c>
      <c r="CR1582" s="20">
        <v>0.44</v>
      </c>
      <c r="CS1582" s="20">
        <v>0.4</v>
      </c>
      <c r="CT1582" s="20">
        <v>0.38</v>
      </c>
      <c r="CU1582" s="20">
        <v>0.37</v>
      </c>
      <c r="CV1582" s="20">
        <v>0.33</v>
      </c>
      <c r="CW1582" s="20">
        <v>0.18</v>
      </c>
      <c r="CX1582" s="20">
        <v>0.17</v>
      </c>
      <c r="CY1582" s="6" t="s">
        <v>618</v>
      </c>
      <c r="CZ1582" s="6" t="s">
        <v>619</v>
      </c>
      <c r="DA1582" s="6" t="s">
        <v>167</v>
      </c>
      <c r="DB1582" s="6" t="s">
        <v>345</v>
      </c>
      <c r="DC1582" s="6">
        <v>27900</v>
      </c>
      <c r="DD1582" s="6">
        <v>309</v>
      </c>
      <c r="DE1582" s="6" t="s">
        <v>545</v>
      </c>
      <c r="DF1582" s="6" t="s">
        <v>375</v>
      </c>
      <c r="DG1582" s="6" t="s">
        <v>376</v>
      </c>
      <c r="DH1582" s="6" t="s">
        <v>328</v>
      </c>
      <c r="DI1582" s="6" t="s">
        <v>546</v>
      </c>
      <c r="DJ1582" s="6">
        <v>29</v>
      </c>
      <c r="DK1582" s="6">
        <v>145</v>
      </c>
      <c r="DL1582" s="6">
        <v>2</v>
      </c>
      <c r="DM1582" s="6" t="s">
        <v>379</v>
      </c>
      <c r="DN1582" s="6">
        <v>3</v>
      </c>
      <c r="DO1582" s="6" t="s">
        <v>380</v>
      </c>
      <c r="DP1582" s="6"/>
      <c r="DQ1582" s="6"/>
    </row>
    <row r="1583" spans="1:121" x14ac:dyDescent="0.2">
      <c r="A1583" s="6" t="s">
        <v>323</v>
      </c>
      <c r="B1583" s="6" t="s">
        <v>323</v>
      </c>
      <c r="C1583" s="6" t="s">
        <v>192</v>
      </c>
      <c r="D1583" s="6" t="s">
        <v>167</v>
      </c>
      <c r="E1583" s="6" t="s">
        <v>306</v>
      </c>
      <c r="F1583" s="11">
        <v>702</v>
      </c>
      <c r="G1583" s="13">
        <v>0.49332396345700003</v>
      </c>
      <c r="H1583" s="11">
        <v>487.40613757000006</v>
      </c>
      <c r="I1583" s="13">
        <v>0.34258233038927832</v>
      </c>
      <c r="J1583" s="11">
        <v>71.967778449999969</v>
      </c>
      <c r="K1583" s="13">
        <v>3.7676550623582501E-2</v>
      </c>
      <c r="L1583" s="11">
        <v>142.71626190999996</v>
      </c>
      <c r="M1583" s="13">
        <v>7.2001989676515207E-2</v>
      </c>
      <c r="N1583" s="11">
        <v>214.68404035999993</v>
      </c>
      <c r="O1583" s="13">
        <v>0.11239132690914359</v>
      </c>
      <c r="P1583" s="7">
        <v>1422.74161372</v>
      </c>
      <c r="Q1583" s="7">
        <v>1452.21477</v>
      </c>
      <c r="R1583" s="7">
        <v>1518.7078348299999</v>
      </c>
      <c r="S1583" s="7">
        <v>1505.1379717</v>
      </c>
      <c r="T1583" s="7">
        <v>1337.1775732000001</v>
      </c>
      <c r="U1583" s="7">
        <v>1293.5134289699999</v>
      </c>
      <c r="V1583" s="7">
        <v>1910.1477512900001</v>
      </c>
      <c r="W1583" s="7">
        <v>1868.7127283699999</v>
      </c>
      <c r="X1583" s="7">
        <v>1762.43850075</v>
      </c>
      <c r="Y1583" s="7">
        <v>1982.1155297400001</v>
      </c>
      <c r="Z1583" s="7">
        <v>1991.12111301</v>
      </c>
      <c r="AA1583" s="7">
        <v>1740.4479252900001</v>
      </c>
      <c r="AB1583" s="7">
        <v>1939.20756787</v>
      </c>
      <c r="AC1583" s="7">
        <v>1984.1545162</v>
      </c>
      <c r="AD1583" s="7">
        <v>2018.8351401899999</v>
      </c>
      <c r="AE1583" s="7">
        <v>2075.8312152399999</v>
      </c>
      <c r="AF1583" s="7">
        <v>2124.83179165</v>
      </c>
      <c r="AG1583" s="9">
        <v>5259.1881334999998</v>
      </c>
      <c r="AH1583" s="13">
        <v>0.45127602364382424</v>
      </c>
      <c r="AI1583" s="9">
        <v>3825.8494704000004</v>
      </c>
      <c r="AJ1583" s="13">
        <v>0.32828529655830063</v>
      </c>
      <c r="AK1583" s="9">
        <v>142.03895000000011</v>
      </c>
      <c r="AL1583" s="13">
        <v>9.1757091964590008E-3</v>
      </c>
      <c r="AM1583" s="9">
        <v>1291.2997130999993</v>
      </c>
      <c r="AN1583" s="13">
        <v>8.2659439093177647E-2</v>
      </c>
      <c r="AO1583" s="9">
        <v>1433.3386630999994</v>
      </c>
      <c r="AP1583" s="13">
        <v>9.2593607265098063E-2</v>
      </c>
      <c r="AQ1583" s="9">
        <v>11654.0384553</v>
      </c>
      <c r="AR1583" s="9">
        <v>13272.6286275</v>
      </c>
      <c r="AS1583" s="9">
        <v>13852.7052164</v>
      </c>
      <c r="AT1583" s="9">
        <v>14201.874227300001</v>
      </c>
      <c r="AU1583" s="9">
        <v>14219.235583899999</v>
      </c>
      <c r="AV1583" s="9">
        <v>14902.056003899999</v>
      </c>
      <c r="AW1583" s="9">
        <v>15479.887925700001</v>
      </c>
      <c r="AX1583" s="9">
        <v>15627.825648</v>
      </c>
      <c r="AY1583" s="9">
        <v>16455.849058799999</v>
      </c>
      <c r="AZ1583" s="9">
        <v>15621.926875700001</v>
      </c>
      <c r="BA1583" s="9">
        <v>15884.0320567</v>
      </c>
      <c r="BB1583" s="9">
        <v>16448.8792641</v>
      </c>
      <c r="BC1583" s="9">
        <v>16045.2411366</v>
      </c>
      <c r="BD1583" s="9">
        <v>16361.3835554</v>
      </c>
      <c r="BE1583" s="9">
        <v>16853.921961200002</v>
      </c>
      <c r="BF1583" s="9">
        <v>16913.2265888</v>
      </c>
      <c r="BG1583" s="11">
        <v>6.5</v>
      </c>
      <c r="BH1583" s="13">
        <v>7.6470588235294124E-2</v>
      </c>
      <c r="BI1583" s="6">
        <v>11</v>
      </c>
      <c r="BJ1583" s="13">
        <v>0.12941176470588237</v>
      </c>
      <c r="BK1583" s="6">
        <v>11</v>
      </c>
      <c r="BL1583" s="13">
        <v>0.11458333333333333</v>
      </c>
      <c r="BM1583" s="11">
        <v>-15.5</v>
      </c>
      <c r="BN1583" s="13">
        <v>-0.14485981308411214</v>
      </c>
      <c r="BO1583" s="11">
        <v>-4.5</v>
      </c>
      <c r="BP1583" s="13">
        <v>-4.6875E-2</v>
      </c>
      <c r="BQ1583" s="6">
        <v>85</v>
      </c>
      <c r="BR1583" s="6">
        <v>82</v>
      </c>
      <c r="BS1583" s="6">
        <v>78</v>
      </c>
      <c r="BT1583" s="6">
        <v>96</v>
      </c>
      <c r="BU1583" s="6">
        <v>97</v>
      </c>
      <c r="BV1583" s="6">
        <v>94</v>
      </c>
      <c r="BW1583" s="6">
        <v>107</v>
      </c>
      <c r="BX1583" s="6">
        <v>101</v>
      </c>
      <c r="BY1583" s="6">
        <v>87</v>
      </c>
      <c r="BZ1583" s="6">
        <v>90</v>
      </c>
      <c r="CA1583" s="6">
        <v>89</v>
      </c>
      <c r="CB1583" s="6">
        <v>92</v>
      </c>
      <c r="CC1583" s="11">
        <v>91.5</v>
      </c>
      <c r="CD1583" s="11">
        <v>223.02799999999999</v>
      </c>
      <c r="CE1583" s="11">
        <v>323.53899999999999</v>
      </c>
      <c r="CF1583" s="11">
        <v>155.523</v>
      </c>
      <c r="CG1583" s="11">
        <v>480</v>
      </c>
      <c r="CH1583" s="20">
        <v>0.92783400000000005</v>
      </c>
      <c r="CI1583" s="20">
        <v>0.92932000000000003</v>
      </c>
      <c r="CJ1583" s="20">
        <v>0.95830099999999996</v>
      </c>
      <c r="CK1583" s="20">
        <v>0.92351799999999995</v>
      </c>
      <c r="CL1583" s="20">
        <v>0.81451200000000001</v>
      </c>
      <c r="CM1583" s="20">
        <v>0.77944100000000005</v>
      </c>
      <c r="CN1583" s="20">
        <v>1.09877</v>
      </c>
      <c r="CO1583" s="20">
        <v>1.07701</v>
      </c>
      <c r="CP1583" s="20">
        <v>1.0552299999999999</v>
      </c>
      <c r="CQ1583" s="20">
        <v>1.13087</v>
      </c>
      <c r="CR1583" s="20">
        <v>1.1422399999999999</v>
      </c>
      <c r="CS1583" s="20">
        <v>0.96603399999999995</v>
      </c>
      <c r="CT1583" s="20">
        <v>1.1758900000000001</v>
      </c>
      <c r="CU1583" s="20">
        <v>1.1897599999999999</v>
      </c>
      <c r="CV1583" s="20">
        <v>1.2237</v>
      </c>
      <c r="CW1583" s="20">
        <v>1.24827</v>
      </c>
      <c r="CX1583" s="20">
        <v>1.2576799999999999</v>
      </c>
      <c r="CY1583" s="6" t="s">
        <v>618</v>
      </c>
      <c r="CZ1583" s="6" t="s">
        <v>619</v>
      </c>
      <c r="DA1583" s="6" t="s">
        <v>167</v>
      </c>
      <c r="DB1583" s="6" t="s">
        <v>345</v>
      </c>
      <c r="DC1583" s="6">
        <v>27900</v>
      </c>
      <c r="DD1583" s="6">
        <v>309</v>
      </c>
      <c r="DE1583" s="6" t="s">
        <v>545</v>
      </c>
      <c r="DF1583" s="6" t="s">
        <v>375</v>
      </c>
      <c r="DG1583" s="6" t="s">
        <v>376</v>
      </c>
      <c r="DH1583" s="6" t="s">
        <v>328</v>
      </c>
      <c r="DI1583" s="6" t="s">
        <v>546</v>
      </c>
      <c r="DJ1583" s="6">
        <v>29</v>
      </c>
      <c r="DK1583" s="6">
        <v>145</v>
      </c>
      <c r="DL1583" s="6">
        <v>2</v>
      </c>
      <c r="DM1583" s="6" t="s">
        <v>379</v>
      </c>
      <c r="DN1583" s="6">
        <v>3</v>
      </c>
      <c r="DO1583" s="6" t="s">
        <v>380</v>
      </c>
      <c r="DP1583" s="6"/>
      <c r="DQ1583" s="6"/>
    </row>
    <row r="1584" spans="1:121" x14ac:dyDescent="0.2">
      <c r="A1584" s="6" t="s">
        <v>325</v>
      </c>
      <c r="B1584" s="6" t="s">
        <v>325</v>
      </c>
      <c r="C1584" s="6" t="s">
        <v>193</v>
      </c>
      <c r="D1584" s="6" t="s">
        <v>167</v>
      </c>
      <c r="E1584" s="6" t="s">
        <v>306</v>
      </c>
      <c r="F1584" s="11">
        <v>182</v>
      </c>
      <c r="G1584" s="13">
        <v>0.21563981042700001</v>
      </c>
      <c r="H1584" s="11">
        <v>209.20838345800007</v>
      </c>
      <c r="I1584" s="13">
        <v>0.24773647008530791</v>
      </c>
      <c r="J1584" s="11">
        <v>33.140790419999803</v>
      </c>
      <c r="K1584" s="13">
        <v>3.1452187389753736E-2</v>
      </c>
      <c r="L1584" s="11">
        <v>-60.448263439999891</v>
      </c>
      <c r="M1584" s="13">
        <v>-5.5618941567210624E-2</v>
      </c>
      <c r="N1584" s="11">
        <v>-27.307473020000089</v>
      </c>
      <c r="O1584" s="13">
        <v>-2.5916091550048561E-2</v>
      </c>
      <c r="P1584" s="7">
        <v>844.47955275200002</v>
      </c>
      <c r="Q1584" s="7">
        <v>847.70729172100005</v>
      </c>
      <c r="R1584" s="7">
        <v>921.79015552299995</v>
      </c>
      <c r="S1584" s="7">
        <v>919.16185564800003</v>
      </c>
      <c r="T1584" s="7">
        <v>954.28277139700003</v>
      </c>
      <c r="U1584" s="7">
        <v>963.56379946300001</v>
      </c>
      <c r="V1584" s="7">
        <v>1053.6879362100001</v>
      </c>
      <c r="W1584" s="7">
        <v>1104.80369539</v>
      </c>
      <c r="X1584" s="7">
        <v>1059.3471763699999</v>
      </c>
      <c r="Y1584" s="7">
        <v>1086.8287266299999</v>
      </c>
      <c r="Z1584" s="7">
        <v>1064.25227477</v>
      </c>
      <c r="AA1584" s="7">
        <v>1035.5709621999999</v>
      </c>
      <c r="AB1584" s="7">
        <v>1002.87038312</v>
      </c>
      <c r="AC1584" s="7">
        <v>985.61232894800003</v>
      </c>
      <c r="AD1584" s="7">
        <v>1003.52281393</v>
      </c>
      <c r="AE1584" s="7">
        <v>1015.0970536900001</v>
      </c>
      <c r="AF1584" s="7">
        <v>1026.38046319</v>
      </c>
      <c r="AG1584" s="9">
        <v>5042.8595518000002</v>
      </c>
      <c r="AH1584" s="13">
        <v>0.32742905208917772</v>
      </c>
      <c r="AI1584" s="9">
        <v>1686.6867949000007</v>
      </c>
      <c r="AJ1584" s="13">
        <v>0.10951529638145742</v>
      </c>
      <c r="AK1584" s="9">
        <v>-88.112754900001164</v>
      </c>
      <c r="AL1584" s="13">
        <v>-5.1563907884937844E-3</v>
      </c>
      <c r="AM1584" s="9">
        <v>3444.2855118000007</v>
      </c>
      <c r="AN1584" s="13">
        <v>0.20260556702612836</v>
      </c>
      <c r="AO1584" s="9">
        <v>3356.1727568999995</v>
      </c>
      <c r="AP1584" s="13">
        <v>0.19640446275812351</v>
      </c>
      <c r="AQ1584" s="9">
        <v>15401.380908700001</v>
      </c>
      <c r="AR1584" s="9">
        <v>15998.127239400001</v>
      </c>
      <c r="AS1584" s="9">
        <v>15732.497895099999</v>
      </c>
      <c r="AT1584" s="9">
        <v>15774.120907500001</v>
      </c>
      <c r="AU1584" s="9">
        <v>15722.7242522</v>
      </c>
      <c r="AV1584" s="9">
        <v>16370.7724492</v>
      </c>
      <c r="AW1584" s="9">
        <v>17088.067703600002</v>
      </c>
      <c r="AX1584" s="9">
        <v>17154.4576118</v>
      </c>
      <c r="AY1584" s="9">
        <v>16387.2994205</v>
      </c>
      <c r="AZ1584" s="9">
        <v>16999.9549487</v>
      </c>
      <c r="BA1584" s="9">
        <v>17444.876105200001</v>
      </c>
      <c r="BB1584" s="9">
        <v>18255.018823999999</v>
      </c>
      <c r="BC1584" s="9">
        <v>18943.643415499999</v>
      </c>
      <c r="BD1584" s="9">
        <v>19801.359070300001</v>
      </c>
      <c r="BE1584" s="9">
        <v>20257.554608900002</v>
      </c>
      <c r="BF1584" s="9">
        <v>20444.240460500001</v>
      </c>
      <c r="BG1584" s="11">
        <v>-78.25</v>
      </c>
      <c r="BH1584" s="13">
        <v>-0.48302469135802467</v>
      </c>
      <c r="BI1584" s="6">
        <v>-11</v>
      </c>
      <c r="BJ1584" s="13">
        <v>-6.7901234567901231E-2</v>
      </c>
      <c r="BK1584" s="6">
        <v>17</v>
      </c>
      <c r="BL1584" s="13">
        <v>0.11258278145695365</v>
      </c>
      <c r="BM1584" s="11">
        <v>-84.25</v>
      </c>
      <c r="BN1584" s="13">
        <v>-0.50148809523809523</v>
      </c>
      <c r="BO1584" s="11">
        <v>-67.25</v>
      </c>
      <c r="BP1584" s="13">
        <v>-0.44536423841059603</v>
      </c>
      <c r="BQ1584" s="6">
        <v>162</v>
      </c>
      <c r="BR1584" s="6">
        <v>153</v>
      </c>
      <c r="BS1584" s="6">
        <v>149</v>
      </c>
      <c r="BT1584" s="6">
        <v>151</v>
      </c>
      <c r="BU1584" s="6">
        <v>168</v>
      </c>
      <c r="BV1584" s="6">
        <v>164</v>
      </c>
      <c r="BW1584" s="6">
        <v>168</v>
      </c>
      <c r="BX1584" s="6">
        <v>158</v>
      </c>
      <c r="BY1584" s="6">
        <v>149</v>
      </c>
      <c r="BZ1584" s="6">
        <v>87</v>
      </c>
      <c r="CA1584" s="6">
        <v>87</v>
      </c>
      <c r="CB1584" s="6">
        <v>89</v>
      </c>
      <c r="CC1584" s="11">
        <v>83.75</v>
      </c>
      <c r="CD1584" s="11">
        <v>97.366</v>
      </c>
      <c r="CE1584" s="11">
        <v>-7.7768499999999996</v>
      </c>
      <c r="CF1584" s="11">
        <v>92.311800000000005</v>
      </c>
      <c r="CG1584" s="11">
        <v>84</v>
      </c>
      <c r="CH1584" s="20">
        <v>0.81077500000000002</v>
      </c>
      <c r="CI1584" s="20">
        <v>0.79532099999999994</v>
      </c>
      <c r="CJ1584" s="20">
        <v>0.85764700000000005</v>
      </c>
      <c r="CK1584" s="20">
        <v>0.84664600000000001</v>
      </c>
      <c r="CL1584" s="20">
        <v>0.88709099999999996</v>
      </c>
      <c r="CM1584" s="20">
        <v>0.89437299999999997</v>
      </c>
      <c r="CN1584" s="20">
        <v>0.93825999999999998</v>
      </c>
      <c r="CO1584" s="20">
        <v>0.98473500000000003</v>
      </c>
      <c r="CP1584" s="20">
        <v>0.96091199999999999</v>
      </c>
      <c r="CQ1584" s="20">
        <v>0.946376</v>
      </c>
      <c r="CR1584" s="20">
        <v>0.94539899999999999</v>
      </c>
      <c r="CS1584" s="20">
        <v>0.89694799999999997</v>
      </c>
      <c r="CT1584" s="20">
        <v>1.03515</v>
      </c>
      <c r="CU1584" s="20">
        <v>1.0167299999999999</v>
      </c>
      <c r="CV1584" s="20">
        <v>1.0671600000000001</v>
      </c>
      <c r="CW1584" s="20">
        <v>1.0822799999999999</v>
      </c>
      <c r="CX1584" s="20">
        <v>1.08674</v>
      </c>
      <c r="CY1584" s="6" t="s">
        <v>618</v>
      </c>
      <c r="CZ1584" s="6" t="s">
        <v>619</v>
      </c>
      <c r="DA1584" s="6" t="s">
        <v>167</v>
      </c>
      <c r="DB1584" s="6" t="s">
        <v>345</v>
      </c>
      <c r="DC1584" s="6">
        <v>27900</v>
      </c>
      <c r="DD1584" s="6">
        <v>309</v>
      </c>
      <c r="DE1584" s="6" t="s">
        <v>545</v>
      </c>
      <c r="DF1584" s="6" t="s">
        <v>375</v>
      </c>
      <c r="DG1584" s="6" t="s">
        <v>376</v>
      </c>
      <c r="DH1584" s="6" t="s">
        <v>328</v>
      </c>
      <c r="DI1584" s="6" t="s">
        <v>546</v>
      </c>
      <c r="DJ1584" s="6">
        <v>29</v>
      </c>
      <c r="DK1584" s="6">
        <v>145</v>
      </c>
      <c r="DL1584" s="6">
        <v>2</v>
      </c>
      <c r="DM1584" s="6" t="s">
        <v>379</v>
      </c>
      <c r="DN1584" s="6">
        <v>3</v>
      </c>
      <c r="DO1584" s="6" t="s">
        <v>380</v>
      </c>
      <c r="DP1584" s="6"/>
      <c r="DQ1584" s="6"/>
    </row>
    <row r="1585" spans="1:121" x14ac:dyDescent="0.2">
      <c r="A1585" s="6" t="s">
        <v>327</v>
      </c>
      <c r="B1585" s="6" t="s">
        <v>327</v>
      </c>
      <c r="C1585" s="6" t="s">
        <v>194</v>
      </c>
      <c r="D1585" s="6" t="s">
        <v>167</v>
      </c>
      <c r="E1585" s="6" t="s">
        <v>306</v>
      </c>
      <c r="F1585" s="11">
        <v>388</v>
      </c>
      <c r="G1585" s="13">
        <v>0.15563578018499999</v>
      </c>
      <c r="H1585" s="11">
        <v>350.64816900000005</v>
      </c>
      <c r="I1585" s="13">
        <v>0.14067874940347877</v>
      </c>
      <c r="J1585" s="11">
        <v>94.897775999999794</v>
      </c>
      <c r="K1585" s="13">
        <v>3.3377177411196404E-2</v>
      </c>
      <c r="L1585" s="11">
        <v>-56.683763579999777</v>
      </c>
      <c r="M1585" s="13">
        <v>-1.9292716604242737E-2</v>
      </c>
      <c r="N1585" s="11">
        <v>38.214012420000017</v>
      </c>
      <c r="O1585" s="13">
        <v>1.3440524382109924E-2</v>
      </c>
      <c r="P1585" s="7">
        <v>2492.5453950000001</v>
      </c>
      <c r="Q1585" s="7">
        <v>2588.8143759999998</v>
      </c>
      <c r="R1585" s="7">
        <v>2610.8684290000001</v>
      </c>
      <c r="S1585" s="7">
        <v>2694.8820260000002</v>
      </c>
      <c r="T1585" s="7">
        <v>2781.4100619999999</v>
      </c>
      <c r="U1585" s="7">
        <v>2808.057663</v>
      </c>
      <c r="V1585" s="7">
        <v>2843.1935640000002</v>
      </c>
      <c r="W1585" s="7">
        <v>2872.7300100000002</v>
      </c>
      <c r="X1585" s="7">
        <v>2844.2119680000001</v>
      </c>
      <c r="Y1585" s="7">
        <v>2938.0913399999999</v>
      </c>
      <c r="Z1585" s="7">
        <v>2989.9084419999999</v>
      </c>
      <c r="AA1585" s="7">
        <v>3026.338428</v>
      </c>
      <c r="AB1585" s="7">
        <v>2993.9060399999998</v>
      </c>
      <c r="AC1585" s="7">
        <v>3061.2918070000001</v>
      </c>
      <c r="AD1585" s="7">
        <v>2946.6958709999999</v>
      </c>
      <c r="AE1585" s="7">
        <v>2870.1308887499999</v>
      </c>
      <c r="AF1585" s="7">
        <v>2881.4075764200002</v>
      </c>
      <c r="AG1585" s="9">
        <v>15092.642669599998</v>
      </c>
      <c r="AH1585" s="13">
        <v>0.4935457176808179</v>
      </c>
      <c r="AI1585" s="9">
        <v>6283.3085245000038</v>
      </c>
      <c r="AJ1585" s="13">
        <v>0.20547097569471209</v>
      </c>
      <c r="AK1585" s="9">
        <v>4899.8993836000009</v>
      </c>
      <c r="AL1585" s="13">
        <v>0.13292066397486096</v>
      </c>
      <c r="AM1585" s="9">
        <v>3909.4347614999933</v>
      </c>
      <c r="AN1585" s="13">
        <v>9.3609475512826515E-2</v>
      </c>
      <c r="AO1585" s="9">
        <v>8809.3341450999942</v>
      </c>
      <c r="AP1585" s="13">
        <v>0.23897277312719087</v>
      </c>
      <c r="AQ1585" s="9">
        <v>30580.029628299999</v>
      </c>
      <c r="AR1585" s="9">
        <v>31258.712684300001</v>
      </c>
      <c r="AS1585" s="9">
        <v>32269.704903099999</v>
      </c>
      <c r="AT1585" s="9">
        <v>32816.243126000001</v>
      </c>
      <c r="AU1585" s="9">
        <v>33603.7416792</v>
      </c>
      <c r="AV1585" s="9">
        <v>35247.872868999999</v>
      </c>
      <c r="AW1585" s="9">
        <v>36863.338152800003</v>
      </c>
      <c r="AX1585" s="9">
        <v>38156.927963100003</v>
      </c>
      <c r="AY1585" s="9">
        <v>40549.748224900002</v>
      </c>
      <c r="AZ1585" s="9">
        <v>41763.237536400004</v>
      </c>
      <c r="BA1585" s="9">
        <v>41111.211103000001</v>
      </c>
      <c r="BB1585" s="9">
        <v>41144.8069369</v>
      </c>
      <c r="BC1585" s="9">
        <v>43045.949124400002</v>
      </c>
      <c r="BD1585" s="9">
        <v>41719.116357500003</v>
      </c>
      <c r="BE1585" s="9">
        <v>44000.412470900003</v>
      </c>
      <c r="BF1585" s="9">
        <v>45672.672297899997</v>
      </c>
      <c r="BG1585" s="11">
        <v>13.75</v>
      </c>
      <c r="BH1585" s="13">
        <v>0.17857142857142858</v>
      </c>
      <c r="BI1585" s="6">
        <v>3</v>
      </c>
      <c r="BJ1585" s="13">
        <v>3.896103896103896E-2</v>
      </c>
      <c r="BK1585" s="6">
        <v>7</v>
      </c>
      <c r="BL1585" s="13">
        <v>8.7499999999999994E-2</v>
      </c>
      <c r="BM1585" s="11">
        <v>3.75</v>
      </c>
      <c r="BN1585" s="13">
        <v>4.3103448275862072E-2</v>
      </c>
      <c r="BO1585" s="11">
        <v>10.75</v>
      </c>
      <c r="BP1585" s="13">
        <v>0.13437499999999999</v>
      </c>
      <c r="BQ1585" s="6">
        <v>77</v>
      </c>
      <c r="BR1585" s="6">
        <v>78</v>
      </c>
      <c r="BS1585" s="6">
        <v>78</v>
      </c>
      <c r="BT1585" s="6">
        <v>80</v>
      </c>
      <c r="BU1585" s="6">
        <v>82</v>
      </c>
      <c r="BV1585" s="6">
        <v>83</v>
      </c>
      <c r="BW1585" s="6">
        <v>87</v>
      </c>
      <c r="BX1585" s="6">
        <v>89</v>
      </c>
      <c r="BY1585" s="6">
        <v>89</v>
      </c>
      <c r="BZ1585" s="6">
        <v>92</v>
      </c>
      <c r="CA1585" s="6">
        <v>92</v>
      </c>
      <c r="CB1585" s="6">
        <v>91</v>
      </c>
      <c r="CC1585" s="11">
        <v>90.75</v>
      </c>
      <c r="CD1585" s="11">
        <v>262.52199999999999</v>
      </c>
      <c r="CE1585" s="11">
        <v>-146.125</v>
      </c>
      <c r="CF1585" s="11">
        <v>272.46499999999997</v>
      </c>
      <c r="CG1585" s="11">
        <v>126</v>
      </c>
      <c r="CH1585" s="20">
        <v>0.72041299999999997</v>
      </c>
      <c r="CI1585" s="20">
        <v>0.72973900000000003</v>
      </c>
      <c r="CJ1585" s="20">
        <v>0.73523099999999997</v>
      </c>
      <c r="CK1585" s="20">
        <v>0.75673999999999997</v>
      </c>
      <c r="CL1585" s="20">
        <v>0.79004799999999997</v>
      </c>
      <c r="CM1585" s="20">
        <v>0.801674</v>
      </c>
      <c r="CN1585" s="20">
        <v>0.78428799999999999</v>
      </c>
      <c r="CO1585" s="20">
        <v>0.78527199999999997</v>
      </c>
      <c r="CP1585" s="20">
        <v>0.78237299999999999</v>
      </c>
      <c r="CQ1585" s="20">
        <v>0.771401</v>
      </c>
      <c r="CR1585" s="20">
        <v>0.81962999999999997</v>
      </c>
      <c r="CS1585" s="20">
        <v>0.83633400000000002</v>
      </c>
      <c r="CT1585" s="20">
        <v>0.93652400000000002</v>
      </c>
      <c r="CU1585" s="20">
        <v>0.97512600000000005</v>
      </c>
      <c r="CV1585" s="20">
        <v>0.97591300000000003</v>
      </c>
      <c r="CW1585" s="20">
        <v>0.957847</v>
      </c>
      <c r="CX1585" s="20">
        <v>0.96163299999999996</v>
      </c>
      <c r="CY1585" s="6" t="s">
        <v>618</v>
      </c>
      <c r="CZ1585" s="6" t="s">
        <v>619</v>
      </c>
      <c r="DA1585" s="6" t="s">
        <v>167</v>
      </c>
      <c r="DB1585" s="6" t="s">
        <v>345</v>
      </c>
      <c r="DC1585" s="6">
        <v>27900</v>
      </c>
      <c r="DD1585" s="6">
        <v>309</v>
      </c>
      <c r="DE1585" s="6" t="s">
        <v>545</v>
      </c>
      <c r="DF1585" s="6" t="s">
        <v>375</v>
      </c>
      <c r="DG1585" s="6" t="s">
        <v>376</v>
      </c>
      <c r="DH1585" s="6" t="s">
        <v>328</v>
      </c>
      <c r="DI1585" s="6" t="s">
        <v>546</v>
      </c>
      <c r="DJ1585" s="6">
        <v>29</v>
      </c>
      <c r="DK1585" s="6">
        <v>145</v>
      </c>
      <c r="DL1585" s="6">
        <v>2</v>
      </c>
      <c r="DM1585" s="6" t="s">
        <v>379</v>
      </c>
      <c r="DN1585" s="6">
        <v>3</v>
      </c>
      <c r="DO1585" s="6" t="s">
        <v>380</v>
      </c>
      <c r="DP1585" s="6"/>
      <c r="DQ1585" s="6"/>
    </row>
    <row r="1586" spans="1:121" x14ac:dyDescent="0.2">
      <c r="A1586" s="6" t="s">
        <v>1</v>
      </c>
      <c r="B1586" s="6" t="s">
        <v>1</v>
      </c>
      <c r="C1586" s="6" t="s">
        <v>2</v>
      </c>
      <c r="D1586" s="6" t="s">
        <v>145</v>
      </c>
      <c r="E1586" s="6" t="s">
        <v>286</v>
      </c>
      <c r="F1586" s="11">
        <v>-68</v>
      </c>
      <c r="G1586" s="13">
        <v>-0.39534883720899999</v>
      </c>
      <c r="H1586" s="11">
        <v>-74.8532167547</v>
      </c>
      <c r="I1586" s="13">
        <v>-0.43416129962139011</v>
      </c>
      <c r="J1586" s="11">
        <v>23.667297918700001</v>
      </c>
      <c r="K1586" s="13">
        <v>0.24260328104051099</v>
      </c>
      <c r="L1586" s="11">
        <v>-17.431862863999996</v>
      </c>
      <c r="M1586" s="13">
        <v>-0.14380013611708925</v>
      </c>
      <c r="N1586" s="11">
        <v>6.2354350547000053</v>
      </c>
      <c r="O1586" s="13">
        <v>6.3916760087343802E-2</v>
      </c>
      <c r="P1586" s="7">
        <v>172.40877254599999</v>
      </c>
      <c r="Q1586" s="7">
        <v>144.38868768500001</v>
      </c>
      <c r="R1586" s="7">
        <v>121.747123715</v>
      </c>
      <c r="S1586" s="7">
        <v>89.949257799600005</v>
      </c>
      <c r="T1586" s="7">
        <v>68.498477001799998</v>
      </c>
      <c r="U1586" s="7">
        <v>59.275456459499999</v>
      </c>
      <c r="V1586" s="7">
        <v>97.555555791299994</v>
      </c>
      <c r="W1586" s="7">
        <v>109.431971289</v>
      </c>
      <c r="X1586" s="7">
        <v>126.949342786</v>
      </c>
      <c r="Y1586" s="7">
        <v>121.22285371</v>
      </c>
      <c r="Z1586" s="7">
        <v>125.636644652</v>
      </c>
      <c r="AA1586" s="7">
        <v>112.581831376</v>
      </c>
      <c r="AB1586" s="7">
        <v>103.582629563</v>
      </c>
      <c r="AC1586" s="7">
        <v>103.598670039</v>
      </c>
      <c r="AD1586" s="7">
        <v>116.605636842</v>
      </c>
      <c r="AE1586" s="7">
        <v>105.105114546</v>
      </c>
      <c r="AF1586" s="7">
        <v>103.790990846</v>
      </c>
      <c r="AG1586" s="9">
        <v>7555.2932140000012</v>
      </c>
      <c r="AH1586" s="13">
        <v>0.39740082972971874</v>
      </c>
      <c r="AI1586" s="9">
        <v>988.38087520000045</v>
      </c>
      <c r="AJ1586" s="13">
        <v>5.1987840679119629E-2</v>
      </c>
      <c r="AK1586" s="9">
        <v>2192.9979793999992</v>
      </c>
      <c r="AL1586" s="13">
        <v>0.10964907123299894</v>
      </c>
      <c r="AM1586" s="9">
        <v>4373.9143594000016</v>
      </c>
      <c r="AN1586" s="13">
        <v>0.19708399053868247</v>
      </c>
      <c r="AO1586" s="9">
        <v>6566.9123388000007</v>
      </c>
      <c r="AP1586" s="13">
        <v>0.32834313828914108</v>
      </c>
      <c r="AQ1586" s="9">
        <v>19011.7701041</v>
      </c>
      <c r="AR1586" s="9">
        <v>16007.960685</v>
      </c>
      <c r="AS1586" s="9">
        <v>15773.355748800001</v>
      </c>
      <c r="AT1586" s="9">
        <v>15376.284885900001</v>
      </c>
      <c r="AU1586" s="9">
        <v>16149.8992567</v>
      </c>
      <c r="AV1586" s="9">
        <v>15879.9301108</v>
      </c>
      <c r="AW1586" s="9">
        <v>20000.1509793</v>
      </c>
      <c r="AX1586" s="9">
        <v>20994.5605411</v>
      </c>
      <c r="AY1586" s="9">
        <v>23606.088540600002</v>
      </c>
      <c r="AZ1586" s="9">
        <v>22193.1489587</v>
      </c>
      <c r="BA1586" s="9">
        <v>22863.076076699999</v>
      </c>
      <c r="BB1586" s="9">
        <v>24875.985782799999</v>
      </c>
      <c r="BC1586" s="9">
        <v>25592.554026199999</v>
      </c>
      <c r="BD1586" s="9">
        <v>24616.867437299999</v>
      </c>
      <c r="BE1586" s="9">
        <v>25911.924209000001</v>
      </c>
      <c r="BF1586" s="9">
        <v>26567.063318100001</v>
      </c>
      <c r="BG1586" s="11">
        <v>4.25</v>
      </c>
      <c r="BH1586" s="13">
        <v>1.0625</v>
      </c>
      <c r="BI1586" s="6">
        <v>3</v>
      </c>
      <c r="BJ1586" s="13">
        <v>0.75</v>
      </c>
      <c r="BK1586" s="6">
        <v>0</v>
      </c>
      <c r="BL1586" s="13">
        <v>0</v>
      </c>
      <c r="BM1586" s="11">
        <v>1.25</v>
      </c>
      <c r="BN1586" s="13">
        <v>0.17857142857142858</v>
      </c>
      <c r="BO1586" s="11">
        <v>1.25</v>
      </c>
      <c r="BP1586" s="13">
        <v>0.17857142857142858</v>
      </c>
      <c r="BQ1586" s="6">
        <v>4</v>
      </c>
      <c r="BR1586" s="6">
        <v>5</v>
      </c>
      <c r="BS1586" s="6">
        <v>4</v>
      </c>
      <c r="BT1586" s="6">
        <v>7</v>
      </c>
      <c r="BU1586" s="6">
        <v>7</v>
      </c>
      <c r="BV1586" s="6">
        <v>7</v>
      </c>
      <c r="BW1586" s="6">
        <v>7</v>
      </c>
      <c r="BX1586" s="6">
        <v>7</v>
      </c>
      <c r="BY1586" s="6">
        <v>8</v>
      </c>
      <c r="BZ1586" s="6">
        <v>7</v>
      </c>
      <c r="CA1586" s="6">
        <v>8</v>
      </c>
      <c r="CB1586" s="6">
        <v>9</v>
      </c>
      <c r="CC1586" s="11">
        <v>8.25</v>
      </c>
      <c r="CD1586" s="11">
        <v>-71.745000000000005</v>
      </c>
      <c r="CE1586" s="11">
        <v>-15.719099999999999</v>
      </c>
      <c r="CF1586" s="11">
        <v>18.846399999999999</v>
      </c>
      <c r="CG1586" s="11">
        <v>3</v>
      </c>
      <c r="CH1586" s="20">
        <v>1.2880799999999999</v>
      </c>
      <c r="CI1586" s="20">
        <v>1.0984700000000001</v>
      </c>
      <c r="CJ1586" s="20">
        <v>0.87450600000000001</v>
      </c>
      <c r="CK1586" s="20">
        <v>0.65978899999999996</v>
      </c>
      <c r="CL1586" s="20">
        <v>0.51435900000000001</v>
      </c>
      <c r="CM1586" s="20">
        <v>0.45591599999999999</v>
      </c>
      <c r="CN1586" s="20">
        <v>0.76342399999999999</v>
      </c>
      <c r="CO1586" s="20">
        <v>0.88663499999999995</v>
      </c>
      <c r="CP1586" s="20">
        <v>1.00892</v>
      </c>
      <c r="CQ1586" s="20">
        <v>1.0001899999999999</v>
      </c>
      <c r="CR1586" s="20">
        <v>1.0612600000000001</v>
      </c>
      <c r="CS1586" s="20">
        <v>0.93238900000000002</v>
      </c>
      <c r="CT1586" s="20">
        <v>0.89720500000000003</v>
      </c>
      <c r="CU1586" s="20">
        <v>0.93050100000000002</v>
      </c>
      <c r="CV1586" s="20">
        <v>1.0416799999999999</v>
      </c>
      <c r="CW1586" s="20">
        <v>0.94565600000000005</v>
      </c>
      <c r="CX1586" s="20">
        <v>0.93285099999999999</v>
      </c>
      <c r="CY1586" s="6" t="s">
        <v>621</v>
      </c>
      <c r="CZ1586" s="6" t="s">
        <v>622</v>
      </c>
      <c r="DA1586" s="6" t="s">
        <v>145</v>
      </c>
      <c r="DB1586" s="6"/>
      <c r="DC1586" s="6">
        <v>32340</v>
      </c>
      <c r="DD1586" s="6"/>
      <c r="DE1586" s="6" t="s">
        <v>624</v>
      </c>
      <c r="DF1586" s="6" t="s">
        <v>363</v>
      </c>
      <c r="DG1586" s="6" t="s">
        <v>364</v>
      </c>
      <c r="DH1586" s="6" t="s">
        <v>365</v>
      </c>
      <c r="DI1586" s="6"/>
      <c r="DJ1586" s="6">
        <v>29</v>
      </c>
      <c r="DK1586" s="6">
        <v>147</v>
      </c>
      <c r="DL1586" s="6">
        <v>5</v>
      </c>
      <c r="DM1586" s="6" t="s">
        <v>392</v>
      </c>
      <c r="DN1586" s="6">
        <v>6</v>
      </c>
      <c r="DO1586" s="6" t="s">
        <v>393</v>
      </c>
      <c r="DP1586" s="6"/>
      <c r="DQ1586" s="6"/>
    </row>
    <row r="1587" spans="1:121" x14ac:dyDescent="0.2">
      <c r="A1587" s="6" t="s">
        <v>310</v>
      </c>
      <c r="B1587" s="6" t="s">
        <v>310</v>
      </c>
      <c r="C1587" s="6" t="s">
        <v>173</v>
      </c>
      <c r="D1587" s="6" t="s">
        <v>145</v>
      </c>
      <c r="E1587" s="6" t="s">
        <v>286</v>
      </c>
      <c r="F1587" s="11">
        <v>1</v>
      </c>
      <c r="G1587" s="13">
        <v>1</v>
      </c>
      <c r="H1587" s="11">
        <v>0</v>
      </c>
      <c r="I1587" s="13">
        <v>0</v>
      </c>
      <c r="J1587" s="11">
        <v>6.939997</v>
      </c>
      <c r="K1587" s="13">
        <v>1.3879994</v>
      </c>
      <c r="L1587" s="11">
        <v>-6.939997</v>
      </c>
      <c r="M1587" s="13">
        <v>-0.58123942577205001</v>
      </c>
      <c r="N1587" s="11">
        <v>0</v>
      </c>
      <c r="O1587" s="13">
        <v>0</v>
      </c>
      <c r="P1587" s="7">
        <v>5</v>
      </c>
      <c r="Q1587" s="7">
        <v>19.404292101100001</v>
      </c>
      <c r="R1587" s="7">
        <v>15.326988614699999</v>
      </c>
      <c r="S1587" s="7">
        <v>5</v>
      </c>
      <c r="T1587" s="7">
        <v>5</v>
      </c>
      <c r="U1587" s="7">
        <v>5</v>
      </c>
      <c r="V1587" s="7">
        <v>5</v>
      </c>
      <c r="W1587" s="7">
        <v>5</v>
      </c>
      <c r="X1587" s="7">
        <v>5</v>
      </c>
      <c r="Y1587" s="7">
        <v>11.939997</v>
      </c>
      <c r="Z1587" s="7">
        <v>5</v>
      </c>
      <c r="AA1587" s="7">
        <v>5</v>
      </c>
      <c r="AB1587" s="7">
        <v>5</v>
      </c>
      <c r="AC1587" s="7">
        <v>5</v>
      </c>
      <c r="AD1587" s="7">
        <v>5</v>
      </c>
      <c r="AE1587" s="7">
        <v>5</v>
      </c>
      <c r="AF1587" s="7">
        <v>5</v>
      </c>
      <c r="AG1587" s="9">
        <v>0</v>
      </c>
      <c r="AH1587" s="13">
        <v>0</v>
      </c>
      <c r="AI1587" s="9">
        <v>0</v>
      </c>
      <c r="AJ1587" s="13">
        <v>0</v>
      </c>
      <c r="AK1587" s="9">
        <v>56675.405949799999</v>
      </c>
      <c r="AL1587" s="13">
        <v>56675.405949799999</v>
      </c>
      <c r="AM1587" s="9">
        <v>-56675.405949799999</v>
      </c>
      <c r="AN1587" s="13">
        <v>-0.99998235597365004</v>
      </c>
      <c r="AO1587" s="9">
        <v>0</v>
      </c>
      <c r="AP1587" s="13">
        <v>0</v>
      </c>
      <c r="AQ1587" s="9">
        <v>1</v>
      </c>
      <c r="AR1587" s="9">
        <v>39095.0336952</v>
      </c>
      <c r="AS1587" s="9">
        <v>42477.601537000002</v>
      </c>
      <c r="AT1587" s="9">
        <v>1</v>
      </c>
      <c r="AU1587" s="9">
        <v>1</v>
      </c>
      <c r="AV1587" s="9">
        <v>1</v>
      </c>
      <c r="AW1587" s="9">
        <v>1</v>
      </c>
      <c r="AX1587" s="9">
        <v>1</v>
      </c>
      <c r="AY1587" s="9">
        <v>1</v>
      </c>
      <c r="AZ1587" s="9">
        <v>56676.405949799999</v>
      </c>
      <c r="BA1587" s="9">
        <v>1</v>
      </c>
      <c r="BB1587" s="9">
        <v>1</v>
      </c>
      <c r="BC1587" s="9">
        <v>1</v>
      </c>
      <c r="BD1587" s="9">
        <v>1</v>
      </c>
      <c r="BE1587" s="9">
        <v>1</v>
      </c>
      <c r="BF1587" s="9">
        <v>1</v>
      </c>
      <c r="BG1587" s="11">
        <v>1</v>
      </c>
      <c r="BH1587" s="13">
        <v>0.33333333333333331</v>
      </c>
      <c r="BI1587" s="6">
        <v>0</v>
      </c>
      <c r="BJ1587" s="13">
        <v>0</v>
      </c>
      <c r="BK1587" s="6">
        <v>0</v>
      </c>
      <c r="BL1587" s="13">
        <v>0</v>
      </c>
      <c r="BM1587" s="11">
        <v>1</v>
      </c>
      <c r="BN1587" s="13">
        <v>0.33333333333333331</v>
      </c>
      <c r="BO1587" s="11">
        <v>1</v>
      </c>
      <c r="BP1587" s="13">
        <v>0.33333333333333331</v>
      </c>
      <c r="BQ1587" s="6">
        <v>3</v>
      </c>
      <c r="BR1587" s="6">
        <v>3</v>
      </c>
      <c r="BS1587" s="6">
        <v>3</v>
      </c>
      <c r="BT1587" s="6">
        <v>3</v>
      </c>
      <c r="BU1587" s="6">
        <v>3</v>
      </c>
      <c r="BV1587" s="6">
        <v>3</v>
      </c>
      <c r="BW1587" s="6">
        <v>3</v>
      </c>
      <c r="BX1587" s="6">
        <v>3</v>
      </c>
      <c r="BY1587" s="6">
        <v>4</v>
      </c>
      <c r="BZ1587" s="6">
        <v>3</v>
      </c>
      <c r="CA1587" s="6">
        <v>3</v>
      </c>
      <c r="CB1587" s="6">
        <v>4</v>
      </c>
      <c r="CC1587" s="11">
        <v>4</v>
      </c>
      <c r="CD1587" s="11">
        <v>-3.2077800000000001</v>
      </c>
      <c r="CE1587" s="11">
        <v>0.35835400000000001</v>
      </c>
      <c r="CF1587" s="11">
        <v>0.37757299999999999</v>
      </c>
      <c r="CG1587" s="11">
        <v>0</v>
      </c>
      <c r="CH1587" s="20">
        <v>9.0954099999999996E-2</v>
      </c>
      <c r="CI1587" s="20">
        <v>0.54350200000000004</v>
      </c>
      <c r="CJ1587" s="20">
        <v>0.41107399999999999</v>
      </c>
      <c r="CK1587" s="20">
        <v>5.9323300000000002E-2</v>
      </c>
      <c r="CL1587" s="20">
        <v>2.6060400000000001E-2</v>
      </c>
      <c r="CM1587" s="20">
        <v>4.5695899999999998E-2</v>
      </c>
      <c r="CN1587" s="20">
        <v>3.8809299999999998E-2</v>
      </c>
      <c r="CO1587" s="20">
        <v>3.1141800000000001E-2</v>
      </c>
      <c r="CP1587" s="20">
        <v>2.3137100000000001E-2</v>
      </c>
      <c r="CQ1587" s="20">
        <v>0.27187800000000001</v>
      </c>
      <c r="CR1587" s="20">
        <v>0.14430799999999999</v>
      </c>
      <c r="CS1587" s="20">
        <v>7.4897900000000003E-2</v>
      </c>
      <c r="CT1587" s="20">
        <v>6.1326600000000002E-2</v>
      </c>
      <c r="CU1587" s="20">
        <v>5.4763100000000002E-2</v>
      </c>
      <c r="CV1587" s="20">
        <v>3.3666500000000002E-2</v>
      </c>
      <c r="CW1587" s="20">
        <v>3.17968E-2</v>
      </c>
      <c r="CX1587" s="20">
        <v>2.61155E-2</v>
      </c>
      <c r="CY1587" s="6" t="s">
        <v>621</v>
      </c>
      <c r="CZ1587" s="6" t="s">
        <v>622</v>
      </c>
      <c r="DA1587" s="6" t="s">
        <v>145</v>
      </c>
      <c r="DB1587" s="6"/>
      <c r="DC1587" s="6">
        <v>32340</v>
      </c>
      <c r="DD1587" s="6"/>
      <c r="DE1587" s="6" t="s">
        <v>624</v>
      </c>
      <c r="DF1587" s="6" t="s">
        <v>363</v>
      </c>
      <c r="DG1587" s="6" t="s">
        <v>364</v>
      </c>
      <c r="DH1587" s="6" t="s">
        <v>365</v>
      </c>
      <c r="DI1587" s="6"/>
      <c r="DJ1587" s="6">
        <v>29</v>
      </c>
      <c r="DK1587" s="6">
        <v>147</v>
      </c>
      <c r="DL1587" s="6">
        <v>5</v>
      </c>
      <c r="DM1587" s="6" t="s">
        <v>392</v>
      </c>
      <c r="DN1587" s="6">
        <v>6</v>
      </c>
      <c r="DO1587" s="6" t="s">
        <v>393</v>
      </c>
      <c r="DP1587" s="6"/>
      <c r="DQ1587" s="6"/>
    </row>
    <row r="1588" spans="1:121" x14ac:dyDescent="0.2">
      <c r="A1588" s="6" t="s">
        <v>311</v>
      </c>
      <c r="B1588" s="6" t="s">
        <v>311</v>
      </c>
      <c r="C1588" s="6" t="s">
        <v>174</v>
      </c>
      <c r="D1588" s="6" t="s">
        <v>145</v>
      </c>
      <c r="E1588" s="6" t="s">
        <v>286</v>
      </c>
      <c r="F1588" s="11">
        <v>43</v>
      </c>
      <c r="G1588" s="13">
        <v>1.4827586206900001</v>
      </c>
      <c r="H1588" s="11">
        <v>13.795741000000003</v>
      </c>
      <c r="I1588" s="13">
        <v>0.47317789648377234</v>
      </c>
      <c r="J1588" s="11">
        <v>13.077852</v>
      </c>
      <c r="K1588" s="13">
        <v>0.30448131110139826</v>
      </c>
      <c r="L1588" s="11">
        <v>15.749344582199996</v>
      </c>
      <c r="M1588" s="13">
        <v>0.28109223355885116</v>
      </c>
      <c r="N1588" s="11">
        <v>28.827196582199996</v>
      </c>
      <c r="O1588" s="13">
        <v>0.67116087647466893</v>
      </c>
      <c r="P1588" s="7">
        <v>29.155505999999999</v>
      </c>
      <c r="Q1588" s="7">
        <v>33.871591000000002</v>
      </c>
      <c r="R1588" s="7">
        <v>27.892676000000002</v>
      </c>
      <c r="S1588" s="7">
        <v>25.12857</v>
      </c>
      <c r="T1588" s="7">
        <v>21.182039</v>
      </c>
      <c r="U1588" s="7">
        <v>30.287243</v>
      </c>
      <c r="V1588" s="7">
        <v>42.951247000000002</v>
      </c>
      <c r="W1588" s="7">
        <v>40.469340000000003</v>
      </c>
      <c r="X1588" s="7">
        <v>56.865862</v>
      </c>
      <c r="Y1588" s="7">
        <v>56.029099000000002</v>
      </c>
      <c r="Z1588" s="7">
        <v>55.167534000000003</v>
      </c>
      <c r="AA1588" s="7">
        <v>51.899501000000001</v>
      </c>
      <c r="AB1588" s="7">
        <v>53.909638000000001</v>
      </c>
      <c r="AC1588" s="7">
        <v>58.876376999999998</v>
      </c>
      <c r="AD1588" s="7">
        <v>63.150016999999998</v>
      </c>
      <c r="AE1588" s="7">
        <v>69.03585425</v>
      </c>
      <c r="AF1588" s="7">
        <v>71.778443582199998</v>
      </c>
      <c r="AG1588" s="9">
        <v>-3088.5588365000003</v>
      </c>
      <c r="AH1588" s="13">
        <v>-3.1661251959483515E-2</v>
      </c>
      <c r="AI1588" s="9">
        <v>-23640.528521600005</v>
      </c>
      <c r="AJ1588" s="13">
        <v>-0.24234238996267021</v>
      </c>
      <c r="AK1588" s="9">
        <v>25114.251035299996</v>
      </c>
      <c r="AL1588" s="13">
        <v>0.33979692641947218</v>
      </c>
      <c r="AM1588" s="9">
        <v>-4562.2813501999917</v>
      </c>
      <c r="AN1588" s="13">
        <v>-4.6072555533419907E-2</v>
      </c>
      <c r="AO1588" s="9">
        <v>20551.969685100004</v>
      </c>
      <c r="AP1588" s="13">
        <v>0.27806905812350574</v>
      </c>
      <c r="AQ1588" s="9">
        <v>97550.117110100007</v>
      </c>
      <c r="AR1588" s="9">
        <v>90212.586000199997</v>
      </c>
      <c r="AS1588" s="9">
        <v>81288.800663100003</v>
      </c>
      <c r="AT1588" s="9">
        <v>88490.958389499996</v>
      </c>
      <c r="AU1588" s="9">
        <v>104732.62693699999</v>
      </c>
      <c r="AV1588" s="9">
        <v>85946.345513399996</v>
      </c>
      <c r="AW1588" s="9">
        <v>73909.588588500003</v>
      </c>
      <c r="AX1588" s="9">
        <v>76357.127957300007</v>
      </c>
      <c r="AY1588" s="9">
        <v>86009.178708699998</v>
      </c>
      <c r="AZ1588" s="9">
        <v>99023.839623799999</v>
      </c>
      <c r="BA1588" s="9">
        <v>101991.795591</v>
      </c>
      <c r="BB1588" s="9">
        <v>96697.071708699994</v>
      </c>
      <c r="BC1588" s="9">
        <v>97317.856570699994</v>
      </c>
      <c r="BD1588" s="9">
        <v>97011.810368699997</v>
      </c>
      <c r="BE1588" s="9">
        <v>96795.517983900005</v>
      </c>
      <c r="BF1588" s="9">
        <v>94461.558273600007</v>
      </c>
      <c r="BG1588" s="11">
        <v>2.75</v>
      </c>
      <c r="BH1588" s="13">
        <v>1.375</v>
      </c>
      <c r="BI1588" s="6">
        <v>1</v>
      </c>
      <c r="BJ1588" s="13">
        <v>0.5</v>
      </c>
      <c r="BK1588" s="6">
        <v>1</v>
      </c>
      <c r="BL1588" s="13">
        <v>0.33333333333333331</v>
      </c>
      <c r="BM1588" s="11">
        <v>0.75</v>
      </c>
      <c r="BN1588" s="13">
        <v>0.1875</v>
      </c>
      <c r="BO1588" s="11">
        <v>1.75</v>
      </c>
      <c r="BP1588" s="13">
        <v>0.58333333333333337</v>
      </c>
      <c r="BQ1588" s="6">
        <v>2</v>
      </c>
      <c r="BR1588" s="6">
        <v>2</v>
      </c>
      <c r="BS1588" s="6">
        <v>2</v>
      </c>
      <c r="BT1588" s="6">
        <v>3</v>
      </c>
      <c r="BU1588" s="6">
        <v>3</v>
      </c>
      <c r="BV1588" s="6">
        <v>4</v>
      </c>
      <c r="BW1588" s="6">
        <v>4</v>
      </c>
      <c r="BX1588" s="6">
        <v>4</v>
      </c>
      <c r="BY1588" s="6">
        <v>4</v>
      </c>
      <c r="BZ1588" s="6">
        <v>4</v>
      </c>
      <c r="CA1588" s="6">
        <v>4</v>
      </c>
      <c r="CB1588" s="6">
        <v>4</v>
      </c>
      <c r="CC1588" s="11">
        <v>4.75</v>
      </c>
      <c r="CD1588" s="11">
        <v>44.183700000000002</v>
      </c>
      <c r="CE1588" s="11">
        <v>-4.7477900000000002</v>
      </c>
      <c r="CF1588" s="11">
        <v>3.1870500000000002</v>
      </c>
      <c r="CG1588" s="11">
        <v>-2</v>
      </c>
      <c r="CH1588" s="20">
        <v>0.70071300000000003</v>
      </c>
      <c r="CI1588" s="20">
        <v>0.83171099999999998</v>
      </c>
      <c r="CJ1588" s="20">
        <v>0.66773499999999997</v>
      </c>
      <c r="CK1588" s="20">
        <v>0.63102100000000005</v>
      </c>
      <c r="CL1588" s="20">
        <v>0.56123100000000004</v>
      </c>
      <c r="CM1588" s="20">
        <v>0.82628000000000001</v>
      </c>
      <c r="CN1588" s="20">
        <v>1.1761200000000001</v>
      </c>
      <c r="CO1588" s="20">
        <v>1.0987899999999999</v>
      </c>
      <c r="CP1588" s="20">
        <v>1.4936799999999999</v>
      </c>
      <c r="CQ1588" s="20">
        <v>1.54393</v>
      </c>
      <c r="CR1588" s="20">
        <v>1.56969</v>
      </c>
      <c r="CS1588" s="20">
        <v>1.4668600000000001</v>
      </c>
      <c r="CT1588" s="20">
        <v>1.6132899999999999</v>
      </c>
      <c r="CU1588" s="20">
        <v>1.8407</v>
      </c>
      <c r="CV1588" s="20">
        <v>1.9665600000000001</v>
      </c>
      <c r="CW1588" s="20">
        <v>2.1624699999999999</v>
      </c>
      <c r="CX1588" s="20">
        <v>2.2324600000000001</v>
      </c>
      <c r="CY1588" s="6" t="s">
        <v>621</v>
      </c>
      <c r="CZ1588" s="6" t="s">
        <v>622</v>
      </c>
      <c r="DA1588" s="6" t="s">
        <v>145</v>
      </c>
      <c r="DB1588" s="6"/>
      <c r="DC1588" s="6">
        <v>32340</v>
      </c>
      <c r="DD1588" s="6"/>
      <c r="DE1588" s="6" t="s">
        <v>624</v>
      </c>
      <c r="DF1588" s="6" t="s">
        <v>363</v>
      </c>
      <c r="DG1588" s="6" t="s">
        <v>364</v>
      </c>
      <c r="DH1588" s="6" t="s">
        <v>365</v>
      </c>
      <c r="DI1588" s="6"/>
      <c r="DJ1588" s="6">
        <v>29</v>
      </c>
      <c r="DK1588" s="6">
        <v>147</v>
      </c>
      <c r="DL1588" s="6">
        <v>5</v>
      </c>
      <c r="DM1588" s="6" t="s">
        <v>392</v>
      </c>
      <c r="DN1588" s="6">
        <v>6</v>
      </c>
      <c r="DO1588" s="6" t="s">
        <v>393</v>
      </c>
      <c r="DP1588" s="6"/>
      <c r="DQ1588" s="6"/>
    </row>
    <row r="1589" spans="1:121" x14ac:dyDescent="0.2">
      <c r="A1589" s="6" t="s">
        <v>312</v>
      </c>
      <c r="B1589" s="6" t="s">
        <v>312</v>
      </c>
      <c r="C1589" s="6" t="s">
        <v>175</v>
      </c>
      <c r="D1589" s="6" t="s">
        <v>145</v>
      </c>
      <c r="E1589" s="6" t="s">
        <v>286</v>
      </c>
      <c r="F1589" s="11">
        <v>-157</v>
      </c>
      <c r="G1589" s="13">
        <v>-0.31910569105699998</v>
      </c>
      <c r="H1589" s="11">
        <v>-101.794517079</v>
      </c>
      <c r="I1589" s="13">
        <v>-0.20709113893602599</v>
      </c>
      <c r="J1589" s="11">
        <v>-93.841382043999999</v>
      </c>
      <c r="K1589" s="13">
        <v>-0.24077326061396767</v>
      </c>
      <c r="L1589" s="11">
        <v>39.532356980000031</v>
      </c>
      <c r="M1589" s="13">
        <v>0.13359649742254545</v>
      </c>
      <c r="N1589" s="11">
        <v>-54.309025063999968</v>
      </c>
      <c r="O1589" s="13">
        <v>-0.13934322748245401</v>
      </c>
      <c r="P1589" s="7">
        <v>491.54453252799999</v>
      </c>
      <c r="Q1589" s="7">
        <v>473.68045729900001</v>
      </c>
      <c r="R1589" s="7">
        <v>485.01428619799998</v>
      </c>
      <c r="S1589" s="7">
        <v>498.93424166699998</v>
      </c>
      <c r="T1589" s="7">
        <v>450.37798997700003</v>
      </c>
      <c r="U1589" s="7">
        <v>409.52266581800001</v>
      </c>
      <c r="V1589" s="7">
        <v>389.75001544899999</v>
      </c>
      <c r="W1589" s="7">
        <v>343.71643791899999</v>
      </c>
      <c r="X1589" s="7">
        <v>322.87722677099998</v>
      </c>
      <c r="Y1589" s="7">
        <v>295.90863340499999</v>
      </c>
      <c r="Z1589" s="7">
        <v>326.82740499800002</v>
      </c>
      <c r="AA1589" s="7">
        <v>353.34128311500001</v>
      </c>
      <c r="AB1589" s="7">
        <v>327.38474850799997</v>
      </c>
      <c r="AC1589" s="7">
        <v>314.57171680200003</v>
      </c>
      <c r="AD1589" s="7">
        <v>335.07067325100002</v>
      </c>
      <c r="AE1589" s="7">
        <v>334.998109511</v>
      </c>
      <c r="AF1589" s="7">
        <v>335.44099038500002</v>
      </c>
      <c r="AG1589" s="9">
        <v>9930.6021895000013</v>
      </c>
      <c r="AH1589" s="13">
        <v>0.39521108232400026</v>
      </c>
      <c r="AI1589" s="9">
        <v>2329.4699117000018</v>
      </c>
      <c r="AJ1589" s="13">
        <v>9.2706595982423923E-2</v>
      </c>
      <c r="AK1589" s="9">
        <v>1353.7568403000005</v>
      </c>
      <c r="AL1589" s="13">
        <v>4.9304962061356525E-2</v>
      </c>
      <c r="AM1589" s="9">
        <v>6247.375437499999</v>
      </c>
      <c r="AN1589" s="13">
        <v>0.2168432181912123</v>
      </c>
      <c r="AO1589" s="9">
        <v>7601.1322777999994</v>
      </c>
      <c r="AP1589" s="13">
        <v>0.27683962689874902</v>
      </c>
      <c r="AQ1589" s="9">
        <v>25127.337348699999</v>
      </c>
      <c r="AR1589" s="9">
        <v>24348.000631300001</v>
      </c>
      <c r="AS1589" s="9">
        <v>26110.949962300001</v>
      </c>
      <c r="AT1589" s="9">
        <v>25607.3466424</v>
      </c>
      <c r="AU1589" s="9">
        <v>27280.333700200001</v>
      </c>
      <c r="AV1589" s="9">
        <v>26522.3754979</v>
      </c>
      <c r="AW1589" s="9">
        <v>27456.807260400001</v>
      </c>
      <c r="AX1589" s="9">
        <v>28984.609278</v>
      </c>
      <c r="AY1589" s="9">
        <v>29359.114382</v>
      </c>
      <c r="AZ1589" s="9">
        <v>28810.564100700001</v>
      </c>
      <c r="BA1589" s="9">
        <v>28781.185335900002</v>
      </c>
      <c r="BB1589" s="9">
        <v>29665.070882200002</v>
      </c>
      <c r="BC1589" s="9">
        <v>29271.391521699999</v>
      </c>
      <c r="BD1589" s="9">
        <v>31674.876851000001</v>
      </c>
      <c r="BE1589" s="9">
        <v>34241.644041899999</v>
      </c>
      <c r="BF1589" s="9">
        <v>35057.9395382</v>
      </c>
      <c r="BG1589" s="11">
        <v>-25.5</v>
      </c>
      <c r="BH1589" s="13">
        <v>-0.31097560975609756</v>
      </c>
      <c r="BI1589" s="6">
        <v>-3</v>
      </c>
      <c r="BJ1589" s="13">
        <v>-3.6585365853658534E-2</v>
      </c>
      <c r="BK1589" s="6">
        <v>-12</v>
      </c>
      <c r="BL1589" s="13">
        <v>-0.15189873417721519</v>
      </c>
      <c r="BM1589" s="11">
        <v>-10.5</v>
      </c>
      <c r="BN1589" s="13">
        <v>-0.15671641791044777</v>
      </c>
      <c r="BO1589" s="11">
        <v>-22.5</v>
      </c>
      <c r="BP1589" s="13">
        <v>-0.2848101265822785</v>
      </c>
      <c r="BQ1589" s="6">
        <v>82</v>
      </c>
      <c r="BR1589" s="6">
        <v>83</v>
      </c>
      <c r="BS1589" s="6">
        <v>84</v>
      </c>
      <c r="BT1589" s="6">
        <v>79</v>
      </c>
      <c r="BU1589" s="6">
        <v>69</v>
      </c>
      <c r="BV1589" s="6">
        <v>67</v>
      </c>
      <c r="BW1589" s="6">
        <v>67</v>
      </c>
      <c r="BX1589" s="6">
        <v>64</v>
      </c>
      <c r="BY1589" s="6">
        <v>63</v>
      </c>
      <c r="BZ1589" s="6">
        <v>63</v>
      </c>
      <c r="CA1589" s="6">
        <v>58</v>
      </c>
      <c r="CB1589" s="6">
        <v>59</v>
      </c>
      <c r="CC1589" s="11">
        <v>56.5</v>
      </c>
      <c r="CD1589" s="11">
        <v>-150.297</v>
      </c>
      <c r="CE1589" s="11">
        <v>-59.538600000000002</v>
      </c>
      <c r="CF1589" s="11">
        <v>53.731699999999996</v>
      </c>
      <c r="CG1589" s="11">
        <v>-6</v>
      </c>
      <c r="CH1589" s="20">
        <v>0.81448600000000004</v>
      </c>
      <c r="CI1589" s="20">
        <v>0.79636300000000004</v>
      </c>
      <c r="CJ1589" s="20">
        <v>0.75970199999999999</v>
      </c>
      <c r="CK1589" s="20">
        <v>0.76862299999999995</v>
      </c>
      <c r="CL1589" s="20">
        <v>0.6825</v>
      </c>
      <c r="CM1589" s="20">
        <v>0.60856100000000002</v>
      </c>
      <c r="CN1589" s="20">
        <v>0.58915600000000001</v>
      </c>
      <c r="CO1589" s="20">
        <v>0.55289299999999997</v>
      </c>
      <c r="CP1589" s="20">
        <v>0.57957599999999998</v>
      </c>
      <c r="CQ1589" s="20">
        <v>0.59615200000000002</v>
      </c>
      <c r="CR1589" s="20">
        <v>0.68703999999999998</v>
      </c>
      <c r="CS1589" s="20">
        <v>0.73087400000000002</v>
      </c>
      <c r="CT1589" s="20">
        <v>0.699654</v>
      </c>
      <c r="CU1589" s="20">
        <v>0.68101299999999998</v>
      </c>
      <c r="CV1589" s="20">
        <v>0.70253399999999999</v>
      </c>
      <c r="CW1589" s="20">
        <v>0.69192900000000002</v>
      </c>
      <c r="CX1589" s="20">
        <v>0.68892900000000001</v>
      </c>
      <c r="CY1589" s="6" t="s">
        <v>621</v>
      </c>
      <c r="CZ1589" s="6" t="s">
        <v>622</v>
      </c>
      <c r="DA1589" s="6" t="s">
        <v>145</v>
      </c>
      <c r="DB1589" s="6"/>
      <c r="DC1589" s="6">
        <v>32340</v>
      </c>
      <c r="DD1589" s="6"/>
      <c r="DE1589" s="6" t="s">
        <v>624</v>
      </c>
      <c r="DF1589" s="6" t="s">
        <v>363</v>
      </c>
      <c r="DG1589" s="6" t="s">
        <v>364</v>
      </c>
      <c r="DH1589" s="6" t="s">
        <v>365</v>
      </c>
      <c r="DI1589" s="6"/>
      <c r="DJ1589" s="6">
        <v>29</v>
      </c>
      <c r="DK1589" s="6">
        <v>147</v>
      </c>
      <c r="DL1589" s="6">
        <v>5</v>
      </c>
      <c r="DM1589" s="6" t="s">
        <v>392</v>
      </c>
      <c r="DN1589" s="6">
        <v>6</v>
      </c>
      <c r="DO1589" s="6" t="s">
        <v>393</v>
      </c>
      <c r="DP1589" s="6"/>
      <c r="DQ1589" s="6"/>
    </row>
    <row r="1590" spans="1:121" x14ac:dyDescent="0.2">
      <c r="A1590" s="6" t="s">
        <v>792</v>
      </c>
      <c r="B1590" s="6" t="s">
        <v>176</v>
      </c>
      <c r="C1590" s="6" t="s">
        <v>177</v>
      </c>
      <c r="D1590" s="6" t="s">
        <v>145</v>
      </c>
      <c r="E1590" s="6" t="s">
        <v>286</v>
      </c>
      <c r="F1590" s="11">
        <v>-695</v>
      </c>
      <c r="G1590" s="13">
        <v>-0.350479072113</v>
      </c>
      <c r="H1590" s="11">
        <v>53.023132410000017</v>
      </c>
      <c r="I1590" s="13">
        <v>2.6744321721088201E-2</v>
      </c>
      <c r="J1590" s="11">
        <v>-375.16639710999993</v>
      </c>
      <c r="K1590" s="13">
        <v>-0.18430105877161851</v>
      </c>
      <c r="L1590" s="11">
        <v>-372.36347776000002</v>
      </c>
      <c r="M1590" s="13">
        <v>-0.22425445365341329</v>
      </c>
      <c r="N1590" s="11">
        <v>-747.52987486999996</v>
      </c>
      <c r="O1590" s="13">
        <v>-0.36722517918245678</v>
      </c>
      <c r="P1590" s="7">
        <v>1982.5940236199999</v>
      </c>
      <c r="Q1590" s="7">
        <v>1961.0344230999999</v>
      </c>
      <c r="R1590" s="7">
        <v>2038.42716752</v>
      </c>
      <c r="S1590" s="7">
        <v>2108.0850236800002</v>
      </c>
      <c r="T1590" s="7">
        <v>2094.50187706</v>
      </c>
      <c r="U1590" s="7">
        <v>2106.9079766300001</v>
      </c>
      <c r="V1590" s="7">
        <v>2035.6171560299999</v>
      </c>
      <c r="W1590" s="7">
        <v>1958.2608304</v>
      </c>
      <c r="X1590" s="7">
        <v>1833.6275267799999</v>
      </c>
      <c r="Y1590" s="7">
        <v>1660.45075892</v>
      </c>
      <c r="Z1590" s="7">
        <v>1622.97279665</v>
      </c>
      <c r="AA1590" s="7">
        <v>1606.0350014799999</v>
      </c>
      <c r="AB1590" s="7">
        <v>1392.33143204</v>
      </c>
      <c r="AC1590" s="7">
        <v>1204.1139884500001</v>
      </c>
      <c r="AD1590" s="7">
        <v>1240.4418219199999</v>
      </c>
      <c r="AE1590" s="7">
        <v>1216.94818427</v>
      </c>
      <c r="AF1590" s="7">
        <v>1288.08728116</v>
      </c>
      <c r="AG1590" s="9">
        <v>16800.662901600001</v>
      </c>
      <c r="AH1590" s="13">
        <v>0.39506240186394925</v>
      </c>
      <c r="AI1590" s="9">
        <v>8975.9674708999955</v>
      </c>
      <c r="AJ1590" s="13">
        <v>0.21106710424912595</v>
      </c>
      <c r="AK1590" s="9">
        <v>2917.382497000006</v>
      </c>
      <c r="AL1590" s="13">
        <v>5.664537381719735E-2</v>
      </c>
      <c r="AM1590" s="9">
        <v>4907.3129336999991</v>
      </c>
      <c r="AN1590" s="13">
        <v>9.0174879671799699E-2</v>
      </c>
      <c r="AO1590" s="9">
        <v>7824.6954307000051</v>
      </c>
      <c r="AP1590" s="13">
        <v>0.15192824325692694</v>
      </c>
      <c r="AQ1590" s="9">
        <v>42526.605473800002</v>
      </c>
      <c r="AR1590" s="9">
        <v>48845.991626499999</v>
      </c>
      <c r="AS1590" s="9">
        <v>44323.136488299999</v>
      </c>
      <c r="AT1590" s="9">
        <v>47128.932683599996</v>
      </c>
      <c r="AU1590" s="9">
        <v>49137.841129699998</v>
      </c>
      <c r="AV1590" s="9">
        <v>49167.092828000001</v>
      </c>
      <c r="AW1590" s="9">
        <v>51502.572944699998</v>
      </c>
      <c r="AX1590" s="9">
        <v>52537.285856800001</v>
      </c>
      <c r="AY1590" s="9">
        <v>53299.587115100003</v>
      </c>
      <c r="AZ1590" s="9">
        <v>54419.955441700004</v>
      </c>
      <c r="BA1590" s="9">
        <v>55227.816406899998</v>
      </c>
      <c r="BB1590" s="9">
        <v>54179.252583300004</v>
      </c>
      <c r="BC1590" s="9">
        <v>59908.3275115</v>
      </c>
      <c r="BD1590" s="9">
        <v>58479.614992000003</v>
      </c>
      <c r="BE1590" s="9">
        <v>58035.177006999998</v>
      </c>
      <c r="BF1590" s="9">
        <v>59327.268375400003</v>
      </c>
      <c r="BG1590" s="11">
        <v>-1</v>
      </c>
      <c r="BH1590" s="13">
        <v>-4.3478260869565216E-2</v>
      </c>
      <c r="BI1590" s="6">
        <v>0</v>
      </c>
      <c r="BJ1590" s="13">
        <v>0</v>
      </c>
      <c r="BK1590" s="6">
        <v>-2</v>
      </c>
      <c r="BL1590" s="13">
        <v>-8.6956521739130432E-2</v>
      </c>
      <c r="BM1590" s="11">
        <v>1</v>
      </c>
      <c r="BN1590" s="13">
        <v>4.7619047619047616E-2</v>
      </c>
      <c r="BO1590" s="11">
        <v>-1</v>
      </c>
      <c r="BP1590" s="13">
        <v>-4.3478260869565216E-2</v>
      </c>
      <c r="BQ1590" s="6">
        <v>23</v>
      </c>
      <c r="BR1590" s="6">
        <v>20</v>
      </c>
      <c r="BS1590" s="6">
        <v>21</v>
      </c>
      <c r="BT1590" s="6">
        <v>23</v>
      </c>
      <c r="BU1590" s="6">
        <v>23</v>
      </c>
      <c r="BV1590" s="6">
        <v>21</v>
      </c>
      <c r="BW1590" s="6">
        <v>21</v>
      </c>
      <c r="BX1590" s="6">
        <v>22</v>
      </c>
      <c r="BY1590" s="6">
        <v>23</v>
      </c>
      <c r="BZ1590" s="6">
        <v>22</v>
      </c>
      <c r="CA1590" s="6">
        <v>21</v>
      </c>
      <c r="CB1590" s="6">
        <v>22</v>
      </c>
      <c r="CC1590" s="11">
        <v>22</v>
      </c>
      <c r="CD1590" s="11">
        <v>-211.417</v>
      </c>
      <c r="CE1590" s="11">
        <v>-699.81100000000004</v>
      </c>
      <c r="CF1590" s="11">
        <v>216.721</v>
      </c>
      <c r="CG1590" s="11">
        <v>-483</v>
      </c>
      <c r="CH1590" s="20">
        <v>1.71597</v>
      </c>
      <c r="CI1590" s="20">
        <v>1.8403499999999999</v>
      </c>
      <c r="CJ1590" s="20">
        <v>1.90517</v>
      </c>
      <c r="CK1590" s="20">
        <v>2.0524499999999999</v>
      </c>
      <c r="CL1590" s="20">
        <v>2.1122999999999998</v>
      </c>
      <c r="CM1590" s="20">
        <v>2.18397</v>
      </c>
      <c r="CN1590" s="20">
        <v>2.1730700000000001</v>
      </c>
      <c r="CO1590" s="20">
        <v>2.1764999999999999</v>
      </c>
      <c r="CP1590" s="20">
        <v>2.24064</v>
      </c>
      <c r="CQ1590" s="20">
        <v>2.1543000000000001</v>
      </c>
      <c r="CR1590" s="20">
        <v>2.1316899999999999</v>
      </c>
      <c r="CS1590" s="20">
        <v>2.0607500000000001</v>
      </c>
      <c r="CT1590" s="20">
        <v>1.8748899999999999</v>
      </c>
      <c r="CU1590" s="20">
        <v>1.6827799999999999</v>
      </c>
      <c r="CV1590" s="20">
        <v>1.7259599999999999</v>
      </c>
      <c r="CW1590" s="20">
        <v>1.7044600000000001</v>
      </c>
      <c r="CX1590" s="20">
        <v>1.8054399999999999</v>
      </c>
      <c r="CY1590" s="6" t="s">
        <v>621</v>
      </c>
      <c r="CZ1590" s="6" t="s">
        <v>622</v>
      </c>
      <c r="DA1590" s="6" t="s">
        <v>145</v>
      </c>
      <c r="DB1590" s="6"/>
      <c r="DC1590" s="6">
        <v>32340</v>
      </c>
      <c r="DD1590" s="6"/>
      <c r="DE1590" s="6" t="s">
        <v>624</v>
      </c>
      <c r="DF1590" s="6" t="s">
        <v>363</v>
      </c>
      <c r="DG1590" s="6" t="s">
        <v>364</v>
      </c>
      <c r="DH1590" s="6" t="s">
        <v>365</v>
      </c>
      <c r="DI1590" s="6"/>
      <c r="DJ1590" s="6">
        <v>29</v>
      </c>
      <c r="DK1590" s="6">
        <v>147</v>
      </c>
      <c r="DL1590" s="6">
        <v>5</v>
      </c>
      <c r="DM1590" s="6" t="s">
        <v>392</v>
      </c>
      <c r="DN1590" s="6">
        <v>6</v>
      </c>
      <c r="DO1590" s="6" t="s">
        <v>393</v>
      </c>
      <c r="DP1590" s="6"/>
      <c r="DQ1590" s="6"/>
    </row>
    <row r="1591" spans="1:121" x14ac:dyDescent="0.2">
      <c r="A1591" s="6" t="s">
        <v>313</v>
      </c>
      <c r="B1591" s="6" t="s">
        <v>313</v>
      </c>
      <c r="C1591" s="6" t="s">
        <v>178</v>
      </c>
      <c r="D1591" s="6" t="s">
        <v>145</v>
      </c>
      <c r="E1591" s="6" t="s">
        <v>286</v>
      </c>
      <c r="F1591" s="11">
        <v>6</v>
      </c>
      <c r="G1591" s="13">
        <v>2.5751072961400001E-2</v>
      </c>
      <c r="H1591" s="11">
        <v>-18.291156545999996</v>
      </c>
      <c r="I1591" s="13">
        <v>-7.8478951615590806E-2</v>
      </c>
      <c r="J1591" s="11">
        <v>17.936527247000015</v>
      </c>
      <c r="K1591" s="13">
        <v>8.3511277696417086E-2</v>
      </c>
      <c r="L1591" s="11">
        <v>6.2796002369999826</v>
      </c>
      <c r="M1591" s="13">
        <v>2.6983937847775055E-2</v>
      </c>
      <c r="N1591" s="11">
        <v>24.216127483999998</v>
      </c>
      <c r="O1591" s="13">
        <v>0.11274867867114054</v>
      </c>
      <c r="P1591" s="7">
        <v>233.07085746499999</v>
      </c>
      <c r="Q1591" s="7">
        <v>194.07417662500001</v>
      </c>
      <c r="R1591" s="7">
        <v>180.51524491999999</v>
      </c>
      <c r="S1591" s="7">
        <v>200.198208937</v>
      </c>
      <c r="T1591" s="7">
        <v>211.04972903399999</v>
      </c>
      <c r="U1591" s="7">
        <v>223.19395688899999</v>
      </c>
      <c r="V1591" s="7">
        <v>214.77970091899999</v>
      </c>
      <c r="W1591" s="7">
        <v>217.82826495800001</v>
      </c>
      <c r="X1591" s="7">
        <v>202.45260055599999</v>
      </c>
      <c r="Y1591" s="7">
        <v>232.71622816600001</v>
      </c>
      <c r="Z1591" s="7">
        <v>229.81407725099999</v>
      </c>
      <c r="AA1591" s="7">
        <v>236.570261488</v>
      </c>
      <c r="AB1591" s="7">
        <v>239.80309559700001</v>
      </c>
      <c r="AC1591" s="7">
        <v>249.607958846</v>
      </c>
      <c r="AD1591" s="7">
        <v>254.83881922099999</v>
      </c>
      <c r="AE1591" s="7">
        <v>232.45009121000001</v>
      </c>
      <c r="AF1591" s="7">
        <v>238.99582840299999</v>
      </c>
      <c r="AG1591" s="9">
        <v>17892.364462900001</v>
      </c>
      <c r="AH1591" s="13">
        <v>0.69239275186344551</v>
      </c>
      <c r="AI1591" s="9">
        <v>6009.8311823000004</v>
      </c>
      <c r="AJ1591" s="13">
        <v>0.23256644247190783</v>
      </c>
      <c r="AK1591" s="9">
        <v>511.64428129999942</v>
      </c>
      <c r="AL1591" s="13">
        <v>1.6063588179110716E-2</v>
      </c>
      <c r="AM1591" s="9">
        <v>11370.888999300001</v>
      </c>
      <c r="AN1591" s="13">
        <v>0.35135648128706165</v>
      </c>
      <c r="AO1591" s="9">
        <v>11882.533280600001</v>
      </c>
      <c r="AP1591" s="13">
        <v>0.37306411528562911</v>
      </c>
      <c r="AQ1591" s="9">
        <v>25841.351479699999</v>
      </c>
      <c r="AR1591" s="9">
        <v>27112.9625676</v>
      </c>
      <c r="AS1591" s="9">
        <v>27928.1998432</v>
      </c>
      <c r="AT1591" s="9">
        <v>29485.5625674</v>
      </c>
      <c r="AU1591" s="9">
        <v>30501.1928443</v>
      </c>
      <c r="AV1591" s="9">
        <v>30851.8753196</v>
      </c>
      <c r="AW1591" s="9">
        <v>31851.182661999999</v>
      </c>
      <c r="AX1591" s="9">
        <v>32973.411740000003</v>
      </c>
      <c r="AY1591" s="9">
        <v>35755.796306700002</v>
      </c>
      <c r="AZ1591" s="9">
        <v>32362.826943299999</v>
      </c>
      <c r="BA1591" s="9">
        <v>35353.465453199999</v>
      </c>
      <c r="BB1591" s="9">
        <v>37121.367131300001</v>
      </c>
      <c r="BC1591" s="9">
        <v>44846.7286876</v>
      </c>
      <c r="BD1591" s="9">
        <v>39211.140747400001</v>
      </c>
      <c r="BE1591" s="9">
        <v>41352.984027600003</v>
      </c>
      <c r="BF1591" s="9">
        <v>43733.7159426</v>
      </c>
      <c r="BG1591" s="11">
        <v>-2.5</v>
      </c>
      <c r="BH1591" s="13">
        <v>-7.8125E-2</v>
      </c>
      <c r="BI1591" s="6">
        <v>-3</v>
      </c>
      <c r="BJ1591" s="13">
        <v>-9.375E-2</v>
      </c>
      <c r="BK1591" s="6">
        <v>-1</v>
      </c>
      <c r="BL1591" s="13">
        <v>-3.4482758620689655E-2</v>
      </c>
      <c r="BM1591" s="11">
        <v>1.5</v>
      </c>
      <c r="BN1591" s="13">
        <v>5.3571428571428568E-2</v>
      </c>
      <c r="BO1591" s="11">
        <v>0.5</v>
      </c>
      <c r="BP1591" s="13">
        <v>1.7241379310344827E-2</v>
      </c>
      <c r="BQ1591" s="6">
        <v>32</v>
      </c>
      <c r="BR1591" s="6">
        <v>31</v>
      </c>
      <c r="BS1591" s="6">
        <v>30</v>
      </c>
      <c r="BT1591" s="6">
        <v>29</v>
      </c>
      <c r="BU1591" s="6">
        <v>28</v>
      </c>
      <c r="BV1591" s="6">
        <v>27</v>
      </c>
      <c r="BW1591" s="6">
        <v>28</v>
      </c>
      <c r="BX1591" s="6">
        <v>26</v>
      </c>
      <c r="BY1591" s="6">
        <v>26</v>
      </c>
      <c r="BZ1591" s="6">
        <v>25</v>
      </c>
      <c r="CA1591" s="6">
        <v>27</v>
      </c>
      <c r="CB1591" s="6">
        <v>29</v>
      </c>
      <c r="CC1591" s="11">
        <v>29.5</v>
      </c>
      <c r="CD1591" s="11">
        <v>-0.49485400000000002</v>
      </c>
      <c r="CE1591" s="11">
        <v>-19.057600000000001</v>
      </c>
      <c r="CF1591" s="11">
        <v>25.477499999999999</v>
      </c>
      <c r="CG1591" s="11">
        <v>6</v>
      </c>
      <c r="CH1591" s="20">
        <v>0.566523</v>
      </c>
      <c r="CI1591" s="20">
        <v>0.48578900000000003</v>
      </c>
      <c r="CJ1591" s="20">
        <v>0.43016599999999999</v>
      </c>
      <c r="CK1591" s="20">
        <v>0.485207</v>
      </c>
      <c r="CL1591" s="20">
        <v>0.51727199999999995</v>
      </c>
      <c r="CM1591" s="20">
        <v>0.54706699999999997</v>
      </c>
      <c r="CN1591" s="20">
        <v>0.52296500000000001</v>
      </c>
      <c r="CO1591" s="20">
        <v>0.53806100000000001</v>
      </c>
      <c r="CP1591" s="20">
        <v>0.51973199999999997</v>
      </c>
      <c r="CQ1591" s="20">
        <v>0.62799000000000005</v>
      </c>
      <c r="CR1591" s="20">
        <v>0.63057700000000005</v>
      </c>
      <c r="CS1591" s="20">
        <v>0.63338899999999998</v>
      </c>
      <c r="CT1591" s="20">
        <v>0.66997300000000004</v>
      </c>
      <c r="CU1591" s="20">
        <v>0.72465400000000002</v>
      </c>
      <c r="CV1591" s="20">
        <v>0.73707999999999996</v>
      </c>
      <c r="CW1591" s="20">
        <v>0.67851499999999998</v>
      </c>
      <c r="CX1591" s="20">
        <v>0.69246200000000002</v>
      </c>
      <c r="CY1591" s="6" t="s">
        <v>621</v>
      </c>
      <c r="CZ1591" s="6" t="s">
        <v>622</v>
      </c>
      <c r="DA1591" s="6" t="s">
        <v>145</v>
      </c>
      <c r="DB1591" s="6"/>
      <c r="DC1591" s="6">
        <v>32340</v>
      </c>
      <c r="DD1591" s="6"/>
      <c r="DE1591" s="6" t="s">
        <v>624</v>
      </c>
      <c r="DF1591" s="6" t="s">
        <v>363</v>
      </c>
      <c r="DG1591" s="6" t="s">
        <v>364</v>
      </c>
      <c r="DH1591" s="6" t="s">
        <v>365</v>
      </c>
      <c r="DI1591" s="6"/>
      <c r="DJ1591" s="6">
        <v>29</v>
      </c>
      <c r="DK1591" s="6">
        <v>147</v>
      </c>
      <c r="DL1591" s="6">
        <v>5</v>
      </c>
      <c r="DM1591" s="6" t="s">
        <v>392</v>
      </c>
      <c r="DN1591" s="6">
        <v>6</v>
      </c>
      <c r="DO1591" s="6" t="s">
        <v>393</v>
      </c>
      <c r="DP1591" s="6"/>
      <c r="DQ1591" s="6"/>
    </row>
    <row r="1592" spans="1:121" x14ac:dyDescent="0.2">
      <c r="A1592" s="6" t="s">
        <v>793</v>
      </c>
      <c r="B1592" s="6" t="s">
        <v>179</v>
      </c>
      <c r="C1592" s="6" t="s">
        <v>180</v>
      </c>
      <c r="D1592" s="6" t="s">
        <v>145</v>
      </c>
      <c r="E1592" s="6" t="s">
        <v>286</v>
      </c>
      <c r="F1592" s="11">
        <v>17</v>
      </c>
      <c r="G1592" s="13">
        <v>0.01</v>
      </c>
      <c r="H1592" s="11">
        <v>-37</v>
      </c>
      <c r="I1592" s="13">
        <v>-3.1678082191780824E-2</v>
      </c>
      <c r="J1592" s="11">
        <v>-8</v>
      </c>
      <c r="K1592" s="13">
        <v>-7.073386383731211E-3</v>
      </c>
      <c r="L1592" s="11">
        <v>62</v>
      </c>
      <c r="M1592" s="13">
        <v>5.5209260908281391E-2</v>
      </c>
      <c r="N1592" s="11">
        <v>54</v>
      </c>
      <c r="O1592" s="13">
        <v>4.7745358090185673E-2</v>
      </c>
      <c r="P1592" s="7">
        <v>1168</v>
      </c>
      <c r="Q1592" s="7">
        <v>1151</v>
      </c>
      <c r="R1592" s="7">
        <v>1167</v>
      </c>
      <c r="S1592" s="7">
        <v>1187</v>
      </c>
      <c r="T1592" s="7">
        <v>1194</v>
      </c>
      <c r="U1592" s="7">
        <v>1185</v>
      </c>
      <c r="V1592" s="7">
        <v>1131</v>
      </c>
      <c r="W1592" s="7">
        <v>1134</v>
      </c>
      <c r="X1592" s="7">
        <v>1163</v>
      </c>
      <c r="Y1592" s="7">
        <v>1123</v>
      </c>
      <c r="Z1592" s="7">
        <v>1118</v>
      </c>
      <c r="AA1592" s="7">
        <v>1092</v>
      </c>
      <c r="AB1592" s="7">
        <v>1066</v>
      </c>
      <c r="AC1592" s="7">
        <v>1074</v>
      </c>
      <c r="AD1592" s="7">
        <v>1132</v>
      </c>
      <c r="AE1592" s="7">
        <v>1173</v>
      </c>
      <c r="AF1592" s="7">
        <v>1185</v>
      </c>
      <c r="AG1592" s="9">
        <v>8150</v>
      </c>
      <c r="AH1592" s="13">
        <v>0.45459616242748774</v>
      </c>
      <c r="AI1592" s="9">
        <v>2490</v>
      </c>
      <c r="AJ1592" s="13">
        <v>0.1388888888888889</v>
      </c>
      <c r="AK1592" s="9">
        <v>1452</v>
      </c>
      <c r="AL1592" s="13">
        <v>7.1113723185424624E-2</v>
      </c>
      <c r="AM1592" s="9">
        <v>4208</v>
      </c>
      <c r="AN1592" s="13">
        <v>0.19240969364426155</v>
      </c>
      <c r="AO1592" s="9">
        <v>5660</v>
      </c>
      <c r="AP1592" s="13">
        <v>0.27720638652169655</v>
      </c>
      <c r="AQ1592" s="9">
        <v>17928</v>
      </c>
      <c r="AR1592" s="9">
        <v>18939</v>
      </c>
      <c r="AS1592" s="9">
        <v>19184</v>
      </c>
      <c r="AT1592" s="9">
        <v>18988</v>
      </c>
      <c r="AU1592" s="9">
        <v>19657</v>
      </c>
      <c r="AV1592" s="9">
        <v>20007</v>
      </c>
      <c r="AW1592" s="9">
        <v>20418</v>
      </c>
      <c r="AX1592" s="9">
        <v>20927</v>
      </c>
      <c r="AY1592" s="9">
        <v>21315</v>
      </c>
      <c r="AZ1592" s="9">
        <v>21870</v>
      </c>
      <c r="BA1592" s="9">
        <v>22480</v>
      </c>
      <c r="BB1592" s="9">
        <v>23161</v>
      </c>
      <c r="BC1592" s="9">
        <v>23883</v>
      </c>
      <c r="BD1592" s="9">
        <v>24749</v>
      </c>
      <c r="BE1592" s="9">
        <v>25608</v>
      </c>
      <c r="BF1592" s="9">
        <v>26078</v>
      </c>
      <c r="BG1592" s="11">
        <v>-10</v>
      </c>
      <c r="BH1592" s="13">
        <v>-0.12658227848101267</v>
      </c>
      <c r="BI1592" s="6">
        <v>-10</v>
      </c>
      <c r="BJ1592" s="13">
        <v>-0.12658227848101267</v>
      </c>
      <c r="BK1592" s="6">
        <v>-2</v>
      </c>
      <c r="BL1592" s="13">
        <v>-2.8985507246376812E-2</v>
      </c>
      <c r="BM1592" s="11">
        <v>2</v>
      </c>
      <c r="BN1592" s="13">
        <v>2.9850746268656716E-2</v>
      </c>
      <c r="BO1592" s="11">
        <v>0</v>
      </c>
      <c r="BP1592" s="13">
        <v>0</v>
      </c>
      <c r="BQ1592" s="6">
        <v>79</v>
      </c>
      <c r="BR1592" s="6">
        <v>80</v>
      </c>
      <c r="BS1592" s="6">
        <v>77</v>
      </c>
      <c r="BT1592" s="6">
        <v>69</v>
      </c>
      <c r="BU1592" s="6">
        <v>70</v>
      </c>
      <c r="BV1592" s="6">
        <v>67</v>
      </c>
      <c r="BW1592" s="6">
        <v>67</v>
      </c>
      <c r="BX1592" s="6">
        <v>65</v>
      </c>
      <c r="BY1592" s="6">
        <v>61</v>
      </c>
      <c r="BZ1592" s="6">
        <v>61</v>
      </c>
      <c r="CA1592" s="6">
        <v>63</v>
      </c>
      <c r="CB1592" s="6">
        <v>70</v>
      </c>
      <c r="CC1592" s="11">
        <v>69</v>
      </c>
      <c r="CD1592" s="11">
        <v>-36</v>
      </c>
      <c r="CE1592" s="11">
        <v>-75</v>
      </c>
      <c r="CF1592" s="11">
        <v>128</v>
      </c>
      <c r="CG1592" s="11">
        <v>53</v>
      </c>
      <c r="CH1592" s="20">
        <v>1.06</v>
      </c>
      <c r="CI1592" s="20">
        <v>1.05</v>
      </c>
      <c r="CJ1592" s="20">
        <v>1.02</v>
      </c>
      <c r="CK1592" s="20">
        <v>1.06</v>
      </c>
      <c r="CL1592" s="20">
        <v>1.0900000000000001</v>
      </c>
      <c r="CM1592" s="20">
        <v>1.0900000000000001</v>
      </c>
      <c r="CN1592" s="20">
        <v>1.05</v>
      </c>
      <c r="CO1592" s="20">
        <v>1.07</v>
      </c>
      <c r="CP1592" s="20">
        <v>1.1200000000000001</v>
      </c>
      <c r="CQ1592" s="20">
        <v>1.1299999999999999</v>
      </c>
      <c r="CR1592" s="20">
        <v>1.1399999999999999</v>
      </c>
      <c r="CS1592" s="20">
        <v>1.1000000000000001</v>
      </c>
      <c r="CT1592" s="20">
        <v>1.1200000000000001</v>
      </c>
      <c r="CU1592" s="20">
        <v>1.1599999999999999</v>
      </c>
      <c r="CV1592" s="20">
        <v>1.21</v>
      </c>
      <c r="CW1592" s="20">
        <v>1.25</v>
      </c>
      <c r="CX1592" s="20">
        <v>1.26</v>
      </c>
      <c r="CY1592" s="6" t="s">
        <v>621</v>
      </c>
      <c r="CZ1592" s="6" t="s">
        <v>622</v>
      </c>
      <c r="DA1592" s="6" t="s">
        <v>145</v>
      </c>
      <c r="DB1592" s="6"/>
      <c r="DC1592" s="6">
        <v>32340</v>
      </c>
      <c r="DD1592" s="6"/>
      <c r="DE1592" s="6" t="s">
        <v>624</v>
      </c>
      <c r="DF1592" s="6" t="s">
        <v>363</v>
      </c>
      <c r="DG1592" s="6" t="s">
        <v>364</v>
      </c>
      <c r="DH1592" s="6" t="s">
        <v>365</v>
      </c>
      <c r="DI1592" s="6"/>
      <c r="DJ1592" s="6">
        <v>29</v>
      </c>
      <c r="DK1592" s="6">
        <v>147</v>
      </c>
      <c r="DL1592" s="6">
        <v>5</v>
      </c>
      <c r="DM1592" s="6" t="s">
        <v>392</v>
      </c>
      <c r="DN1592" s="6">
        <v>6</v>
      </c>
      <c r="DO1592" s="6" t="s">
        <v>393</v>
      </c>
      <c r="DP1592" s="6"/>
      <c r="DQ1592" s="6"/>
    </row>
    <row r="1593" spans="1:121" x14ac:dyDescent="0.2">
      <c r="A1593" s="6" t="s">
        <v>794</v>
      </c>
      <c r="B1593" s="6" t="s">
        <v>181</v>
      </c>
      <c r="C1593" s="6" t="s">
        <v>182</v>
      </c>
      <c r="D1593" s="6" t="s">
        <v>145</v>
      </c>
      <c r="E1593" s="6" t="s">
        <v>286</v>
      </c>
      <c r="F1593" s="11">
        <v>-41</v>
      </c>
      <c r="G1593" s="13">
        <v>-0.28873239436600001</v>
      </c>
      <c r="H1593" s="11">
        <v>-44.407154677000008</v>
      </c>
      <c r="I1593" s="13">
        <v>-0.31337167124412968</v>
      </c>
      <c r="J1593" s="11">
        <v>-11.04378402670001</v>
      </c>
      <c r="K1593" s="13">
        <v>-0.1135018587923928</v>
      </c>
      <c r="L1593" s="11">
        <v>15.192922112700003</v>
      </c>
      <c r="M1593" s="13">
        <v>0.17613617101202331</v>
      </c>
      <c r="N1593" s="11">
        <v>4.1491380859999936</v>
      </c>
      <c r="O1593" s="13">
        <v>4.264252940919111E-2</v>
      </c>
      <c r="P1593" s="7">
        <v>141.70762309400001</v>
      </c>
      <c r="Q1593" s="7">
        <v>100.377288617</v>
      </c>
      <c r="R1593" s="7">
        <v>117.93981956499999</v>
      </c>
      <c r="S1593" s="7">
        <v>121.44522875299999</v>
      </c>
      <c r="T1593" s="7">
        <v>139.41572357800001</v>
      </c>
      <c r="U1593" s="7">
        <v>119.56442428</v>
      </c>
      <c r="V1593" s="7">
        <v>97.300468417000005</v>
      </c>
      <c r="W1593" s="7">
        <v>91.351292031100002</v>
      </c>
      <c r="X1593" s="7">
        <v>98.337106754000004</v>
      </c>
      <c r="Y1593" s="7">
        <v>86.256684390299995</v>
      </c>
      <c r="Z1593" s="7">
        <v>88.153882330299993</v>
      </c>
      <c r="AA1593" s="7">
        <v>90.080125060100002</v>
      </c>
      <c r="AB1593" s="7">
        <v>98.510891384499999</v>
      </c>
      <c r="AC1593" s="7">
        <v>91.289859485199997</v>
      </c>
      <c r="AD1593" s="7">
        <v>97.628394125400007</v>
      </c>
      <c r="AE1593" s="7">
        <v>100.617618769</v>
      </c>
      <c r="AF1593" s="7">
        <v>101.449606503</v>
      </c>
      <c r="AG1593" s="9">
        <v>6633.6201828000012</v>
      </c>
      <c r="AH1593" s="13">
        <v>0.27791254897908291</v>
      </c>
      <c r="AI1593" s="9">
        <v>4947.1132743000016</v>
      </c>
      <c r="AJ1593" s="13">
        <v>0.20725709676803503</v>
      </c>
      <c r="AK1593" s="9">
        <v>-1137.3794564000018</v>
      </c>
      <c r="AL1593" s="13">
        <v>-3.9469640286444653E-2</v>
      </c>
      <c r="AM1593" s="9">
        <v>2823.8863649000014</v>
      </c>
      <c r="AN1593" s="13">
        <v>0.10202201782353644</v>
      </c>
      <c r="AO1593" s="9">
        <v>1686.5069084999996</v>
      </c>
      <c r="AP1593" s="13">
        <v>5.8525605192299573E-2</v>
      </c>
      <c r="AQ1593" s="9">
        <v>23869.451765199999</v>
      </c>
      <c r="AR1593" s="9">
        <v>23457.767646299999</v>
      </c>
      <c r="AS1593" s="9">
        <v>25026.239317899999</v>
      </c>
      <c r="AT1593" s="9">
        <v>24776.778642500001</v>
      </c>
      <c r="AU1593" s="9">
        <v>25403.140958399999</v>
      </c>
      <c r="AV1593" s="9">
        <v>27710.390617900001</v>
      </c>
      <c r="AW1593" s="9">
        <v>28816.565039500001</v>
      </c>
      <c r="AX1593" s="9">
        <v>29081.129139199998</v>
      </c>
      <c r="AY1593" s="9">
        <v>28756.680555499999</v>
      </c>
      <c r="AZ1593" s="9">
        <v>27679.185583099999</v>
      </c>
      <c r="BA1593" s="9">
        <v>30472.4986876</v>
      </c>
      <c r="BB1593" s="9">
        <v>30370.0731839</v>
      </c>
      <c r="BC1593" s="9">
        <v>28654.760645999999</v>
      </c>
      <c r="BD1593" s="9">
        <v>30770.788771899999</v>
      </c>
      <c r="BE1593" s="9">
        <v>30553.478133600001</v>
      </c>
      <c r="BF1593" s="9">
        <v>30503.071948000001</v>
      </c>
      <c r="BG1593" s="11">
        <v>-6.75</v>
      </c>
      <c r="BH1593" s="13">
        <v>-0.35526315789473684</v>
      </c>
      <c r="BI1593" s="6">
        <v>0</v>
      </c>
      <c r="BJ1593" s="13">
        <v>0</v>
      </c>
      <c r="BK1593" s="6">
        <v>-4</v>
      </c>
      <c r="BL1593" s="13">
        <v>-0.21052631578947367</v>
      </c>
      <c r="BM1593" s="11">
        <v>-2.75</v>
      </c>
      <c r="BN1593" s="13">
        <v>-0.18333333333333332</v>
      </c>
      <c r="BO1593" s="11">
        <v>-6.75</v>
      </c>
      <c r="BP1593" s="13">
        <v>-0.35526315789473684</v>
      </c>
      <c r="BQ1593" s="6">
        <v>19</v>
      </c>
      <c r="BR1593" s="6">
        <v>18</v>
      </c>
      <c r="BS1593" s="6">
        <v>18</v>
      </c>
      <c r="BT1593" s="6">
        <v>19</v>
      </c>
      <c r="BU1593" s="6">
        <v>17</v>
      </c>
      <c r="BV1593" s="6">
        <v>17</v>
      </c>
      <c r="BW1593" s="6">
        <v>15</v>
      </c>
      <c r="BX1593" s="6">
        <v>17</v>
      </c>
      <c r="BY1593" s="6">
        <v>17</v>
      </c>
      <c r="BZ1593" s="6">
        <v>15</v>
      </c>
      <c r="CA1593" s="6">
        <v>12</v>
      </c>
      <c r="CB1593" s="6">
        <v>13</v>
      </c>
      <c r="CC1593" s="11">
        <v>12.25</v>
      </c>
      <c r="CD1593" s="11">
        <v>-64.680300000000003</v>
      </c>
      <c r="CE1593" s="11">
        <v>8.9318899999999992</v>
      </c>
      <c r="CF1593" s="11">
        <v>15.4903</v>
      </c>
      <c r="CG1593" s="11">
        <v>24</v>
      </c>
      <c r="CH1593" s="20">
        <v>0.43512499999999998</v>
      </c>
      <c r="CI1593" s="20">
        <v>0.32009300000000002</v>
      </c>
      <c r="CJ1593" s="20">
        <v>0.35880299999999998</v>
      </c>
      <c r="CK1593" s="20">
        <v>0.37214999999999998</v>
      </c>
      <c r="CL1593" s="20">
        <v>0.42944500000000002</v>
      </c>
      <c r="CM1593" s="20">
        <v>0.367257</v>
      </c>
      <c r="CN1593" s="20">
        <v>0.29625800000000002</v>
      </c>
      <c r="CO1593" s="20">
        <v>0.28219899999999998</v>
      </c>
      <c r="CP1593" s="20">
        <v>0.31479499999999999</v>
      </c>
      <c r="CQ1593" s="20">
        <v>0.28849900000000001</v>
      </c>
      <c r="CR1593" s="20">
        <v>0.29591200000000001</v>
      </c>
      <c r="CS1593" s="20">
        <v>0.29390100000000002</v>
      </c>
      <c r="CT1593" s="20">
        <v>0.33337699999999998</v>
      </c>
      <c r="CU1593" s="20">
        <v>0.31387399999999999</v>
      </c>
      <c r="CV1593" s="20">
        <v>0.322965</v>
      </c>
      <c r="CW1593" s="20">
        <v>0.32733099999999998</v>
      </c>
      <c r="CX1593" s="20">
        <v>0.325457</v>
      </c>
      <c r="CY1593" s="6" t="s">
        <v>621</v>
      </c>
      <c r="CZ1593" s="6" t="s">
        <v>622</v>
      </c>
      <c r="DA1593" s="6" t="s">
        <v>145</v>
      </c>
      <c r="DB1593" s="6"/>
      <c r="DC1593" s="6">
        <v>32340</v>
      </c>
      <c r="DD1593" s="6"/>
      <c r="DE1593" s="6" t="s">
        <v>624</v>
      </c>
      <c r="DF1593" s="6" t="s">
        <v>363</v>
      </c>
      <c r="DG1593" s="6" t="s">
        <v>364</v>
      </c>
      <c r="DH1593" s="6" t="s">
        <v>365</v>
      </c>
      <c r="DI1593" s="6"/>
      <c r="DJ1593" s="6">
        <v>29</v>
      </c>
      <c r="DK1593" s="6">
        <v>147</v>
      </c>
      <c r="DL1593" s="6">
        <v>5</v>
      </c>
      <c r="DM1593" s="6" t="s">
        <v>392</v>
      </c>
      <c r="DN1593" s="6">
        <v>6</v>
      </c>
      <c r="DO1593" s="6" t="s">
        <v>393</v>
      </c>
      <c r="DP1593" s="6"/>
      <c r="DQ1593" s="6"/>
    </row>
    <row r="1594" spans="1:121" x14ac:dyDescent="0.2">
      <c r="A1594" s="6" t="s">
        <v>314</v>
      </c>
      <c r="B1594" s="6" t="s">
        <v>314</v>
      </c>
      <c r="C1594" s="6" t="s">
        <v>183</v>
      </c>
      <c r="D1594" s="6" t="s">
        <v>145</v>
      </c>
      <c r="E1594" s="6" t="s">
        <v>286</v>
      </c>
      <c r="F1594" s="11">
        <v>-10</v>
      </c>
      <c r="G1594" s="13">
        <v>-0.112359550562</v>
      </c>
      <c r="H1594" s="11">
        <v>46.550195911700001</v>
      </c>
      <c r="I1594" s="13">
        <v>0.52241351622090482</v>
      </c>
      <c r="J1594" s="11">
        <v>-7.4748832079999943</v>
      </c>
      <c r="K1594" s="13">
        <v>-5.5101658648267986E-2</v>
      </c>
      <c r="L1594" s="11">
        <v>-49.040802203500007</v>
      </c>
      <c r="M1594" s="13">
        <v>-0.38258922942862739</v>
      </c>
      <c r="N1594" s="11">
        <v>-56.515685411500002</v>
      </c>
      <c r="O1594" s="13">
        <v>-0.41660958695441519</v>
      </c>
      <c r="P1594" s="7">
        <v>89.1060328003</v>
      </c>
      <c r="Q1594" s="7">
        <v>108.20322804</v>
      </c>
      <c r="R1594" s="7">
        <v>141.40164566600001</v>
      </c>
      <c r="S1594" s="7">
        <v>136.860355075</v>
      </c>
      <c r="T1594" s="7">
        <v>123.278343588</v>
      </c>
      <c r="U1594" s="7">
        <v>124.15239915799999</v>
      </c>
      <c r="V1594" s="7">
        <v>135.656228712</v>
      </c>
      <c r="W1594" s="7">
        <v>135.10780070800001</v>
      </c>
      <c r="X1594" s="7">
        <v>128.79180678700001</v>
      </c>
      <c r="Y1594" s="7">
        <v>128.18134550400001</v>
      </c>
      <c r="Z1594" s="7">
        <v>125.496241654</v>
      </c>
      <c r="AA1594" s="7">
        <v>115.993672</v>
      </c>
      <c r="AB1594" s="7">
        <v>100.964831</v>
      </c>
      <c r="AC1594" s="7">
        <v>86.339624059000002</v>
      </c>
      <c r="AD1594" s="7">
        <v>77.9990541003</v>
      </c>
      <c r="AE1594" s="7">
        <v>83.620545306099999</v>
      </c>
      <c r="AF1594" s="7">
        <v>79.140543300499999</v>
      </c>
      <c r="AG1594" s="9">
        <v>8485.8617446999997</v>
      </c>
      <c r="AH1594" s="13">
        <v>0.24463853099052399</v>
      </c>
      <c r="AI1594" s="9">
        <v>-6544.3636275999997</v>
      </c>
      <c r="AJ1594" s="13">
        <v>-0.18866716808387984</v>
      </c>
      <c r="AK1594" s="9">
        <v>4990.4443204999952</v>
      </c>
      <c r="AL1594" s="13">
        <v>0.17732463398621298</v>
      </c>
      <c r="AM1594" s="9">
        <v>10039.781051800004</v>
      </c>
      <c r="AN1594" s="13">
        <v>0.30301063273672108</v>
      </c>
      <c r="AO1594" s="9">
        <v>15030.225372299999</v>
      </c>
      <c r="AP1594" s="13">
        <v>0.53406651626690393</v>
      </c>
      <c r="AQ1594" s="9">
        <v>34687.347534100001</v>
      </c>
      <c r="AR1594" s="9">
        <v>32603.926526399999</v>
      </c>
      <c r="AS1594" s="9">
        <v>25659.0045427</v>
      </c>
      <c r="AT1594" s="9">
        <v>26975.756334199999</v>
      </c>
      <c r="AU1594" s="9">
        <v>28331.6129554</v>
      </c>
      <c r="AV1594" s="9">
        <v>29639.502135800001</v>
      </c>
      <c r="AW1594" s="9">
        <v>28142.983906500001</v>
      </c>
      <c r="AX1594" s="9">
        <v>29657.868402</v>
      </c>
      <c r="AY1594" s="9">
        <v>33265.457512399997</v>
      </c>
      <c r="AZ1594" s="9">
        <v>33133.428226999997</v>
      </c>
      <c r="BA1594" s="9">
        <v>34648.944140400003</v>
      </c>
      <c r="BB1594" s="9">
        <v>40602.847758099997</v>
      </c>
      <c r="BC1594" s="9">
        <v>38953.2274168</v>
      </c>
      <c r="BD1594" s="9">
        <v>40312.078313400001</v>
      </c>
      <c r="BE1594" s="9">
        <v>43238.791274800002</v>
      </c>
      <c r="BF1594" s="9">
        <v>43173.209278800001</v>
      </c>
      <c r="BG1594" s="11">
        <v>-1</v>
      </c>
      <c r="BH1594" s="13">
        <v>-8.3333333333333329E-2</v>
      </c>
      <c r="BI1594" s="6">
        <v>2</v>
      </c>
      <c r="BJ1594" s="13">
        <v>0.16666666666666666</v>
      </c>
      <c r="BK1594" s="6">
        <v>-2</v>
      </c>
      <c r="BL1594" s="13">
        <v>-0.14285714285714285</v>
      </c>
      <c r="BM1594" s="11">
        <v>-1</v>
      </c>
      <c r="BN1594" s="13">
        <v>-8.3333333333333329E-2</v>
      </c>
      <c r="BO1594" s="11">
        <v>-3</v>
      </c>
      <c r="BP1594" s="13">
        <v>-0.21428571428571427</v>
      </c>
      <c r="BQ1594" s="6">
        <v>12</v>
      </c>
      <c r="BR1594" s="6">
        <v>12</v>
      </c>
      <c r="BS1594" s="6">
        <v>14</v>
      </c>
      <c r="BT1594" s="6">
        <v>14</v>
      </c>
      <c r="BU1594" s="6">
        <v>14</v>
      </c>
      <c r="BV1594" s="6">
        <v>12</v>
      </c>
      <c r="BW1594" s="6">
        <v>12</v>
      </c>
      <c r="BX1594" s="6">
        <v>12</v>
      </c>
      <c r="BY1594" s="6">
        <v>12</v>
      </c>
      <c r="BZ1594" s="6">
        <v>12</v>
      </c>
      <c r="CA1594" s="6">
        <v>11</v>
      </c>
      <c r="CB1594" s="6">
        <v>11</v>
      </c>
      <c r="CC1594" s="11">
        <v>11</v>
      </c>
      <c r="CD1594" s="11">
        <v>7.5864799999999999</v>
      </c>
      <c r="CE1594" s="11">
        <v>-27.292300000000001</v>
      </c>
      <c r="CF1594" s="11">
        <v>9.7403600000000008</v>
      </c>
      <c r="CG1594" s="11">
        <v>-17</v>
      </c>
      <c r="CH1594" s="20">
        <v>0.34744700000000001</v>
      </c>
      <c r="CI1594" s="20">
        <v>0.45052999999999999</v>
      </c>
      <c r="CJ1594" s="20">
        <v>0.58649300000000004</v>
      </c>
      <c r="CK1594" s="20">
        <v>0.59596400000000005</v>
      </c>
      <c r="CL1594" s="20">
        <v>0.56007899999999999</v>
      </c>
      <c r="CM1594" s="20">
        <v>0.57921999999999996</v>
      </c>
      <c r="CN1594" s="20">
        <v>0.64172200000000001</v>
      </c>
      <c r="CO1594" s="20">
        <v>0.65408299999999997</v>
      </c>
      <c r="CP1594" s="20">
        <v>0.64305500000000004</v>
      </c>
      <c r="CQ1594" s="20">
        <v>0.68589900000000004</v>
      </c>
      <c r="CR1594" s="20">
        <v>0.699048</v>
      </c>
      <c r="CS1594" s="20">
        <v>0.64068700000000001</v>
      </c>
      <c r="CT1594" s="20">
        <v>0.58444600000000002</v>
      </c>
      <c r="CU1594" s="20">
        <v>0.51866999999999996</v>
      </c>
      <c r="CV1594" s="20">
        <v>0.46729799999999999</v>
      </c>
      <c r="CW1594" s="20">
        <v>0.49803500000000001</v>
      </c>
      <c r="CX1594" s="20">
        <v>0.47068399999999999</v>
      </c>
      <c r="CY1594" s="6" t="s">
        <v>621</v>
      </c>
      <c r="CZ1594" s="6" t="s">
        <v>622</v>
      </c>
      <c r="DA1594" s="6" t="s">
        <v>145</v>
      </c>
      <c r="DB1594" s="6"/>
      <c r="DC1594" s="6">
        <v>32340</v>
      </c>
      <c r="DD1594" s="6"/>
      <c r="DE1594" s="6" t="s">
        <v>624</v>
      </c>
      <c r="DF1594" s="6" t="s">
        <v>363</v>
      </c>
      <c r="DG1594" s="6" t="s">
        <v>364</v>
      </c>
      <c r="DH1594" s="6" t="s">
        <v>365</v>
      </c>
      <c r="DI1594" s="6"/>
      <c r="DJ1594" s="6">
        <v>29</v>
      </c>
      <c r="DK1594" s="6">
        <v>147</v>
      </c>
      <c r="DL1594" s="6">
        <v>5</v>
      </c>
      <c r="DM1594" s="6" t="s">
        <v>392</v>
      </c>
      <c r="DN1594" s="6">
        <v>6</v>
      </c>
      <c r="DO1594" s="6" t="s">
        <v>393</v>
      </c>
      <c r="DP1594" s="6"/>
      <c r="DQ1594" s="6"/>
    </row>
    <row r="1595" spans="1:121" x14ac:dyDescent="0.2">
      <c r="A1595" s="6" t="s">
        <v>315</v>
      </c>
      <c r="B1595" s="6" t="s">
        <v>315</v>
      </c>
      <c r="C1595" s="6" t="s">
        <v>184</v>
      </c>
      <c r="D1595" s="6" t="s">
        <v>145</v>
      </c>
      <c r="E1595" s="6" t="s">
        <v>286</v>
      </c>
      <c r="F1595" s="11">
        <v>-56</v>
      </c>
      <c r="G1595" s="13">
        <v>-0.22</v>
      </c>
      <c r="H1595" s="11">
        <v>76</v>
      </c>
      <c r="I1595" s="13">
        <v>0.30278884462151395</v>
      </c>
      <c r="J1595" s="11">
        <v>-31</v>
      </c>
      <c r="K1595" s="13">
        <v>-9.4801223241590196E-2</v>
      </c>
      <c r="L1595" s="11">
        <v>-101</v>
      </c>
      <c r="M1595" s="13">
        <v>-0.34121621621621623</v>
      </c>
      <c r="N1595" s="11">
        <v>-132</v>
      </c>
      <c r="O1595" s="13">
        <v>-0.40366972477064222</v>
      </c>
      <c r="P1595" s="7">
        <v>251</v>
      </c>
      <c r="Q1595" s="7">
        <v>288</v>
      </c>
      <c r="R1595" s="7">
        <v>301</v>
      </c>
      <c r="S1595" s="7">
        <v>313</v>
      </c>
      <c r="T1595" s="7">
        <v>310</v>
      </c>
      <c r="U1595" s="7">
        <v>309</v>
      </c>
      <c r="V1595" s="7">
        <v>327</v>
      </c>
      <c r="W1595" s="7">
        <v>337</v>
      </c>
      <c r="X1595" s="7">
        <v>348</v>
      </c>
      <c r="Y1595" s="7">
        <v>296</v>
      </c>
      <c r="Z1595" s="7">
        <v>189</v>
      </c>
      <c r="AA1595" s="7">
        <v>188</v>
      </c>
      <c r="AB1595" s="7">
        <v>214</v>
      </c>
      <c r="AC1595" s="7">
        <v>212</v>
      </c>
      <c r="AD1595" s="7">
        <v>201</v>
      </c>
      <c r="AE1595" s="7">
        <v>203</v>
      </c>
      <c r="AF1595" s="7">
        <v>195</v>
      </c>
      <c r="AG1595" s="9">
        <v>18359</v>
      </c>
      <c r="AH1595" s="13">
        <v>0.47225723472668818</v>
      </c>
      <c r="AI1595" s="9">
        <v>9059</v>
      </c>
      <c r="AJ1595" s="13">
        <v>0.23302893890675239</v>
      </c>
      <c r="AK1595" s="9">
        <v>7765</v>
      </c>
      <c r="AL1595" s="13">
        <v>0.16199357449826846</v>
      </c>
      <c r="AM1595" s="9">
        <v>1535</v>
      </c>
      <c r="AN1595" s="13">
        <v>2.7558843067200488E-2</v>
      </c>
      <c r="AO1595" s="9">
        <v>9300</v>
      </c>
      <c r="AP1595" s="13">
        <v>0.19401677306296161</v>
      </c>
      <c r="AQ1595" s="9">
        <v>38875</v>
      </c>
      <c r="AR1595" s="9">
        <v>40289</v>
      </c>
      <c r="AS1595" s="9">
        <v>40652</v>
      </c>
      <c r="AT1595" s="9">
        <v>42410</v>
      </c>
      <c r="AU1595" s="9">
        <v>45545</v>
      </c>
      <c r="AV1595" s="9">
        <v>47019</v>
      </c>
      <c r="AW1595" s="9">
        <v>47934</v>
      </c>
      <c r="AX1595" s="9">
        <v>53733</v>
      </c>
      <c r="AY1595" s="9">
        <v>63907</v>
      </c>
      <c r="AZ1595" s="9">
        <v>55699</v>
      </c>
      <c r="BA1595" s="9">
        <v>52525</v>
      </c>
      <c r="BB1595" s="9">
        <v>55149</v>
      </c>
      <c r="BC1595" s="9">
        <v>55582</v>
      </c>
      <c r="BD1595" s="9">
        <v>57364</v>
      </c>
      <c r="BE1595" s="9">
        <v>59768</v>
      </c>
      <c r="BF1595" s="9">
        <v>57234</v>
      </c>
      <c r="BG1595" s="11">
        <v>-9</v>
      </c>
      <c r="BH1595" s="13">
        <v>-0.24324324324324326</v>
      </c>
      <c r="BI1595" s="6">
        <v>-5</v>
      </c>
      <c r="BJ1595" s="13">
        <v>-0.13513513513513514</v>
      </c>
      <c r="BK1595" s="6">
        <v>3</v>
      </c>
      <c r="BL1595" s="13">
        <v>9.375E-2</v>
      </c>
      <c r="BM1595" s="11">
        <v>-7</v>
      </c>
      <c r="BN1595" s="13">
        <v>-0.2</v>
      </c>
      <c r="BO1595" s="11">
        <v>-4</v>
      </c>
      <c r="BP1595" s="13">
        <v>-0.125</v>
      </c>
      <c r="BQ1595" s="6">
        <v>37</v>
      </c>
      <c r="BR1595" s="6">
        <v>33</v>
      </c>
      <c r="BS1595" s="6">
        <v>33</v>
      </c>
      <c r="BT1595" s="6">
        <v>32</v>
      </c>
      <c r="BU1595" s="6">
        <v>33</v>
      </c>
      <c r="BV1595" s="6">
        <v>34</v>
      </c>
      <c r="BW1595" s="6">
        <v>35</v>
      </c>
      <c r="BX1595" s="6">
        <v>31</v>
      </c>
      <c r="BY1595" s="6">
        <v>29</v>
      </c>
      <c r="BZ1595" s="6">
        <v>31</v>
      </c>
      <c r="CA1595" s="6">
        <v>30</v>
      </c>
      <c r="CB1595" s="6">
        <v>28</v>
      </c>
      <c r="CC1595" s="11">
        <v>28</v>
      </c>
      <c r="CD1595" s="11">
        <v>-64</v>
      </c>
      <c r="CE1595" s="11">
        <v>-20</v>
      </c>
      <c r="CF1595" s="11">
        <v>27</v>
      </c>
      <c r="CG1595" s="11">
        <v>7</v>
      </c>
      <c r="CH1595" s="20">
        <v>0.6</v>
      </c>
      <c r="CI1595" s="20">
        <v>0.7</v>
      </c>
      <c r="CJ1595" s="20">
        <v>0.68</v>
      </c>
      <c r="CK1595" s="20">
        <v>0.72</v>
      </c>
      <c r="CL1595" s="20">
        <v>0.72</v>
      </c>
      <c r="CM1595" s="20">
        <v>0.72</v>
      </c>
      <c r="CN1595" s="20">
        <v>0.77</v>
      </c>
      <c r="CO1595" s="20">
        <v>0.82</v>
      </c>
      <c r="CP1595" s="20">
        <v>0.86</v>
      </c>
      <c r="CQ1595" s="20">
        <v>0.77</v>
      </c>
      <c r="CR1595" s="20">
        <v>0.5</v>
      </c>
      <c r="CS1595" s="20">
        <v>0.49</v>
      </c>
      <c r="CT1595" s="20">
        <v>0.59</v>
      </c>
      <c r="CU1595" s="20">
        <v>0.61</v>
      </c>
      <c r="CV1595" s="20">
        <v>0.57999999999999996</v>
      </c>
      <c r="CW1595" s="20">
        <v>0.57999999999999996</v>
      </c>
      <c r="CX1595" s="20">
        <v>0.55000000000000004</v>
      </c>
      <c r="CY1595" s="6" t="s">
        <v>621</v>
      </c>
      <c r="CZ1595" s="6" t="s">
        <v>622</v>
      </c>
      <c r="DA1595" s="6" t="s">
        <v>145</v>
      </c>
      <c r="DB1595" s="6"/>
      <c r="DC1595" s="6">
        <v>32340</v>
      </c>
      <c r="DD1595" s="6"/>
      <c r="DE1595" s="6" t="s">
        <v>624</v>
      </c>
      <c r="DF1595" s="6" t="s">
        <v>363</v>
      </c>
      <c r="DG1595" s="6" t="s">
        <v>364</v>
      </c>
      <c r="DH1595" s="6" t="s">
        <v>365</v>
      </c>
      <c r="DI1595" s="6"/>
      <c r="DJ1595" s="6">
        <v>29</v>
      </c>
      <c r="DK1595" s="6">
        <v>147</v>
      </c>
      <c r="DL1595" s="6">
        <v>5</v>
      </c>
      <c r="DM1595" s="6" t="s">
        <v>392</v>
      </c>
      <c r="DN1595" s="6">
        <v>6</v>
      </c>
      <c r="DO1595" s="6" t="s">
        <v>393</v>
      </c>
      <c r="DP1595" s="6"/>
      <c r="DQ1595" s="6"/>
    </row>
    <row r="1596" spans="1:121" x14ac:dyDescent="0.2">
      <c r="A1596" s="6" t="s">
        <v>316</v>
      </c>
      <c r="B1596" s="6" t="s">
        <v>316</v>
      </c>
      <c r="C1596" s="6" t="s">
        <v>185</v>
      </c>
      <c r="D1596" s="6" t="s">
        <v>145</v>
      </c>
      <c r="E1596" s="6" t="s">
        <v>286</v>
      </c>
      <c r="F1596" s="11">
        <v>-21</v>
      </c>
      <c r="G1596" s="13">
        <v>-0.26</v>
      </c>
      <c r="H1596" s="11">
        <v>-3</v>
      </c>
      <c r="I1596" s="13">
        <v>-3.7499999999999999E-2</v>
      </c>
      <c r="J1596" s="11">
        <v>-11</v>
      </c>
      <c r="K1596" s="13">
        <v>-0.14285714285714285</v>
      </c>
      <c r="L1596" s="11">
        <v>-7</v>
      </c>
      <c r="M1596" s="13">
        <v>-0.10606060606060606</v>
      </c>
      <c r="N1596" s="11">
        <v>-18</v>
      </c>
      <c r="O1596" s="13">
        <v>-0.23376623376623376</v>
      </c>
      <c r="P1596" s="7">
        <v>80</v>
      </c>
      <c r="Q1596" s="7">
        <v>69</v>
      </c>
      <c r="R1596" s="7">
        <v>76</v>
      </c>
      <c r="S1596" s="7">
        <v>87</v>
      </c>
      <c r="T1596" s="7">
        <v>83</v>
      </c>
      <c r="U1596" s="7">
        <v>74</v>
      </c>
      <c r="V1596" s="7">
        <v>77</v>
      </c>
      <c r="W1596" s="7">
        <v>73</v>
      </c>
      <c r="X1596" s="7">
        <v>71</v>
      </c>
      <c r="Y1596" s="7">
        <v>66</v>
      </c>
      <c r="Z1596" s="7">
        <v>58</v>
      </c>
      <c r="AA1596" s="7">
        <v>60</v>
      </c>
      <c r="AB1596" s="7">
        <v>58</v>
      </c>
      <c r="AC1596" s="7">
        <v>58</v>
      </c>
      <c r="AD1596" s="7">
        <v>57</v>
      </c>
      <c r="AE1596" s="7">
        <v>58</v>
      </c>
      <c r="AF1596" s="7">
        <v>59</v>
      </c>
      <c r="AG1596" s="9">
        <v>14180</v>
      </c>
      <c r="AH1596" s="13">
        <v>0.93283336622590629</v>
      </c>
      <c r="AI1596" s="9">
        <v>2959</v>
      </c>
      <c r="AJ1596" s="13">
        <v>0.19465824616801528</v>
      </c>
      <c r="AK1596" s="9">
        <v>2448</v>
      </c>
      <c r="AL1596" s="13">
        <v>0.13480176211453743</v>
      </c>
      <c r="AM1596" s="9">
        <v>8773</v>
      </c>
      <c r="AN1596" s="13">
        <v>0.42570846273291918</v>
      </c>
      <c r="AO1596" s="9">
        <v>11221</v>
      </c>
      <c r="AP1596" s="13">
        <v>0.6178964757709251</v>
      </c>
      <c r="AQ1596" s="9">
        <v>15201</v>
      </c>
      <c r="AR1596" s="9">
        <v>17108</v>
      </c>
      <c r="AS1596" s="9">
        <v>17059</v>
      </c>
      <c r="AT1596" s="9">
        <v>16488</v>
      </c>
      <c r="AU1596" s="9">
        <v>16934</v>
      </c>
      <c r="AV1596" s="9">
        <v>17336</v>
      </c>
      <c r="AW1596" s="9">
        <v>18160</v>
      </c>
      <c r="AX1596" s="9">
        <v>19138</v>
      </c>
      <c r="AY1596" s="9">
        <v>19385</v>
      </c>
      <c r="AZ1596" s="9">
        <v>20608</v>
      </c>
      <c r="BA1596" s="9">
        <v>21376</v>
      </c>
      <c r="BB1596" s="9">
        <v>21891</v>
      </c>
      <c r="BC1596" s="9">
        <v>24554</v>
      </c>
      <c r="BD1596" s="9">
        <v>27735</v>
      </c>
      <c r="BE1596" s="9">
        <v>28047</v>
      </c>
      <c r="BF1596" s="9">
        <v>29381</v>
      </c>
      <c r="BG1596" s="11">
        <v>-6</v>
      </c>
      <c r="BH1596" s="13">
        <v>-0.27272727272727271</v>
      </c>
      <c r="BI1596" s="6">
        <v>-1</v>
      </c>
      <c r="BJ1596" s="13">
        <v>-4.5454545454545456E-2</v>
      </c>
      <c r="BK1596" s="6">
        <v>-1</v>
      </c>
      <c r="BL1596" s="13">
        <v>-4.7619047619047616E-2</v>
      </c>
      <c r="BM1596" s="11">
        <v>-4</v>
      </c>
      <c r="BN1596" s="13">
        <v>-0.2</v>
      </c>
      <c r="BO1596" s="11">
        <v>-5</v>
      </c>
      <c r="BP1596" s="13">
        <v>-0.23809523809523808</v>
      </c>
      <c r="BQ1596" s="6">
        <v>22</v>
      </c>
      <c r="BR1596" s="6">
        <v>20</v>
      </c>
      <c r="BS1596" s="6">
        <v>20</v>
      </c>
      <c r="BT1596" s="6">
        <v>21</v>
      </c>
      <c r="BU1596" s="6">
        <v>20</v>
      </c>
      <c r="BV1596" s="6">
        <v>20</v>
      </c>
      <c r="BW1596" s="6">
        <v>20</v>
      </c>
      <c r="BX1596" s="6">
        <v>20</v>
      </c>
      <c r="BY1596" s="6">
        <v>21</v>
      </c>
      <c r="BZ1596" s="6">
        <v>20</v>
      </c>
      <c r="CA1596" s="6">
        <v>15</v>
      </c>
      <c r="CB1596" s="6">
        <v>16</v>
      </c>
      <c r="CC1596" s="11">
        <v>16</v>
      </c>
      <c r="CD1596" s="11">
        <v>-26</v>
      </c>
      <c r="CE1596" s="11">
        <v>-4</v>
      </c>
      <c r="CF1596" s="11">
        <v>9</v>
      </c>
      <c r="CG1596" s="11">
        <v>5</v>
      </c>
      <c r="CH1596" s="20">
        <v>0.46</v>
      </c>
      <c r="CI1596" s="20">
        <v>0.4</v>
      </c>
      <c r="CJ1596" s="20">
        <v>0.41</v>
      </c>
      <c r="CK1596" s="20">
        <v>0.47</v>
      </c>
      <c r="CL1596" s="20">
        <v>0.45</v>
      </c>
      <c r="CM1596" s="20">
        <v>0.4</v>
      </c>
      <c r="CN1596" s="20">
        <v>0.42</v>
      </c>
      <c r="CO1596" s="20">
        <v>0.41</v>
      </c>
      <c r="CP1596" s="20">
        <v>0.41</v>
      </c>
      <c r="CQ1596" s="20">
        <v>0.42</v>
      </c>
      <c r="CR1596" s="20">
        <v>0.38</v>
      </c>
      <c r="CS1596" s="20">
        <v>0.39</v>
      </c>
      <c r="CT1596" s="20">
        <v>0.39</v>
      </c>
      <c r="CU1596" s="20">
        <v>0.4</v>
      </c>
      <c r="CV1596" s="20">
        <v>0.39</v>
      </c>
      <c r="CW1596" s="20">
        <v>0.39</v>
      </c>
      <c r="CX1596" s="20">
        <v>0.39</v>
      </c>
      <c r="CY1596" s="6" t="s">
        <v>621</v>
      </c>
      <c r="CZ1596" s="6" t="s">
        <v>622</v>
      </c>
      <c r="DA1596" s="6" t="s">
        <v>145</v>
      </c>
      <c r="DB1596" s="6"/>
      <c r="DC1596" s="6">
        <v>32340</v>
      </c>
      <c r="DD1596" s="6"/>
      <c r="DE1596" s="6" t="s">
        <v>624</v>
      </c>
      <c r="DF1596" s="6" t="s">
        <v>363</v>
      </c>
      <c r="DG1596" s="6" t="s">
        <v>364</v>
      </c>
      <c r="DH1596" s="6" t="s">
        <v>365</v>
      </c>
      <c r="DI1596" s="6"/>
      <c r="DJ1596" s="6">
        <v>29</v>
      </c>
      <c r="DK1596" s="6">
        <v>147</v>
      </c>
      <c r="DL1596" s="6">
        <v>5</v>
      </c>
      <c r="DM1596" s="6" t="s">
        <v>392</v>
      </c>
      <c r="DN1596" s="6">
        <v>6</v>
      </c>
      <c r="DO1596" s="6" t="s">
        <v>393</v>
      </c>
      <c r="DP1596" s="6"/>
      <c r="DQ1596" s="6"/>
    </row>
    <row r="1597" spans="1:121" x14ac:dyDescent="0.2">
      <c r="A1597" s="6" t="s">
        <v>317</v>
      </c>
      <c r="B1597" s="6" t="s">
        <v>317</v>
      </c>
      <c r="C1597" s="6" t="s">
        <v>186</v>
      </c>
      <c r="D1597" s="6" t="s">
        <v>145</v>
      </c>
      <c r="E1597" s="6" t="s">
        <v>286</v>
      </c>
      <c r="F1597" s="11">
        <v>41</v>
      </c>
      <c r="G1597" s="13">
        <v>0.3</v>
      </c>
      <c r="H1597" s="11">
        <v>33</v>
      </c>
      <c r="I1597" s="13">
        <v>0.2391304347826087</v>
      </c>
      <c r="J1597" s="11">
        <v>-12</v>
      </c>
      <c r="K1597" s="13">
        <v>-7.0175438596491224E-2</v>
      </c>
      <c r="L1597" s="11">
        <v>20</v>
      </c>
      <c r="M1597" s="13">
        <v>0.12578616352201258</v>
      </c>
      <c r="N1597" s="11">
        <v>8</v>
      </c>
      <c r="O1597" s="13">
        <v>4.6783625730994149E-2</v>
      </c>
      <c r="P1597" s="7">
        <v>138</v>
      </c>
      <c r="Q1597" s="7">
        <v>145</v>
      </c>
      <c r="R1597" s="7">
        <v>150</v>
      </c>
      <c r="S1597" s="7">
        <v>159</v>
      </c>
      <c r="T1597" s="7">
        <v>185</v>
      </c>
      <c r="U1597" s="7">
        <v>161</v>
      </c>
      <c r="V1597" s="7">
        <v>171</v>
      </c>
      <c r="W1597" s="7">
        <v>154</v>
      </c>
      <c r="X1597" s="7">
        <v>168</v>
      </c>
      <c r="Y1597" s="7">
        <v>159</v>
      </c>
      <c r="Z1597" s="7">
        <v>163</v>
      </c>
      <c r="AA1597" s="7">
        <v>164</v>
      </c>
      <c r="AB1597" s="7">
        <v>160</v>
      </c>
      <c r="AC1597" s="7">
        <v>165</v>
      </c>
      <c r="AD1597" s="7">
        <v>166</v>
      </c>
      <c r="AE1597" s="7">
        <v>176</v>
      </c>
      <c r="AF1597" s="7">
        <v>179</v>
      </c>
      <c r="AG1597" s="9">
        <v>15498</v>
      </c>
      <c r="AH1597" s="13">
        <v>0.54056505057551452</v>
      </c>
      <c r="AI1597" s="9">
        <v>7474</v>
      </c>
      <c r="AJ1597" s="13">
        <v>0.26069061737007326</v>
      </c>
      <c r="AK1597" s="9">
        <v>1821</v>
      </c>
      <c r="AL1597" s="13">
        <v>5.0381806108897739E-2</v>
      </c>
      <c r="AM1597" s="9">
        <v>6203</v>
      </c>
      <c r="AN1597" s="13">
        <v>0.16338733043592782</v>
      </c>
      <c r="AO1597" s="9">
        <v>8024</v>
      </c>
      <c r="AP1597" s="13">
        <v>0.2220008853474989</v>
      </c>
      <c r="AQ1597" s="9">
        <v>28670</v>
      </c>
      <c r="AR1597" s="9">
        <v>27083</v>
      </c>
      <c r="AS1597" s="9">
        <v>29630</v>
      </c>
      <c r="AT1597" s="9">
        <v>29136</v>
      </c>
      <c r="AU1597" s="9">
        <v>31928</v>
      </c>
      <c r="AV1597" s="9">
        <v>36156</v>
      </c>
      <c r="AW1597" s="9">
        <v>36144</v>
      </c>
      <c r="AX1597" s="9">
        <v>36023</v>
      </c>
      <c r="AY1597" s="9">
        <v>39126</v>
      </c>
      <c r="AZ1597" s="9">
        <v>37965</v>
      </c>
      <c r="BA1597" s="9">
        <v>37493</v>
      </c>
      <c r="BB1597" s="9">
        <v>40309</v>
      </c>
      <c r="BC1597" s="9">
        <v>41914</v>
      </c>
      <c r="BD1597" s="9">
        <v>39655</v>
      </c>
      <c r="BE1597" s="9">
        <v>42213</v>
      </c>
      <c r="BF1597" s="9">
        <v>44168</v>
      </c>
      <c r="BG1597" s="11">
        <v>0</v>
      </c>
      <c r="BH1597" s="13">
        <v>0</v>
      </c>
      <c r="BI1597" s="6">
        <v>-1</v>
      </c>
      <c r="BJ1597" s="13">
        <v>-3.5714285714285712E-2</v>
      </c>
      <c r="BK1597" s="6">
        <v>3</v>
      </c>
      <c r="BL1597" s="13">
        <v>0.1111111111111111</v>
      </c>
      <c r="BM1597" s="11">
        <v>-2</v>
      </c>
      <c r="BN1597" s="13">
        <v>-6.6666666666666666E-2</v>
      </c>
      <c r="BO1597" s="11">
        <v>1</v>
      </c>
      <c r="BP1597" s="13">
        <v>3.7037037037037035E-2</v>
      </c>
      <c r="BQ1597" s="6">
        <v>28</v>
      </c>
      <c r="BR1597" s="6">
        <v>29</v>
      </c>
      <c r="BS1597" s="6">
        <v>27</v>
      </c>
      <c r="BT1597" s="6">
        <v>27</v>
      </c>
      <c r="BU1597" s="6">
        <v>31</v>
      </c>
      <c r="BV1597" s="6">
        <v>31</v>
      </c>
      <c r="BW1597" s="6">
        <v>30</v>
      </c>
      <c r="BX1597" s="6">
        <v>29</v>
      </c>
      <c r="BY1597" s="6">
        <v>30</v>
      </c>
      <c r="BZ1597" s="6">
        <v>28</v>
      </c>
      <c r="CA1597" s="6">
        <v>27</v>
      </c>
      <c r="CB1597" s="6">
        <v>26</v>
      </c>
      <c r="CC1597" s="11">
        <v>28</v>
      </c>
      <c r="CD1597" s="11">
        <v>-2</v>
      </c>
      <c r="CE1597" s="11">
        <v>28</v>
      </c>
      <c r="CF1597" s="11">
        <v>15</v>
      </c>
      <c r="CG1597" s="11">
        <v>43</v>
      </c>
      <c r="CH1597" s="20">
        <v>0.25</v>
      </c>
      <c r="CI1597" s="20">
        <v>0.27</v>
      </c>
      <c r="CJ1597" s="20">
        <v>0.27</v>
      </c>
      <c r="CK1597" s="20">
        <v>0.28000000000000003</v>
      </c>
      <c r="CL1597" s="20">
        <v>0.33</v>
      </c>
      <c r="CM1597" s="20">
        <v>0.28000000000000003</v>
      </c>
      <c r="CN1597" s="20">
        <v>0.28999999999999998</v>
      </c>
      <c r="CO1597" s="20">
        <v>0.26</v>
      </c>
      <c r="CP1597" s="20">
        <v>0.28000000000000003</v>
      </c>
      <c r="CQ1597" s="20">
        <v>0.28000000000000003</v>
      </c>
      <c r="CR1597" s="20">
        <v>0.28999999999999998</v>
      </c>
      <c r="CS1597" s="20">
        <v>0.28000000000000003</v>
      </c>
      <c r="CT1597" s="20">
        <v>0.28000000000000003</v>
      </c>
      <c r="CU1597" s="20">
        <v>0.3</v>
      </c>
      <c r="CV1597" s="20">
        <v>0.28999999999999998</v>
      </c>
      <c r="CW1597" s="20">
        <v>0.31</v>
      </c>
      <c r="CX1597" s="20">
        <v>0.31</v>
      </c>
      <c r="CY1597" s="6" t="s">
        <v>621</v>
      </c>
      <c r="CZ1597" s="6" t="s">
        <v>622</v>
      </c>
      <c r="DA1597" s="6" t="s">
        <v>145</v>
      </c>
      <c r="DB1597" s="6"/>
      <c r="DC1597" s="6">
        <v>32340</v>
      </c>
      <c r="DD1597" s="6"/>
      <c r="DE1597" s="6" t="s">
        <v>624</v>
      </c>
      <c r="DF1597" s="6" t="s">
        <v>363</v>
      </c>
      <c r="DG1597" s="6" t="s">
        <v>364</v>
      </c>
      <c r="DH1597" s="6" t="s">
        <v>365</v>
      </c>
      <c r="DI1597" s="6"/>
      <c r="DJ1597" s="6">
        <v>29</v>
      </c>
      <c r="DK1597" s="6">
        <v>147</v>
      </c>
      <c r="DL1597" s="6">
        <v>5</v>
      </c>
      <c r="DM1597" s="6" t="s">
        <v>392</v>
      </c>
      <c r="DN1597" s="6">
        <v>6</v>
      </c>
      <c r="DO1597" s="6" t="s">
        <v>393</v>
      </c>
      <c r="DP1597" s="6"/>
      <c r="DQ1597" s="6"/>
    </row>
    <row r="1598" spans="1:121" x14ac:dyDescent="0.2">
      <c r="A1598" s="6" t="s">
        <v>318</v>
      </c>
      <c r="B1598" s="6" t="s">
        <v>318</v>
      </c>
      <c r="C1598" s="6" t="s">
        <v>187</v>
      </c>
      <c r="D1598" s="6" t="s">
        <v>145</v>
      </c>
      <c r="E1598" s="6" t="s">
        <v>286</v>
      </c>
      <c r="F1598" s="11">
        <v>-42</v>
      </c>
      <c r="G1598" s="13">
        <v>-0.54545454545500005</v>
      </c>
      <c r="H1598" s="11">
        <v>20.355801</v>
      </c>
      <c r="I1598" s="13">
        <v>0.26276287015916217</v>
      </c>
      <c r="J1598" s="11">
        <v>-6.3861740000000111</v>
      </c>
      <c r="K1598" s="13">
        <v>-6.5282194377150327E-2</v>
      </c>
      <c r="L1598" s="11">
        <v>-56.697960519199995</v>
      </c>
      <c r="M1598" s="13">
        <v>-0.62007028327557356</v>
      </c>
      <c r="N1598" s="11">
        <v>-63.084134519200006</v>
      </c>
      <c r="O1598" s="13">
        <v>-0.64487292889243319</v>
      </c>
      <c r="P1598" s="7">
        <v>77.468331000000006</v>
      </c>
      <c r="Q1598" s="7">
        <v>80.921762000000001</v>
      </c>
      <c r="R1598" s="7">
        <v>72.489276000000004</v>
      </c>
      <c r="S1598" s="7">
        <v>62.925714999999997</v>
      </c>
      <c r="T1598" s="7">
        <v>60.530213000000003</v>
      </c>
      <c r="U1598" s="7">
        <v>97.387505000000004</v>
      </c>
      <c r="V1598" s="7">
        <v>97.824132000000006</v>
      </c>
      <c r="W1598" s="7">
        <v>98.052238000000003</v>
      </c>
      <c r="X1598" s="7">
        <v>86.039173000000005</v>
      </c>
      <c r="Y1598" s="7">
        <v>91.437957999999995</v>
      </c>
      <c r="Z1598" s="7">
        <v>110.160511</v>
      </c>
      <c r="AA1598" s="7">
        <v>98.881596000000002</v>
      </c>
      <c r="AB1598" s="7">
        <v>46.01802</v>
      </c>
      <c r="AC1598" s="7">
        <v>44.994736000000003</v>
      </c>
      <c r="AD1598" s="7">
        <v>40.044848999999999</v>
      </c>
      <c r="AE1598" s="7">
        <v>41.007002499999999</v>
      </c>
      <c r="AF1598" s="7">
        <v>34.7399974808</v>
      </c>
      <c r="AG1598" s="9">
        <v>-11232.001563700003</v>
      </c>
      <c r="AH1598" s="13">
        <v>-0.22331981063556552</v>
      </c>
      <c r="AI1598" s="9">
        <v>30378.904071100005</v>
      </c>
      <c r="AJ1598" s="13">
        <v>0.60400731481373071</v>
      </c>
      <c r="AK1598" s="9">
        <v>-18480.07900640001</v>
      </c>
      <c r="AL1598" s="13">
        <v>-0.22906966187904165</v>
      </c>
      <c r="AM1598" s="9">
        <v>-23130.826628399998</v>
      </c>
      <c r="AN1598" s="13">
        <v>-0.37191163744235334</v>
      </c>
      <c r="AO1598" s="9">
        <v>-41610.905634800009</v>
      </c>
      <c r="AP1598" s="13">
        <v>-0.51578762628359431</v>
      </c>
      <c r="AQ1598" s="9">
        <v>50295.589682500002</v>
      </c>
      <c r="AR1598" s="9">
        <v>50997.111446100003</v>
      </c>
      <c r="AS1598" s="9">
        <v>56713.864016799998</v>
      </c>
      <c r="AT1598" s="9">
        <v>54659.820604</v>
      </c>
      <c r="AU1598" s="9">
        <v>57387.565697600003</v>
      </c>
      <c r="AV1598" s="9">
        <v>64896.409520699999</v>
      </c>
      <c r="AW1598" s="9">
        <v>80674.493753600007</v>
      </c>
      <c r="AX1598" s="9">
        <v>69217.7491782</v>
      </c>
      <c r="AY1598" s="9">
        <v>75034.775434700001</v>
      </c>
      <c r="AZ1598" s="9">
        <v>62194.414747199997</v>
      </c>
      <c r="BA1598" s="9">
        <v>59146.817565400001</v>
      </c>
      <c r="BB1598" s="9">
        <v>64895.9013557</v>
      </c>
      <c r="BC1598" s="9">
        <v>41395.194264799997</v>
      </c>
      <c r="BD1598" s="9">
        <v>41653.6568119</v>
      </c>
      <c r="BE1598" s="9">
        <v>36292.666856999997</v>
      </c>
      <c r="BF1598" s="9">
        <v>39063.588118799998</v>
      </c>
      <c r="BG1598" s="11">
        <v>1</v>
      </c>
      <c r="BH1598" s="13">
        <v>0.33333333333333331</v>
      </c>
      <c r="BI1598" s="6">
        <v>1</v>
      </c>
      <c r="BJ1598" s="13">
        <v>0.33333333333333331</v>
      </c>
      <c r="BK1598" s="6">
        <v>-1</v>
      </c>
      <c r="BL1598" s="13">
        <v>-0.25</v>
      </c>
      <c r="BM1598" s="11">
        <v>1</v>
      </c>
      <c r="BN1598" s="13">
        <v>0.33333333333333331</v>
      </c>
      <c r="BO1598" s="11">
        <v>0</v>
      </c>
      <c r="BP1598" s="13">
        <v>0</v>
      </c>
      <c r="BQ1598" s="6">
        <v>3</v>
      </c>
      <c r="BR1598" s="6">
        <v>4</v>
      </c>
      <c r="BS1598" s="6">
        <v>4</v>
      </c>
      <c r="BT1598" s="6">
        <v>4</v>
      </c>
      <c r="BU1598" s="6">
        <v>4</v>
      </c>
      <c r="BV1598" s="6">
        <v>4</v>
      </c>
      <c r="BW1598" s="6">
        <v>3</v>
      </c>
      <c r="BX1598" s="6">
        <v>4</v>
      </c>
      <c r="BY1598" s="6">
        <v>4</v>
      </c>
      <c r="BZ1598" s="6">
        <v>3</v>
      </c>
      <c r="CA1598" s="6">
        <v>4</v>
      </c>
      <c r="CB1598" s="6">
        <v>4</v>
      </c>
      <c r="CC1598" s="11">
        <v>4</v>
      </c>
      <c r="CD1598" s="11">
        <v>-67.783100000000005</v>
      </c>
      <c r="CE1598" s="11">
        <v>16.586600000000001</v>
      </c>
      <c r="CF1598" s="11">
        <v>8.4682200000000005</v>
      </c>
      <c r="CG1598" s="11">
        <v>25</v>
      </c>
      <c r="CH1598" s="20">
        <v>0.650837</v>
      </c>
      <c r="CI1598" s="20">
        <v>0.69394199999999995</v>
      </c>
      <c r="CJ1598" s="20">
        <v>0.60196799999999995</v>
      </c>
      <c r="CK1598" s="20">
        <v>0.52524999999999999</v>
      </c>
      <c r="CL1598" s="20">
        <v>0.50655399999999995</v>
      </c>
      <c r="CM1598" s="20">
        <v>0.81335100000000005</v>
      </c>
      <c r="CN1598" s="20">
        <v>0.80019200000000001</v>
      </c>
      <c r="CO1598" s="20">
        <v>0.78371999999999997</v>
      </c>
      <c r="CP1598" s="20">
        <v>0.68307399999999996</v>
      </c>
      <c r="CQ1598" s="20">
        <v>0.74916499999999997</v>
      </c>
      <c r="CR1598" s="20">
        <v>0.90093500000000004</v>
      </c>
      <c r="CS1598" s="20">
        <v>0.76802599999999999</v>
      </c>
      <c r="CT1598" s="20">
        <v>0.362622</v>
      </c>
      <c r="CU1598" s="20">
        <v>0.36138100000000001</v>
      </c>
      <c r="CV1598" s="20">
        <v>0.31722099999999998</v>
      </c>
      <c r="CW1598" s="20">
        <v>0.32372800000000002</v>
      </c>
      <c r="CX1598" s="20">
        <v>0.27012000000000003</v>
      </c>
      <c r="CY1598" s="6" t="s">
        <v>621</v>
      </c>
      <c r="CZ1598" s="6" t="s">
        <v>622</v>
      </c>
      <c r="DA1598" s="6" t="s">
        <v>145</v>
      </c>
      <c r="DB1598" s="6"/>
      <c r="DC1598" s="6">
        <v>32340</v>
      </c>
      <c r="DD1598" s="6"/>
      <c r="DE1598" s="6" t="s">
        <v>624</v>
      </c>
      <c r="DF1598" s="6" t="s">
        <v>363</v>
      </c>
      <c r="DG1598" s="6" t="s">
        <v>364</v>
      </c>
      <c r="DH1598" s="6" t="s">
        <v>365</v>
      </c>
      <c r="DI1598" s="6"/>
      <c r="DJ1598" s="6">
        <v>29</v>
      </c>
      <c r="DK1598" s="6">
        <v>147</v>
      </c>
      <c r="DL1598" s="6">
        <v>5</v>
      </c>
      <c r="DM1598" s="6" t="s">
        <v>392</v>
      </c>
      <c r="DN1598" s="6">
        <v>6</v>
      </c>
      <c r="DO1598" s="6" t="s">
        <v>393</v>
      </c>
      <c r="DP1598" s="6"/>
      <c r="DQ1598" s="6"/>
    </row>
    <row r="1599" spans="1:121" x14ac:dyDescent="0.2">
      <c r="A1599" s="6" t="s">
        <v>319</v>
      </c>
      <c r="B1599" s="6" t="s">
        <v>319</v>
      </c>
      <c r="C1599" s="6" t="s">
        <v>188</v>
      </c>
      <c r="D1599" s="6" t="s">
        <v>145</v>
      </c>
      <c r="E1599" s="6" t="s">
        <v>286</v>
      </c>
      <c r="F1599" s="11">
        <v>-99</v>
      </c>
      <c r="G1599" s="13">
        <v>-0.39600000000000002</v>
      </c>
      <c r="H1599" s="11">
        <v>100.69953708100002</v>
      </c>
      <c r="I1599" s="13">
        <v>0.40238589635039074</v>
      </c>
      <c r="J1599" s="11">
        <v>-213.26391248300001</v>
      </c>
      <c r="K1599" s="13">
        <v>-0.60766624576033113</v>
      </c>
      <c r="L1599" s="11">
        <v>13.648099465000001</v>
      </c>
      <c r="M1599" s="13">
        <v>9.9120673790630165E-2</v>
      </c>
      <c r="N1599" s="11">
        <v>-199.61581301800001</v>
      </c>
      <c r="O1599" s="13">
        <v>-0.56877785968928762</v>
      </c>
      <c r="P1599" s="7">
        <v>250.25612973599999</v>
      </c>
      <c r="Q1599" s="7">
        <v>258.87022051500003</v>
      </c>
      <c r="R1599" s="7">
        <v>599.49676469899998</v>
      </c>
      <c r="S1599" s="7">
        <v>398.711929494</v>
      </c>
      <c r="T1599" s="7">
        <v>330.19886598199997</v>
      </c>
      <c r="U1599" s="7">
        <v>278.456921507</v>
      </c>
      <c r="V1599" s="7">
        <v>350.95566681700001</v>
      </c>
      <c r="W1599" s="7">
        <v>321.67943843099999</v>
      </c>
      <c r="X1599" s="7">
        <v>240.95521693000001</v>
      </c>
      <c r="Y1599" s="7">
        <v>137.691754334</v>
      </c>
      <c r="Z1599" s="7">
        <v>181.714044258</v>
      </c>
      <c r="AA1599" s="7">
        <v>169.170563466</v>
      </c>
      <c r="AB1599" s="7">
        <v>140.11200147599999</v>
      </c>
      <c r="AC1599" s="7">
        <v>147.69754128899999</v>
      </c>
      <c r="AD1599" s="7">
        <v>178.74702628599999</v>
      </c>
      <c r="AE1599" s="7">
        <v>147.86960594000001</v>
      </c>
      <c r="AF1599" s="7">
        <v>151.339853799</v>
      </c>
      <c r="AG1599" s="9">
        <v>8372.4018461000014</v>
      </c>
      <c r="AH1599" s="13">
        <v>0.53784231618612532</v>
      </c>
      <c r="AI1599" s="9">
        <v>1187.0956597000004</v>
      </c>
      <c r="AJ1599" s="13">
        <v>7.6258914811280137E-2</v>
      </c>
      <c r="AK1599" s="9">
        <v>4798.6008347999996</v>
      </c>
      <c r="AL1599" s="13">
        <v>0.28641962193760512</v>
      </c>
      <c r="AM1599" s="9">
        <v>2386.7053516000014</v>
      </c>
      <c r="AN1599" s="13">
        <v>0.11073994233449765</v>
      </c>
      <c r="AO1599" s="9">
        <v>7185.306186400001</v>
      </c>
      <c r="AP1599" s="13">
        <v>0.42887765668894173</v>
      </c>
      <c r="AQ1599" s="9">
        <v>15566.647684899999</v>
      </c>
      <c r="AR1599" s="9">
        <v>17432.437368399998</v>
      </c>
      <c r="AS1599" s="9">
        <v>18765.348578000001</v>
      </c>
      <c r="AT1599" s="9">
        <v>16915.671683600001</v>
      </c>
      <c r="AU1599" s="9">
        <v>18507.263873899999</v>
      </c>
      <c r="AV1599" s="9">
        <v>17749.3405938</v>
      </c>
      <c r="AW1599" s="9">
        <v>16753.7433446</v>
      </c>
      <c r="AX1599" s="9">
        <v>18498.527574200001</v>
      </c>
      <c r="AY1599" s="9">
        <v>18015.668045599999</v>
      </c>
      <c r="AZ1599" s="9">
        <v>21552.344179399999</v>
      </c>
      <c r="BA1599" s="9">
        <v>21732.023925500001</v>
      </c>
      <c r="BB1599" s="9">
        <v>20519.8959832</v>
      </c>
      <c r="BC1599" s="9">
        <v>23491.2887696</v>
      </c>
      <c r="BD1599" s="9">
        <v>24693.401940899999</v>
      </c>
      <c r="BE1599" s="9">
        <v>23677.071347599998</v>
      </c>
      <c r="BF1599" s="9">
        <v>23939.049531000001</v>
      </c>
      <c r="BG1599" s="11">
        <v>0.25</v>
      </c>
      <c r="BH1599" s="13">
        <v>1.3157894736842105E-2</v>
      </c>
      <c r="BI1599" s="6">
        <v>0</v>
      </c>
      <c r="BJ1599" s="13">
        <v>0</v>
      </c>
      <c r="BK1599" s="6">
        <v>-4</v>
      </c>
      <c r="BL1599" s="13">
        <v>-0.21052631578947367</v>
      </c>
      <c r="BM1599" s="11">
        <v>4.25</v>
      </c>
      <c r="BN1599" s="13">
        <v>0.28333333333333333</v>
      </c>
      <c r="BO1599" s="11">
        <v>0.25</v>
      </c>
      <c r="BP1599" s="13">
        <v>1.3157894736842105E-2</v>
      </c>
      <c r="BQ1599" s="6">
        <v>19</v>
      </c>
      <c r="BR1599" s="6">
        <v>21</v>
      </c>
      <c r="BS1599" s="6">
        <v>20</v>
      </c>
      <c r="BT1599" s="6">
        <v>19</v>
      </c>
      <c r="BU1599" s="6">
        <v>18</v>
      </c>
      <c r="BV1599" s="6">
        <v>17</v>
      </c>
      <c r="BW1599" s="6">
        <v>15</v>
      </c>
      <c r="BX1599" s="6">
        <v>17</v>
      </c>
      <c r="BY1599" s="6">
        <v>17</v>
      </c>
      <c r="BZ1599" s="6">
        <v>20</v>
      </c>
      <c r="CA1599" s="6">
        <v>21</v>
      </c>
      <c r="CB1599" s="6">
        <v>21</v>
      </c>
      <c r="CC1599" s="11">
        <v>19.25</v>
      </c>
      <c r="CD1599" s="11">
        <v>-148.78800000000001</v>
      </c>
      <c r="CE1599" s="11">
        <v>22.516200000000001</v>
      </c>
      <c r="CF1599" s="11">
        <v>27.356000000000002</v>
      </c>
      <c r="CG1599" s="11">
        <v>50</v>
      </c>
      <c r="CH1599" s="20">
        <v>0.42862</v>
      </c>
      <c r="CI1599" s="20">
        <v>0.44814900000000002</v>
      </c>
      <c r="CJ1599" s="20">
        <v>0.987151</v>
      </c>
      <c r="CK1599" s="20">
        <v>0.65220999999999996</v>
      </c>
      <c r="CL1599" s="20">
        <v>0.53770600000000002</v>
      </c>
      <c r="CM1599" s="20">
        <v>0.45046799999999998</v>
      </c>
      <c r="CN1599" s="20">
        <v>0.56774899999999995</v>
      </c>
      <c r="CO1599" s="20">
        <v>0.54792300000000005</v>
      </c>
      <c r="CP1599" s="20">
        <v>0.43885800000000003</v>
      </c>
      <c r="CQ1599" s="20">
        <v>0.25156499999999998</v>
      </c>
      <c r="CR1599" s="20">
        <v>0.32958500000000002</v>
      </c>
      <c r="CS1599" s="20">
        <v>0.29515000000000002</v>
      </c>
      <c r="CT1599" s="20">
        <v>0.250832</v>
      </c>
      <c r="CU1599" s="20">
        <v>0.26915699999999998</v>
      </c>
      <c r="CV1599" s="20">
        <v>0.320405</v>
      </c>
      <c r="CW1599" s="20">
        <v>0.26295800000000003</v>
      </c>
      <c r="CX1599" s="20">
        <v>0.26472600000000002</v>
      </c>
      <c r="CY1599" s="6" t="s">
        <v>621</v>
      </c>
      <c r="CZ1599" s="6" t="s">
        <v>622</v>
      </c>
      <c r="DA1599" s="6" t="s">
        <v>145</v>
      </c>
      <c r="DB1599" s="6"/>
      <c r="DC1599" s="6">
        <v>32340</v>
      </c>
      <c r="DD1599" s="6"/>
      <c r="DE1599" s="6" t="s">
        <v>624</v>
      </c>
      <c r="DF1599" s="6" t="s">
        <v>363</v>
      </c>
      <c r="DG1599" s="6" t="s">
        <v>364</v>
      </c>
      <c r="DH1599" s="6" t="s">
        <v>365</v>
      </c>
      <c r="DI1599" s="6"/>
      <c r="DJ1599" s="6">
        <v>29</v>
      </c>
      <c r="DK1599" s="6">
        <v>147</v>
      </c>
      <c r="DL1599" s="6">
        <v>5</v>
      </c>
      <c r="DM1599" s="6" t="s">
        <v>392</v>
      </c>
      <c r="DN1599" s="6">
        <v>6</v>
      </c>
      <c r="DO1599" s="6" t="s">
        <v>393</v>
      </c>
      <c r="DP1599" s="6"/>
      <c r="DQ1599" s="6"/>
    </row>
    <row r="1600" spans="1:121" x14ac:dyDescent="0.2">
      <c r="A1600" s="6" t="s">
        <v>320</v>
      </c>
      <c r="B1600" s="6" t="s">
        <v>320</v>
      </c>
      <c r="C1600" s="6" t="s">
        <v>189</v>
      </c>
      <c r="D1600" s="6" t="s">
        <v>145</v>
      </c>
      <c r="E1600" s="6" t="s">
        <v>286</v>
      </c>
      <c r="F1600" s="11">
        <v>19</v>
      </c>
      <c r="G1600" s="13">
        <v>0.90476190476200002</v>
      </c>
      <c r="H1600" s="11">
        <v>11.657473746500003</v>
      </c>
      <c r="I1600" s="13">
        <v>0.54301845875436727</v>
      </c>
      <c r="J1600" s="11">
        <v>8.9578011748999984</v>
      </c>
      <c r="K1600" s="13">
        <v>0.27042101837494459</v>
      </c>
      <c r="L1600" s="11">
        <v>-1.6957999063999978</v>
      </c>
      <c r="M1600" s="13">
        <v>-4.0296373373428798E-2</v>
      </c>
      <c r="N1600" s="11">
        <v>7.2620012685000006</v>
      </c>
      <c r="O1600" s="13">
        <v>0.21922765867705615</v>
      </c>
      <c r="P1600" s="7">
        <v>21.467914319599998</v>
      </c>
      <c r="Q1600" s="7">
        <v>19.913367901499999</v>
      </c>
      <c r="R1600" s="7">
        <v>20.523046190399999</v>
      </c>
      <c r="S1600" s="7">
        <v>20.882132495699999</v>
      </c>
      <c r="T1600" s="7">
        <v>31.433630450799999</v>
      </c>
      <c r="U1600" s="7">
        <v>28.720813295799999</v>
      </c>
      <c r="V1600" s="7">
        <v>33.125388066100001</v>
      </c>
      <c r="W1600" s="7">
        <v>35.355136554799998</v>
      </c>
      <c r="X1600" s="7">
        <v>37.932106958600002</v>
      </c>
      <c r="Y1600" s="7">
        <v>42.083189240999999</v>
      </c>
      <c r="Z1600" s="7">
        <v>52.485317693100001</v>
      </c>
      <c r="AA1600" s="7">
        <v>57.768875634700002</v>
      </c>
      <c r="AB1600" s="7">
        <v>119.022799354</v>
      </c>
      <c r="AC1600" s="7">
        <v>100.32918300999999</v>
      </c>
      <c r="AD1600" s="7">
        <v>35.7942656735</v>
      </c>
      <c r="AE1600" s="7">
        <v>36.667592712000001</v>
      </c>
      <c r="AF1600" s="7">
        <v>40.387389334600002</v>
      </c>
      <c r="AG1600" s="9">
        <v>-3327.7029159000003</v>
      </c>
      <c r="AH1600" s="13">
        <v>-0.3622924088008328</v>
      </c>
      <c r="AI1600" s="9">
        <v>5489.14212907</v>
      </c>
      <c r="AJ1600" s="13">
        <v>0.5976117984237338</v>
      </c>
      <c r="AK1600" s="9">
        <v>4135.1882581999998</v>
      </c>
      <c r="AL1600" s="13">
        <v>0.28179852386150028</v>
      </c>
      <c r="AM1600" s="9">
        <v>-12952.033303169999</v>
      </c>
      <c r="AN1600" s="13">
        <v>-0.68859142977384125</v>
      </c>
      <c r="AO1600" s="9">
        <v>-8816.8450449699994</v>
      </c>
      <c r="AP1600" s="13">
        <v>-0.60083695436628937</v>
      </c>
      <c r="AQ1600" s="9">
        <v>9185.1301188300004</v>
      </c>
      <c r="AR1600" s="9">
        <v>9486.5081396900005</v>
      </c>
      <c r="AS1600" s="9">
        <v>10752.8304809</v>
      </c>
      <c r="AT1600" s="9">
        <v>9844.6067632300001</v>
      </c>
      <c r="AU1600" s="9">
        <v>10535.8998316</v>
      </c>
      <c r="AV1600" s="9">
        <v>12428.3430494</v>
      </c>
      <c r="AW1600" s="9">
        <v>14674.2722479</v>
      </c>
      <c r="AX1600" s="9">
        <v>15471.5740348</v>
      </c>
      <c r="AY1600" s="9">
        <v>17915.443691</v>
      </c>
      <c r="AZ1600" s="9">
        <v>18809.4605061</v>
      </c>
      <c r="BA1600" s="9">
        <v>21349.5040367</v>
      </c>
      <c r="BB1600" s="9">
        <v>32758.127278700002</v>
      </c>
      <c r="BC1600" s="9">
        <v>28990.705355900001</v>
      </c>
      <c r="BD1600" s="9">
        <v>28016.6408801</v>
      </c>
      <c r="BE1600" s="9">
        <v>5929.8176856500004</v>
      </c>
      <c r="BF1600" s="9">
        <v>5857.42720293</v>
      </c>
      <c r="BG1600" s="11">
        <v>1</v>
      </c>
      <c r="BH1600" s="13">
        <v>0.5</v>
      </c>
      <c r="BI1600" s="6">
        <v>-1</v>
      </c>
      <c r="BJ1600" s="13">
        <v>-0.5</v>
      </c>
      <c r="BK1600" s="6">
        <v>2</v>
      </c>
      <c r="BL1600" s="13">
        <v>2</v>
      </c>
      <c r="BM1600" s="11">
        <v>0</v>
      </c>
      <c r="BN1600" s="13">
        <v>0</v>
      </c>
      <c r="BO1600" s="11">
        <v>2</v>
      </c>
      <c r="BP1600" s="13">
        <v>2</v>
      </c>
      <c r="BQ1600" s="6">
        <v>2</v>
      </c>
      <c r="BR1600" s="6">
        <v>2</v>
      </c>
      <c r="BS1600" s="6">
        <v>2</v>
      </c>
      <c r="BT1600" s="6">
        <v>1</v>
      </c>
      <c r="BU1600" s="6">
        <v>3</v>
      </c>
      <c r="BV1600" s="6">
        <v>3</v>
      </c>
      <c r="BW1600" s="6">
        <v>3</v>
      </c>
      <c r="BX1600" s="6">
        <v>3</v>
      </c>
      <c r="BY1600" s="6">
        <v>3</v>
      </c>
      <c r="BZ1600" s="6">
        <v>4</v>
      </c>
      <c r="CA1600" s="6">
        <v>4</v>
      </c>
      <c r="CB1600" s="6">
        <v>3</v>
      </c>
      <c r="CC1600" s="11">
        <v>3</v>
      </c>
      <c r="CD1600" s="11">
        <v>8.7991299999999999</v>
      </c>
      <c r="CE1600" s="11">
        <v>7.7736400000000003</v>
      </c>
      <c r="CF1600" s="11">
        <v>2.3466999999999998</v>
      </c>
      <c r="CG1600" s="11">
        <v>10</v>
      </c>
      <c r="CH1600" s="20">
        <v>0.110209</v>
      </c>
      <c r="CI1600" s="20">
        <v>9.8743600000000001E-2</v>
      </c>
      <c r="CJ1600" s="20">
        <v>9.4003199999999995E-2</v>
      </c>
      <c r="CK1600" s="20">
        <v>9.4655500000000004E-2</v>
      </c>
      <c r="CL1600" s="20">
        <v>0.14501900000000001</v>
      </c>
      <c r="CM1600" s="20">
        <v>0.13227800000000001</v>
      </c>
      <c r="CN1600" s="20">
        <v>0.15018300000000001</v>
      </c>
      <c r="CO1600" s="20">
        <v>0.156862</v>
      </c>
      <c r="CP1600" s="20">
        <v>0.15931600000000001</v>
      </c>
      <c r="CQ1600" s="20">
        <v>0.17863299999999999</v>
      </c>
      <c r="CR1600" s="20">
        <v>0.22278999999999999</v>
      </c>
      <c r="CS1600" s="20">
        <v>0.23815500000000001</v>
      </c>
      <c r="CT1600" s="20">
        <v>0.51006200000000002</v>
      </c>
      <c r="CU1600" s="20">
        <v>0.44291399999999997</v>
      </c>
      <c r="CV1600" s="20">
        <v>0.15711</v>
      </c>
      <c r="CW1600" s="20">
        <v>0.15987599999999999</v>
      </c>
      <c r="CX1600" s="20">
        <v>0.17258899999999999</v>
      </c>
      <c r="CY1600" s="6" t="s">
        <v>621</v>
      </c>
      <c r="CZ1600" s="6" t="s">
        <v>622</v>
      </c>
      <c r="DA1600" s="6" t="s">
        <v>145</v>
      </c>
      <c r="DB1600" s="6"/>
      <c r="DC1600" s="6">
        <v>32340</v>
      </c>
      <c r="DD1600" s="6"/>
      <c r="DE1600" s="6" t="s">
        <v>624</v>
      </c>
      <c r="DF1600" s="6" t="s">
        <v>363</v>
      </c>
      <c r="DG1600" s="6" t="s">
        <v>364</v>
      </c>
      <c r="DH1600" s="6" t="s">
        <v>365</v>
      </c>
      <c r="DI1600" s="6"/>
      <c r="DJ1600" s="6">
        <v>29</v>
      </c>
      <c r="DK1600" s="6">
        <v>147</v>
      </c>
      <c r="DL1600" s="6">
        <v>5</v>
      </c>
      <c r="DM1600" s="6" t="s">
        <v>392</v>
      </c>
      <c r="DN1600" s="6">
        <v>6</v>
      </c>
      <c r="DO1600" s="6" t="s">
        <v>393</v>
      </c>
      <c r="DP1600" s="6"/>
      <c r="DQ1600" s="6"/>
    </row>
    <row r="1601" spans="1:121" x14ac:dyDescent="0.2">
      <c r="A1601" s="6" t="s">
        <v>321</v>
      </c>
      <c r="B1601" s="6" t="s">
        <v>321</v>
      </c>
      <c r="C1601" s="6" t="s">
        <v>190</v>
      </c>
      <c r="D1601" s="6" t="s">
        <v>145</v>
      </c>
      <c r="E1601" s="6" t="s">
        <v>286</v>
      </c>
      <c r="F1601" s="11">
        <v>168</v>
      </c>
      <c r="G1601" s="13">
        <v>0.18645948945599999</v>
      </c>
      <c r="H1601" s="11">
        <v>117.05441000600001</v>
      </c>
      <c r="I1601" s="13">
        <v>0.12996987858570466</v>
      </c>
      <c r="J1601" s="11">
        <v>69.04320061999988</v>
      </c>
      <c r="K1601" s="13">
        <v>6.7843615142395147E-2</v>
      </c>
      <c r="L1601" s="11">
        <v>-17.269469899999876</v>
      </c>
      <c r="M1601" s="13">
        <v>-1.5891299679266228E-2</v>
      </c>
      <c r="N1601" s="11">
        <v>51.773730720000003</v>
      </c>
      <c r="O1601" s="13">
        <v>5.0874192243576311E-2</v>
      </c>
      <c r="P1601" s="7">
        <v>900.62721670400003</v>
      </c>
      <c r="Q1601" s="7">
        <v>912.92346694299999</v>
      </c>
      <c r="R1601" s="7">
        <v>970.62244233800004</v>
      </c>
      <c r="S1601" s="7">
        <v>980.82770672799995</v>
      </c>
      <c r="T1601" s="7">
        <v>1025.79295699</v>
      </c>
      <c r="U1601" s="7">
        <v>1028.38892373</v>
      </c>
      <c r="V1601" s="7">
        <v>1017.68162671</v>
      </c>
      <c r="W1601" s="7">
        <v>1060.1789128</v>
      </c>
      <c r="X1601" s="7">
        <v>1099.4135877900001</v>
      </c>
      <c r="Y1601" s="7">
        <v>1086.7248273299999</v>
      </c>
      <c r="Z1601" s="7">
        <v>1051.66077496</v>
      </c>
      <c r="AA1601" s="7">
        <v>1120.1154573700001</v>
      </c>
      <c r="AB1601" s="7">
        <v>1067.17066017</v>
      </c>
      <c r="AC1601" s="7">
        <v>1027.9761127899999</v>
      </c>
      <c r="AD1601" s="7">
        <v>1049.25087704</v>
      </c>
      <c r="AE1601" s="7">
        <v>1066.41625675</v>
      </c>
      <c r="AF1601" s="7">
        <v>1069.45535743</v>
      </c>
      <c r="AG1601" s="9">
        <v>20963.577833200001</v>
      </c>
      <c r="AH1601" s="13">
        <v>0.86988738996720172</v>
      </c>
      <c r="AI1601" s="9">
        <v>13885.270172699999</v>
      </c>
      <c r="AJ1601" s="13">
        <v>0.57617175491821515</v>
      </c>
      <c r="AK1601" s="9">
        <v>4131.0949817000001</v>
      </c>
      <c r="AL1601" s="13">
        <v>0.10875751346830471</v>
      </c>
      <c r="AM1601" s="9">
        <v>2947.2126788000023</v>
      </c>
      <c r="AN1601" s="13">
        <v>6.9979202746462688E-2</v>
      </c>
      <c r="AO1601" s="9">
        <v>7078.3076605000024</v>
      </c>
      <c r="AP1601" s="13">
        <v>0.18634748029996703</v>
      </c>
      <c r="AQ1601" s="9">
        <v>24099.185796900001</v>
      </c>
      <c r="AR1601" s="9">
        <v>26079.0948847</v>
      </c>
      <c r="AS1601" s="9">
        <v>27388.2358618</v>
      </c>
      <c r="AT1601" s="9">
        <v>31008.324288899999</v>
      </c>
      <c r="AU1601" s="9">
        <v>33136.495360200002</v>
      </c>
      <c r="AV1601" s="9">
        <v>36249.340576800001</v>
      </c>
      <c r="AW1601" s="9">
        <v>37984.4559696</v>
      </c>
      <c r="AX1601" s="9">
        <v>38891.187031599999</v>
      </c>
      <c r="AY1601" s="9">
        <v>41029.756056699996</v>
      </c>
      <c r="AZ1601" s="9">
        <v>42115.5509513</v>
      </c>
      <c r="BA1601" s="9">
        <v>42695.758097500002</v>
      </c>
      <c r="BB1601" s="9">
        <v>42087.970150300003</v>
      </c>
      <c r="BC1601" s="9">
        <v>43116.999029899998</v>
      </c>
      <c r="BD1601" s="9">
        <v>43751.641429000003</v>
      </c>
      <c r="BE1601" s="9">
        <v>44094.108478200003</v>
      </c>
      <c r="BF1601" s="9">
        <v>45062.763630100002</v>
      </c>
      <c r="BG1601" s="11">
        <v>23.75</v>
      </c>
      <c r="BH1601" s="13">
        <v>0.51630434782608692</v>
      </c>
      <c r="BI1601" s="6">
        <v>-4</v>
      </c>
      <c r="BJ1601" s="13">
        <v>-8.6956521739130432E-2</v>
      </c>
      <c r="BK1601" s="6">
        <v>2</v>
      </c>
      <c r="BL1601" s="13">
        <v>4.7619047619047616E-2</v>
      </c>
      <c r="BM1601" s="11">
        <v>25.75</v>
      </c>
      <c r="BN1601" s="13">
        <v>0.58522727272727271</v>
      </c>
      <c r="BO1601" s="11">
        <v>27.75</v>
      </c>
      <c r="BP1601" s="13">
        <v>0.6607142857142857</v>
      </c>
      <c r="BQ1601" s="6">
        <v>46</v>
      </c>
      <c r="BR1601" s="6">
        <v>47</v>
      </c>
      <c r="BS1601" s="6">
        <v>44</v>
      </c>
      <c r="BT1601" s="6">
        <v>42</v>
      </c>
      <c r="BU1601" s="6">
        <v>42</v>
      </c>
      <c r="BV1601" s="6">
        <v>45</v>
      </c>
      <c r="BW1601" s="6">
        <v>44</v>
      </c>
      <c r="BX1601" s="6">
        <v>44</v>
      </c>
      <c r="BY1601" s="6">
        <v>46</v>
      </c>
      <c r="BZ1601" s="6">
        <v>73</v>
      </c>
      <c r="CA1601" s="6">
        <v>69</v>
      </c>
      <c r="CB1601" s="6">
        <v>70</v>
      </c>
      <c r="CC1601" s="11">
        <v>69.75</v>
      </c>
      <c r="CD1601" s="11">
        <v>-257.60000000000002</v>
      </c>
      <c r="CE1601" s="11">
        <v>327.97800000000001</v>
      </c>
      <c r="CF1601" s="11">
        <v>98.449399999999997</v>
      </c>
      <c r="CG1601" s="11">
        <v>426</v>
      </c>
      <c r="CH1601" s="20">
        <v>0.93617300000000003</v>
      </c>
      <c r="CI1601" s="20">
        <v>0.92327300000000001</v>
      </c>
      <c r="CJ1601" s="20">
        <v>0.905169</v>
      </c>
      <c r="CK1601" s="20">
        <v>0.91989299999999996</v>
      </c>
      <c r="CL1601" s="20">
        <v>0.96858599999999995</v>
      </c>
      <c r="CM1601" s="20">
        <v>0.96631599999999995</v>
      </c>
      <c r="CN1601" s="20">
        <v>0.93925400000000003</v>
      </c>
      <c r="CO1601" s="20">
        <v>0.960762</v>
      </c>
      <c r="CP1601" s="20">
        <v>0.95040000000000002</v>
      </c>
      <c r="CQ1601" s="20">
        <v>0.95541100000000001</v>
      </c>
      <c r="CR1601" s="20">
        <v>0.94109600000000004</v>
      </c>
      <c r="CS1601" s="20">
        <v>0.95745899999999995</v>
      </c>
      <c r="CT1601" s="20">
        <v>0.943249</v>
      </c>
      <c r="CU1601" s="20">
        <v>0.93791800000000003</v>
      </c>
      <c r="CV1601" s="20">
        <v>0.94233999999999996</v>
      </c>
      <c r="CW1601" s="20">
        <v>0.94568700000000006</v>
      </c>
      <c r="CX1601" s="20">
        <v>0.92407399999999995</v>
      </c>
      <c r="CY1601" s="6" t="s">
        <v>621</v>
      </c>
      <c r="CZ1601" s="6" t="s">
        <v>622</v>
      </c>
      <c r="DA1601" s="6" t="s">
        <v>145</v>
      </c>
      <c r="DB1601" s="6"/>
      <c r="DC1601" s="6">
        <v>32340</v>
      </c>
      <c r="DD1601" s="6"/>
      <c r="DE1601" s="6" t="s">
        <v>624</v>
      </c>
      <c r="DF1601" s="6" t="s">
        <v>363</v>
      </c>
      <c r="DG1601" s="6" t="s">
        <v>364</v>
      </c>
      <c r="DH1601" s="6" t="s">
        <v>365</v>
      </c>
      <c r="DI1601" s="6"/>
      <c r="DJ1601" s="6">
        <v>29</v>
      </c>
      <c r="DK1601" s="6">
        <v>147</v>
      </c>
      <c r="DL1601" s="6">
        <v>5</v>
      </c>
      <c r="DM1601" s="6" t="s">
        <v>392</v>
      </c>
      <c r="DN1601" s="6">
        <v>6</v>
      </c>
      <c r="DO1601" s="6" t="s">
        <v>393</v>
      </c>
      <c r="DP1601" s="6"/>
      <c r="DQ1601" s="6"/>
    </row>
    <row r="1602" spans="1:121" x14ac:dyDescent="0.2">
      <c r="A1602" s="6" t="s">
        <v>322</v>
      </c>
      <c r="B1602" s="6" t="s">
        <v>322</v>
      </c>
      <c r="C1602" s="6" t="s">
        <v>191</v>
      </c>
      <c r="D1602" s="6" t="s">
        <v>145</v>
      </c>
      <c r="E1602" s="6" t="s">
        <v>286</v>
      </c>
      <c r="F1602" s="11">
        <v>-29</v>
      </c>
      <c r="G1602" s="13">
        <v>-0.51</v>
      </c>
      <c r="H1602" s="11">
        <v>-10</v>
      </c>
      <c r="I1602" s="13">
        <v>-0.17543859649122806</v>
      </c>
      <c r="J1602" s="11">
        <v>-16</v>
      </c>
      <c r="K1602" s="13">
        <v>-0.34042553191489361</v>
      </c>
      <c r="L1602" s="11">
        <v>-3</v>
      </c>
      <c r="M1602" s="13">
        <v>-9.6774193548387094E-2</v>
      </c>
      <c r="N1602" s="11">
        <v>-19</v>
      </c>
      <c r="O1602" s="13">
        <v>-0.40425531914893614</v>
      </c>
      <c r="P1602" s="7">
        <v>57</v>
      </c>
      <c r="Q1602" s="7">
        <v>53</v>
      </c>
      <c r="R1602" s="7">
        <v>49</v>
      </c>
      <c r="S1602" s="7">
        <v>47</v>
      </c>
      <c r="T1602" s="7">
        <v>51</v>
      </c>
      <c r="U1602" s="7">
        <v>47</v>
      </c>
      <c r="V1602" s="7">
        <v>47</v>
      </c>
      <c r="W1602" s="7">
        <v>41</v>
      </c>
      <c r="X1602" s="7">
        <v>38</v>
      </c>
      <c r="Y1602" s="7">
        <v>31</v>
      </c>
      <c r="Z1602" s="7">
        <v>33</v>
      </c>
      <c r="AA1602" s="7">
        <v>35</v>
      </c>
      <c r="AB1602" s="7">
        <v>37</v>
      </c>
      <c r="AC1602" s="7">
        <v>33</v>
      </c>
      <c r="AD1602" s="7">
        <v>26</v>
      </c>
      <c r="AE1602" s="7">
        <v>28</v>
      </c>
      <c r="AF1602" s="7">
        <v>28</v>
      </c>
      <c r="AG1602" s="9">
        <v>8033</v>
      </c>
      <c r="AH1602" s="13">
        <v>1.1780319694969936</v>
      </c>
      <c r="AI1602" s="9">
        <v>3094</v>
      </c>
      <c r="AJ1602" s="13">
        <v>0.45373221880041054</v>
      </c>
      <c r="AK1602" s="9">
        <v>1327</v>
      </c>
      <c r="AL1602" s="13">
        <v>0.13386462221325532</v>
      </c>
      <c r="AM1602" s="9">
        <v>3612</v>
      </c>
      <c r="AN1602" s="13">
        <v>0.32135231316725976</v>
      </c>
      <c r="AO1602" s="9">
        <v>4939</v>
      </c>
      <c r="AP1602" s="13">
        <v>0.49823464138000606</v>
      </c>
      <c r="AQ1602" s="9">
        <v>6819</v>
      </c>
      <c r="AR1602" s="9">
        <v>7561</v>
      </c>
      <c r="AS1602" s="9">
        <v>8956</v>
      </c>
      <c r="AT1602" s="9">
        <v>9670</v>
      </c>
      <c r="AU1602" s="9">
        <v>9076</v>
      </c>
      <c r="AV1602" s="9">
        <v>9731</v>
      </c>
      <c r="AW1602" s="9">
        <v>9913</v>
      </c>
      <c r="AX1602" s="9">
        <v>11546</v>
      </c>
      <c r="AY1602" s="9">
        <v>11203</v>
      </c>
      <c r="AZ1602" s="9">
        <v>11240</v>
      </c>
      <c r="BA1602" s="9">
        <v>11307</v>
      </c>
      <c r="BB1602" s="9">
        <v>13178</v>
      </c>
      <c r="BC1602" s="9">
        <v>13214</v>
      </c>
      <c r="BD1602" s="9">
        <v>14540</v>
      </c>
      <c r="BE1602" s="9">
        <v>14921</v>
      </c>
      <c r="BF1602" s="9">
        <v>14852</v>
      </c>
      <c r="BG1602" s="11">
        <v>-3</v>
      </c>
      <c r="BH1602" s="13">
        <v>-0.5</v>
      </c>
      <c r="BI1602" s="6">
        <v>-2</v>
      </c>
      <c r="BJ1602" s="13">
        <v>-0.33333333333333331</v>
      </c>
      <c r="BK1602" s="6">
        <v>-1</v>
      </c>
      <c r="BL1602" s="13">
        <v>-0.25</v>
      </c>
      <c r="BM1602" s="11">
        <v>0</v>
      </c>
      <c r="BN1602" s="13">
        <v>0</v>
      </c>
      <c r="BO1602" s="11">
        <v>-1</v>
      </c>
      <c r="BP1602" s="13">
        <v>-0.25</v>
      </c>
      <c r="BQ1602" s="6">
        <v>6</v>
      </c>
      <c r="BR1602" s="6">
        <v>5</v>
      </c>
      <c r="BS1602" s="6">
        <v>5</v>
      </c>
      <c r="BT1602" s="6">
        <v>4</v>
      </c>
      <c r="BU1602" s="6">
        <v>4</v>
      </c>
      <c r="BV1602" s="6">
        <v>4</v>
      </c>
      <c r="BW1602" s="6">
        <v>3</v>
      </c>
      <c r="BX1602" s="6">
        <v>3</v>
      </c>
      <c r="BY1602" s="6">
        <v>3</v>
      </c>
      <c r="BZ1602" s="6">
        <v>3</v>
      </c>
      <c r="CA1602" s="6">
        <v>4</v>
      </c>
      <c r="CB1602" s="6">
        <v>4</v>
      </c>
      <c r="CC1602" s="11">
        <v>3</v>
      </c>
      <c r="CD1602" s="11">
        <v>-45</v>
      </c>
      <c r="CE1602" s="11">
        <v>10</v>
      </c>
      <c r="CF1602" s="11">
        <v>6</v>
      </c>
      <c r="CG1602" s="11">
        <v>16</v>
      </c>
      <c r="CH1602" s="20">
        <v>0.38</v>
      </c>
      <c r="CI1602" s="20">
        <v>0.36</v>
      </c>
      <c r="CJ1602" s="20">
        <v>0.31</v>
      </c>
      <c r="CK1602" s="20">
        <v>0.3</v>
      </c>
      <c r="CL1602" s="20">
        <v>0.33</v>
      </c>
      <c r="CM1602" s="20">
        <v>0.3</v>
      </c>
      <c r="CN1602" s="20">
        <v>0.3</v>
      </c>
      <c r="CO1602" s="20">
        <v>0.26</v>
      </c>
      <c r="CP1602" s="20">
        <v>0.24</v>
      </c>
      <c r="CQ1602" s="20">
        <v>0.2</v>
      </c>
      <c r="CR1602" s="20">
        <v>0.22</v>
      </c>
      <c r="CS1602" s="20">
        <v>0.22</v>
      </c>
      <c r="CT1602" s="20">
        <v>0.24</v>
      </c>
      <c r="CU1602" s="20">
        <v>0.22</v>
      </c>
      <c r="CV1602" s="20">
        <v>0.17</v>
      </c>
      <c r="CW1602" s="20">
        <v>0.19</v>
      </c>
      <c r="CX1602" s="20">
        <v>0.18</v>
      </c>
      <c r="CY1602" s="6" t="s">
        <v>621</v>
      </c>
      <c r="CZ1602" s="6" t="s">
        <v>622</v>
      </c>
      <c r="DA1602" s="6" t="s">
        <v>145</v>
      </c>
      <c r="DB1602" s="6"/>
      <c r="DC1602" s="6">
        <v>32340</v>
      </c>
      <c r="DD1602" s="6"/>
      <c r="DE1602" s="6" t="s">
        <v>624</v>
      </c>
      <c r="DF1602" s="6" t="s">
        <v>363</v>
      </c>
      <c r="DG1602" s="6" t="s">
        <v>364</v>
      </c>
      <c r="DH1602" s="6" t="s">
        <v>365</v>
      </c>
      <c r="DI1602" s="6"/>
      <c r="DJ1602" s="6">
        <v>29</v>
      </c>
      <c r="DK1602" s="6">
        <v>147</v>
      </c>
      <c r="DL1602" s="6">
        <v>5</v>
      </c>
      <c r="DM1602" s="6" t="s">
        <v>392</v>
      </c>
      <c r="DN1602" s="6">
        <v>6</v>
      </c>
      <c r="DO1602" s="6" t="s">
        <v>393</v>
      </c>
      <c r="DP1602" s="6"/>
      <c r="DQ1602" s="6"/>
    </row>
    <row r="1603" spans="1:121" x14ac:dyDescent="0.2">
      <c r="A1603" s="6" t="s">
        <v>323</v>
      </c>
      <c r="B1603" s="6" t="s">
        <v>323</v>
      </c>
      <c r="C1603" s="6" t="s">
        <v>192</v>
      </c>
      <c r="D1603" s="6" t="s">
        <v>145</v>
      </c>
      <c r="E1603" s="6" t="s">
        <v>286</v>
      </c>
      <c r="F1603" s="11">
        <v>47</v>
      </c>
      <c r="G1603" s="13">
        <v>5.3469852104699997E-2</v>
      </c>
      <c r="H1603" s="11">
        <v>-167.67237000300008</v>
      </c>
      <c r="I1603" s="13">
        <v>-0.19073028484947616</v>
      </c>
      <c r="J1603" s="11">
        <v>-48.612208435999946</v>
      </c>
      <c r="K1603" s="13">
        <v>-6.832981067551637E-2</v>
      </c>
      <c r="L1603" s="11">
        <v>263.53375561199994</v>
      </c>
      <c r="M1603" s="13">
        <v>0.39759317212473216</v>
      </c>
      <c r="N1603" s="11">
        <v>214.92154717599999</v>
      </c>
      <c r="O1603" s="13">
        <v>0.30209589527205483</v>
      </c>
      <c r="P1603" s="7">
        <v>879.10721747900004</v>
      </c>
      <c r="Q1603" s="7">
        <v>675.93970587000001</v>
      </c>
      <c r="R1603" s="7">
        <v>653.77077173299995</v>
      </c>
      <c r="S1603" s="7">
        <v>637.40364669300004</v>
      </c>
      <c r="T1603" s="7">
        <v>641.42789148700001</v>
      </c>
      <c r="U1603" s="7">
        <v>684.37257063300001</v>
      </c>
      <c r="V1603" s="7">
        <v>711.43484747599996</v>
      </c>
      <c r="W1603" s="7">
        <v>724.23652678400003</v>
      </c>
      <c r="X1603" s="7">
        <v>666.39928198200005</v>
      </c>
      <c r="Y1603" s="7">
        <v>662.82263904000001</v>
      </c>
      <c r="Z1603" s="7">
        <v>660.871749765</v>
      </c>
      <c r="AA1603" s="7">
        <v>936.68041128200002</v>
      </c>
      <c r="AB1603" s="7">
        <v>911.63678671100001</v>
      </c>
      <c r="AC1603" s="7">
        <v>849.557968931</v>
      </c>
      <c r="AD1603" s="7">
        <v>894.92330486900005</v>
      </c>
      <c r="AE1603" s="7">
        <v>916.222082656</v>
      </c>
      <c r="AF1603" s="7">
        <v>926.35639465199995</v>
      </c>
      <c r="AG1603" s="9">
        <v>5447.9345136299999</v>
      </c>
      <c r="AH1603" s="13">
        <v>0.65129692838074238</v>
      </c>
      <c r="AI1603" s="9">
        <v>2780.26594983</v>
      </c>
      <c r="AJ1603" s="13">
        <v>0.33237893529658286</v>
      </c>
      <c r="AK1603" s="9">
        <v>1379.7265441</v>
      </c>
      <c r="AL1603" s="13">
        <v>0.12379765353002212</v>
      </c>
      <c r="AM1603" s="9">
        <v>1287.9420196999999</v>
      </c>
      <c r="AN1603" s="13">
        <v>0.1028318348349461</v>
      </c>
      <c r="AO1603" s="9">
        <v>2667.6685637999999</v>
      </c>
      <c r="AP1603" s="13">
        <v>0.23935982822572135</v>
      </c>
      <c r="AQ1603" s="9">
        <v>8364.7477459700003</v>
      </c>
      <c r="AR1603" s="9">
        <v>8791.0425194599993</v>
      </c>
      <c r="AS1603" s="9">
        <v>9556.5862280199999</v>
      </c>
      <c r="AT1603" s="9">
        <v>10047.6777803</v>
      </c>
      <c r="AU1603" s="9">
        <v>9896.2776985599994</v>
      </c>
      <c r="AV1603" s="9">
        <v>10965.149340600001</v>
      </c>
      <c r="AW1603" s="9">
        <v>11145.0136958</v>
      </c>
      <c r="AX1603" s="9">
        <v>10987.418122200001</v>
      </c>
      <c r="AY1603" s="9">
        <v>12050.2119614</v>
      </c>
      <c r="AZ1603" s="9">
        <v>12524.7402399</v>
      </c>
      <c r="BA1603" s="9">
        <v>12725.0233004</v>
      </c>
      <c r="BB1603" s="9">
        <v>12752.9257985</v>
      </c>
      <c r="BC1603" s="9">
        <v>12766.254067600001</v>
      </c>
      <c r="BD1603" s="9">
        <v>13135.063397100001</v>
      </c>
      <c r="BE1603" s="9">
        <v>13603.7131861</v>
      </c>
      <c r="BF1603" s="9">
        <v>13812.6822596</v>
      </c>
      <c r="BG1603" s="11">
        <v>-4</v>
      </c>
      <c r="BH1603" s="13">
        <v>-0.10256410256410256</v>
      </c>
      <c r="BI1603" s="6">
        <v>0</v>
      </c>
      <c r="BJ1603" s="13">
        <v>0</v>
      </c>
      <c r="BK1603" s="6">
        <v>-5</v>
      </c>
      <c r="BL1603" s="13">
        <v>-0.12820512820512819</v>
      </c>
      <c r="BM1603" s="11">
        <v>1</v>
      </c>
      <c r="BN1603" s="13">
        <v>2.9411764705882353E-2</v>
      </c>
      <c r="BO1603" s="11">
        <v>-4</v>
      </c>
      <c r="BP1603" s="13">
        <v>-0.10256410256410256</v>
      </c>
      <c r="BQ1603" s="6">
        <v>39</v>
      </c>
      <c r="BR1603" s="6">
        <v>39</v>
      </c>
      <c r="BS1603" s="6">
        <v>35</v>
      </c>
      <c r="BT1603" s="6">
        <v>39</v>
      </c>
      <c r="BU1603" s="6">
        <v>36</v>
      </c>
      <c r="BV1603" s="6">
        <v>32</v>
      </c>
      <c r="BW1603" s="6">
        <v>34</v>
      </c>
      <c r="BX1603" s="6">
        <v>33</v>
      </c>
      <c r="BY1603" s="6">
        <v>38</v>
      </c>
      <c r="BZ1603" s="6">
        <v>39</v>
      </c>
      <c r="CA1603" s="6">
        <v>38</v>
      </c>
      <c r="CB1603" s="6">
        <v>39</v>
      </c>
      <c r="CC1603" s="11">
        <v>35</v>
      </c>
      <c r="CD1603" s="11">
        <v>-248.762</v>
      </c>
      <c r="CE1603" s="11">
        <v>199.91399999999999</v>
      </c>
      <c r="CF1603" s="11">
        <v>96.096999999999994</v>
      </c>
      <c r="CG1603" s="11">
        <v>296</v>
      </c>
      <c r="CH1603" s="20">
        <v>1.2313400000000001</v>
      </c>
      <c r="CI1603" s="20">
        <v>0.94457000000000002</v>
      </c>
      <c r="CJ1603" s="20">
        <v>0.85274499999999998</v>
      </c>
      <c r="CK1603" s="20">
        <v>0.83176300000000003</v>
      </c>
      <c r="CL1603" s="20">
        <v>0.842055</v>
      </c>
      <c r="CM1603" s="20">
        <v>0.89760099999999998</v>
      </c>
      <c r="CN1603" s="20">
        <v>0.92164400000000002</v>
      </c>
      <c r="CO1603" s="20">
        <v>0.94233800000000001</v>
      </c>
      <c r="CP1603" s="20">
        <v>0.86812299999999998</v>
      </c>
      <c r="CQ1603" s="20">
        <v>0.88963999999999999</v>
      </c>
      <c r="CR1603" s="20">
        <v>0.89298</v>
      </c>
      <c r="CS1603" s="20">
        <v>1.2164600000000001</v>
      </c>
      <c r="CT1603" s="20">
        <v>1.2111700000000001</v>
      </c>
      <c r="CU1603" s="20">
        <v>1.1528400000000001</v>
      </c>
      <c r="CV1603" s="20">
        <v>1.1839299999999999</v>
      </c>
      <c r="CW1603" s="20">
        <v>1.1940200000000001</v>
      </c>
      <c r="CX1603" s="20">
        <v>1.1889099999999999</v>
      </c>
      <c r="CY1603" s="6" t="s">
        <v>621</v>
      </c>
      <c r="CZ1603" s="6" t="s">
        <v>622</v>
      </c>
      <c r="DA1603" s="6" t="s">
        <v>145</v>
      </c>
      <c r="DB1603" s="6"/>
      <c r="DC1603" s="6">
        <v>32340</v>
      </c>
      <c r="DD1603" s="6"/>
      <c r="DE1603" s="6" t="s">
        <v>624</v>
      </c>
      <c r="DF1603" s="6" t="s">
        <v>363</v>
      </c>
      <c r="DG1603" s="6" t="s">
        <v>364</v>
      </c>
      <c r="DH1603" s="6" t="s">
        <v>365</v>
      </c>
      <c r="DI1603" s="6"/>
      <c r="DJ1603" s="6">
        <v>29</v>
      </c>
      <c r="DK1603" s="6">
        <v>147</v>
      </c>
      <c r="DL1603" s="6">
        <v>5</v>
      </c>
      <c r="DM1603" s="6" t="s">
        <v>392</v>
      </c>
      <c r="DN1603" s="6">
        <v>6</v>
      </c>
      <c r="DO1603" s="6" t="s">
        <v>393</v>
      </c>
      <c r="DP1603" s="6"/>
      <c r="DQ1603" s="6"/>
    </row>
    <row r="1604" spans="1:121" x14ac:dyDescent="0.2">
      <c r="A1604" s="6" t="s">
        <v>325</v>
      </c>
      <c r="B1604" s="6" t="s">
        <v>325</v>
      </c>
      <c r="C1604" s="6" t="s">
        <v>193</v>
      </c>
      <c r="D1604" s="6" t="s">
        <v>145</v>
      </c>
      <c r="E1604" s="6" t="s">
        <v>286</v>
      </c>
      <c r="F1604" s="11">
        <v>-22</v>
      </c>
      <c r="G1604" s="13">
        <v>-4.2389210019300003E-2</v>
      </c>
      <c r="H1604" s="11">
        <v>54.701541949999978</v>
      </c>
      <c r="I1604" s="13">
        <v>0.10540662669975512</v>
      </c>
      <c r="J1604" s="11">
        <v>23.05228265400001</v>
      </c>
      <c r="K1604" s="13">
        <v>4.0184652641369327E-2</v>
      </c>
      <c r="L1604" s="11">
        <v>-99.219694375000017</v>
      </c>
      <c r="M1604" s="13">
        <v>-0.16627759174363921</v>
      </c>
      <c r="N1604" s="11">
        <v>-76.167411721000008</v>
      </c>
      <c r="O1604" s="13">
        <v>-0.13277474636853143</v>
      </c>
      <c r="P1604" s="7">
        <v>518.95733373400003</v>
      </c>
      <c r="Q1604" s="7">
        <v>630.49955688299997</v>
      </c>
      <c r="R1604" s="7">
        <v>637.54129248699996</v>
      </c>
      <c r="S1604" s="7">
        <v>638.91568674300004</v>
      </c>
      <c r="T1604" s="7">
        <v>588.30799202699995</v>
      </c>
      <c r="U1604" s="7">
        <v>590.55789980899999</v>
      </c>
      <c r="V1604" s="7">
        <v>573.65887568400001</v>
      </c>
      <c r="W1604" s="7">
        <v>531.28064742399999</v>
      </c>
      <c r="X1604" s="7">
        <v>559.93363852899995</v>
      </c>
      <c r="Y1604" s="7">
        <v>596.71115833800002</v>
      </c>
      <c r="Z1604" s="7">
        <v>579.04296527999998</v>
      </c>
      <c r="AA1604" s="7">
        <v>593.44702330999996</v>
      </c>
      <c r="AB1604" s="7">
        <v>542.74194631499995</v>
      </c>
      <c r="AC1604" s="7">
        <v>532.80398118699998</v>
      </c>
      <c r="AD1604" s="7">
        <v>512.81627411600005</v>
      </c>
      <c r="AE1604" s="7">
        <v>500.944477785</v>
      </c>
      <c r="AF1604" s="7">
        <v>497.491463963</v>
      </c>
      <c r="AG1604" s="9">
        <v>3559.593708700002</v>
      </c>
      <c r="AH1604" s="13">
        <v>0.20447389500669963</v>
      </c>
      <c r="AI1604" s="9">
        <v>1212.4159018999999</v>
      </c>
      <c r="AJ1604" s="13">
        <v>6.9644858969056825E-2</v>
      </c>
      <c r="AK1604" s="9">
        <v>-478.43826439999975</v>
      </c>
      <c r="AL1604" s="13">
        <v>-2.5693527750148704E-2</v>
      </c>
      <c r="AM1604" s="9">
        <v>2825.6160712000019</v>
      </c>
      <c r="AN1604" s="13">
        <v>0.15574545997768807</v>
      </c>
      <c r="AO1604" s="9">
        <v>2347.1778068000021</v>
      </c>
      <c r="AP1604" s="13">
        <v>0.12605028192964296</v>
      </c>
      <c r="AQ1604" s="9">
        <v>17408.5484535</v>
      </c>
      <c r="AR1604" s="9">
        <v>14843.6217137</v>
      </c>
      <c r="AS1604" s="9">
        <v>14578.1856395</v>
      </c>
      <c r="AT1604" s="9">
        <v>15077.5295799</v>
      </c>
      <c r="AU1604" s="9">
        <v>17314.452501600001</v>
      </c>
      <c r="AV1604" s="9">
        <v>17624.027629600001</v>
      </c>
      <c r="AW1604" s="9">
        <v>18620.964355399999</v>
      </c>
      <c r="AX1604" s="9">
        <v>20126.1198707</v>
      </c>
      <c r="AY1604" s="9">
        <v>18808.3032088</v>
      </c>
      <c r="AZ1604" s="9">
        <v>18142.526091</v>
      </c>
      <c r="BA1604" s="9">
        <v>18216.144494600001</v>
      </c>
      <c r="BB1604" s="9">
        <v>18667.136734200001</v>
      </c>
      <c r="BC1604" s="9">
        <v>19218.874991799999</v>
      </c>
      <c r="BD1604" s="9">
        <v>20039.881942200002</v>
      </c>
      <c r="BE1604" s="9">
        <v>20584.624641800001</v>
      </c>
      <c r="BF1604" s="9">
        <v>20968.142162200002</v>
      </c>
      <c r="BG1604" s="11">
        <v>-12.5</v>
      </c>
      <c r="BH1604" s="13">
        <v>-0.22727272727272727</v>
      </c>
      <c r="BI1604" s="6">
        <v>4</v>
      </c>
      <c r="BJ1604" s="13">
        <v>7.2727272727272724E-2</v>
      </c>
      <c r="BK1604" s="6">
        <v>10</v>
      </c>
      <c r="BL1604" s="13">
        <v>0.16949152542372881</v>
      </c>
      <c r="BM1604" s="11">
        <v>-26.5</v>
      </c>
      <c r="BN1604" s="13">
        <v>-0.38405797101449274</v>
      </c>
      <c r="BO1604" s="11">
        <v>-16.5</v>
      </c>
      <c r="BP1604" s="13">
        <v>-0.27966101694915252</v>
      </c>
      <c r="BQ1604" s="6">
        <v>55</v>
      </c>
      <c r="BR1604" s="6">
        <v>61</v>
      </c>
      <c r="BS1604" s="6">
        <v>62</v>
      </c>
      <c r="BT1604" s="6">
        <v>59</v>
      </c>
      <c r="BU1604" s="6">
        <v>58</v>
      </c>
      <c r="BV1604" s="6">
        <v>62</v>
      </c>
      <c r="BW1604" s="6">
        <v>69</v>
      </c>
      <c r="BX1604" s="6">
        <v>71</v>
      </c>
      <c r="BY1604" s="6">
        <v>74</v>
      </c>
      <c r="BZ1604" s="6">
        <v>49</v>
      </c>
      <c r="CA1604" s="6">
        <v>48</v>
      </c>
      <c r="CB1604" s="6">
        <v>46</v>
      </c>
      <c r="CC1604" s="11">
        <v>42.5</v>
      </c>
      <c r="CD1604" s="11">
        <v>-73.415099999999995</v>
      </c>
      <c r="CE1604" s="11">
        <v>-4.7790999999999997</v>
      </c>
      <c r="CF1604" s="11">
        <v>56.728299999999997</v>
      </c>
      <c r="CG1604" s="11">
        <v>52</v>
      </c>
      <c r="CH1604" s="20">
        <v>1.07012</v>
      </c>
      <c r="CI1604" s="20">
        <v>1.29173</v>
      </c>
      <c r="CJ1604" s="20">
        <v>1.22617</v>
      </c>
      <c r="CK1604" s="20">
        <v>1.2516099999999999</v>
      </c>
      <c r="CL1604" s="20">
        <v>1.1786399999999999</v>
      </c>
      <c r="CM1604" s="20">
        <v>1.1931099999999999</v>
      </c>
      <c r="CN1604" s="20">
        <v>1.1504099999999999</v>
      </c>
      <c r="CO1604" s="20">
        <v>1.06907</v>
      </c>
      <c r="CP1604" s="20">
        <v>1.1050800000000001</v>
      </c>
      <c r="CQ1604" s="20">
        <v>1.2223599999999999</v>
      </c>
      <c r="CR1604" s="20">
        <v>1.21156</v>
      </c>
      <c r="CS1604" s="20">
        <v>1.2026699999999999</v>
      </c>
      <c r="CT1604" s="20">
        <v>1.22743</v>
      </c>
      <c r="CU1604" s="20">
        <v>1.2438199999999999</v>
      </c>
      <c r="CV1604" s="20">
        <v>1.1902299999999999</v>
      </c>
      <c r="CW1604" s="20">
        <v>1.1574899999999999</v>
      </c>
      <c r="CX1604" s="20">
        <v>1.1421699999999999</v>
      </c>
      <c r="CY1604" s="6" t="s">
        <v>621</v>
      </c>
      <c r="CZ1604" s="6" t="s">
        <v>622</v>
      </c>
      <c r="DA1604" s="6" t="s">
        <v>145</v>
      </c>
      <c r="DB1604" s="6"/>
      <c r="DC1604" s="6">
        <v>32340</v>
      </c>
      <c r="DD1604" s="6"/>
      <c r="DE1604" s="6" t="s">
        <v>624</v>
      </c>
      <c r="DF1604" s="6" t="s">
        <v>363</v>
      </c>
      <c r="DG1604" s="6" t="s">
        <v>364</v>
      </c>
      <c r="DH1604" s="6" t="s">
        <v>365</v>
      </c>
      <c r="DI1604" s="6"/>
      <c r="DJ1604" s="6">
        <v>29</v>
      </c>
      <c r="DK1604" s="6">
        <v>147</v>
      </c>
      <c r="DL1604" s="6">
        <v>5</v>
      </c>
      <c r="DM1604" s="6" t="s">
        <v>392</v>
      </c>
      <c r="DN1604" s="6">
        <v>6</v>
      </c>
      <c r="DO1604" s="6" t="s">
        <v>393</v>
      </c>
      <c r="DP1604" s="6"/>
      <c r="DQ1604" s="6"/>
    </row>
    <row r="1605" spans="1:121" x14ac:dyDescent="0.2">
      <c r="A1605" s="6" t="s">
        <v>327</v>
      </c>
      <c r="B1605" s="6" t="s">
        <v>327</v>
      </c>
      <c r="C1605" s="6" t="s">
        <v>194</v>
      </c>
      <c r="D1605" s="6" t="s">
        <v>145</v>
      </c>
      <c r="E1605" s="6" t="s">
        <v>286</v>
      </c>
      <c r="F1605" s="11">
        <v>-47</v>
      </c>
      <c r="G1605" s="13">
        <v>-1.8373729476200001E-2</v>
      </c>
      <c r="H1605" s="11">
        <v>20.065591999999924</v>
      </c>
      <c r="I1605" s="13">
        <v>7.8445602978644419E-3</v>
      </c>
      <c r="J1605" s="11">
        <v>26.124107999999978</v>
      </c>
      <c r="K1605" s="13">
        <v>1.0133618319314051E-2</v>
      </c>
      <c r="L1605" s="11">
        <v>-93.436925450000217</v>
      </c>
      <c r="M1605" s="13">
        <v>-3.5880855270292E-2</v>
      </c>
      <c r="N1605" s="11">
        <v>-67.312817450000239</v>
      </c>
      <c r="O1605" s="13">
        <v>-2.6110839843257641E-2</v>
      </c>
      <c r="P1605" s="7">
        <v>2557.8988800000002</v>
      </c>
      <c r="Q1605" s="7">
        <v>2585.800937</v>
      </c>
      <c r="R1605" s="7">
        <v>2621.6200349999999</v>
      </c>
      <c r="S1605" s="7">
        <v>2588.3022030000002</v>
      </c>
      <c r="T1605" s="7">
        <v>2564.0682489999999</v>
      </c>
      <c r="U1605" s="7">
        <v>2568.5276760000002</v>
      </c>
      <c r="V1605" s="7">
        <v>2577.9644720000001</v>
      </c>
      <c r="W1605" s="7">
        <v>2595.330594</v>
      </c>
      <c r="X1605" s="7">
        <v>2624.8905420000001</v>
      </c>
      <c r="Y1605" s="7">
        <v>2604.0885800000001</v>
      </c>
      <c r="Z1605" s="7">
        <v>2527.6382389999999</v>
      </c>
      <c r="AA1605" s="7">
        <v>2454.6674250000001</v>
      </c>
      <c r="AB1605" s="7">
        <v>2451.0236540000001</v>
      </c>
      <c r="AC1605" s="7">
        <v>2492.3484749999998</v>
      </c>
      <c r="AD1605" s="7">
        <v>2475.3241619999999</v>
      </c>
      <c r="AE1605" s="7">
        <v>2511.8941477499998</v>
      </c>
      <c r="AF1605" s="7">
        <v>2510.6516545499999</v>
      </c>
      <c r="AG1605" s="9">
        <v>13202.796285700002</v>
      </c>
      <c r="AH1605" s="13">
        <v>0.40543880638935414</v>
      </c>
      <c r="AI1605" s="9">
        <v>8099.3680444999991</v>
      </c>
      <c r="AJ1605" s="13">
        <v>0.24871989549871729</v>
      </c>
      <c r="AK1605" s="9">
        <v>2799.589590100004</v>
      </c>
      <c r="AL1605" s="13">
        <v>6.8847588190571796E-2</v>
      </c>
      <c r="AM1605" s="9">
        <v>2303.838651099999</v>
      </c>
      <c r="AN1605" s="13">
        <v>5.3006684379341674E-2</v>
      </c>
      <c r="AO1605" s="9">
        <v>5103.428241200003</v>
      </c>
      <c r="AP1605" s="13">
        <v>0.12550365494741</v>
      </c>
      <c r="AQ1605" s="9">
        <v>32564.2145686</v>
      </c>
      <c r="AR1605" s="9">
        <v>32124.191390799999</v>
      </c>
      <c r="AS1605" s="9">
        <v>33210.598638700001</v>
      </c>
      <c r="AT1605" s="9">
        <v>36478.307204199999</v>
      </c>
      <c r="AU1605" s="9">
        <v>37166.156224400002</v>
      </c>
      <c r="AV1605" s="9">
        <v>38877.478494399998</v>
      </c>
      <c r="AW1605" s="9">
        <v>40663.582613099999</v>
      </c>
      <c r="AX1605" s="9">
        <v>41634.516625299999</v>
      </c>
      <c r="AY1605" s="9">
        <v>42128.791579800003</v>
      </c>
      <c r="AZ1605" s="9">
        <v>43463.172203200003</v>
      </c>
      <c r="BA1605" s="9">
        <v>43446.927808</v>
      </c>
      <c r="BB1605" s="9">
        <v>43889.643134500002</v>
      </c>
      <c r="BC1605" s="9">
        <v>44251.4834243</v>
      </c>
      <c r="BD1605" s="9">
        <v>44039.177841999997</v>
      </c>
      <c r="BE1605" s="9">
        <v>45364.614269600002</v>
      </c>
      <c r="BF1605" s="9">
        <v>45767.010854300002</v>
      </c>
      <c r="BG1605" s="11">
        <v>3.25</v>
      </c>
      <c r="BH1605" s="13">
        <v>3.6111111111111108E-2</v>
      </c>
      <c r="BI1605" s="6">
        <v>11</v>
      </c>
      <c r="BJ1605" s="13">
        <v>0.12222222222222222</v>
      </c>
      <c r="BK1605" s="6">
        <v>2</v>
      </c>
      <c r="BL1605" s="13">
        <v>1.9801980198019802E-2</v>
      </c>
      <c r="BM1605" s="11">
        <v>-9.75</v>
      </c>
      <c r="BN1605" s="13">
        <v>-9.4660194174757281E-2</v>
      </c>
      <c r="BO1605" s="11">
        <v>-7.75</v>
      </c>
      <c r="BP1605" s="13">
        <v>-7.6732673267326731E-2</v>
      </c>
      <c r="BQ1605" s="6">
        <v>90</v>
      </c>
      <c r="BR1605" s="6">
        <v>89</v>
      </c>
      <c r="BS1605" s="6">
        <v>90</v>
      </c>
      <c r="BT1605" s="6">
        <v>101</v>
      </c>
      <c r="BU1605" s="6">
        <v>101</v>
      </c>
      <c r="BV1605" s="6">
        <v>103</v>
      </c>
      <c r="BW1605" s="6">
        <v>103</v>
      </c>
      <c r="BX1605" s="6">
        <v>101</v>
      </c>
      <c r="BY1605" s="6">
        <v>98</v>
      </c>
      <c r="BZ1605" s="6">
        <v>96</v>
      </c>
      <c r="CA1605" s="6">
        <v>93</v>
      </c>
      <c r="CB1605" s="6">
        <v>94</v>
      </c>
      <c r="CC1605" s="11">
        <v>93.25</v>
      </c>
      <c r="CD1605" s="11">
        <v>-176.9</v>
      </c>
      <c r="CE1605" s="11">
        <v>-149.95599999999999</v>
      </c>
      <c r="CF1605" s="11">
        <v>279.60899999999998</v>
      </c>
      <c r="CG1605" s="11">
        <v>130</v>
      </c>
      <c r="CH1605" s="20">
        <v>1.58786</v>
      </c>
      <c r="CI1605" s="20">
        <v>1.5916699999999999</v>
      </c>
      <c r="CJ1605" s="20">
        <v>1.52607</v>
      </c>
      <c r="CK1605" s="20">
        <v>1.54575</v>
      </c>
      <c r="CL1605" s="20">
        <v>1.56965</v>
      </c>
      <c r="CM1605" s="20">
        <v>1.5960799999999999</v>
      </c>
      <c r="CN1605" s="20">
        <v>1.6015200000000001</v>
      </c>
      <c r="CO1605" s="20">
        <v>1.60164</v>
      </c>
      <c r="CP1605" s="20">
        <v>1.571</v>
      </c>
      <c r="CQ1605" s="20">
        <v>1.60843</v>
      </c>
      <c r="CR1605" s="20">
        <v>1.6320699999999999</v>
      </c>
      <c r="CS1605" s="20">
        <v>1.5871999999999999</v>
      </c>
      <c r="CT1605" s="20">
        <v>1.6798500000000001</v>
      </c>
      <c r="CU1605" s="20">
        <v>1.7966299999999999</v>
      </c>
      <c r="CV1605" s="20">
        <v>1.7892600000000001</v>
      </c>
      <c r="CW1605" s="20">
        <v>1.81674</v>
      </c>
      <c r="CX1605" s="20">
        <v>1.8168500000000001</v>
      </c>
      <c r="CY1605" s="6" t="s">
        <v>621</v>
      </c>
      <c r="CZ1605" s="6" t="s">
        <v>622</v>
      </c>
      <c r="DA1605" s="6" t="s">
        <v>145</v>
      </c>
      <c r="DB1605" s="6"/>
      <c r="DC1605" s="6">
        <v>32340</v>
      </c>
      <c r="DD1605" s="6"/>
      <c r="DE1605" s="6" t="s">
        <v>624</v>
      </c>
      <c r="DF1605" s="6" t="s">
        <v>363</v>
      </c>
      <c r="DG1605" s="6" t="s">
        <v>364</v>
      </c>
      <c r="DH1605" s="6" t="s">
        <v>365</v>
      </c>
      <c r="DI1605" s="6"/>
      <c r="DJ1605" s="6">
        <v>29</v>
      </c>
      <c r="DK1605" s="6">
        <v>147</v>
      </c>
      <c r="DL1605" s="6">
        <v>5</v>
      </c>
      <c r="DM1605" s="6" t="s">
        <v>392</v>
      </c>
      <c r="DN1605" s="6">
        <v>6</v>
      </c>
      <c r="DO1605" s="6" t="s">
        <v>393</v>
      </c>
      <c r="DP1605" s="6"/>
      <c r="DQ1605" s="6"/>
    </row>
    <row r="1606" spans="1:121" x14ac:dyDescent="0.2">
      <c r="A1606" s="6" t="s">
        <v>1</v>
      </c>
      <c r="B1606" s="6" t="s">
        <v>1</v>
      </c>
      <c r="C1606" s="6" t="s">
        <v>2</v>
      </c>
      <c r="D1606" s="6" t="s">
        <v>108</v>
      </c>
      <c r="E1606" s="6" t="s">
        <v>249</v>
      </c>
      <c r="F1606" s="11">
        <v>18</v>
      </c>
      <c r="G1606" s="13">
        <v>0.185567010309</v>
      </c>
      <c r="H1606" s="11">
        <v>27.331953314199993</v>
      </c>
      <c r="I1606" s="13">
        <v>0.28259866112154458</v>
      </c>
      <c r="J1606" s="11">
        <v>21.768864925000003</v>
      </c>
      <c r="K1606" s="13">
        <v>0.17548679086174701</v>
      </c>
      <c r="L1606" s="11">
        <v>-30.657516513999994</v>
      </c>
      <c r="M1606" s="13">
        <v>-0.21024605961935963</v>
      </c>
      <c r="N1606" s="11">
        <v>-8.8886515889999913</v>
      </c>
      <c r="O1606" s="13">
        <v>-7.1654675051541591E-2</v>
      </c>
      <c r="P1606" s="7">
        <v>96.716499666800004</v>
      </c>
      <c r="Q1606" s="7">
        <v>128.82074427699999</v>
      </c>
      <c r="R1606" s="7">
        <v>132.19740975400001</v>
      </c>
      <c r="S1606" s="7">
        <v>139.95865689799999</v>
      </c>
      <c r="T1606" s="7">
        <v>159.85347445100001</v>
      </c>
      <c r="U1606" s="7">
        <v>141.84914304599999</v>
      </c>
      <c r="V1606" s="7">
        <v>124.048452981</v>
      </c>
      <c r="W1606" s="7">
        <v>129.03277019699999</v>
      </c>
      <c r="X1606" s="7">
        <v>115.91269699999999</v>
      </c>
      <c r="Y1606" s="7">
        <v>145.817317906</v>
      </c>
      <c r="Z1606" s="7">
        <v>220.467130032</v>
      </c>
      <c r="AA1606" s="7">
        <v>253.99230090899999</v>
      </c>
      <c r="AB1606" s="7">
        <v>240.57230935300001</v>
      </c>
      <c r="AC1606" s="7">
        <v>140.72922187899999</v>
      </c>
      <c r="AD1606" s="7">
        <v>122.589686953</v>
      </c>
      <c r="AE1606" s="7">
        <v>120.150074893</v>
      </c>
      <c r="AF1606" s="7">
        <v>115.15980139200001</v>
      </c>
      <c r="AG1606" s="9">
        <v>5302.0023116000011</v>
      </c>
      <c r="AH1606" s="13">
        <v>0.26877234860158356</v>
      </c>
      <c r="AI1606" s="9">
        <v>173.15703639999992</v>
      </c>
      <c r="AJ1606" s="13">
        <v>8.7777825460950074E-3</v>
      </c>
      <c r="AK1606" s="9">
        <v>1411.7140109000029</v>
      </c>
      <c r="AL1606" s="13">
        <v>7.0940768659924547E-2</v>
      </c>
      <c r="AM1606" s="9">
        <v>3717.1312642999983</v>
      </c>
      <c r="AN1606" s="13">
        <v>0.17441812398039341</v>
      </c>
      <c r="AO1606" s="9">
        <v>5128.8452752000012</v>
      </c>
      <c r="AP1606" s="13">
        <v>0.25773224842370906</v>
      </c>
      <c r="AQ1606" s="9">
        <v>19726.740266199999</v>
      </c>
      <c r="AR1606" s="9">
        <v>23346.501621300002</v>
      </c>
      <c r="AS1606" s="9">
        <v>20049.235304999998</v>
      </c>
      <c r="AT1606" s="9">
        <v>19561.972247999998</v>
      </c>
      <c r="AU1606" s="9">
        <v>19671.196943300001</v>
      </c>
      <c r="AV1606" s="9">
        <v>19319.308718100001</v>
      </c>
      <c r="AW1606" s="9">
        <v>19899.897302599999</v>
      </c>
      <c r="AX1606" s="9">
        <v>18705.732940400001</v>
      </c>
      <c r="AY1606" s="9">
        <v>19672.756387400001</v>
      </c>
      <c r="AZ1606" s="9">
        <v>21311.611313500001</v>
      </c>
      <c r="BA1606" s="9">
        <v>23759.662015999998</v>
      </c>
      <c r="BB1606" s="9">
        <v>24718.038889300002</v>
      </c>
      <c r="BC1606" s="9">
        <v>26621.240568699999</v>
      </c>
      <c r="BD1606" s="9">
        <v>24672.454181900001</v>
      </c>
      <c r="BE1606" s="9">
        <v>24952.910063300002</v>
      </c>
      <c r="BF1606" s="9">
        <v>25028.7425778</v>
      </c>
      <c r="BG1606" s="11">
        <v>0</v>
      </c>
      <c r="BH1606" s="13">
        <v>0</v>
      </c>
      <c r="BI1606" s="6">
        <v>1</v>
      </c>
      <c r="BJ1606" s="13">
        <v>0.16666666666666666</v>
      </c>
      <c r="BK1606" s="6">
        <v>0</v>
      </c>
      <c r="BL1606" s="13">
        <v>0</v>
      </c>
      <c r="BM1606" s="11">
        <v>-1</v>
      </c>
      <c r="BN1606" s="13">
        <v>-0.14285714285714285</v>
      </c>
      <c r="BO1606" s="11">
        <v>-1</v>
      </c>
      <c r="BP1606" s="13">
        <v>-0.14285714285714285</v>
      </c>
      <c r="BQ1606" s="6">
        <v>6</v>
      </c>
      <c r="BR1606" s="6">
        <v>6</v>
      </c>
      <c r="BS1606" s="6">
        <v>7</v>
      </c>
      <c r="BT1606" s="6">
        <v>7</v>
      </c>
      <c r="BU1606" s="6">
        <v>7</v>
      </c>
      <c r="BV1606" s="6">
        <v>7</v>
      </c>
      <c r="BW1606" s="6">
        <v>7</v>
      </c>
      <c r="BX1606" s="6">
        <v>7</v>
      </c>
      <c r="BY1606" s="6">
        <v>8</v>
      </c>
      <c r="BZ1606" s="6">
        <v>6</v>
      </c>
      <c r="CA1606" s="6">
        <v>7</v>
      </c>
      <c r="CB1606" s="6">
        <v>7</v>
      </c>
      <c r="CC1606" s="11">
        <v>6</v>
      </c>
      <c r="CD1606" s="11">
        <v>16.689</v>
      </c>
      <c r="CE1606" s="11">
        <v>-8.8179999999999996</v>
      </c>
      <c r="CF1606" s="11">
        <v>10.5723</v>
      </c>
      <c r="CG1606" s="11">
        <v>2</v>
      </c>
      <c r="CH1606" s="20">
        <v>2.7103199999999998</v>
      </c>
      <c r="CI1606" s="20">
        <v>3.6118399999999999</v>
      </c>
      <c r="CJ1606" s="20">
        <v>3.6752699999999998</v>
      </c>
      <c r="CK1606" s="20">
        <v>3.8524600000000002</v>
      </c>
      <c r="CL1606" s="20">
        <v>4.3342499999999999</v>
      </c>
      <c r="CM1606" s="20">
        <v>3.8100100000000001</v>
      </c>
      <c r="CN1606" s="20">
        <v>3.2033999999999998</v>
      </c>
      <c r="CO1606" s="20">
        <v>3.5504799999999999</v>
      </c>
      <c r="CP1606" s="20">
        <v>3.0890499999999999</v>
      </c>
      <c r="CQ1606" s="20">
        <v>3.85507</v>
      </c>
      <c r="CR1606" s="20">
        <v>5.8488899999999999</v>
      </c>
      <c r="CS1606" s="20">
        <v>6.6013400000000004</v>
      </c>
      <c r="CT1606" s="20">
        <v>6.2456800000000001</v>
      </c>
      <c r="CU1606" s="20">
        <v>3.77949</v>
      </c>
      <c r="CV1606" s="20">
        <v>3.3170500000000001</v>
      </c>
      <c r="CW1606" s="20">
        <v>3.2924000000000002</v>
      </c>
      <c r="CX1606" s="20">
        <v>3.1249500000000001</v>
      </c>
      <c r="CY1606" s="6" t="s">
        <v>626</v>
      </c>
      <c r="CZ1606" s="6" t="s">
        <v>627</v>
      </c>
      <c r="DA1606" s="6" t="s">
        <v>108</v>
      </c>
      <c r="DB1606" s="6" t="s">
        <v>345</v>
      </c>
      <c r="DC1606" s="6"/>
      <c r="DD1606" s="6"/>
      <c r="DE1606" s="6"/>
      <c r="DF1606" s="6"/>
      <c r="DG1606" s="6"/>
      <c r="DH1606" s="6" t="s">
        <v>333</v>
      </c>
      <c r="DI1606" s="6"/>
      <c r="DJ1606" s="6"/>
      <c r="DK1606" s="6"/>
      <c r="DL1606" s="6">
        <v>10</v>
      </c>
      <c r="DM1606" s="6" t="s">
        <v>383</v>
      </c>
      <c r="DN1606" s="6">
        <v>9</v>
      </c>
      <c r="DO1606" s="6" t="s">
        <v>384</v>
      </c>
      <c r="DP1606" s="6"/>
      <c r="DQ1606" s="6"/>
    </row>
    <row r="1607" spans="1:121" x14ac:dyDescent="0.2">
      <c r="A1607" s="6" t="s">
        <v>310</v>
      </c>
      <c r="B1607" s="6" t="s">
        <v>310</v>
      </c>
      <c r="C1607" s="6" t="s">
        <v>173</v>
      </c>
      <c r="D1607" s="6" t="s">
        <v>108</v>
      </c>
      <c r="E1607" s="6" t="s">
        <v>249</v>
      </c>
      <c r="F1607" s="11">
        <v>1</v>
      </c>
      <c r="G1607" s="13">
        <v>1</v>
      </c>
      <c r="H1607" s="11">
        <v>0</v>
      </c>
      <c r="I1607" s="13">
        <v>0</v>
      </c>
      <c r="J1607" s="11">
        <v>7.077413</v>
      </c>
      <c r="K1607" s="13">
        <v>1.4154826</v>
      </c>
      <c r="L1607" s="11">
        <v>-7.077413</v>
      </c>
      <c r="M1607" s="13">
        <v>-0.58600405566986902</v>
      </c>
      <c r="N1607" s="11">
        <v>0</v>
      </c>
      <c r="O1607" s="13">
        <v>0</v>
      </c>
      <c r="P1607" s="7">
        <v>5</v>
      </c>
      <c r="Q1607" s="7">
        <v>5</v>
      </c>
      <c r="R1607" s="7">
        <v>11.104874000000001</v>
      </c>
      <c r="S1607" s="7">
        <v>5</v>
      </c>
      <c r="T1607" s="7">
        <v>5</v>
      </c>
      <c r="U1607" s="7">
        <v>10.001196999999999</v>
      </c>
      <c r="V1607" s="7">
        <v>5</v>
      </c>
      <c r="W1607" s="7">
        <v>11.436629</v>
      </c>
      <c r="X1607" s="7">
        <v>5</v>
      </c>
      <c r="Y1607" s="7">
        <v>12.077413</v>
      </c>
      <c r="Z1607" s="7">
        <v>12.356294</v>
      </c>
      <c r="AA1607" s="7">
        <v>17.053854000000001</v>
      </c>
      <c r="AB1607" s="7">
        <v>12.168877</v>
      </c>
      <c r="AC1607" s="7">
        <v>5</v>
      </c>
      <c r="AD1607" s="7">
        <v>5</v>
      </c>
      <c r="AE1607" s="7">
        <v>5</v>
      </c>
      <c r="AF1607" s="7">
        <v>5</v>
      </c>
      <c r="AG1607" s="9">
        <v>0</v>
      </c>
      <c r="AH1607" s="13">
        <v>0</v>
      </c>
      <c r="AI1607" s="9">
        <v>0</v>
      </c>
      <c r="AJ1607" s="13">
        <v>0</v>
      </c>
      <c r="AK1607" s="9">
        <v>59939.992563699998</v>
      </c>
      <c r="AL1607" s="13">
        <v>59939.992563699998</v>
      </c>
      <c r="AM1607" s="9">
        <v>-59939.992563699998</v>
      </c>
      <c r="AN1607" s="13">
        <v>-0.99998331692624309</v>
      </c>
      <c r="AO1607" s="9">
        <v>0</v>
      </c>
      <c r="AP1607" s="13">
        <v>0</v>
      </c>
      <c r="AQ1607" s="9">
        <v>1</v>
      </c>
      <c r="AR1607" s="9">
        <v>1</v>
      </c>
      <c r="AS1607" s="9">
        <v>40448.545531900003</v>
      </c>
      <c r="AT1607" s="9">
        <v>1</v>
      </c>
      <c r="AU1607" s="9">
        <v>1</v>
      </c>
      <c r="AV1607" s="9">
        <v>28397.5797399</v>
      </c>
      <c r="AW1607" s="9">
        <v>1</v>
      </c>
      <c r="AX1607" s="9">
        <v>34454.968259900001</v>
      </c>
      <c r="AY1607" s="9">
        <v>1</v>
      </c>
      <c r="AZ1607" s="9">
        <v>59940.992563699998</v>
      </c>
      <c r="BA1607" s="9">
        <v>85715.483420499993</v>
      </c>
      <c r="BB1607" s="9">
        <v>77109.254090400005</v>
      </c>
      <c r="BC1607" s="9">
        <v>49015.470364599998</v>
      </c>
      <c r="BD1607" s="9">
        <v>1</v>
      </c>
      <c r="BE1607" s="9">
        <v>1</v>
      </c>
      <c r="BF1607" s="9">
        <v>1</v>
      </c>
      <c r="BG1607" s="11">
        <v>-1</v>
      </c>
      <c r="BH1607" s="13">
        <v>-0.5</v>
      </c>
      <c r="BI1607" s="6">
        <v>1</v>
      </c>
      <c r="BJ1607" s="13">
        <v>0.5</v>
      </c>
      <c r="BK1607" s="6">
        <v>-2</v>
      </c>
      <c r="BL1607" s="13">
        <v>-0.66666666666666663</v>
      </c>
      <c r="BM1607" s="11">
        <v>0</v>
      </c>
      <c r="BN1607" s="13">
        <v>0</v>
      </c>
      <c r="BO1607" s="11">
        <v>-2</v>
      </c>
      <c r="BP1607" s="13">
        <v>-0.66666666666666663</v>
      </c>
      <c r="BQ1607" s="6">
        <v>2</v>
      </c>
      <c r="BR1607" s="6">
        <v>2</v>
      </c>
      <c r="BS1607" s="6">
        <v>2</v>
      </c>
      <c r="BT1607" s="6">
        <v>3</v>
      </c>
      <c r="BU1607" s="6">
        <v>2</v>
      </c>
      <c r="BV1607" s="6">
        <v>2</v>
      </c>
      <c r="BW1607" s="6">
        <v>1</v>
      </c>
      <c r="BX1607" s="6">
        <v>1</v>
      </c>
      <c r="BY1607" s="6">
        <v>1</v>
      </c>
      <c r="BZ1607" s="6">
        <v>1</v>
      </c>
      <c r="CA1607" s="6">
        <v>1</v>
      </c>
      <c r="CB1607" s="6">
        <v>1</v>
      </c>
      <c r="CC1607" s="11">
        <v>1</v>
      </c>
      <c r="CD1607" s="11">
        <v>-7.1063499999999999</v>
      </c>
      <c r="CE1607" s="11">
        <v>0.99352600000000002</v>
      </c>
      <c r="CF1607" s="11">
        <v>1.04681</v>
      </c>
      <c r="CG1607" s="11">
        <v>2</v>
      </c>
      <c r="CH1607" s="20">
        <v>0.94586099999999995</v>
      </c>
      <c r="CI1607" s="20">
        <v>1.0079100000000001</v>
      </c>
      <c r="CJ1607" s="20">
        <v>1.15276</v>
      </c>
      <c r="CK1607" s="20">
        <v>0.82907600000000004</v>
      </c>
      <c r="CL1607" s="20">
        <v>0.80084100000000003</v>
      </c>
      <c r="CM1607" s="20">
        <v>0.82197399999999998</v>
      </c>
      <c r="CN1607" s="20">
        <v>0.684917</v>
      </c>
      <c r="CO1607" s="20">
        <v>0.80620599999999998</v>
      </c>
      <c r="CP1607" s="20">
        <v>0.64537999999999995</v>
      </c>
      <c r="CQ1607" s="20">
        <v>0.88118799999999997</v>
      </c>
      <c r="CR1607" s="20">
        <v>0.814392</v>
      </c>
      <c r="CS1607" s="20">
        <v>1.0218700000000001</v>
      </c>
      <c r="CT1607" s="20">
        <v>0.72285299999999997</v>
      </c>
      <c r="CU1607" s="20">
        <v>0.383295</v>
      </c>
      <c r="CV1607" s="20">
        <v>0.30295699999999998</v>
      </c>
      <c r="CW1607" s="20">
        <v>0.44084499999999999</v>
      </c>
      <c r="CX1607" s="20">
        <v>0.36206199999999999</v>
      </c>
      <c r="CY1607" s="6" t="s">
        <v>626</v>
      </c>
      <c r="CZ1607" s="6" t="s">
        <v>627</v>
      </c>
      <c r="DA1607" s="6" t="s">
        <v>108</v>
      </c>
      <c r="DB1607" s="6" t="s">
        <v>345</v>
      </c>
      <c r="DC1607" s="6"/>
      <c r="DD1607" s="6"/>
      <c r="DE1607" s="6"/>
      <c r="DF1607" s="6"/>
      <c r="DG1607" s="6"/>
      <c r="DH1607" s="6" t="s">
        <v>333</v>
      </c>
      <c r="DI1607" s="6"/>
      <c r="DJ1607" s="6"/>
      <c r="DK1607" s="6"/>
      <c r="DL1607" s="6">
        <v>10</v>
      </c>
      <c r="DM1607" s="6" t="s">
        <v>383</v>
      </c>
      <c r="DN1607" s="6">
        <v>9</v>
      </c>
      <c r="DO1607" s="6" t="s">
        <v>384</v>
      </c>
      <c r="DP1607" s="6"/>
      <c r="DQ1607" s="6"/>
    </row>
    <row r="1608" spans="1:121" x14ac:dyDescent="0.2">
      <c r="A1608" s="6" t="s">
        <v>311</v>
      </c>
      <c r="B1608" s="6" t="s">
        <v>311</v>
      </c>
      <c r="C1608" s="6" t="s">
        <v>174</v>
      </c>
      <c r="D1608" s="6" t="s">
        <v>108</v>
      </c>
      <c r="E1608" s="6" t="s">
        <v>249</v>
      </c>
      <c r="F1608" s="11">
        <v>1</v>
      </c>
      <c r="G1608" s="13">
        <v>1</v>
      </c>
      <c r="H1608" s="11">
        <v>0</v>
      </c>
      <c r="I1608" s="13">
        <v>0</v>
      </c>
      <c r="J1608" s="11">
        <v>0</v>
      </c>
      <c r="K1608" s="13">
        <v>0</v>
      </c>
      <c r="L1608" s="11">
        <v>0</v>
      </c>
      <c r="M1608" s="13">
        <v>0</v>
      </c>
      <c r="N1608" s="11">
        <v>0</v>
      </c>
      <c r="O1608" s="13">
        <v>0</v>
      </c>
      <c r="P1608" s="7">
        <v>5</v>
      </c>
      <c r="Q1608" s="7">
        <v>5</v>
      </c>
      <c r="R1608" s="7">
        <v>5</v>
      </c>
      <c r="S1608" s="7">
        <v>5</v>
      </c>
      <c r="T1608" s="7">
        <v>5</v>
      </c>
      <c r="U1608" s="7">
        <v>5</v>
      </c>
      <c r="V1608" s="7">
        <v>5</v>
      </c>
      <c r="W1608" s="7">
        <v>5</v>
      </c>
      <c r="X1608" s="7">
        <v>5</v>
      </c>
      <c r="Y1608" s="7">
        <v>5</v>
      </c>
      <c r="Z1608" s="7">
        <v>5</v>
      </c>
      <c r="AA1608" s="7">
        <v>5</v>
      </c>
      <c r="AB1608" s="7">
        <v>5</v>
      </c>
      <c r="AC1608" s="7">
        <v>5</v>
      </c>
      <c r="AD1608" s="7">
        <v>5</v>
      </c>
      <c r="AE1608" s="7">
        <v>5</v>
      </c>
      <c r="AF1608" s="7">
        <v>5</v>
      </c>
      <c r="AG1608" s="9">
        <v>0</v>
      </c>
      <c r="AH1608" s="13">
        <v>0</v>
      </c>
      <c r="AI1608" s="9">
        <v>0</v>
      </c>
      <c r="AJ1608" s="13">
        <v>0</v>
      </c>
      <c r="AK1608" s="9">
        <v>0</v>
      </c>
      <c r="AL1608" s="13">
        <v>0</v>
      </c>
      <c r="AM1608" s="9">
        <v>0</v>
      </c>
      <c r="AN1608" s="13">
        <v>0</v>
      </c>
      <c r="AO1608" s="9">
        <v>0</v>
      </c>
      <c r="AP1608" s="13">
        <v>0</v>
      </c>
      <c r="AQ1608" s="9">
        <v>1</v>
      </c>
      <c r="AR1608" s="9">
        <v>1</v>
      </c>
      <c r="AS1608" s="9">
        <v>1</v>
      </c>
      <c r="AT1608" s="9">
        <v>1</v>
      </c>
      <c r="AU1608" s="9">
        <v>1</v>
      </c>
      <c r="AV1608" s="9">
        <v>1</v>
      </c>
      <c r="AW1608" s="9">
        <v>1</v>
      </c>
      <c r="AX1608" s="9">
        <v>1</v>
      </c>
      <c r="AY1608" s="9">
        <v>1</v>
      </c>
      <c r="AZ1608" s="9">
        <v>1</v>
      </c>
      <c r="BA1608" s="9">
        <v>1</v>
      </c>
      <c r="BB1608" s="9">
        <v>1</v>
      </c>
      <c r="BC1608" s="9">
        <v>1</v>
      </c>
      <c r="BD1608" s="9">
        <v>1</v>
      </c>
      <c r="BE1608" s="9">
        <v>1</v>
      </c>
      <c r="BF1608" s="9">
        <v>1</v>
      </c>
      <c r="BG1608" s="11">
        <v>0</v>
      </c>
      <c r="BH1608" s="13">
        <v>0</v>
      </c>
      <c r="BI1608" s="6">
        <v>0</v>
      </c>
      <c r="BJ1608" s="13">
        <v>0</v>
      </c>
      <c r="BK1608" s="6">
        <v>0</v>
      </c>
      <c r="BL1608" s="13">
        <v>0</v>
      </c>
      <c r="BM1608" s="11">
        <v>0</v>
      </c>
      <c r="BN1608" s="13">
        <v>0</v>
      </c>
      <c r="BO1608" s="11">
        <v>0</v>
      </c>
      <c r="BP1608" s="13">
        <v>0</v>
      </c>
      <c r="BQ1608" s="6">
        <v>1</v>
      </c>
      <c r="BR1608" s="6">
        <v>1</v>
      </c>
      <c r="BS1608" s="6">
        <v>1</v>
      </c>
      <c r="BT1608" s="6">
        <v>1</v>
      </c>
      <c r="BU1608" s="6">
        <v>1</v>
      </c>
      <c r="BV1608" s="6">
        <v>1</v>
      </c>
      <c r="BW1608" s="6">
        <v>1</v>
      </c>
      <c r="BX1608" s="6">
        <v>1</v>
      </c>
      <c r="BY1608" s="6">
        <v>1</v>
      </c>
      <c r="BZ1608" s="6">
        <v>1</v>
      </c>
      <c r="CA1608" s="6">
        <v>1</v>
      </c>
      <c r="CB1608" s="6">
        <v>1</v>
      </c>
      <c r="CC1608" s="11">
        <v>1</v>
      </c>
      <c r="CD1608" s="11">
        <v>1.01396</v>
      </c>
      <c r="CE1608" s="11">
        <v>-0.129909</v>
      </c>
      <c r="CF1608" s="11">
        <v>8.7203699999999995E-2</v>
      </c>
      <c r="CG1608" s="11">
        <v>0</v>
      </c>
      <c r="CH1608" s="20">
        <v>7.1915699999999999E-2</v>
      </c>
      <c r="CI1608" s="20">
        <v>0.21892</v>
      </c>
      <c r="CJ1608" s="20">
        <v>0.25994899999999999</v>
      </c>
      <c r="CK1608" s="20">
        <v>6.6774600000000003E-2</v>
      </c>
      <c r="CL1608" s="20">
        <v>5.79818E-2</v>
      </c>
      <c r="CM1608" s="20">
        <v>6.4937599999999998E-2</v>
      </c>
      <c r="CN1608" s="20">
        <v>9.3820299999999995E-2</v>
      </c>
      <c r="CO1608" s="20">
        <v>0.19020100000000001</v>
      </c>
      <c r="CP1608" s="20">
        <v>4.3553599999999998E-2</v>
      </c>
      <c r="CQ1608" s="20">
        <v>0.17221</v>
      </c>
      <c r="CR1608" s="20">
        <v>6.9580400000000001E-2</v>
      </c>
      <c r="CS1608" s="20">
        <v>5.0177300000000001E-2</v>
      </c>
      <c r="CT1608" s="20">
        <v>0.172315</v>
      </c>
      <c r="CU1608" s="20">
        <v>6.2970799999999993E-2</v>
      </c>
      <c r="CV1608" s="20">
        <v>0.14358799999999999</v>
      </c>
      <c r="CW1608" s="20">
        <v>0.16439400000000001</v>
      </c>
      <c r="CX1608" s="20">
        <v>0.16611500000000001</v>
      </c>
      <c r="CY1608" s="6" t="s">
        <v>626</v>
      </c>
      <c r="CZ1608" s="6" t="s">
        <v>627</v>
      </c>
      <c r="DA1608" s="6" t="s">
        <v>108</v>
      </c>
      <c r="DB1608" s="6" t="s">
        <v>345</v>
      </c>
      <c r="DC1608" s="6"/>
      <c r="DD1608" s="6"/>
      <c r="DE1608" s="6"/>
      <c r="DF1608" s="6"/>
      <c r="DG1608" s="6"/>
      <c r="DH1608" s="6" t="s">
        <v>333</v>
      </c>
      <c r="DI1608" s="6"/>
      <c r="DJ1608" s="6"/>
      <c r="DK1608" s="6"/>
      <c r="DL1608" s="6">
        <v>10</v>
      </c>
      <c r="DM1608" s="6" t="s">
        <v>383</v>
      </c>
      <c r="DN1608" s="6">
        <v>9</v>
      </c>
      <c r="DO1608" s="6" t="s">
        <v>384</v>
      </c>
      <c r="DP1608" s="6"/>
      <c r="DQ1608" s="6"/>
    </row>
    <row r="1609" spans="1:121" x14ac:dyDescent="0.2">
      <c r="A1609" s="6" t="s">
        <v>312</v>
      </c>
      <c r="B1609" s="6" t="s">
        <v>312</v>
      </c>
      <c r="C1609" s="6" t="s">
        <v>175</v>
      </c>
      <c r="D1609" s="6" t="s">
        <v>108</v>
      </c>
      <c r="E1609" s="6" t="s">
        <v>249</v>
      </c>
      <c r="F1609" s="11">
        <v>10</v>
      </c>
      <c r="G1609" s="13">
        <v>7.6923076923100006E-2</v>
      </c>
      <c r="H1609" s="11">
        <v>33.02800496399999</v>
      </c>
      <c r="I1609" s="13">
        <v>0.25342376170524761</v>
      </c>
      <c r="J1609" s="11">
        <v>-28.055324159999998</v>
      </c>
      <c r="K1609" s="13">
        <v>-0.17174431074146507</v>
      </c>
      <c r="L1609" s="11">
        <v>5.0114171419999991</v>
      </c>
      <c r="M1609" s="13">
        <v>3.7039336195410943E-2</v>
      </c>
      <c r="N1609" s="11">
        <v>-23.043907017999999</v>
      </c>
      <c r="O1609" s="13">
        <v>-0.14106626981125639</v>
      </c>
      <c r="P1609" s="7">
        <v>130.327182983</v>
      </c>
      <c r="Q1609" s="7">
        <v>120.209460162</v>
      </c>
      <c r="R1609" s="7">
        <v>132.17423586300001</v>
      </c>
      <c r="S1609" s="7">
        <v>136.87032150100001</v>
      </c>
      <c r="T1609" s="7">
        <v>146.13579618599999</v>
      </c>
      <c r="U1609" s="7">
        <v>148.14842183600001</v>
      </c>
      <c r="V1609" s="7">
        <v>163.35518794699999</v>
      </c>
      <c r="W1609" s="7">
        <v>159.34816154399999</v>
      </c>
      <c r="X1609" s="7">
        <v>168.287160296</v>
      </c>
      <c r="Y1609" s="7">
        <v>135.29986378699999</v>
      </c>
      <c r="Z1609" s="7">
        <v>124.693951505</v>
      </c>
      <c r="AA1609" s="7">
        <v>131.03282047499999</v>
      </c>
      <c r="AB1609" s="7">
        <v>129.43929568799999</v>
      </c>
      <c r="AC1609" s="7">
        <v>128.520119534</v>
      </c>
      <c r="AD1609" s="7">
        <v>135.99208474</v>
      </c>
      <c r="AE1609" s="7">
        <v>137.34475076800001</v>
      </c>
      <c r="AF1609" s="7">
        <v>140.31128092899999</v>
      </c>
      <c r="AG1609" s="9">
        <v>1466.4795489000026</v>
      </c>
      <c r="AH1609" s="13">
        <v>6.5434092557050488E-2</v>
      </c>
      <c r="AI1609" s="9">
        <v>866.4184942000029</v>
      </c>
      <c r="AJ1609" s="13">
        <v>3.8659460328068405E-2</v>
      </c>
      <c r="AK1609" s="9">
        <v>-2195.2549827000003</v>
      </c>
      <c r="AL1609" s="13">
        <v>-9.4306117049694396E-2</v>
      </c>
      <c r="AM1609" s="9">
        <v>2795.3160373999999</v>
      </c>
      <c r="AN1609" s="13">
        <v>0.13258804703812105</v>
      </c>
      <c r="AO1609" s="9">
        <v>600.06105469999966</v>
      </c>
      <c r="AP1609" s="13">
        <v>2.5778066105059221E-2</v>
      </c>
      <c r="AQ1609" s="9">
        <v>22411.551709399999</v>
      </c>
      <c r="AR1609" s="9">
        <v>23444.225739099998</v>
      </c>
      <c r="AS1609" s="9">
        <v>25773.8798355</v>
      </c>
      <c r="AT1609" s="9">
        <v>24222.209971100001</v>
      </c>
      <c r="AU1609" s="9">
        <v>24264.987568100001</v>
      </c>
      <c r="AV1609" s="9">
        <v>23753.409043700001</v>
      </c>
      <c r="AW1609" s="9">
        <v>23277.970203600002</v>
      </c>
      <c r="AX1609" s="9">
        <v>23424.724238499999</v>
      </c>
      <c r="AY1609" s="9">
        <v>21966.106746400001</v>
      </c>
      <c r="AZ1609" s="9">
        <v>21082.715220900001</v>
      </c>
      <c r="BA1609" s="9">
        <v>21319.224393100001</v>
      </c>
      <c r="BB1609" s="9">
        <v>22094.174066299998</v>
      </c>
      <c r="BC1609" s="9">
        <v>22172.125044100001</v>
      </c>
      <c r="BD1609" s="9">
        <v>22793.884923199999</v>
      </c>
      <c r="BE1609" s="9">
        <v>23400.0950371</v>
      </c>
      <c r="BF1609" s="9">
        <v>23878.031258300001</v>
      </c>
      <c r="BG1609" s="11">
        <v>-4.75</v>
      </c>
      <c r="BH1609" s="13">
        <v>-0.52777777777777779</v>
      </c>
      <c r="BI1609" s="6">
        <v>1</v>
      </c>
      <c r="BJ1609" s="13">
        <v>0.1111111111111111</v>
      </c>
      <c r="BK1609" s="6">
        <v>-5</v>
      </c>
      <c r="BL1609" s="13">
        <v>-0.5</v>
      </c>
      <c r="BM1609" s="11">
        <v>-0.75</v>
      </c>
      <c r="BN1609" s="13">
        <v>-0.15</v>
      </c>
      <c r="BO1609" s="11">
        <v>-5.75</v>
      </c>
      <c r="BP1609" s="13">
        <v>-0.57499999999999996</v>
      </c>
      <c r="BQ1609" s="6">
        <v>9</v>
      </c>
      <c r="BR1609" s="6">
        <v>9</v>
      </c>
      <c r="BS1609" s="6">
        <v>11</v>
      </c>
      <c r="BT1609" s="6">
        <v>10</v>
      </c>
      <c r="BU1609" s="6">
        <v>9</v>
      </c>
      <c r="BV1609" s="6">
        <v>9</v>
      </c>
      <c r="BW1609" s="6">
        <v>5</v>
      </c>
      <c r="BX1609" s="6">
        <v>6</v>
      </c>
      <c r="BY1609" s="6">
        <v>7</v>
      </c>
      <c r="BZ1609" s="6">
        <v>6</v>
      </c>
      <c r="CA1609" s="6">
        <v>5</v>
      </c>
      <c r="CB1609" s="6">
        <v>4</v>
      </c>
      <c r="CC1609" s="11">
        <v>4.25</v>
      </c>
      <c r="CD1609" s="11">
        <v>11.5237</v>
      </c>
      <c r="CE1609" s="11">
        <v>-15.7859</v>
      </c>
      <c r="CF1609" s="11">
        <v>14.2463</v>
      </c>
      <c r="CG1609" s="11">
        <v>-2</v>
      </c>
      <c r="CH1609" s="20">
        <v>0.81001500000000004</v>
      </c>
      <c r="CI1609" s="20">
        <v>0.74482300000000001</v>
      </c>
      <c r="CJ1609" s="20">
        <v>0.80130500000000005</v>
      </c>
      <c r="CK1609" s="20">
        <v>0.79124300000000003</v>
      </c>
      <c r="CL1609" s="20">
        <v>0.79962800000000001</v>
      </c>
      <c r="CM1609" s="20">
        <v>0.76879900000000001</v>
      </c>
      <c r="CN1609" s="20">
        <v>0.81486099999999995</v>
      </c>
      <c r="CO1609" s="20">
        <v>0.87051000000000001</v>
      </c>
      <c r="CP1609" s="20">
        <v>1.01295</v>
      </c>
      <c r="CQ1609" s="20">
        <v>0.87341899999999995</v>
      </c>
      <c r="CR1609" s="20">
        <v>0.82325199999999998</v>
      </c>
      <c r="CS1609" s="20">
        <v>0.85057199999999999</v>
      </c>
      <c r="CT1609" s="20">
        <v>0.82912600000000003</v>
      </c>
      <c r="CU1609" s="20">
        <v>0.83194100000000004</v>
      </c>
      <c r="CV1609" s="20">
        <v>0.86362899999999998</v>
      </c>
      <c r="CW1609" s="20">
        <v>0.86399300000000001</v>
      </c>
      <c r="CX1609" s="20">
        <v>0.87004300000000001</v>
      </c>
      <c r="CY1609" s="6" t="s">
        <v>626</v>
      </c>
      <c r="CZ1609" s="6" t="s">
        <v>627</v>
      </c>
      <c r="DA1609" s="6" t="s">
        <v>108</v>
      </c>
      <c r="DB1609" s="6" t="s">
        <v>345</v>
      </c>
      <c r="DC1609" s="6"/>
      <c r="DD1609" s="6"/>
      <c r="DE1609" s="6"/>
      <c r="DF1609" s="6"/>
      <c r="DG1609" s="6"/>
      <c r="DH1609" s="6" t="s">
        <v>333</v>
      </c>
      <c r="DI1609" s="6"/>
      <c r="DJ1609" s="6"/>
      <c r="DK1609" s="6"/>
      <c r="DL1609" s="6">
        <v>10</v>
      </c>
      <c r="DM1609" s="6" t="s">
        <v>383</v>
      </c>
      <c r="DN1609" s="6">
        <v>9</v>
      </c>
      <c r="DO1609" s="6" t="s">
        <v>384</v>
      </c>
      <c r="DP1609" s="6"/>
      <c r="DQ1609" s="6"/>
    </row>
    <row r="1610" spans="1:121" x14ac:dyDescent="0.2">
      <c r="A1610" s="6" t="s">
        <v>792</v>
      </c>
      <c r="B1610" s="6" t="s">
        <v>176</v>
      </c>
      <c r="C1610" s="6" t="s">
        <v>177</v>
      </c>
      <c r="D1610" s="6" t="s">
        <v>108</v>
      </c>
      <c r="E1610" s="6" t="s">
        <v>249</v>
      </c>
      <c r="F1610" s="11">
        <v>-151</v>
      </c>
      <c r="G1610" s="13">
        <v>-0.36561743341399999</v>
      </c>
      <c r="H1610" s="11">
        <v>-140.00273557700001</v>
      </c>
      <c r="I1610" s="13">
        <v>-0.33887636561340645</v>
      </c>
      <c r="J1610" s="11">
        <v>-10.979343759000017</v>
      </c>
      <c r="K1610" s="13">
        <v>-4.0197445866387183E-2</v>
      </c>
      <c r="L1610" s="11">
        <v>-0.35782902099998637</v>
      </c>
      <c r="M1610" s="13">
        <v>-1.3649468325998735E-3</v>
      </c>
      <c r="N1610" s="11">
        <v>-11.337172780000003</v>
      </c>
      <c r="O1610" s="13">
        <v>-4.1507525322573117E-2</v>
      </c>
      <c r="P1610" s="7">
        <v>413.138093368</v>
      </c>
      <c r="Q1610" s="7">
        <v>367.21012208799999</v>
      </c>
      <c r="R1610" s="7">
        <v>288.50026637000002</v>
      </c>
      <c r="S1610" s="7">
        <v>292.65318810100001</v>
      </c>
      <c r="T1610" s="7">
        <v>259.01895465400003</v>
      </c>
      <c r="U1610" s="7">
        <v>248.66631210400001</v>
      </c>
      <c r="V1610" s="7">
        <v>273.13535779099999</v>
      </c>
      <c r="W1610" s="7">
        <v>270.27243891299997</v>
      </c>
      <c r="X1610" s="7">
        <v>243.7308007</v>
      </c>
      <c r="Y1610" s="7">
        <v>262.15601403199997</v>
      </c>
      <c r="Z1610" s="7">
        <v>267.75103611100002</v>
      </c>
      <c r="AA1610" s="7">
        <v>272.40368895199998</v>
      </c>
      <c r="AB1610" s="7">
        <v>266.70847907299998</v>
      </c>
      <c r="AC1610" s="7">
        <v>278.358979159</v>
      </c>
      <c r="AD1610" s="7">
        <v>273.56674007800001</v>
      </c>
      <c r="AE1610" s="7">
        <v>249.71138676300001</v>
      </c>
      <c r="AF1610" s="7">
        <v>261.79818501099999</v>
      </c>
      <c r="AG1610" s="9">
        <v>11971.230207099998</v>
      </c>
      <c r="AH1610" s="13">
        <v>0.54978839398893842</v>
      </c>
      <c r="AI1610" s="9">
        <v>4924.8727137999995</v>
      </c>
      <c r="AJ1610" s="13">
        <v>0.22617874797146392</v>
      </c>
      <c r="AK1610" s="9">
        <v>4653.4876843999991</v>
      </c>
      <c r="AL1610" s="13">
        <v>0.1742936518519283</v>
      </c>
      <c r="AM1610" s="9">
        <v>2392.869808899999</v>
      </c>
      <c r="AN1610" s="13">
        <v>7.6321229432788767E-2</v>
      </c>
      <c r="AO1610" s="9">
        <v>7046.3574932999982</v>
      </c>
      <c r="AP1610" s="13">
        <v>0.26391718707638667</v>
      </c>
      <c r="AQ1610" s="9">
        <v>21774.250489800001</v>
      </c>
      <c r="AR1610" s="9">
        <v>24013.8734253</v>
      </c>
      <c r="AS1610" s="9">
        <v>26043.5905938</v>
      </c>
      <c r="AT1610" s="9">
        <v>27524.882635999998</v>
      </c>
      <c r="AU1610" s="9">
        <v>27215.935042699999</v>
      </c>
      <c r="AV1610" s="9">
        <v>28766.937038600001</v>
      </c>
      <c r="AW1610" s="9">
        <v>26699.1232036</v>
      </c>
      <c r="AX1610" s="9">
        <v>27297.051417300001</v>
      </c>
      <c r="AY1610" s="9">
        <v>27463.9828256</v>
      </c>
      <c r="AZ1610" s="9">
        <v>31352.610887999999</v>
      </c>
      <c r="BA1610" s="9">
        <v>29930.1754932</v>
      </c>
      <c r="BB1610" s="9">
        <v>32002.735056099998</v>
      </c>
      <c r="BC1610" s="9">
        <v>30753.195057600002</v>
      </c>
      <c r="BD1610" s="9">
        <v>30791.395834499999</v>
      </c>
      <c r="BE1610" s="9">
        <v>31083.338111000001</v>
      </c>
      <c r="BF1610" s="9">
        <v>33745.480696899998</v>
      </c>
      <c r="BG1610" s="11">
        <v>-7.5</v>
      </c>
      <c r="BH1610" s="13">
        <v>-0.375</v>
      </c>
      <c r="BI1610" s="6">
        <v>0</v>
      </c>
      <c r="BJ1610" s="13">
        <v>0</v>
      </c>
      <c r="BK1610" s="6">
        <v>-3</v>
      </c>
      <c r="BL1610" s="13">
        <v>-0.15</v>
      </c>
      <c r="BM1610" s="11">
        <v>-4.5</v>
      </c>
      <c r="BN1610" s="13">
        <v>-0.26470588235294118</v>
      </c>
      <c r="BO1610" s="11">
        <v>-7.5</v>
      </c>
      <c r="BP1610" s="13">
        <v>-0.375</v>
      </c>
      <c r="BQ1610" s="6">
        <v>20</v>
      </c>
      <c r="BR1610" s="6">
        <v>20</v>
      </c>
      <c r="BS1610" s="6">
        <v>21</v>
      </c>
      <c r="BT1610" s="6">
        <v>20</v>
      </c>
      <c r="BU1610" s="6">
        <v>19</v>
      </c>
      <c r="BV1610" s="6">
        <v>19</v>
      </c>
      <c r="BW1610" s="6">
        <v>17</v>
      </c>
      <c r="BX1610" s="6">
        <v>14</v>
      </c>
      <c r="BY1610" s="6">
        <v>13</v>
      </c>
      <c r="BZ1610" s="6">
        <v>13</v>
      </c>
      <c r="CA1610" s="6">
        <v>14</v>
      </c>
      <c r="CB1610" s="6">
        <v>14</v>
      </c>
      <c r="CC1610" s="11">
        <v>12.5</v>
      </c>
      <c r="CD1610" s="11">
        <v>-50.6723</v>
      </c>
      <c r="CE1610" s="11">
        <v>-145.82900000000001</v>
      </c>
      <c r="CF1610" s="11">
        <v>45.161000000000001</v>
      </c>
      <c r="CG1610" s="11">
        <v>-101</v>
      </c>
      <c r="CH1610" s="20">
        <v>1.3412500000000001</v>
      </c>
      <c r="CI1610" s="20">
        <v>1.2700400000000001</v>
      </c>
      <c r="CJ1610" s="20">
        <v>1.0436300000000001</v>
      </c>
      <c r="CK1610" s="20">
        <v>1.0692200000000001</v>
      </c>
      <c r="CL1610" s="20">
        <v>0.94321999999999995</v>
      </c>
      <c r="CM1610" s="20">
        <v>0.90013699999999996</v>
      </c>
      <c r="CN1610" s="20">
        <v>0.96219100000000002</v>
      </c>
      <c r="CO1610" s="20">
        <v>1.0201800000000001</v>
      </c>
      <c r="CP1610" s="20">
        <v>0.99870599999999998</v>
      </c>
      <c r="CQ1610" s="20">
        <v>1.08985</v>
      </c>
      <c r="CR1610" s="20">
        <v>1.1045100000000001</v>
      </c>
      <c r="CS1610" s="20">
        <v>1.0969</v>
      </c>
      <c r="CT1610" s="20">
        <v>1.07646</v>
      </c>
      <c r="CU1610" s="20">
        <v>1.1631899999999999</v>
      </c>
      <c r="CV1610" s="20">
        <v>1.1529199999999999</v>
      </c>
      <c r="CW1610" s="20">
        <v>1.0651999999999999</v>
      </c>
      <c r="CX1610" s="20">
        <v>1.10789</v>
      </c>
      <c r="CY1610" s="6" t="s">
        <v>626</v>
      </c>
      <c r="CZ1610" s="6" t="s">
        <v>627</v>
      </c>
      <c r="DA1610" s="6" t="s">
        <v>108</v>
      </c>
      <c r="DB1610" s="6" t="s">
        <v>345</v>
      </c>
      <c r="DC1610" s="6"/>
      <c r="DD1610" s="6"/>
      <c r="DE1610" s="6"/>
      <c r="DF1610" s="6"/>
      <c r="DG1610" s="6"/>
      <c r="DH1610" s="6" t="s">
        <v>333</v>
      </c>
      <c r="DI1610" s="6"/>
      <c r="DJ1610" s="6"/>
      <c r="DK1610" s="6"/>
      <c r="DL1610" s="6">
        <v>10</v>
      </c>
      <c r="DM1610" s="6" t="s">
        <v>383</v>
      </c>
      <c r="DN1610" s="6">
        <v>9</v>
      </c>
      <c r="DO1610" s="6" t="s">
        <v>384</v>
      </c>
      <c r="DP1610" s="6"/>
      <c r="DQ1610" s="6"/>
    </row>
    <row r="1611" spans="1:121" x14ac:dyDescent="0.2">
      <c r="A1611" s="6" t="s">
        <v>313</v>
      </c>
      <c r="B1611" s="6" t="s">
        <v>313</v>
      </c>
      <c r="C1611" s="6" t="s">
        <v>178</v>
      </c>
      <c r="D1611" s="6" t="s">
        <v>108</v>
      </c>
      <c r="E1611" s="6" t="s">
        <v>249</v>
      </c>
      <c r="F1611" s="11">
        <v>26</v>
      </c>
      <c r="G1611" s="13">
        <v>0.29885057471299997</v>
      </c>
      <c r="H1611" s="11">
        <v>-33.137051573699992</v>
      </c>
      <c r="I1611" s="13">
        <v>-0.37944004004053694</v>
      </c>
      <c r="J1611" s="11">
        <v>-6.0309051056000058</v>
      </c>
      <c r="K1611" s="13">
        <v>-0.11128279844633752</v>
      </c>
      <c r="L1611" s="11">
        <v>65.323510824799996</v>
      </c>
      <c r="M1611" s="13">
        <v>1.3562866127362023</v>
      </c>
      <c r="N1611" s="11">
        <v>59.292605719199997</v>
      </c>
      <c r="O1611" s="13">
        <v>1.0940724445292764</v>
      </c>
      <c r="P1611" s="7">
        <v>87.331457086499995</v>
      </c>
      <c r="Q1611" s="7">
        <v>54.612099145599998</v>
      </c>
      <c r="R1611" s="7">
        <v>51.761627842199999</v>
      </c>
      <c r="S1611" s="7">
        <v>45.944952868400001</v>
      </c>
      <c r="T1611" s="7">
        <v>36.671223801399996</v>
      </c>
      <c r="U1611" s="7">
        <v>36.192540023200003</v>
      </c>
      <c r="V1611" s="7">
        <v>54.194405512800003</v>
      </c>
      <c r="W1611" s="7">
        <v>39.9091091238</v>
      </c>
      <c r="X1611" s="7">
        <v>55.4230820911</v>
      </c>
      <c r="Y1611" s="7">
        <v>48.163500407199997</v>
      </c>
      <c r="Z1611" s="7">
        <v>50.119377884499997</v>
      </c>
      <c r="AA1611" s="7">
        <v>50.208445132400001</v>
      </c>
      <c r="AB1611" s="7">
        <v>55.410317543700003</v>
      </c>
      <c r="AC1611" s="7">
        <v>42.444613991600001</v>
      </c>
      <c r="AD1611" s="7">
        <v>73.119378922099997</v>
      </c>
      <c r="AE1611" s="7">
        <v>104.255013668</v>
      </c>
      <c r="AF1611" s="7">
        <v>113.487011232</v>
      </c>
      <c r="AG1611" s="9">
        <v>5751.6718130000008</v>
      </c>
      <c r="AH1611" s="13">
        <v>0.21503574054898308</v>
      </c>
      <c r="AI1611" s="9">
        <v>-174.57741650000025</v>
      </c>
      <c r="AJ1611" s="13">
        <v>-6.5268647552797722E-3</v>
      </c>
      <c r="AK1611" s="9">
        <v>-2179.1878266999993</v>
      </c>
      <c r="AL1611" s="13">
        <v>-8.2007786123860338E-2</v>
      </c>
      <c r="AM1611" s="9">
        <v>8105.4370562000004</v>
      </c>
      <c r="AN1611" s="13">
        <v>0.33227515064387569</v>
      </c>
      <c r="AO1611" s="9">
        <v>5926.2492295000011</v>
      </c>
      <c r="AP1611" s="13">
        <v>0.22301821503173891</v>
      </c>
      <c r="AQ1611" s="9">
        <v>26747.5155447</v>
      </c>
      <c r="AR1611" s="9">
        <v>23008.320594199999</v>
      </c>
      <c r="AS1611" s="9">
        <v>22008.683848100001</v>
      </c>
      <c r="AT1611" s="9">
        <v>20027.3966769</v>
      </c>
      <c r="AU1611" s="9">
        <v>21527.413736899998</v>
      </c>
      <c r="AV1611" s="9">
        <v>22445.9612284</v>
      </c>
      <c r="AW1611" s="9">
        <v>26572.938128199999</v>
      </c>
      <c r="AX1611" s="9">
        <v>23103.435468399999</v>
      </c>
      <c r="AY1611" s="9">
        <v>21933.823112499998</v>
      </c>
      <c r="AZ1611" s="9">
        <v>24393.7503015</v>
      </c>
      <c r="BA1611" s="9">
        <v>25092.230305599998</v>
      </c>
      <c r="BB1611" s="9">
        <v>28429.480167599999</v>
      </c>
      <c r="BC1611" s="9">
        <v>28206.2629423</v>
      </c>
      <c r="BD1611" s="9">
        <v>27456.8370292</v>
      </c>
      <c r="BE1611" s="9">
        <v>31178.9122995</v>
      </c>
      <c r="BF1611" s="9">
        <v>32499.187357700001</v>
      </c>
      <c r="BG1611" s="11">
        <v>-0.5</v>
      </c>
      <c r="BH1611" s="13">
        <v>-4.5454545454545456E-2</v>
      </c>
      <c r="BI1611" s="6">
        <v>-2</v>
      </c>
      <c r="BJ1611" s="13">
        <v>-0.18181818181818182</v>
      </c>
      <c r="BK1611" s="6">
        <v>1</v>
      </c>
      <c r="BL1611" s="13">
        <v>0.1111111111111111</v>
      </c>
      <c r="BM1611" s="11">
        <v>0.5</v>
      </c>
      <c r="BN1611" s="13">
        <v>0.05</v>
      </c>
      <c r="BO1611" s="11">
        <v>1.5</v>
      </c>
      <c r="BP1611" s="13">
        <v>0.16666666666666666</v>
      </c>
      <c r="BQ1611" s="6">
        <v>11</v>
      </c>
      <c r="BR1611" s="6">
        <v>8</v>
      </c>
      <c r="BS1611" s="6">
        <v>8</v>
      </c>
      <c r="BT1611" s="6">
        <v>9</v>
      </c>
      <c r="BU1611" s="6">
        <v>9</v>
      </c>
      <c r="BV1611" s="6">
        <v>10</v>
      </c>
      <c r="BW1611" s="6">
        <v>10</v>
      </c>
      <c r="BX1611" s="6">
        <v>9</v>
      </c>
      <c r="BY1611" s="6">
        <v>9</v>
      </c>
      <c r="BZ1611" s="6">
        <v>9</v>
      </c>
      <c r="CA1611" s="6">
        <v>9</v>
      </c>
      <c r="CB1611" s="6">
        <v>9</v>
      </c>
      <c r="CC1611" s="11">
        <v>10.5</v>
      </c>
      <c r="CD1611" s="11">
        <v>23.7501</v>
      </c>
      <c r="CE1611" s="11">
        <v>-7.1408800000000001</v>
      </c>
      <c r="CF1611" s="11">
        <v>9.5463799999999992</v>
      </c>
      <c r="CG1611" s="11">
        <v>3</v>
      </c>
      <c r="CH1611" s="20">
        <v>0.79622899999999996</v>
      </c>
      <c r="CI1611" s="20">
        <v>0.503799</v>
      </c>
      <c r="CJ1611" s="20">
        <v>0.47741099999999997</v>
      </c>
      <c r="CK1611" s="20">
        <v>0.41786400000000001</v>
      </c>
      <c r="CL1611" s="20">
        <v>0.32453799999999999</v>
      </c>
      <c r="CM1611" s="20">
        <v>0.30979000000000001</v>
      </c>
      <c r="CN1611" s="20">
        <v>0.43545200000000001</v>
      </c>
      <c r="CO1611" s="20">
        <v>0.33479199999999998</v>
      </c>
      <c r="CP1611" s="20">
        <v>0.477103</v>
      </c>
      <c r="CQ1611" s="20">
        <v>0.41645700000000002</v>
      </c>
      <c r="CR1611" s="20">
        <v>0.43190800000000001</v>
      </c>
      <c r="CS1611" s="20">
        <v>0.42186099999999999</v>
      </c>
      <c r="CT1611" s="20">
        <v>0.464005</v>
      </c>
      <c r="CU1611" s="20">
        <v>0.368452</v>
      </c>
      <c r="CV1611" s="20">
        <v>0.640567</v>
      </c>
      <c r="CW1611" s="20">
        <v>0.92684100000000003</v>
      </c>
      <c r="CX1611" s="20">
        <v>0.992753</v>
      </c>
      <c r="CY1611" s="6" t="s">
        <v>626</v>
      </c>
      <c r="CZ1611" s="6" t="s">
        <v>627</v>
      </c>
      <c r="DA1611" s="6" t="s">
        <v>108</v>
      </c>
      <c r="DB1611" s="6" t="s">
        <v>345</v>
      </c>
      <c r="DC1611" s="6"/>
      <c r="DD1611" s="6"/>
      <c r="DE1611" s="6"/>
      <c r="DF1611" s="6"/>
      <c r="DG1611" s="6"/>
      <c r="DH1611" s="6" t="s">
        <v>333</v>
      </c>
      <c r="DI1611" s="6"/>
      <c r="DJ1611" s="6"/>
      <c r="DK1611" s="6"/>
      <c r="DL1611" s="6">
        <v>10</v>
      </c>
      <c r="DM1611" s="6" t="s">
        <v>383</v>
      </c>
      <c r="DN1611" s="6">
        <v>9</v>
      </c>
      <c r="DO1611" s="6" t="s">
        <v>384</v>
      </c>
      <c r="DP1611" s="6"/>
      <c r="DQ1611" s="6"/>
    </row>
    <row r="1612" spans="1:121" x14ac:dyDescent="0.2">
      <c r="A1612" s="6" t="s">
        <v>793</v>
      </c>
      <c r="B1612" s="6" t="s">
        <v>179</v>
      </c>
      <c r="C1612" s="6" t="s">
        <v>180</v>
      </c>
      <c r="D1612" s="6" t="s">
        <v>108</v>
      </c>
      <c r="E1612" s="6" t="s">
        <v>249</v>
      </c>
      <c r="F1612" s="11">
        <v>43</v>
      </c>
      <c r="G1612" s="13">
        <v>0.1</v>
      </c>
      <c r="H1612" s="11">
        <v>50</v>
      </c>
      <c r="I1612" s="13">
        <v>0.11655011655011654</v>
      </c>
      <c r="J1612" s="11">
        <v>-10</v>
      </c>
      <c r="K1612" s="13">
        <v>-2.0876826722338204E-2</v>
      </c>
      <c r="L1612" s="11">
        <v>3</v>
      </c>
      <c r="M1612" s="13">
        <v>6.3965884861407248E-3</v>
      </c>
      <c r="N1612" s="11">
        <v>-7</v>
      </c>
      <c r="O1612" s="13">
        <v>-1.4613778705636744E-2</v>
      </c>
      <c r="P1612" s="7">
        <v>429</v>
      </c>
      <c r="Q1612" s="7">
        <v>444</v>
      </c>
      <c r="R1612" s="7">
        <v>416</v>
      </c>
      <c r="S1612" s="7">
        <v>415</v>
      </c>
      <c r="T1612" s="7">
        <v>457</v>
      </c>
      <c r="U1612" s="7">
        <v>478</v>
      </c>
      <c r="V1612" s="7">
        <v>479</v>
      </c>
      <c r="W1612" s="7">
        <v>464</v>
      </c>
      <c r="X1612" s="7">
        <v>452</v>
      </c>
      <c r="Y1612" s="7">
        <v>469</v>
      </c>
      <c r="Z1612" s="7">
        <v>450</v>
      </c>
      <c r="AA1612" s="7">
        <v>445</v>
      </c>
      <c r="AB1612" s="7">
        <v>443</v>
      </c>
      <c r="AC1612" s="7">
        <v>446</v>
      </c>
      <c r="AD1612" s="7">
        <v>466</v>
      </c>
      <c r="AE1612" s="7">
        <v>468</v>
      </c>
      <c r="AF1612" s="7">
        <v>472</v>
      </c>
      <c r="AG1612" s="9">
        <v>7687</v>
      </c>
      <c r="AH1612" s="13">
        <v>0.44356607039815354</v>
      </c>
      <c r="AI1612" s="9">
        <v>4962</v>
      </c>
      <c r="AJ1612" s="13">
        <v>0.28632429313329488</v>
      </c>
      <c r="AK1612" s="9">
        <v>-70</v>
      </c>
      <c r="AL1612" s="13">
        <v>-3.1401399605239548E-3</v>
      </c>
      <c r="AM1612" s="9">
        <v>2795</v>
      </c>
      <c r="AN1612" s="13">
        <v>0.12577625776257759</v>
      </c>
      <c r="AO1612" s="9">
        <v>2725</v>
      </c>
      <c r="AP1612" s="13">
        <v>0.12224116274896824</v>
      </c>
      <c r="AQ1612" s="9">
        <v>17330</v>
      </c>
      <c r="AR1612" s="9">
        <v>17828</v>
      </c>
      <c r="AS1612" s="9">
        <v>19692</v>
      </c>
      <c r="AT1612" s="9">
        <v>20650</v>
      </c>
      <c r="AU1612" s="9">
        <v>20826</v>
      </c>
      <c r="AV1612" s="9">
        <v>22616</v>
      </c>
      <c r="AW1612" s="9">
        <v>22292</v>
      </c>
      <c r="AX1612" s="9">
        <v>23776</v>
      </c>
      <c r="AY1612" s="9">
        <v>22649</v>
      </c>
      <c r="AZ1612" s="9">
        <v>22222</v>
      </c>
      <c r="BA1612" s="9">
        <v>22964</v>
      </c>
      <c r="BB1612" s="9">
        <v>24029</v>
      </c>
      <c r="BC1612" s="9">
        <v>23967</v>
      </c>
      <c r="BD1612" s="9">
        <v>24234</v>
      </c>
      <c r="BE1612" s="9">
        <v>24679</v>
      </c>
      <c r="BF1612" s="9">
        <v>25017</v>
      </c>
      <c r="BG1612" s="11">
        <v>0</v>
      </c>
      <c r="BH1612" s="13">
        <v>0</v>
      </c>
      <c r="BI1612" s="6">
        <v>4</v>
      </c>
      <c r="BJ1612" s="13">
        <v>0.1</v>
      </c>
      <c r="BK1612" s="6">
        <v>-2</v>
      </c>
      <c r="BL1612" s="13">
        <v>-4.5454545454545456E-2</v>
      </c>
      <c r="BM1612" s="11">
        <v>-2</v>
      </c>
      <c r="BN1612" s="13">
        <v>-4.7619047619047616E-2</v>
      </c>
      <c r="BO1612" s="11">
        <v>-4</v>
      </c>
      <c r="BP1612" s="13">
        <v>-9.0909090909090912E-2</v>
      </c>
      <c r="BQ1612" s="6">
        <v>40</v>
      </c>
      <c r="BR1612" s="6">
        <v>40</v>
      </c>
      <c r="BS1612" s="6">
        <v>40</v>
      </c>
      <c r="BT1612" s="6">
        <v>44</v>
      </c>
      <c r="BU1612" s="6">
        <v>45</v>
      </c>
      <c r="BV1612" s="6">
        <v>44</v>
      </c>
      <c r="BW1612" s="6">
        <v>42</v>
      </c>
      <c r="BX1612" s="6">
        <v>41</v>
      </c>
      <c r="BY1612" s="6">
        <v>41</v>
      </c>
      <c r="BZ1612" s="6">
        <v>40</v>
      </c>
      <c r="CA1612" s="6">
        <v>40</v>
      </c>
      <c r="CB1612" s="6">
        <v>41</v>
      </c>
      <c r="CC1612" s="11">
        <v>40</v>
      </c>
      <c r="CD1612" s="11">
        <v>23</v>
      </c>
      <c r="CE1612" s="11">
        <v>-28</v>
      </c>
      <c r="CF1612" s="11">
        <v>47</v>
      </c>
      <c r="CG1612" s="11">
        <v>19</v>
      </c>
      <c r="CH1612" s="20">
        <v>1.46</v>
      </c>
      <c r="CI1612" s="20">
        <v>1.5</v>
      </c>
      <c r="CJ1612" s="20">
        <v>1.41</v>
      </c>
      <c r="CK1612" s="20">
        <v>1.39</v>
      </c>
      <c r="CL1612" s="20">
        <v>1.5</v>
      </c>
      <c r="CM1612" s="20">
        <v>1.54</v>
      </c>
      <c r="CN1612" s="20">
        <v>1.46</v>
      </c>
      <c r="CO1612" s="20">
        <v>1.49</v>
      </c>
      <c r="CP1612" s="20">
        <v>1.46</v>
      </c>
      <c r="CQ1612" s="20">
        <v>1.51</v>
      </c>
      <c r="CR1612" s="20">
        <v>1.44</v>
      </c>
      <c r="CS1612" s="20">
        <v>1.4</v>
      </c>
      <c r="CT1612" s="20">
        <v>1.39</v>
      </c>
      <c r="CU1612" s="20">
        <v>1.44</v>
      </c>
      <c r="CV1612" s="20">
        <v>1.51</v>
      </c>
      <c r="CW1612" s="20">
        <v>1.52</v>
      </c>
      <c r="CX1612" s="20">
        <v>1.51</v>
      </c>
      <c r="CY1612" s="6" t="s">
        <v>626</v>
      </c>
      <c r="CZ1612" s="6" t="s">
        <v>627</v>
      </c>
      <c r="DA1612" s="6" t="s">
        <v>108</v>
      </c>
      <c r="DB1612" s="6" t="s">
        <v>345</v>
      </c>
      <c r="DC1612" s="6"/>
      <c r="DD1612" s="6"/>
      <c r="DE1612" s="6"/>
      <c r="DF1612" s="6"/>
      <c r="DG1612" s="6"/>
      <c r="DH1612" s="6" t="s">
        <v>333</v>
      </c>
      <c r="DI1612" s="6"/>
      <c r="DJ1612" s="6"/>
      <c r="DK1612" s="6"/>
      <c r="DL1612" s="6">
        <v>10</v>
      </c>
      <c r="DM1612" s="6" t="s">
        <v>383</v>
      </c>
      <c r="DN1612" s="6">
        <v>9</v>
      </c>
      <c r="DO1612" s="6" t="s">
        <v>384</v>
      </c>
      <c r="DP1612" s="6"/>
      <c r="DQ1612" s="6"/>
    </row>
    <row r="1613" spans="1:121" x14ac:dyDescent="0.2">
      <c r="A1613" s="6" t="s">
        <v>794</v>
      </c>
      <c r="B1613" s="6" t="s">
        <v>181</v>
      </c>
      <c r="C1613" s="6" t="s">
        <v>182</v>
      </c>
      <c r="D1613" s="6" t="s">
        <v>108</v>
      </c>
      <c r="E1613" s="6" t="s">
        <v>249</v>
      </c>
      <c r="F1613" s="11">
        <v>83</v>
      </c>
      <c r="G1613" s="13">
        <v>0.430051813472</v>
      </c>
      <c r="H1613" s="11">
        <v>128.31517169100002</v>
      </c>
      <c r="I1613" s="13">
        <v>0.66387966429058032</v>
      </c>
      <c r="J1613" s="11">
        <v>-45.441775273000019</v>
      </c>
      <c r="K1613" s="13">
        <v>-0.14130083622672654</v>
      </c>
      <c r="L1613" s="11">
        <v>-0.46506398200000376</v>
      </c>
      <c r="M1613" s="13">
        <v>-1.6840737570449008E-3</v>
      </c>
      <c r="N1613" s="11">
        <v>-45.906839255000023</v>
      </c>
      <c r="O1613" s="13">
        <v>-0.14274694895363352</v>
      </c>
      <c r="P1613" s="7">
        <v>193.280768478</v>
      </c>
      <c r="Q1613" s="7">
        <v>183.93906197699999</v>
      </c>
      <c r="R1613" s="7">
        <v>203.34829892600001</v>
      </c>
      <c r="S1613" s="7">
        <v>241.11545082999999</v>
      </c>
      <c r="T1613" s="7">
        <v>278.67100001</v>
      </c>
      <c r="U1613" s="7">
        <v>323.30455084300002</v>
      </c>
      <c r="V1613" s="7">
        <v>321.59594016900002</v>
      </c>
      <c r="W1613" s="7">
        <v>279.96096154000003</v>
      </c>
      <c r="X1613" s="7">
        <v>275.462654735</v>
      </c>
      <c r="Y1613" s="7">
        <v>276.154164896</v>
      </c>
      <c r="Z1613" s="7">
        <v>250.244584903</v>
      </c>
      <c r="AA1613" s="7">
        <v>263.94041897</v>
      </c>
      <c r="AB1613" s="7">
        <v>274.39944867600002</v>
      </c>
      <c r="AC1613" s="7">
        <v>271.796244065</v>
      </c>
      <c r="AD1613" s="7">
        <v>269.43146896600001</v>
      </c>
      <c r="AE1613" s="7">
        <v>273.43743326800001</v>
      </c>
      <c r="AF1613" s="7">
        <v>275.68910091399999</v>
      </c>
      <c r="AG1613" s="9">
        <v>15824.182105500004</v>
      </c>
      <c r="AH1613" s="13">
        <v>0.40674615246994261</v>
      </c>
      <c r="AI1613" s="9">
        <v>9679.1536871999997</v>
      </c>
      <c r="AJ1613" s="13">
        <v>0.24879380780542787</v>
      </c>
      <c r="AK1613" s="9">
        <v>300.76856110000517</v>
      </c>
      <c r="AL1613" s="13">
        <v>6.1907587887212803E-3</v>
      </c>
      <c r="AM1613" s="9">
        <v>5844.2598571999988</v>
      </c>
      <c r="AN1613" s="13">
        <v>0.1195530440251389</v>
      </c>
      <c r="AO1613" s="9">
        <v>6145.028418300004</v>
      </c>
      <c r="AP1613" s="13">
        <v>0.12648392687187718</v>
      </c>
      <c r="AQ1613" s="9">
        <v>38904.319092899997</v>
      </c>
      <c r="AR1613" s="9">
        <v>42509.504704500003</v>
      </c>
      <c r="AS1613" s="9">
        <v>44695.522853399998</v>
      </c>
      <c r="AT1613" s="9">
        <v>45495.6280625</v>
      </c>
      <c r="AU1613" s="9">
        <v>48064.139362399997</v>
      </c>
      <c r="AV1613" s="9">
        <v>46615.215908400001</v>
      </c>
      <c r="AW1613" s="9">
        <v>48583.472780099997</v>
      </c>
      <c r="AX1613" s="9">
        <v>51180.2380902</v>
      </c>
      <c r="AY1613" s="9">
        <v>48121.428049000002</v>
      </c>
      <c r="AZ1613" s="9">
        <v>48884.241341200002</v>
      </c>
      <c r="BA1613" s="9">
        <v>51560.752025000002</v>
      </c>
      <c r="BB1613" s="9">
        <v>52558.923037</v>
      </c>
      <c r="BC1613" s="9">
        <v>49999.577093499996</v>
      </c>
      <c r="BD1613" s="9">
        <v>53898.110422199999</v>
      </c>
      <c r="BE1613" s="9">
        <v>54519.898162500001</v>
      </c>
      <c r="BF1613" s="9">
        <v>54728.501198400001</v>
      </c>
      <c r="BG1613" s="11">
        <v>-6</v>
      </c>
      <c r="BH1613" s="13">
        <v>-0.25</v>
      </c>
      <c r="BI1613" s="6">
        <v>-1</v>
      </c>
      <c r="BJ1613" s="13">
        <v>-4.1666666666666664E-2</v>
      </c>
      <c r="BK1613" s="6">
        <v>-6</v>
      </c>
      <c r="BL1613" s="13">
        <v>-0.2608695652173913</v>
      </c>
      <c r="BM1613" s="11">
        <v>1</v>
      </c>
      <c r="BN1613" s="13">
        <v>5.8823529411764705E-2</v>
      </c>
      <c r="BO1613" s="11">
        <v>-5</v>
      </c>
      <c r="BP1613" s="13">
        <v>-0.21739130434782608</v>
      </c>
      <c r="BQ1613" s="6">
        <v>24</v>
      </c>
      <c r="BR1613" s="6">
        <v>23</v>
      </c>
      <c r="BS1613" s="6">
        <v>23</v>
      </c>
      <c r="BT1613" s="6">
        <v>23</v>
      </c>
      <c r="BU1613" s="6">
        <v>22</v>
      </c>
      <c r="BV1613" s="6">
        <v>20</v>
      </c>
      <c r="BW1613" s="6">
        <v>17</v>
      </c>
      <c r="BX1613" s="6">
        <v>17</v>
      </c>
      <c r="BY1613" s="6">
        <v>19</v>
      </c>
      <c r="BZ1613" s="6">
        <v>19</v>
      </c>
      <c r="CA1613" s="6">
        <v>17</v>
      </c>
      <c r="CB1613" s="6">
        <v>18</v>
      </c>
      <c r="CC1613" s="11">
        <v>18</v>
      </c>
      <c r="CD1613" s="11">
        <v>49.097900000000003</v>
      </c>
      <c r="CE1613" s="11">
        <v>12.182600000000001</v>
      </c>
      <c r="CF1613" s="11">
        <v>21.1279</v>
      </c>
      <c r="CG1613" s="11">
        <v>33</v>
      </c>
      <c r="CH1613" s="20">
        <v>2.2261099999999998</v>
      </c>
      <c r="CI1613" s="20">
        <v>2.16174</v>
      </c>
      <c r="CJ1613" s="20">
        <v>2.3944100000000001</v>
      </c>
      <c r="CK1613" s="20">
        <v>2.77264</v>
      </c>
      <c r="CL1613" s="20">
        <v>3.0995200000000001</v>
      </c>
      <c r="CM1613" s="20">
        <v>3.46793</v>
      </c>
      <c r="CN1613" s="20">
        <v>3.2312599999999998</v>
      </c>
      <c r="CO1613" s="20">
        <v>2.9371299999999998</v>
      </c>
      <c r="CP1613" s="20">
        <v>2.9569100000000001</v>
      </c>
      <c r="CQ1613" s="20">
        <v>2.9595699999999998</v>
      </c>
      <c r="CR1613" s="20">
        <v>2.6382099999999999</v>
      </c>
      <c r="CS1613" s="20">
        <v>2.7024699999999999</v>
      </c>
      <c r="CT1613" s="20">
        <v>2.7833199999999998</v>
      </c>
      <c r="CU1613" s="20">
        <v>2.7942300000000002</v>
      </c>
      <c r="CV1613" s="20">
        <v>2.6996699999999998</v>
      </c>
      <c r="CW1613" s="20">
        <v>2.70926</v>
      </c>
      <c r="CX1613" s="20">
        <v>2.6702499999999998</v>
      </c>
      <c r="CY1613" s="6" t="s">
        <v>626</v>
      </c>
      <c r="CZ1613" s="6" t="s">
        <v>627</v>
      </c>
      <c r="DA1613" s="6" t="s">
        <v>108</v>
      </c>
      <c r="DB1613" s="6" t="s">
        <v>345</v>
      </c>
      <c r="DC1613" s="6"/>
      <c r="DD1613" s="6"/>
      <c r="DE1613" s="6"/>
      <c r="DF1613" s="6"/>
      <c r="DG1613" s="6"/>
      <c r="DH1613" s="6" t="s">
        <v>333</v>
      </c>
      <c r="DI1613" s="6"/>
      <c r="DJ1613" s="6"/>
      <c r="DK1613" s="6"/>
      <c r="DL1613" s="6">
        <v>10</v>
      </c>
      <c r="DM1613" s="6" t="s">
        <v>383</v>
      </c>
      <c r="DN1613" s="6">
        <v>9</v>
      </c>
      <c r="DO1613" s="6" t="s">
        <v>384</v>
      </c>
      <c r="DP1613" s="6"/>
      <c r="DQ1613" s="6"/>
    </row>
    <row r="1614" spans="1:121" x14ac:dyDescent="0.2">
      <c r="A1614" s="6" t="s">
        <v>314</v>
      </c>
      <c r="B1614" s="6" t="s">
        <v>314</v>
      </c>
      <c r="C1614" s="6" t="s">
        <v>183</v>
      </c>
      <c r="D1614" s="6" t="s">
        <v>108</v>
      </c>
      <c r="E1614" s="6" t="s">
        <v>249</v>
      </c>
      <c r="F1614" s="11">
        <v>-2</v>
      </c>
      <c r="G1614" s="13">
        <v>-6.8965517241400001E-2</v>
      </c>
      <c r="H1614" s="11">
        <v>-0.71147632939999994</v>
      </c>
      <c r="I1614" s="13">
        <v>-2.4700207252569287E-2</v>
      </c>
      <c r="J1614" s="11">
        <v>-4.9859307458999993</v>
      </c>
      <c r="K1614" s="13">
        <v>-0.17747952245035897</v>
      </c>
      <c r="L1614" s="11">
        <v>3.9832488923999989</v>
      </c>
      <c r="M1614" s="13">
        <v>0.17238232527193259</v>
      </c>
      <c r="N1614" s="11">
        <v>-1.0026818535000004</v>
      </c>
      <c r="O1614" s="13">
        <v>-3.5691529946571383E-2</v>
      </c>
      <c r="P1614" s="7">
        <v>28.804468</v>
      </c>
      <c r="Q1614" s="7">
        <v>37.378612221499999</v>
      </c>
      <c r="R1614" s="7">
        <v>32.695522841399999</v>
      </c>
      <c r="S1614" s="7">
        <v>33.2798630092</v>
      </c>
      <c r="T1614" s="7">
        <v>30.728959629799999</v>
      </c>
      <c r="U1614" s="7">
        <v>32.968119000000002</v>
      </c>
      <c r="V1614" s="7">
        <v>28.0929916706</v>
      </c>
      <c r="W1614" s="7">
        <v>17.262867138600001</v>
      </c>
      <c r="X1614" s="7">
        <v>17.03003</v>
      </c>
      <c r="Y1614" s="7">
        <v>23.107060924700001</v>
      </c>
      <c r="Z1614" s="7">
        <v>23.502901993399998</v>
      </c>
      <c r="AA1614" s="7">
        <v>20.446683</v>
      </c>
      <c r="AB1614" s="7">
        <v>20.998699456699999</v>
      </c>
      <c r="AC1614" s="7">
        <v>27.4010644731</v>
      </c>
      <c r="AD1614" s="7">
        <v>25.3795736203</v>
      </c>
      <c r="AE1614" s="7">
        <v>26.5039055674</v>
      </c>
      <c r="AF1614" s="7">
        <v>27.0903098171</v>
      </c>
      <c r="AG1614" s="9">
        <v>8284.7667284000017</v>
      </c>
      <c r="AH1614" s="13">
        <v>0.3148272077808984</v>
      </c>
      <c r="AI1614" s="9">
        <v>28642.878506600002</v>
      </c>
      <c r="AJ1614" s="13">
        <v>1.0884503762946511</v>
      </c>
      <c r="AK1614" s="9">
        <v>-23900.414789100003</v>
      </c>
      <c r="AL1614" s="13">
        <v>-0.4348838207863473</v>
      </c>
      <c r="AM1614" s="9">
        <v>3542.3030109000028</v>
      </c>
      <c r="AN1614" s="13">
        <v>0.11405538097982888</v>
      </c>
      <c r="AO1614" s="9">
        <v>-20358.1117782</v>
      </c>
      <c r="AP1614" s="13">
        <v>-0.37042927966826888</v>
      </c>
      <c r="AQ1614" s="9">
        <v>26315.281918600002</v>
      </c>
      <c r="AR1614" s="9">
        <v>30520.934379099999</v>
      </c>
      <c r="AS1614" s="9">
        <v>34400.989142500002</v>
      </c>
      <c r="AT1614" s="9">
        <v>36421.601147599999</v>
      </c>
      <c r="AU1614" s="9">
        <v>31053.169144200001</v>
      </c>
      <c r="AV1614" s="9">
        <v>31708.005049300002</v>
      </c>
      <c r="AW1614" s="9">
        <v>54958.160425200003</v>
      </c>
      <c r="AX1614" s="9">
        <v>34070.2005269</v>
      </c>
      <c r="AY1614" s="9">
        <v>42702.148025100003</v>
      </c>
      <c r="AZ1614" s="9">
        <v>31057.7456361</v>
      </c>
      <c r="BA1614" s="9">
        <v>32622.632856100001</v>
      </c>
      <c r="BB1614" s="9">
        <v>28696.226809200001</v>
      </c>
      <c r="BC1614" s="9">
        <v>38251.190248899999</v>
      </c>
      <c r="BD1614" s="9">
        <v>32384.686047300002</v>
      </c>
      <c r="BE1614" s="9">
        <v>37749.828166500003</v>
      </c>
      <c r="BF1614" s="9">
        <v>34600.048647000003</v>
      </c>
      <c r="BG1614" s="11">
        <v>-1</v>
      </c>
      <c r="BH1614" s="13">
        <v>-0.25</v>
      </c>
      <c r="BI1614" s="6">
        <v>-1</v>
      </c>
      <c r="BJ1614" s="13">
        <v>-0.25</v>
      </c>
      <c r="BK1614" s="6">
        <v>0</v>
      </c>
      <c r="BL1614" s="13">
        <v>0</v>
      </c>
      <c r="BM1614" s="11">
        <v>0</v>
      </c>
      <c r="BN1614" s="13">
        <v>0</v>
      </c>
      <c r="BO1614" s="11">
        <v>0</v>
      </c>
      <c r="BP1614" s="13">
        <v>0</v>
      </c>
      <c r="BQ1614" s="6">
        <v>4</v>
      </c>
      <c r="BR1614" s="6">
        <v>4</v>
      </c>
      <c r="BS1614" s="6">
        <v>4</v>
      </c>
      <c r="BT1614" s="6">
        <v>3</v>
      </c>
      <c r="BU1614" s="6">
        <v>3</v>
      </c>
      <c r="BV1614" s="6">
        <v>3</v>
      </c>
      <c r="BW1614" s="6">
        <v>3</v>
      </c>
      <c r="BX1614" s="6">
        <v>2</v>
      </c>
      <c r="BY1614" s="6">
        <v>2</v>
      </c>
      <c r="BZ1614" s="6">
        <v>2</v>
      </c>
      <c r="CA1614" s="6">
        <v>2</v>
      </c>
      <c r="CB1614" s="6">
        <v>3</v>
      </c>
      <c r="CC1614" s="11">
        <v>3</v>
      </c>
      <c r="CD1614" s="11">
        <v>3.9597000000000002</v>
      </c>
      <c r="CE1614" s="11">
        <v>-8.8225300000000004</v>
      </c>
      <c r="CF1614" s="11">
        <v>3.1486800000000001</v>
      </c>
      <c r="CG1614" s="11">
        <v>-6</v>
      </c>
      <c r="CH1614" s="20">
        <v>0.42128700000000002</v>
      </c>
      <c r="CI1614" s="20">
        <v>0.57358200000000004</v>
      </c>
      <c r="CJ1614" s="20">
        <v>0.52487799999999996</v>
      </c>
      <c r="CK1614" s="20">
        <v>0.54381900000000005</v>
      </c>
      <c r="CL1614" s="20">
        <v>0.50409999999999999</v>
      </c>
      <c r="CM1614" s="20">
        <v>0.53712199999999999</v>
      </c>
      <c r="CN1614" s="20">
        <v>0.43854199999999999</v>
      </c>
      <c r="CO1614" s="20">
        <v>0.28382499999999999</v>
      </c>
      <c r="CP1614" s="20">
        <v>0.28512900000000002</v>
      </c>
      <c r="CQ1614" s="20">
        <v>0.39619199999999999</v>
      </c>
      <c r="CR1614" s="20">
        <v>0.41116999999999998</v>
      </c>
      <c r="CS1614" s="20">
        <v>0.35441899999999998</v>
      </c>
      <c r="CT1614" s="20">
        <v>0.36433100000000002</v>
      </c>
      <c r="CU1614" s="20">
        <v>0.49219099999999999</v>
      </c>
      <c r="CV1614" s="20">
        <v>0.46054499999999998</v>
      </c>
      <c r="CW1614" s="20">
        <v>0.48076799999999997</v>
      </c>
      <c r="CX1614" s="20">
        <v>0.48644500000000002</v>
      </c>
      <c r="CY1614" s="6" t="s">
        <v>626</v>
      </c>
      <c r="CZ1614" s="6" t="s">
        <v>627</v>
      </c>
      <c r="DA1614" s="6" t="s">
        <v>108</v>
      </c>
      <c r="DB1614" s="6" t="s">
        <v>345</v>
      </c>
      <c r="DC1614" s="6"/>
      <c r="DD1614" s="6"/>
      <c r="DE1614" s="6"/>
      <c r="DF1614" s="6"/>
      <c r="DG1614" s="6"/>
      <c r="DH1614" s="6" t="s">
        <v>333</v>
      </c>
      <c r="DI1614" s="6"/>
      <c r="DJ1614" s="6"/>
      <c r="DK1614" s="6"/>
      <c r="DL1614" s="6">
        <v>10</v>
      </c>
      <c r="DM1614" s="6" t="s">
        <v>383</v>
      </c>
      <c r="DN1614" s="6">
        <v>9</v>
      </c>
      <c r="DO1614" s="6" t="s">
        <v>384</v>
      </c>
      <c r="DP1614" s="6"/>
      <c r="DQ1614" s="6"/>
    </row>
    <row r="1615" spans="1:121" x14ac:dyDescent="0.2">
      <c r="A1615" s="6" t="s">
        <v>315</v>
      </c>
      <c r="B1615" s="6" t="s">
        <v>315</v>
      </c>
      <c r="C1615" s="6" t="s">
        <v>184</v>
      </c>
      <c r="D1615" s="6" t="s">
        <v>108</v>
      </c>
      <c r="E1615" s="6" t="s">
        <v>249</v>
      </c>
      <c r="F1615" s="11">
        <v>-57</v>
      </c>
      <c r="G1615" s="13">
        <v>-0.54</v>
      </c>
      <c r="H1615" s="11">
        <v>-18</v>
      </c>
      <c r="I1615" s="13">
        <v>-0.16981132075471697</v>
      </c>
      <c r="J1615" s="11">
        <v>-25</v>
      </c>
      <c r="K1615" s="13">
        <v>-0.28409090909090912</v>
      </c>
      <c r="L1615" s="11">
        <v>-14</v>
      </c>
      <c r="M1615" s="13">
        <v>-0.22222222222222221</v>
      </c>
      <c r="N1615" s="11">
        <v>-39</v>
      </c>
      <c r="O1615" s="13">
        <v>-0.44318181818181818</v>
      </c>
      <c r="P1615" s="7">
        <v>106</v>
      </c>
      <c r="Q1615" s="7">
        <v>110</v>
      </c>
      <c r="R1615" s="7">
        <v>111</v>
      </c>
      <c r="S1615" s="7">
        <v>109</v>
      </c>
      <c r="T1615" s="7">
        <v>104</v>
      </c>
      <c r="U1615" s="7">
        <v>94</v>
      </c>
      <c r="V1615" s="7">
        <v>88</v>
      </c>
      <c r="W1615" s="7">
        <v>84</v>
      </c>
      <c r="X1615" s="7">
        <v>84</v>
      </c>
      <c r="Y1615" s="7">
        <v>63</v>
      </c>
      <c r="Z1615" s="7">
        <v>65</v>
      </c>
      <c r="AA1615" s="7">
        <v>67</v>
      </c>
      <c r="AB1615" s="7">
        <v>66</v>
      </c>
      <c r="AC1615" s="7">
        <v>61</v>
      </c>
      <c r="AD1615" s="7">
        <v>59</v>
      </c>
      <c r="AE1615" s="7">
        <v>54</v>
      </c>
      <c r="AF1615" s="7">
        <v>49</v>
      </c>
      <c r="AG1615" s="9">
        <v>12709</v>
      </c>
      <c r="AH1615" s="13">
        <v>0.44333205427843864</v>
      </c>
      <c r="AI1615" s="9">
        <v>8167</v>
      </c>
      <c r="AJ1615" s="13">
        <v>0.28489203613911468</v>
      </c>
      <c r="AK1615" s="9">
        <v>101</v>
      </c>
      <c r="AL1615" s="13">
        <v>2.7420318184286259E-3</v>
      </c>
      <c r="AM1615" s="9">
        <v>4441</v>
      </c>
      <c r="AN1615" s="13">
        <v>0.12023825639637201</v>
      </c>
      <c r="AO1615" s="9">
        <v>4542</v>
      </c>
      <c r="AP1615" s="13">
        <v>0.12330998533963186</v>
      </c>
      <c r="AQ1615" s="9">
        <v>28667</v>
      </c>
      <c r="AR1615" s="9">
        <v>32079</v>
      </c>
      <c r="AS1615" s="9">
        <v>31180</v>
      </c>
      <c r="AT1615" s="9">
        <v>31591</v>
      </c>
      <c r="AU1615" s="9">
        <v>33822</v>
      </c>
      <c r="AV1615" s="9">
        <v>35519</v>
      </c>
      <c r="AW1615" s="9">
        <v>36834</v>
      </c>
      <c r="AX1615" s="9">
        <v>37930</v>
      </c>
      <c r="AY1615" s="9">
        <v>38446</v>
      </c>
      <c r="AZ1615" s="9">
        <v>36935</v>
      </c>
      <c r="BA1615" s="9">
        <v>36368</v>
      </c>
      <c r="BB1615" s="9">
        <v>38102</v>
      </c>
      <c r="BC1615" s="9">
        <v>40666</v>
      </c>
      <c r="BD1615" s="9">
        <v>37635</v>
      </c>
      <c r="BE1615" s="9">
        <v>39867</v>
      </c>
      <c r="BF1615" s="9">
        <v>41376</v>
      </c>
      <c r="BG1615" s="11">
        <v>-2</v>
      </c>
      <c r="BH1615" s="13">
        <v>-0.15384615384615385</v>
      </c>
      <c r="BI1615" s="6">
        <v>1</v>
      </c>
      <c r="BJ1615" s="13">
        <v>7.6923076923076927E-2</v>
      </c>
      <c r="BK1615" s="6">
        <v>0</v>
      </c>
      <c r="BL1615" s="13">
        <v>0</v>
      </c>
      <c r="BM1615" s="11">
        <v>-3</v>
      </c>
      <c r="BN1615" s="13">
        <v>-0.21428571428571427</v>
      </c>
      <c r="BO1615" s="11">
        <v>-3</v>
      </c>
      <c r="BP1615" s="13">
        <v>-0.21428571428571427</v>
      </c>
      <c r="BQ1615" s="6">
        <v>13</v>
      </c>
      <c r="BR1615" s="6">
        <v>15</v>
      </c>
      <c r="BS1615" s="6">
        <v>15</v>
      </c>
      <c r="BT1615" s="6">
        <v>14</v>
      </c>
      <c r="BU1615" s="6">
        <v>14</v>
      </c>
      <c r="BV1615" s="6">
        <v>14</v>
      </c>
      <c r="BW1615" s="6">
        <v>14</v>
      </c>
      <c r="BX1615" s="6">
        <v>14</v>
      </c>
      <c r="BY1615" s="6">
        <v>14</v>
      </c>
      <c r="BZ1615" s="6">
        <v>14</v>
      </c>
      <c r="CA1615" s="6">
        <v>12</v>
      </c>
      <c r="CB1615" s="6">
        <v>12</v>
      </c>
      <c r="CC1615" s="11">
        <v>11</v>
      </c>
      <c r="CD1615" s="11">
        <v>-60</v>
      </c>
      <c r="CE1615" s="11">
        <v>-8</v>
      </c>
      <c r="CF1615" s="11">
        <v>12</v>
      </c>
      <c r="CG1615" s="11">
        <v>4</v>
      </c>
      <c r="CH1615" s="20">
        <v>0.95</v>
      </c>
      <c r="CI1615" s="20">
        <v>0.98</v>
      </c>
      <c r="CJ1615" s="20">
        <v>0.97</v>
      </c>
      <c r="CK1615" s="20">
        <v>0.94</v>
      </c>
      <c r="CL1615" s="20">
        <v>0.87</v>
      </c>
      <c r="CM1615" s="20">
        <v>0.77</v>
      </c>
      <c r="CN1615" s="20">
        <v>0.68</v>
      </c>
      <c r="CO1615" s="20">
        <v>0.7</v>
      </c>
      <c r="CP1615" s="20">
        <v>0.7</v>
      </c>
      <c r="CQ1615" s="20">
        <v>0.53</v>
      </c>
      <c r="CR1615" s="20">
        <v>0.55000000000000004</v>
      </c>
      <c r="CS1615" s="20">
        <v>0.55000000000000004</v>
      </c>
      <c r="CT1615" s="20">
        <v>0.55000000000000004</v>
      </c>
      <c r="CU1615" s="20">
        <v>0.53</v>
      </c>
      <c r="CV1615" s="20">
        <v>0.51</v>
      </c>
      <c r="CW1615" s="20">
        <v>0.47</v>
      </c>
      <c r="CX1615" s="20">
        <v>0.42</v>
      </c>
      <c r="CY1615" s="6" t="s">
        <v>626</v>
      </c>
      <c r="CZ1615" s="6" t="s">
        <v>627</v>
      </c>
      <c r="DA1615" s="6" t="s">
        <v>108</v>
      </c>
      <c r="DB1615" s="6" t="s">
        <v>345</v>
      </c>
      <c r="DC1615" s="6"/>
      <c r="DD1615" s="6"/>
      <c r="DE1615" s="6"/>
      <c r="DF1615" s="6"/>
      <c r="DG1615" s="6"/>
      <c r="DH1615" s="6" t="s">
        <v>333</v>
      </c>
      <c r="DI1615" s="6"/>
      <c r="DJ1615" s="6"/>
      <c r="DK1615" s="6"/>
      <c r="DL1615" s="6">
        <v>10</v>
      </c>
      <c r="DM1615" s="6" t="s">
        <v>383</v>
      </c>
      <c r="DN1615" s="6">
        <v>9</v>
      </c>
      <c r="DO1615" s="6" t="s">
        <v>384</v>
      </c>
      <c r="DP1615" s="6"/>
      <c r="DQ1615" s="6"/>
    </row>
    <row r="1616" spans="1:121" x14ac:dyDescent="0.2">
      <c r="A1616" s="6" t="s">
        <v>316</v>
      </c>
      <c r="B1616" s="6" t="s">
        <v>316</v>
      </c>
      <c r="C1616" s="6" t="s">
        <v>185</v>
      </c>
      <c r="D1616" s="6" t="s">
        <v>108</v>
      </c>
      <c r="E1616" s="6" t="s">
        <v>249</v>
      </c>
      <c r="F1616" s="11">
        <v>-20</v>
      </c>
      <c r="G1616" s="13">
        <v>-0.56000000000000005</v>
      </c>
      <c r="H1616" s="11">
        <v>-8</v>
      </c>
      <c r="I1616" s="13">
        <v>-0.22222222222222221</v>
      </c>
      <c r="J1616" s="11">
        <v>-13</v>
      </c>
      <c r="K1616" s="13">
        <v>-0.4642857142857143</v>
      </c>
      <c r="L1616" s="11">
        <v>1</v>
      </c>
      <c r="M1616" s="13">
        <v>6.6666666666666666E-2</v>
      </c>
      <c r="N1616" s="11">
        <v>-12</v>
      </c>
      <c r="O1616" s="13">
        <v>-0.42857142857142855</v>
      </c>
      <c r="P1616" s="7">
        <v>36</v>
      </c>
      <c r="Q1616" s="7">
        <v>35</v>
      </c>
      <c r="R1616" s="7">
        <v>39</v>
      </c>
      <c r="S1616" s="7">
        <v>35</v>
      </c>
      <c r="T1616" s="7">
        <v>36</v>
      </c>
      <c r="U1616" s="7">
        <v>39</v>
      </c>
      <c r="V1616" s="7">
        <v>28</v>
      </c>
      <c r="W1616" s="7">
        <v>26</v>
      </c>
      <c r="X1616" s="7">
        <v>18</v>
      </c>
      <c r="Y1616" s="7">
        <v>15</v>
      </c>
      <c r="Z1616" s="7">
        <v>21</v>
      </c>
      <c r="AA1616" s="7">
        <v>21</v>
      </c>
      <c r="AB1616" s="7">
        <v>19</v>
      </c>
      <c r="AC1616" s="7">
        <v>20</v>
      </c>
      <c r="AD1616" s="7">
        <v>17</v>
      </c>
      <c r="AE1616" s="7">
        <v>16</v>
      </c>
      <c r="AF1616" s="7">
        <v>16</v>
      </c>
      <c r="AG1616" s="9">
        <v>-2047</v>
      </c>
      <c r="AH1616" s="13">
        <v>-9.9320718098010671E-2</v>
      </c>
      <c r="AI1616" s="9">
        <v>1082</v>
      </c>
      <c r="AJ1616" s="13">
        <v>5.249878699660359E-2</v>
      </c>
      <c r="AK1616" s="9">
        <v>-942</v>
      </c>
      <c r="AL1616" s="13">
        <v>-4.3426147888622535E-2</v>
      </c>
      <c r="AM1616" s="9">
        <v>-2187</v>
      </c>
      <c r="AN1616" s="13">
        <v>-0.1053975903614458</v>
      </c>
      <c r="AO1616" s="9">
        <v>-3129</v>
      </c>
      <c r="AP1616" s="13">
        <v>-0.1442467269039277</v>
      </c>
      <c r="AQ1616" s="9">
        <v>20610</v>
      </c>
      <c r="AR1616" s="9">
        <v>19425</v>
      </c>
      <c r="AS1616" s="9">
        <v>20982</v>
      </c>
      <c r="AT1616" s="9">
        <v>25200</v>
      </c>
      <c r="AU1616" s="9">
        <v>24258</v>
      </c>
      <c r="AV1616" s="9">
        <v>22214</v>
      </c>
      <c r="AW1616" s="9">
        <v>21692</v>
      </c>
      <c r="AX1616" s="9">
        <v>22826</v>
      </c>
      <c r="AY1616" s="9">
        <v>18093</v>
      </c>
      <c r="AZ1616" s="9">
        <v>20750</v>
      </c>
      <c r="BA1616" s="9">
        <v>17576</v>
      </c>
      <c r="BB1616" s="9">
        <v>16281</v>
      </c>
      <c r="BC1616" s="9">
        <v>17586</v>
      </c>
      <c r="BD1616" s="9">
        <v>18472</v>
      </c>
      <c r="BE1616" s="9">
        <v>18524</v>
      </c>
      <c r="BF1616" s="9">
        <v>18563</v>
      </c>
      <c r="BG1616" s="11">
        <v>-3</v>
      </c>
      <c r="BH1616" s="13">
        <v>-0.33333333333333331</v>
      </c>
      <c r="BI1616" s="6">
        <v>-1</v>
      </c>
      <c r="BJ1616" s="13">
        <v>-0.1111111111111111</v>
      </c>
      <c r="BK1616" s="6">
        <v>-2</v>
      </c>
      <c r="BL1616" s="13">
        <v>-0.25</v>
      </c>
      <c r="BM1616" s="11">
        <v>0</v>
      </c>
      <c r="BN1616" s="13">
        <v>0</v>
      </c>
      <c r="BO1616" s="11">
        <v>-2</v>
      </c>
      <c r="BP1616" s="13">
        <v>-0.25</v>
      </c>
      <c r="BQ1616" s="6">
        <v>9</v>
      </c>
      <c r="BR1616" s="6">
        <v>10</v>
      </c>
      <c r="BS1616" s="6">
        <v>10</v>
      </c>
      <c r="BT1616" s="6">
        <v>8</v>
      </c>
      <c r="BU1616" s="6">
        <v>8</v>
      </c>
      <c r="BV1616" s="6">
        <v>6</v>
      </c>
      <c r="BW1616" s="6">
        <v>6</v>
      </c>
      <c r="BX1616" s="6">
        <v>8</v>
      </c>
      <c r="BY1616" s="6">
        <v>8</v>
      </c>
      <c r="BZ1616" s="6">
        <v>8</v>
      </c>
      <c r="CA1616" s="6">
        <v>7</v>
      </c>
      <c r="CB1616" s="6">
        <v>7</v>
      </c>
      <c r="CC1616" s="11">
        <v>6</v>
      </c>
      <c r="CD1616" s="11">
        <v>-23</v>
      </c>
      <c r="CE1616" s="11">
        <v>-2</v>
      </c>
      <c r="CF1616" s="11">
        <v>4</v>
      </c>
      <c r="CG1616" s="11">
        <v>2</v>
      </c>
      <c r="CH1616" s="20">
        <v>0.79</v>
      </c>
      <c r="CI1616" s="20">
        <v>0.76</v>
      </c>
      <c r="CJ1616" s="20">
        <v>0.82</v>
      </c>
      <c r="CK1616" s="20">
        <v>0.7</v>
      </c>
      <c r="CL1616" s="20">
        <v>0.69</v>
      </c>
      <c r="CM1616" s="20">
        <v>0.74</v>
      </c>
      <c r="CN1616" s="20">
        <v>0.51</v>
      </c>
      <c r="CO1616" s="20">
        <v>0.51</v>
      </c>
      <c r="CP1616" s="20">
        <v>0.35</v>
      </c>
      <c r="CQ1616" s="20">
        <v>0.3</v>
      </c>
      <c r="CR1616" s="20">
        <v>0.43</v>
      </c>
      <c r="CS1616" s="20">
        <v>0.42</v>
      </c>
      <c r="CT1616" s="20">
        <v>0.38</v>
      </c>
      <c r="CU1616" s="20">
        <v>0.41</v>
      </c>
      <c r="CV1616" s="20">
        <v>0.35</v>
      </c>
      <c r="CW1616" s="20">
        <v>0.32</v>
      </c>
      <c r="CX1616" s="20">
        <v>0.32</v>
      </c>
      <c r="CY1616" s="6" t="s">
        <v>626</v>
      </c>
      <c r="CZ1616" s="6" t="s">
        <v>627</v>
      </c>
      <c r="DA1616" s="6" t="s">
        <v>108</v>
      </c>
      <c r="DB1616" s="6" t="s">
        <v>345</v>
      </c>
      <c r="DC1616" s="6"/>
      <c r="DD1616" s="6"/>
      <c r="DE1616" s="6"/>
      <c r="DF1616" s="6"/>
      <c r="DG1616" s="6"/>
      <c r="DH1616" s="6" t="s">
        <v>333</v>
      </c>
      <c r="DI1616" s="6"/>
      <c r="DJ1616" s="6"/>
      <c r="DK1616" s="6"/>
      <c r="DL1616" s="6">
        <v>10</v>
      </c>
      <c r="DM1616" s="6" t="s">
        <v>383</v>
      </c>
      <c r="DN1616" s="6">
        <v>9</v>
      </c>
      <c r="DO1616" s="6" t="s">
        <v>384</v>
      </c>
      <c r="DP1616" s="6"/>
      <c r="DQ1616" s="6"/>
    </row>
    <row r="1617" spans="1:121" x14ac:dyDescent="0.2">
      <c r="A1617" s="6" t="s">
        <v>317</v>
      </c>
      <c r="B1617" s="6" t="s">
        <v>317</v>
      </c>
      <c r="C1617" s="6" t="s">
        <v>186</v>
      </c>
      <c r="D1617" s="6" t="s">
        <v>108</v>
      </c>
      <c r="E1617" s="6" t="s">
        <v>249</v>
      </c>
      <c r="F1617" s="11">
        <v>6</v>
      </c>
      <c r="G1617" s="13">
        <v>0.16</v>
      </c>
      <c r="H1617" s="11">
        <v>7</v>
      </c>
      <c r="I1617" s="13">
        <v>0.1891891891891892</v>
      </c>
      <c r="J1617" s="11">
        <v>-2</v>
      </c>
      <c r="K1617" s="13">
        <v>-4.5454545454545456E-2</v>
      </c>
      <c r="L1617" s="11">
        <v>1</v>
      </c>
      <c r="M1617" s="13">
        <v>2.3809523809523808E-2</v>
      </c>
      <c r="N1617" s="11">
        <v>-1</v>
      </c>
      <c r="O1617" s="13">
        <v>-2.2727272727272728E-2</v>
      </c>
      <c r="P1617" s="7">
        <v>37</v>
      </c>
      <c r="Q1617" s="7">
        <v>37</v>
      </c>
      <c r="R1617" s="7">
        <v>35</v>
      </c>
      <c r="S1617" s="7">
        <v>36</v>
      </c>
      <c r="T1617" s="7">
        <v>42</v>
      </c>
      <c r="U1617" s="7">
        <v>43</v>
      </c>
      <c r="V1617" s="7">
        <v>44</v>
      </c>
      <c r="W1617" s="7">
        <v>43</v>
      </c>
      <c r="X1617" s="7">
        <v>49</v>
      </c>
      <c r="Y1617" s="7">
        <v>42</v>
      </c>
      <c r="Z1617" s="7">
        <v>40</v>
      </c>
      <c r="AA1617" s="7">
        <v>44</v>
      </c>
      <c r="AB1617" s="7">
        <v>39</v>
      </c>
      <c r="AC1617" s="7">
        <v>40</v>
      </c>
      <c r="AD1617" s="7">
        <v>40</v>
      </c>
      <c r="AE1617" s="7">
        <v>42</v>
      </c>
      <c r="AF1617" s="7">
        <v>43</v>
      </c>
      <c r="AG1617" s="9">
        <v>19572</v>
      </c>
      <c r="AH1617" s="13">
        <v>0.88449023861171372</v>
      </c>
      <c r="AI1617" s="9">
        <v>8370</v>
      </c>
      <c r="AJ1617" s="13">
        <v>0.37825379609544463</v>
      </c>
      <c r="AK1617" s="9">
        <v>-3990</v>
      </c>
      <c r="AL1617" s="13">
        <v>-0.13082825103285459</v>
      </c>
      <c r="AM1617" s="9">
        <v>15192</v>
      </c>
      <c r="AN1617" s="13">
        <v>0.57311000452693528</v>
      </c>
      <c r="AO1617" s="9">
        <v>11202</v>
      </c>
      <c r="AP1617" s="13">
        <v>0.3673027739523903</v>
      </c>
      <c r="AQ1617" s="9">
        <v>22128</v>
      </c>
      <c r="AR1617" s="9">
        <v>23616</v>
      </c>
      <c r="AS1617" s="9">
        <v>26229</v>
      </c>
      <c r="AT1617" s="9">
        <v>26403</v>
      </c>
      <c r="AU1617" s="9">
        <v>32015</v>
      </c>
      <c r="AV1617" s="9">
        <v>29512</v>
      </c>
      <c r="AW1617" s="9">
        <v>30498</v>
      </c>
      <c r="AX1617" s="9">
        <v>31872</v>
      </c>
      <c r="AY1617" s="9">
        <v>24029</v>
      </c>
      <c r="AZ1617" s="9">
        <v>26508</v>
      </c>
      <c r="BA1617" s="9">
        <v>32618</v>
      </c>
      <c r="BB1617" s="9">
        <v>38839</v>
      </c>
      <c r="BC1617" s="9">
        <v>44168</v>
      </c>
      <c r="BD1617" s="9">
        <v>43878</v>
      </c>
      <c r="BE1617" s="9">
        <v>41879</v>
      </c>
      <c r="BF1617" s="9">
        <v>41700</v>
      </c>
      <c r="BG1617" s="11">
        <v>-2</v>
      </c>
      <c r="BH1617" s="13">
        <v>-0.15384615384615385</v>
      </c>
      <c r="BI1617" s="6">
        <v>0</v>
      </c>
      <c r="BJ1617" s="13">
        <v>0</v>
      </c>
      <c r="BK1617" s="6">
        <v>-1</v>
      </c>
      <c r="BL1617" s="13">
        <v>-7.6923076923076927E-2</v>
      </c>
      <c r="BM1617" s="11">
        <v>-1</v>
      </c>
      <c r="BN1617" s="13">
        <v>-8.3333333333333329E-2</v>
      </c>
      <c r="BO1617" s="11">
        <v>-2</v>
      </c>
      <c r="BP1617" s="13">
        <v>-0.15384615384615385</v>
      </c>
      <c r="BQ1617" s="6">
        <v>13</v>
      </c>
      <c r="BR1617" s="6">
        <v>12</v>
      </c>
      <c r="BS1617" s="6">
        <v>12</v>
      </c>
      <c r="BT1617" s="6">
        <v>13</v>
      </c>
      <c r="BU1617" s="6">
        <v>13</v>
      </c>
      <c r="BV1617" s="6">
        <v>14</v>
      </c>
      <c r="BW1617" s="6">
        <v>12</v>
      </c>
      <c r="BX1617" s="6">
        <v>11</v>
      </c>
      <c r="BY1617" s="6">
        <v>11</v>
      </c>
      <c r="BZ1617" s="6">
        <v>10</v>
      </c>
      <c r="CA1617" s="6">
        <v>10</v>
      </c>
      <c r="CB1617" s="6">
        <v>10</v>
      </c>
      <c r="CC1617" s="11">
        <v>11</v>
      </c>
      <c r="CD1617" s="11">
        <v>-6</v>
      </c>
      <c r="CE1617" s="11">
        <v>7</v>
      </c>
      <c r="CF1617" s="11">
        <v>4</v>
      </c>
      <c r="CG1617" s="11">
        <v>11</v>
      </c>
      <c r="CH1617" s="20">
        <v>0.25</v>
      </c>
      <c r="CI1617" s="20">
        <v>0.26</v>
      </c>
      <c r="CJ1617" s="20">
        <v>0.24</v>
      </c>
      <c r="CK1617" s="20">
        <v>0.24</v>
      </c>
      <c r="CL1617" s="20">
        <v>0.27</v>
      </c>
      <c r="CM1617" s="20">
        <v>0.26</v>
      </c>
      <c r="CN1617" s="20">
        <v>0.25</v>
      </c>
      <c r="CO1617" s="20">
        <v>0.25</v>
      </c>
      <c r="CP1617" s="20">
        <v>0.28000000000000003</v>
      </c>
      <c r="CQ1617" s="20">
        <v>0.24</v>
      </c>
      <c r="CR1617" s="20">
        <v>0.22</v>
      </c>
      <c r="CS1617" s="20">
        <v>0.24</v>
      </c>
      <c r="CT1617" s="20">
        <v>0.21</v>
      </c>
      <c r="CU1617" s="20">
        <v>0.22</v>
      </c>
      <c r="CV1617" s="20">
        <v>0.21</v>
      </c>
      <c r="CW1617" s="20">
        <v>0.22</v>
      </c>
      <c r="CX1617" s="20">
        <v>0.22</v>
      </c>
      <c r="CY1617" s="6" t="s">
        <v>626</v>
      </c>
      <c r="CZ1617" s="6" t="s">
        <v>627</v>
      </c>
      <c r="DA1617" s="6" t="s">
        <v>108</v>
      </c>
      <c r="DB1617" s="6" t="s">
        <v>345</v>
      </c>
      <c r="DC1617" s="6"/>
      <c r="DD1617" s="6"/>
      <c r="DE1617" s="6"/>
      <c r="DF1617" s="6"/>
      <c r="DG1617" s="6"/>
      <c r="DH1617" s="6" t="s">
        <v>333</v>
      </c>
      <c r="DI1617" s="6"/>
      <c r="DJ1617" s="6"/>
      <c r="DK1617" s="6"/>
      <c r="DL1617" s="6">
        <v>10</v>
      </c>
      <c r="DM1617" s="6" t="s">
        <v>383</v>
      </c>
      <c r="DN1617" s="6">
        <v>9</v>
      </c>
      <c r="DO1617" s="6" t="s">
        <v>384</v>
      </c>
      <c r="DP1617" s="6"/>
      <c r="DQ1617" s="6"/>
    </row>
    <row r="1618" spans="1:121" x14ac:dyDescent="0.2">
      <c r="A1618" s="6" t="s">
        <v>318</v>
      </c>
      <c r="B1618" s="6" t="s">
        <v>318</v>
      </c>
      <c r="C1618" s="6" t="s">
        <v>187</v>
      </c>
      <c r="D1618" s="6" t="s">
        <v>108</v>
      </c>
      <c r="E1618" s="6" t="s">
        <v>249</v>
      </c>
      <c r="F1618" s="11">
        <v>1</v>
      </c>
      <c r="G1618" s="13">
        <v>1</v>
      </c>
      <c r="H1618" s="11">
        <v>0</v>
      </c>
      <c r="I1618" s="13">
        <v>0</v>
      </c>
      <c r="J1618" s="11">
        <v>83.109802000000002</v>
      </c>
      <c r="K1618" s="13">
        <v>16.621960399999999</v>
      </c>
      <c r="L1618" s="11">
        <v>-4.5631057979000076</v>
      </c>
      <c r="M1618" s="13">
        <v>-5.1788855431771454E-2</v>
      </c>
      <c r="N1618" s="11">
        <v>78.546696202099994</v>
      </c>
      <c r="O1618" s="13">
        <v>15.70933924042</v>
      </c>
      <c r="P1618" s="7">
        <v>5</v>
      </c>
      <c r="Q1618" s="7">
        <v>0</v>
      </c>
      <c r="R1618" s="7">
        <v>0</v>
      </c>
      <c r="S1618" s="7">
        <v>0</v>
      </c>
      <c r="T1618" s="7">
        <v>5</v>
      </c>
      <c r="U1618" s="7">
        <v>5</v>
      </c>
      <c r="V1618" s="7">
        <v>5</v>
      </c>
      <c r="W1618" s="7">
        <v>54.083857000000002</v>
      </c>
      <c r="X1618" s="7">
        <v>90.597209000000007</v>
      </c>
      <c r="Y1618" s="7">
        <v>88.109802000000002</v>
      </c>
      <c r="Z1618" s="7">
        <v>76.369238999999993</v>
      </c>
      <c r="AA1618" s="7">
        <v>74.986333999999999</v>
      </c>
      <c r="AB1618" s="7">
        <v>81.874750000000006</v>
      </c>
      <c r="AC1618" s="7">
        <v>98.782925000000006</v>
      </c>
      <c r="AD1618" s="7">
        <v>83.636115000000004</v>
      </c>
      <c r="AE1618" s="7">
        <v>78.706436749999995</v>
      </c>
      <c r="AF1618" s="7">
        <v>83.546696202099994</v>
      </c>
      <c r="AG1618" s="9">
        <v>37760.513055399999</v>
      </c>
      <c r="AH1618" s="13">
        <v>37760.513055399999</v>
      </c>
      <c r="AI1618" s="9">
        <v>0</v>
      </c>
      <c r="AJ1618" s="13">
        <v>0</v>
      </c>
      <c r="AK1618" s="9">
        <v>22968.9620067</v>
      </c>
      <c r="AL1618" s="13">
        <v>22968.9620067</v>
      </c>
      <c r="AM1618" s="9">
        <v>14791.551048699999</v>
      </c>
      <c r="AN1618" s="13">
        <v>0.64395191617580916</v>
      </c>
      <c r="AO1618" s="9">
        <v>37760.513055399999</v>
      </c>
      <c r="AP1618" s="13">
        <v>37760.513055399999</v>
      </c>
      <c r="AQ1618" s="9">
        <v>1</v>
      </c>
      <c r="AR1618" s="9">
        <v>0</v>
      </c>
      <c r="AS1618" s="9">
        <v>0</v>
      </c>
      <c r="AT1618" s="9">
        <v>0</v>
      </c>
      <c r="AU1618" s="9">
        <v>1</v>
      </c>
      <c r="AV1618" s="9">
        <v>1</v>
      </c>
      <c r="AW1618" s="9">
        <v>1</v>
      </c>
      <c r="AX1618" s="9">
        <v>39169.764905600001</v>
      </c>
      <c r="AY1618" s="9">
        <v>46779.003800699997</v>
      </c>
      <c r="AZ1618" s="9">
        <v>22969.9620067</v>
      </c>
      <c r="BA1618" s="9">
        <v>23565.0289543</v>
      </c>
      <c r="BB1618" s="9">
        <v>27340.450953</v>
      </c>
      <c r="BC1618" s="9">
        <v>31067.935770600001</v>
      </c>
      <c r="BD1618" s="9">
        <v>31496.955878799999</v>
      </c>
      <c r="BE1618" s="9">
        <v>33564.246777499997</v>
      </c>
      <c r="BF1618" s="9">
        <v>37761.513055399999</v>
      </c>
      <c r="BG1618" s="11">
        <v>2</v>
      </c>
      <c r="BH1618" s="13" t="e">
        <v>#DIV/0!</v>
      </c>
      <c r="BI1618" s="6">
        <v>1</v>
      </c>
      <c r="BJ1618" s="13" t="e">
        <v>#DIV/0!</v>
      </c>
      <c r="BK1618" s="6">
        <v>0</v>
      </c>
      <c r="BL1618" s="13">
        <v>0</v>
      </c>
      <c r="BM1618" s="11">
        <v>1</v>
      </c>
      <c r="BN1618" s="13">
        <v>1</v>
      </c>
      <c r="BO1618" s="11">
        <v>1</v>
      </c>
      <c r="BP1618" s="13">
        <v>1</v>
      </c>
      <c r="BQ1618" s="6">
        <v>0</v>
      </c>
      <c r="BR1618" s="6">
        <v>1</v>
      </c>
      <c r="BS1618" s="6">
        <v>1</v>
      </c>
      <c r="BT1618" s="6">
        <v>1</v>
      </c>
      <c r="BU1618" s="6">
        <v>1</v>
      </c>
      <c r="BV1618" s="6">
        <v>1</v>
      </c>
      <c r="BW1618" s="6">
        <v>1</v>
      </c>
      <c r="BX1618" s="6">
        <v>1</v>
      </c>
      <c r="BY1618" s="6">
        <v>1</v>
      </c>
      <c r="BZ1618" s="6">
        <v>1</v>
      </c>
      <c r="CA1618" s="6">
        <v>1</v>
      </c>
      <c r="CB1618" s="6">
        <v>2</v>
      </c>
      <c r="CC1618" s="11">
        <v>2</v>
      </c>
      <c r="CD1618" s="11">
        <v>76.631600000000006</v>
      </c>
      <c r="CE1618" s="11">
        <v>1.1187499999999999</v>
      </c>
      <c r="CF1618" s="11">
        <v>0.57117499999999999</v>
      </c>
      <c r="CG1618" s="11">
        <v>2</v>
      </c>
      <c r="CH1618" s="20">
        <v>0.164659</v>
      </c>
      <c r="CI1618" s="20">
        <v>0</v>
      </c>
      <c r="CJ1618" s="20">
        <v>0</v>
      </c>
      <c r="CK1618" s="20">
        <v>0</v>
      </c>
      <c r="CL1618" s="20">
        <v>2.52965E-2</v>
      </c>
      <c r="CM1618" s="20">
        <v>0.25883800000000001</v>
      </c>
      <c r="CN1618" s="20">
        <v>0.21226</v>
      </c>
      <c r="CO1618" s="20">
        <v>1.46811</v>
      </c>
      <c r="CP1618" s="20">
        <v>2.4118599999999999</v>
      </c>
      <c r="CQ1618" s="20">
        <v>2.3131300000000001</v>
      </c>
      <c r="CR1618" s="20">
        <v>1.9616</v>
      </c>
      <c r="CS1618" s="20">
        <v>1.82778</v>
      </c>
      <c r="CT1618" s="20">
        <v>1.9337800000000001</v>
      </c>
      <c r="CU1618" s="20">
        <v>2.3723100000000001</v>
      </c>
      <c r="CV1618" s="20">
        <v>2.0067499999999998</v>
      </c>
      <c r="CW1618" s="20">
        <v>1.89239</v>
      </c>
      <c r="CX1618" s="20">
        <v>1.9613100000000001</v>
      </c>
      <c r="CY1618" s="6" t="s">
        <v>626</v>
      </c>
      <c r="CZ1618" s="6" t="s">
        <v>627</v>
      </c>
      <c r="DA1618" s="6" t="s">
        <v>108</v>
      </c>
      <c r="DB1618" s="6" t="s">
        <v>345</v>
      </c>
      <c r="DC1618" s="6"/>
      <c r="DD1618" s="6"/>
      <c r="DE1618" s="6"/>
      <c r="DF1618" s="6"/>
      <c r="DG1618" s="6"/>
      <c r="DH1618" s="6" t="s">
        <v>333</v>
      </c>
      <c r="DI1618" s="6"/>
      <c r="DJ1618" s="6"/>
      <c r="DK1618" s="6"/>
      <c r="DL1618" s="6">
        <v>10</v>
      </c>
      <c r="DM1618" s="6" t="s">
        <v>383</v>
      </c>
      <c r="DN1618" s="6">
        <v>9</v>
      </c>
      <c r="DO1618" s="6" t="s">
        <v>384</v>
      </c>
      <c r="DP1618" s="6"/>
      <c r="DQ1618" s="6"/>
    </row>
    <row r="1619" spans="1:121" x14ac:dyDescent="0.2">
      <c r="A1619" s="6" t="s">
        <v>319</v>
      </c>
      <c r="B1619" s="6" t="s">
        <v>319</v>
      </c>
      <c r="C1619" s="6" t="s">
        <v>188</v>
      </c>
      <c r="D1619" s="6" t="s">
        <v>108</v>
      </c>
      <c r="E1619" s="6" t="s">
        <v>249</v>
      </c>
      <c r="F1619" s="11">
        <v>31</v>
      </c>
      <c r="G1619" s="13">
        <v>1.9375</v>
      </c>
      <c r="H1619" s="11">
        <v>41.3047747014</v>
      </c>
      <c r="I1619" s="13">
        <v>2.5304868010877932</v>
      </c>
      <c r="J1619" s="11">
        <v>-2.4258250214000014</v>
      </c>
      <c r="K1619" s="13">
        <v>-4.2094823981973138E-2</v>
      </c>
      <c r="L1619" s="11">
        <v>-8.4724761294999951</v>
      </c>
      <c r="M1619" s="13">
        <v>-0.15348186243018774</v>
      </c>
      <c r="N1619" s="11">
        <v>-10.898301150899997</v>
      </c>
      <c r="O1619" s="13">
        <v>-0.18911589442873672</v>
      </c>
      <c r="P1619" s="7">
        <v>16.3228572003</v>
      </c>
      <c r="Q1619" s="7">
        <v>30.0310499329</v>
      </c>
      <c r="R1619" s="7">
        <v>51.011405087</v>
      </c>
      <c r="S1619" s="7">
        <v>45.467848201400002</v>
      </c>
      <c r="T1619" s="7">
        <v>40.263177447399997</v>
      </c>
      <c r="U1619" s="7">
        <v>45.745261545300004</v>
      </c>
      <c r="V1619" s="7">
        <v>57.627631901699999</v>
      </c>
      <c r="W1619" s="7">
        <v>77.303512604199994</v>
      </c>
      <c r="X1619" s="7">
        <v>54.661221876200003</v>
      </c>
      <c r="Y1619" s="7">
        <v>55.201806880299998</v>
      </c>
      <c r="Z1619" s="7">
        <v>48.293477426499997</v>
      </c>
      <c r="AA1619" s="7">
        <v>53.297641082200002</v>
      </c>
      <c r="AB1619" s="7">
        <v>51.9285894633</v>
      </c>
      <c r="AC1619" s="7">
        <v>52.717111092400003</v>
      </c>
      <c r="AD1619" s="7">
        <v>47.497424872099998</v>
      </c>
      <c r="AE1619" s="7">
        <v>45.448881782800001</v>
      </c>
      <c r="AF1619" s="7">
        <v>46.729330750800003</v>
      </c>
      <c r="AG1619" s="9">
        <v>6612.3366890999987</v>
      </c>
      <c r="AH1619" s="13">
        <v>0.4599949390348273</v>
      </c>
      <c r="AI1619" s="9">
        <v>3835.2523794999997</v>
      </c>
      <c r="AJ1619" s="13">
        <v>0.26680381950293619</v>
      </c>
      <c r="AK1619" s="9">
        <v>580.32169820000126</v>
      </c>
      <c r="AL1619" s="13">
        <v>3.1868200397278369E-2</v>
      </c>
      <c r="AM1619" s="9">
        <v>2196.7626113999977</v>
      </c>
      <c r="AN1619" s="13">
        <v>0.1169089149834435</v>
      </c>
      <c r="AO1619" s="9">
        <v>2777.084309599999</v>
      </c>
      <c r="AP1619" s="13">
        <v>0.15250279211164261</v>
      </c>
      <c r="AQ1619" s="9">
        <v>14374.8031293</v>
      </c>
      <c r="AR1619" s="9">
        <v>19922.2147209</v>
      </c>
      <c r="AS1619" s="9">
        <v>19127.9421263</v>
      </c>
      <c r="AT1619" s="9">
        <v>35133.062173300001</v>
      </c>
      <c r="AU1619" s="9">
        <v>37690.500772799998</v>
      </c>
      <c r="AV1619" s="9">
        <v>15402.4169167</v>
      </c>
      <c r="AW1619" s="9">
        <v>18210.0555088</v>
      </c>
      <c r="AX1619" s="9">
        <v>27835.087585699999</v>
      </c>
      <c r="AY1619" s="9">
        <v>21069.424883299998</v>
      </c>
      <c r="AZ1619" s="9">
        <v>18790.377207000001</v>
      </c>
      <c r="BA1619" s="9">
        <v>17971.0473623</v>
      </c>
      <c r="BB1619" s="9">
        <v>16029.5835505</v>
      </c>
      <c r="BC1619" s="9">
        <v>16508.864305200001</v>
      </c>
      <c r="BD1619" s="9">
        <v>16965.8122043</v>
      </c>
      <c r="BE1619" s="9">
        <v>28892.216693800001</v>
      </c>
      <c r="BF1619" s="9">
        <v>20987.139818399999</v>
      </c>
      <c r="BG1619" s="11">
        <v>-1.5</v>
      </c>
      <c r="BH1619" s="13">
        <v>-0.21428571428571427</v>
      </c>
      <c r="BI1619" s="6">
        <v>1</v>
      </c>
      <c r="BJ1619" s="13">
        <v>0.14285714285714285</v>
      </c>
      <c r="BK1619" s="6">
        <v>-2</v>
      </c>
      <c r="BL1619" s="13">
        <v>-0.25</v>
      </c>
      <c r="BM1619" s="11">
        <v>-0.5</v>
      </c>
      <c r="BN1619" s="13">
        <v>-8.3333333333333329E-2</v>
      </c>
      <c r="BO1619" s="11">
        <v>-2.5</v>
      </c>
      <c r="BP1619" s="13">
        <v>-0.3125</v>
      </c>
      <c r="BQ1619" s="6">
        <v>7</v>
      </c>
      <c r="BR1619" s="6">
        <v>8</v>
      </c>
      <c r="BS1619" s="6">
        <v>8</v>
      </c>
      <c r="BT1619" s="6">
        <v>8</v>
      </c>
      <c r="BU1619" s="6">
        <v>7</v>
      </c>
      <c r="BV1619" s="6">
        <v>7</v>
      </c>
      <c r="BW1619" s="6">
        <v>6</v>
      </c>
      <c r="BX1619" s="6">
        <v>6</v>
      </c>
      <c r="BY1619" s="6">
        <v>6</v>
      </c>
      <c r="BZ1619" s="6">
        <v>6</v>
      </c>
      <c r="CA1619" s="6">
        <v>8</v>
      </c>
      <c r="CB1619" s="6">
        <v>7</v>
      </c>
      <c r="CC1619" s="11">
        <v>5.5</v>
      </c>
      <c r="CD1619" s="11">
        <v>27.153600000000001</v>
      </c>
      <c r="CE1619" s="11">
        <v>1.46861</v>
      </c>
      <c r="CF1619" s="11">
        <v>1.7842800000000001</v>
      </c>
      <c r="CG1619" s="11">
        <v>3</v>
      </c>
      <c r="CH1619" s="20">
        <v>0.104863</v>
      </c>
      <c r="CI1619" s="20">
        <v>0.19160199999999999</v>
      </c>
      <c r="CJ1619" s="20">
        <v>0.32510699999999998</v>
      </c>
      <c r="CK1619" s="20">
        <v>0.27910200000000002</v>
      </c>
      <c r="CL1619" s="20">
        <v>0.23674700000000001</v>
      </c>
      <c r="CM1619" s="20">
        <v>0.25842999999999999</v>
      </c>
      <c r="CN1619" s="20">
        <v>0.307639</v>
      </c>
      <c r="CO1619" s="20">
        <v>0.44717899999999999</v>
      </c>
      <c r="CP1619" s="20">
        <v>0.33383600000000002</v>
      </c>
      <c r="CQ1619" s="20">
        <v>0.32316299999999998</v>
      </c>
      <c r="CR1619" s="20">
        <v>0.27510099999999998</v>
      </c>
      <c r="CS1619" s="20">
        <v>0.29181600000000002</v>
      </c>
      <c r="CT1619" s="20">
        <v>0.27864</v>
      </c>
      <c r="CU1619" s="20">
        <v>0.28725699999999998</v>
      </c>
      <c r="CV1619" s="20">
        <v>0.257878</v>
      </c>
      <c r="CW1619" s="20">
        <v>0.24615500000000001</v>
      </c>
      <c r="CX1619" s="20">
        <v>0.24678700000000001</v>
      </c>
      <c r="CY1619" s="6" t="s">
        <v>626</v>
      </c>
      <c r="CZ1619" s="6" t="s">
        <v>627</v>
      </c>
      <c r="DA1619" s="6" t="s">
        <v>108</v>
      </c>
      <c r="DB1619" s="6" t="s">
        <v>345</v>
      </c>
      <c r="DC1619" s="6"/>
      <c r="DD1619" s="6"/>
      <c r="DE1619" s="6"/>
      <c r="DF1619" s="6"/>
      <c r="DG1619" s="6"/>
      <c r="DH1619" s="6" t="s">
        <v>333</v>
      </c>
      <c r="DI1619" s="6"/>
      <c r="DJ1619" s="6"/>
      <c r="DK1619" s="6"/>
      <c r="DL1619" s="6">
        <v>10</v>
      </c>
      <c r="DM1619" s="6" t="s">
        <v>383</v>
      </c>
      <c r="DN1619" s="6">
        <v>9</v>
      </c>
      <c r="DO1619" s="6" t="s">
        <v>384</v>
      </c>
      <c r="DP1619" s="6"/>
      <c r="DQ1619" s="6"/>
    </row>
    <row r="1620" spans="1:121" x14ac:dyDescent="0.2">
      <c r="A1620" s="6" t="s">
        <v>320</v>
      </c>
      <c r="B1620" s="6" t="s">
        <v>320</v>
      </c>
      <c r="C1620" s="6" t="s">
        <v>189</v>
      </c>
      <c r="D1620" s="6" t="s">
        <v>108</v>
      </c>
      <c r="E1620" s="6" t="s">
        <v>249</v>
      </c>
      <c r="F1620" s="11">
        <v>1</v>
      </c>
      <c r="G1620" s="13">
        <v>1</v>
      </c>
      <c r="H1620" s="11">
        <v>0</v>
      </c>
      <c r="I1620" s="13"/>
      <c r="J1620" s="11">
        <v>17.061009247699999</v>
      </c>
      <c r="K1620" s="13"/>
      <c r="L1620" s="11">
        <v>-12.061009247699999</v>
      </c>
      <c r="M1620" s="13">
        <v>-0.70693410176340821</v>
      </c>
      <c r="N1620" s="11">
        <v>5</v>
      </c>
      <c r="O1620" s="13"/>
      <c r="P1620" s="7">
        <v>0</v>
      </c>
      <c r="Q1620" s="7">
        <v>0</v>
      </c>
      <c r="R1620" s="7">
        <v>0</v>
      </c>
      <c r="S1620" s="7">
        <v>0</v>
      </c>
      <c r="T1620" s="7">
        <v>0</v>
      </c>
      <c r="U1620" s="7">
        <v>0</v>
      </c>
      <c r="V1620" s="7">
        <v>0</v>
      </c>
      <c r="W1620" s="7">
        <v>0</v>
      </c>
      <c r="X1620" s="7">
        <v>13.2430025718</v>
      </c>
      <c r="Y1620" s="7">
        <v>17.061009247699999</v>
      </c>
      <c r="Z1620" s="7">
        <v>15.499872901</v>
      </c>
      <c r="AA1620" s="7">
        <v>22.786961133799998</v>
      </c>
      <c r="AB1620" s="7">
        <v>22.8579124008</v>
      </c>
      <c r="AC1620" s="7">
        <v>17.446080389399999</v>
      </c>
      <c r="AD1620" s="7">
        <v>16.222129107699999</v>
      </c>
      <c r="AE1620" s="7">
        <v>5</v>
      </c>
      <c r="AF1620" s="7">
        <v>5</v>
      </c>
      <c r="AG1620" s="9">
        <v>1</v>
      </c>
      <c r="AH1620" s="13"/>
      <c r="AI1620" s="9">
        <v>0</v>
      </c>
      <c r="AJ1620" s="13"/>
      <c r="AK1620" s="9">
        <v>41571.111380200004</v>
      </c>
      <c r="AL1620" s="13"/>
      <c r="AM1620" s="9">
        <v>-41570.111380200004</v>
      </c>
      <c r="AN1620" s="13">
        <v>-0.99997594483364038</v>
      </c>
      <c r="AO1620" s="9">
        <v>1</v>
      </c>
      <c r="AP1620" s="13"/>
      <c r="AQ1620" s="9">
        <v>0</v>
      </c>
      <c r="AR1620" s="9">
        <v>0</v>
      </c>
      <c r="AS1620" s="9">
        <v>0</v>
      </c>
      <c r="AT1620" s="9">
        <v>0</v>
      </c>
      <c r="AU1620" s="9">
        <v>0</v>
      </c>
      <c r="AV1620" s="9">
        <v>0</v>
      </c>
      <c r="AW1620" s="9">
        <v>0</v>
      </c>
      <c r="AX1620" s="9">
        <v>0</v>
      </c>
      <c r="AY1620" s="9">
        <v>17969.728051400001</v>
      </c>
      <c r="AZ1620" s="9">
        <v>41571.111380200004</v>
      </c>
      <c r="BA1620" s="9">
        <v>24490.2827364</v>
      </c>
      <c r="BB1620" s="9">
        <v>22032.447816399999</v>
      </c>
      <c r="BC1620" s="9">
        <v>20889.928059099999</v>
      </c>
      <c r="BD1620" s="9">
        <v>27615.515866500002</v>
      </c>
      <c r="BE1620" s="9">
        <v>33412.706049400003</v>
      </c>
      <c r="BF1620" s="9">
        <v>1</v>
      </c>
      <c r="BG1620" s="11">
        <v>0.25</v>
      </c>
      <c r="BH1620" s="13" t="e">
        <v>#DIV/0!</v>
      </c>
      <c r="BI1620" s="6">
        <v>0</v>
      </c>
      <c r="BJ1620" s="13" t="e">
        <v>#DIV/0!</v>
      </c>
      <c r="BK1620" s="6">
        <v>1</v>
      </c>
      <c r="BL1620" s="13" t="e">
        <v>#DIV/0!</v>
      </c>
      <c r="BM1620" s="11">
        <v>-0.75</v>
      </c>
      <c r="BN1620" s="13">
        <v>-0.75</v>
      </c>
      <c r="BO1620" s="11">
        <v>0.25</v>
      </c>
      <c r="BP1620" s="13" t="e">
        <v>#DIV/0!</v>
      </c>
      <c r="BQ1620" s="6">
        <v>0</v>
      </c>
      <c r="BR1620" s="6">
        <v>0</v>
      </c>
      <c r="BS1620" s="6">
        <v>0</v>
      </c>
      <c r="BT1620" s="6">
        <v>0</v>
      </c>
      <c r="BU1620" s="6">
        <v>0</v>
      </c>
      <c r="BV1620" s="6">
        <v>1</v>
      </c>
      <c r="BW1620" s="6">
        <v>1</v>
      </c>
      <c r="BX1620" s="6">
        <v>1</v>
      </c>
      <c r="BY1620" s="6">
        <v>1</v>
      </c>
      <c r="BZ1620" s="6">
        <v>1</v>
      </c>
      <c r="CA1620" s="6">
        <v>1</v>
      </c>
      <c r="CB1620" s="6">
        <v>1</v>
      </c>
      <c r="CC1620" s="11">
        <v>0.25</v>
      </c>
      <c r="CD1620" s="11">
        <v>5.6358300000000003</v>
      </c>
      <c r="CE1620" s="11">
        <v>0.36210500000000001</v>
      </c>
      <c r="CF1620" s="11">
        <v>0.10931200000000001</v>
      </c>
      <c r="CG1620" s="11">
        <v>0</v>
      </c>
      <c r="CH1620" s="20">
        <v>0</v>
      </c>
      <c r="CI1620" s="20">
        <v>0</v>
      </c>
      <c r="CJ1620" s="20">
        <v>0</v>
      </c>
      <c r="CK1620" s="20">
        <v>0</v>
      </c>
      <c r="CL1620" s="20">
        <v>0</v>
      </c>
      <c r="CM1620" s="20">
        <v>0</v>
      </c>
      <c r="CN1620" s="20">
        <v>0</v>
      </c>
      <c r="CO1620" s="20">
        <v>0</v>
      </c>
      <c r="CP1620" s="20">
        <v>0.18651100000000001</v>
      </c>
      <c r="CQ1620" s="20">
        <v>0.23205100000000001</v>
      </c>
      <c r="CR1620" s="20">
        <v>0.20663799999999999</v>
      </c>
      <c r="CS1620" s="20">
        <v>0.29480499999999998</v>
      </c>
      <c r="CT1620" s="20">
        <v>0.29360199999999997</v>
      </c>
      <c r="CU1620" s="20">
        <v>0.23028999999999999</v>
      </c>
      <c r="CV1620" s="20">
        <v>0.215666</v>
      </c>
      <c r="CW1620" s="20">
        <v>8.3959599999999995E-2</v>
      </c>
      <c r="CX1620" s="20">
        <v>7.8795500000000004E-2</v>
      </c>
      <c r="CY1620" s="6" t="s">
        <v>626</v>
      </c>
      <c r="CZ1620" s="6" t="s">
        <v>627</v>
      </c>
      <c r="DA1620" s="6" t="s">
        <v>108</v>
      </c>
      <c r="DB1620" s="6" t="s">
        <v>345</v>
      </c>
      <c r="DC1620" s="6"/>
      <c r="DD1620" s="6"/>
      <c r="DE1620" s="6"/>
      <c r="DF1620" s="6"/>
      <c r="DG1620" s="6"/>
      <c r="DH1620" s="6" t="s">
        <v>333</v>
      </c>
      <c r="DI1620" s="6"/>
      <c r="DJ1620" s="6"/>
      <c r="DK1620" s="6"/>
      <c r="DL1620" s="6">
        <v>10</v>
      </c>
      <c r="DM1620" s="6" t="s">
        <v>383</v>
      </c>
      <c r="DN1620" s="6">
        <v>9</v>
      </c>
      <c r="DO1620" s="6" t="s">
        <v>384</v>
      </c>
      <c r="DP1620" s="6"/>
      <c r="DQ1620" s="6"/>
    </row>
    <row r="1621" spans="1:121" x14ac:dyDescent="0.2">
      <c r="A1621" s="6" t="s">
        <v>321</v>
      </c>
      <c r="B1621" s="6" t="s">
        <v>321</v>
      </c>
      <c r="C1621" s="6" t="s">
        <v>190</v>
      </c>
      <c r="D1621" s="6" t="s">
        <v>108</v>
      </c>
      <c r="E1621" s="6" t="s">
        <v>249</v>
      </c>
      <c r="F1621" s="11">
        <v>218</v>
      </c>
      <c r="G1621" s="13">
        <v>0.74149659863899997</v>
      </c>
      <c r="H1621" s="11">
        <v>85.379907280999987</v>
      </c>
      <c r="I1621" s="13">
        <v>0.29000960268845505</v>
      </c>
      <c r="J1621" s="11">
        <v>-10.650005532000023</v>
      </c>
      <c r="K1621" s="13">
        <v>-2.8042297324771027E-2</v>
      </c>
      <c r="L1621" s="11">
        <v>142.44247531400003</v>
      </c>
      <c r="M1621" s="13">
        <v>0.38588322775343392</v>
      </c>
      <c r="N1621" s="11">
        <v>131.79246978200001</v>
      </c>
      <c r="O1621" s="13">
        <v>0.34701987822335878</v>
      </c>
      <c r="P1621" s="7">
        <v>294.40372487500002</v>
      </c>
      <c r="Q1621" s="7">
        <v>310.135843593</v>
      </c>
      <c r="R1621" s="7">
        <v>337.49260546800002</v>
      </c>
      <c r="S1621" s="7">
        <v>317.322893513</v>
      </c>
      <c r="T1621" s="7">
        <v>327.67014426399999</v>
      </c>
      <c r="U1621" s="7">
        <v>341.44328616799999</v>
      </c>
      <c r="V1621" s="7">
        <v>379.78363215600001</v>
      </c>
      <c r="W1621" s="7">
        <v>310.80593435200001</v>
      </c>
      <c r="X1621" s="7">
        <v>340.87675468700002</v>
      </c>
      <c r="Y1621" s="7">
        <v>369.13362662399999</v>
      </c>
      <c r="Z1621" s="7">
        <v>434.90911671700002</v>
      </c>
      <c r="AA1621" s="7">
        <v>468.61057246299998</v>
      </c>
      <c r="AB1621" s="7">
        <v>456.67394886400001</v>
      </c>
      <c r="AC1621" s="7">
        <v>455.68023265300002</v>
      </c>
      <c r="AD1621" s="7">
        <v>459.86116815899999</v>
      </c>
      <c r="AE1621" s="7">
        <v>484.12271121600003</v>
      </c>
      <c r="AF1621" s="7">
        <v>511.57610193800002</v>
      </c>
      <c r="AG1621" s="9">
        <v>4957.7438120000006</v>
      </c>
      <c r="AH1621" s="13">
        <v>0.22398432585199535</v>
      </c>
      <c r="AI1621" s="9">
        <v>863.72800310000093</v>
      </c>
      <c r="AJ1621" s="13">
        <v>3.9022091868801033E-2</v>
      </c>
      <c r="AK1621" s="9">
        <v>403.56132729999808</v>
      </c>
      <c r="AL1621" s="13">
        <v>1.7547623469670301E-2</v>
      </c>
      <c r="AM1621" s="9">
        <v>3690.4544816000016</v>
      </c>
      <c r="AN1621" s="13">
        <v>0.15770079181218019</v>
      </c>
      <c r="AO1621" s="9">
        <v>4094.0158088999997</v>
      </c>
      <c r="AP1621" s="13">
        <v>0.1780156893974395</v>
      </c>
      <c r="AQ1621" s="9">
        <v>22134.3337001</v>
      </c>
      <c r="AR1621" s="9">
        <v>20727.493433899999</v>
      </c>
      <c r="AS1621" s="9">
        <v>21171.992167199998</v>
      </c>
      <c r="AT1621" s="9">
        <v>21721.372291399999</v>
      </c>
      <c r="AU1621" s="9">
        <v>21671.280163899999</v>
      </c>
      <c r="AV1621" s="9">
        <v>22942.758874800002</v>
      </c>
      <c r="AW1621" s="9">
        <v>22998.061703200001</v>
      </c>
      <c r="AX1621" s="9">
        <v>24536.321696700001</v>
      </c>
      <c r="AY1621" s="9">
        <v>23081.282608000001</v>
      </c>
      <c r="AZ1621" s="9">
        <v>23401.623030499999</v>
      </c>
      <c r="BA1621" s="9">
        <v>23011.1191946</v>
      </c>
      <c r="BB1621" s="9">
        <v>24319.549064399998</v>
      </c>
      <c r="BC1621" s="9">
        <v>25063.428660599999</v>
      </c>
      <c r="BD1621" s="9">
        <v>25206.041700599999</v>
      </c>
      <c r="BE1621" s="9">
        <v>26462.866284299998</v>
      </c>
      <c r="BF1621" s="9">
        <v>27092.077512100001</v>
      </c>
      <c r="BG1621" s="11">
        <v>47</v>
      </c>
      <c r="BH1621" s="13">
        <v>2.0434782608695654</v>
      </c>
      <c r="BI1621" s="6">
        <v>8</v>
      </c>
      <c r="BJ1621" s="13">
        <v>0.34782608695652173</v>
      </c>
      <c r="BK1621" s="6">
        <v>1</v>
      </c>
      <c r="BL1621" s="13">
        <v>3.2258064516129031E-2</v>
      </c>
      <c r="BM1621" s="11">
        <v>38</v>
      </c>
      <c r="BN1621" s="13">
        <v>1.1875</v>
      </c>
      <c r="BO1621" s="11">
        <v>39</v>
      </c>
      <c r="BP1621" s="13">
        <v>1.2580645161290323</v>
      </c>
      <c r="BQ1621" s="6">
        <v>23</v>
      </c>
      <c r="BR1621" s="6">
        <v>27</v>
      </c>
      <c r="BS1621" s="6">
        <v>29</v>
      </c>
      <c r="BT1621" s="6">
        <v>31</v>
      </c>
      <c r="BU1621" s="6">
        <v>30</v>
      </c>
      <c r="BV1621" s="6">
        <v>31</v>
      </c>
      <c r="BW1621" s="6">
        <v>32</v>
      </c>
      <c r="BX1621" s="6">
        <v>39</v>
      </c>
      <c r="BY1621" s="6">
        <v>39</v>
      </c>
      <c r="BZ1621" s="6">
        <v>68</v>
      </c>
      <c r="CA1621" s="6">
        <v>64</v>
      </c>
      <c r="CB1621" s="6">
        <v>70</v>
      </c>
      <c r="CC1621" s="11">
        <v>70</v>
      </c>
      <c r="CD1621" s="11">
        <v>77.778499999999994</v>
      </c>
      <c r="CE1621" s="11">
        <v>107.212</v>
      </c>
      <c r="CF1621" s="11">
        <v>32.181899999999999</v>
      </c>
      <c r="CG1621" s="11">
        <v>139</v>
      </c>
      <c r="CH1621" s="20">
        <v>1.1478699999999999</v>
      </c>
      <c r="CI1621" s="20">
        <v>1.15594</v>
      </c>
      <c r="CJ1621" s="20">
        <v>1.2181599999999999</v>
      </c>
      <c r="CK1621" s="20">
        <v>1.1168</v>
      </c>
      <c r="CL1621" s="20">
        <v>1.1171800000000001</v>
      </c>
      <c r="CM1621" s="20">
        <v>1.12039</v>
      </c>
      <c r="CN1621" s="20">
        <v>1.1566799999999999</v>
      </c>
      <c r="CO1621" s="20">
        <v>0.95655999999999997</v>
      </c>
      <c r="CP1621" s="20">
        <v>0.98811700000000002</v>
      </c>
      <c r="CQ1621" s="20">
        <v>1.0398700000000001</v>
      </c>
      <c r="CR1621" s="20">
        <v>1.22231</v>
      </c>
      <c r="CS1621" s="20">
        <v>1.25705</v>
      </c>
      <c r="CT1621" s="20">
        <v>1.20984</v>
      </c>
      <c r="CU1621" s="20">
        <v>1.24316</v>
      </c>
      <c r="CV1621" s="20">
        <v>1.2509399999999999</v>
      </c>
      <c r="CW1621" s="20">
        <v>1.3075399999999999</v>
      </c>
      <c r="CX1621" s="20">
        <v>1.3345800000000001</v>
      </c>
      <c r="CY1621" s="6" t="s">
        <v>626</v>
      </c>
      <c r="CZ1621" s="6" t="s">
        <v>627</v>
      </c>
      <c r="DA1621" s="6" t="s">
        <v>108</v>
      </c>
      <c r="DB1621" s="6" t="s">
        <v>345</v>
      </c>
      <c r="DC1621" s="6"/>
      <c r="DD1621" s="6"/>
      <c r="DE1621" s="6"/>
      <c r="DF1621" s="6"/>
      <c r="DG1621" s="6"/>
      <c r="DH1621" s="6" t="s">
        <v>333</v>
      </c>
      <c r="DI1621" s="6"/>
      <c r="DJ1621" s="6"/>
      <c r="DK1621" s="6"/>
      <c r="DL1621" s="6">
        <v>10</v>
      </c>
      <c r="DM1621" s="6" t="s">
        <v>383</v>
      </c>
      <c r="DN1621" s="6">
        <v>9</v>
      </c>
      <c r="DO1621" s="6" t="s">
        <v>384</v>
      </c>
      <c r="DP1621" s="6"/>
      <c r="DQ1621" s="6"/>
    </row>
    <row r="1622" spans="1:121" x14ac:dyDescent="0.2">
      <c r="A1622" s="6" t="s">
        <v>322</v>
      </c>
      <c r="B1622" s="6" t="s">
        <v>322</v>
      </c>
      <c r="C1622" s="6" t="s">
        <v>191</v>
      </c>
      <c r="D1622" s="6" t="s">
        <v>108</v>
      </c>
      <c r="E1622" s="6" t="s">
        <v>249</v>
      </c>
      <c r="F1622" s="11">
        <v>1</v>
      </c>
      <c r="G1622" s="13">
        <v>1</v>
      </c>
      <c r="H1622" s="11">
        <v>5</v>
      </c>
      <c r="I1622" s="13">
        <v>1</v>
      </c>
      <c r="J1622" s="11">
        <v>-5</v>
      </c>
      <c r="K1622" s="13">
        <v>-0.5</v>
      </c>
      <c r="L1622" s="11">
        <v>0</v>
      </c>
      <c r="M1622" s="13">
        <v>0</v>
      </c>
      <c r="N1622" s="11">
        <v>-5</v>
      </c>
      <c r="O1622" s="13">
        <v>-0.5</v>
      </c>
      <c r="P1622" s="7">
        <v>5</v>
      </c>
      <c r="Q1622" s="7">
        <v>5</v>
      </c>
      <c r="R1622" s="7">
        <v>5</v>
      </c>
      <c r="S1622" s="7">
        <v>5</v>
      </c>
      <c r="T1622" s="7">
        <v>5</v>
      </c>
      <c r="U1622" s="7">
        <v>5</v>
      </c>
      <c r="V1622" s="7">
        <v>10</v>
      </c>
      <c r="W1622" s="7">
        <v>14</v>
      </c>
      <c r="X1622" s="7">
        <v>14</v>
      </c>
      <c r="Y1622" s="7">
        <v>5</v>
      </c>
      <c r="Z1622" s="7">
        <v>5</v>
      </c>
      <c r="AA1622" s="7">
        <v>5</v>
      </c>
      <c r="AB1622" s="7">
        <v>5</v>
      </c>
      <c r="AC1622" s="7">
        <v>5</v>
      </c>
      <c r="AD1622" s="7">
        <v>5</v>
      </c>
      <c r="AE1622" s="7">
        <v>5</v>
      </c>
      <c r="AF1622" s="7">
        <v>5</v>
      </c>
      <c r="AG1622" s="9">
        <v>0</v>
      </c>
      <c r="AH1622" s="13">
        <v>0</v>
      </c>
      <c r="AI1622" s="9">
        <v>11642</v>
      </c>
      <c r="AJ1622" s="13">
        <v>11642</v>
      </c>
      <c r="AK1622" s="9">
        <v>-11642</v>
      </c>
      <c r="AL1622" s="13">
        <v>-0.99991411148329468</v>
      </c>
      <c r="AM1622" s="9">
        <v>0</v>
      </c>
      <c r="AN1622" s="13">
        <v>0</v>
      </c>
      <c r="AO1622" s="9">
        <v>-11642</v>
      </c>
      <c r="AP1622" s="13">
        <v>-0.99991411148329468</v>
      </c>
      <c r="AQ1622" s="9">
        <v>1</v>
      </c>
      <c r="AR1622" s="9">
        <v>1</v>
      </c>
      <c r="AS1622" s="9">
        <v>1</v>
      </c>
      <c r="AT1622" s="9">
        <v>1</v>
      </c>
      <c r="AU1622" s="9">
        <v>1</v>
      </c>
      <c r="AV1622" s="9">
        <v>1</v>
      </c>
      <c r="AW1622" s="9">
        <v>11643</v>
      </c>
      <c r="AX1622" s="9">
        <v>14034</v>
      </c>
      <c r="AY1622" s="9">
        <v>9332</v>
      </c>
      <c r="AZ1622" s="9">
        <v>1</v>
      </c>
      <c r="BA1622" s="9">
        <v>1</v>
      </c>
      <c r="BB1622" s="9">
        <v>1</v>
      </c>
      <c r="BC1622" s="9">
        <v>1</v>
      </c>
      <c r="BD1622" s="9">
        <v>1</v>
      </c>
      <c r="BE1622" s="9">
        <v>1</v>
      </c>
      <c r="BF1622" s="9">
        <v>1</v>
      </c>
      <c r="BG1622" s="11">
        <v>-1</v>
      </c>
      <c r="BH1622" s="13">
        <v>-1</v>
      </c>
      <c r="BI1622" s="6">
        <v>2</v>
      </c>
      <c r="BJ1622" s="13">
        <v>2</v>
      </c>
      <c r="BK1622" s="6">
        <v>-2</v>
      </c>
      <c r="BL1622" s="13">
        <v>-0.66666666666666663</v>
      </c>
      <c r="BM1622" s="11">
        <v>-1</v>
      </c>
      <c r="BN1622" s="13">
        <v>-1</v>
      </c>
      <c r="BO1622" s="11">
        <v>-3</v>
      </c>
      <c r="BP1622" s="13">
        <v>-1</v>
      </c>
      <c r="BQ1622" s="6">
        <v>1</v>
      </c>
      <c r="BR1622" s="6">
        <v>2</v>
      </c>
      <c r="BS1622" s="6">
        <v>3</v>
      </c>
      <c r="BT1622" s="6">
        <v>3</v>
      </c>
      <c r="BU1622" s="6">
        <v>3</v>
      </c>
      <c r="BV1622" s="6">
        <v>2</v>
      </c>
      <c r="BW1622" s="6">
        <v>1</v>
      </c>
      <c r="BX1622" s="6">
        <v>1</v>
      </c>
      <c r="BY1622" s="6">
        <v>1</v>
      </c>
      <c r="BZ1622" s="6">
        <v>1</v>
      </c>
      <c r="CA1622" s="6">
        <v>1</v>
      </c>
      <c r="CB1622" s="6">
        <v>0</v>
      </c>
      <c r="CC1622" s="11">
        <v>0</v>
      </c>
      <c r="CD1622" s="11">
        <v>-4</v>
      </c>
      <c r="CE1622" s="11">
        <v>1</v>
      </c>
      <c r="CF1622" s="11">
        <v>1</v>
      </c>
      <c r="CG1622" s="11">
        <v>2</v>
      </c>
      <c r="CH1622" s="20">
        <v>0.16</v>
      </c>
      <c r="CI1622" s="20">
        <v>0.17</v>
      </c>
      <c r="CJ1622" s="20">
        <v>0.17</v>
      </c>
      <c r="CK1622" s="20">
        <v>0.11</v>
      </c>
      <c r="CL1622" s="20">
        <v>0.13</v>
      </c>
      <c r="CM1622" s="20">
        <v>0.2</v>
      </c>
      <c r="CN1622" s="20">
        <v>0.22</v>
      </c>
      <c r="CO1622" s="20">
        <v>0.3</v>
      </c>
      <c r="CP1622" s="20">
        <v>0.28999999999999998</v>
      </c>
      <c r="CQ1622" s="20">
        <v>0.2</v>
      </c>
      <c r="CR1622" s="20">
        <v>0.14000000000000001</v>
      </c>
      <c r="CS1622" s="20">
        <v>0.17</v>
      </c>
      <c r="CT1622" s="20">
        <v>0.19</v>
      </c>
      <c r="CU1622" s="20">
        <v>0.19</v>
      </c>
      <c r="CV1622" s="20">
        <v>0.08</v>
      </c>
      <c r="CW1622" s="20">
        <v>0.08</v>
      </c>
      <c r="CX1622" s="20">
        <v>0.08</v>
      </c>
      <c r="CY1622" s="6" t="s">
        <v>626</v>
      </c>
      <c r="CZ1622" s="6" t="s">
        <v>627</v>
      </c>
      <c r="DA1622" s="6" t="s">
        <v>108</v>
      </c>
      <c r="DB1622" s="6" t="s">
        <v>345</v>
      </c>
      <c r="DC1622" s="6"/>
      <c r="DD1622" s="6"/>
      <c r="DE1622" s="6"/>
      <c r="DF1622" s="6"/>
      <c r="DG1622" s="6"/>
      <c r="DH1622" s="6" t="s">
        <v>333</v>
      </c>
      <c r="DI1622" s="6"/>
      <c r="DJ1622" s="6"/>
      <c r="DK1622" s="6"/>
      <c r="DL1622" s="6">
        <v>10</v>
      </c>
      <c r="DM1622" s="6" t="s">
        <v>383</v>
      </c>
      <c r="DN1622" s="6">
        <v>9</v>
      </c>
      <c r="DO1622" s="6" t="s">
        <v>384</v>
      </c>
      <c r="DP1622" s="6"/>
      <c r="DQ1622" s="6"/>
    </row>
    <row r="1623" spans="1:121" x14ac:dyDescent="0.2">
      <c r="A1623" s="6" t="s">
        <v>323</v>
      </c>
      <c r="B1623" s="6" t="s">
        <v>323</v>
      </c>
      <c r="C1623" s="6" t="s">
        <v>192</v>
      </c>
      <c r="D1623" s="6" t="s">
        <v>108</v>
      </c>
      <c r="E1623" s="6" t="s">
        <v>249</v>
      </c>
      <c r="F1623" s="11">
        <v>61</v>
      </c>
      <c r="G1623" s="13">
        <v>0.51260504201699997</v>
      </c>
      <c r="H1623" s="11">
        <v>110.675522883</v>
      </c>
      <c r="I1623" s="13">
        <v>0.92907425670999733</v>
      </c>
      <c r="J1623" s="11">
        <v>-66.027594577000002</v>
      </c>
      <c r="K1623" s="13">
        <v>-0.28732629622112282</v>
      </c>
      <c r="L1623" s="11">
        <v>16.609163517000013</v>
      </c>
      <c r="M1623" s="13">
        <v>0.10141610451718236</v>
      </c>
      <c r="N1623" s="11">
        <v>-49.418431059999989</v>
      </c>
      <c r="O1623" s="13">
        <v>-0.21504970539203672</v>
      </c>
      <c r="P1623" s="7">
        <v>119.124517856</v>
      </c>
      <c r="Q1623" s="7">
        <v>118.269218919</v>
      </c>
      <c r="R1623" s="7">
        <v>127.83137297</v>
      </c>
      <c r="S1623" s="7">
        <v>142.05366778999999</v>
      </c>
      <c r="T1623" s="7">
        <v>147.27372468999999</v>
      </c>
      <c r="U1623" s="7">
        <v>137.346423402</v>
      </c>
      <c r="V1623" s="7">
        <v>229.800040739</v>
      </c>
      <c r="W1623" s="7">
        <v>209.917104061</v>
      </c>
      <c r="X1623" s="7">
        <v>174.87563427800001</v>
      </c>
      <c r="Y1623" s="7">
        <v>163.77244616199999</v>
      </c>
      <c r="Z1623" s="7">
        <v>160.973749196</v>
      </c>
      <c r="AA1623" s="7">
        <v>144.789692801</v>
      </c>
      <c r="AB1623" s="7">
        <v>177.165673115</v>
      </c>
      <c r="AC1623" s="7">
        <v>181.284360494</v>
      </c>
      <c r="AD1623" s="7">
        <v>183.001389249</v>
      </c>
      <c r="AE1623" s="7">
        <v>176.13204249699999</v>
      </c>
      <c r="AF1623" s="7">
        <v>180.38160967900001</v>
      </c>
      <c r="AG1623" s="9">
        <v>5315.1729226300013</v>
      </c>
      <c r="AH1623" s="13">
        <v>0.63203767591443505</v>
      </c>
      <c r="AI1623" s="9">
        <v>2542.9946569300009</v>
      </c>
      <c r="AJ1623" s="13">
        <v>0.3023925009073028</v>
      </c>
      <c r="AK1623" s="9">
        <v>452.64728370000012</v>
      </c>
      <c r="AL1623" s="13">
        <v>4.1327925006273469E-2</v>
      </c>
      <c r="AM1623" s="9">
        <v>2319.5309820000002</v>
      </c>
      <c r="AN1623" s="13">
        <v>0.20337442828238519</v>
      </c>
      <c r="AO1623" s="9">
        <v>2772.1782657000003</v>
      </c>
      <c r="AP1623" s="13">
        <v>0.25310739640890684</v>
      </c>
      <c r="AQ1623" s="9">
        <v>8409.5824112699993</v>
      </c>
      <c r="AR1623" s="9">
        <v>8756.4772883400001</v>
      </c>
      <c r="AS1623" s="9">
        <v>10143.900737600001</v>
      </c>
      <c r="AT1623" s="9">
        <v>10121.798154399999</v>
      </c>
      <c r="AU1623" s="9">
        <v>9984.9959312299998</v>
      </c>
      <c r="AV1623" s="9">
        <v>10224.5032195</v>
      </c>
      <c r="AW1623" s="9">
        <v>10952.5770682</v>
      </c>
      <c r="AX1623" s="9">
        <v>11808.969282</v>
      </c>
      <c r="AY1623" s="9">
        <v>11660.840333300001</v>
      </c>
      <c r="AZ1623" s="9">
        <v>11405.2243519</v>
      </c>
      <c r="BA1623" s="9">
        <v>10548.349455199999</v>
      </c>
      <c r="BB1623" s="9">
        <v>11230.935444000001</v>
      </c>
      <c r="BC1623" s="9">
        <v>13697.137926400001</v>
      </c>
      <c r="BD1623" s="9">
        <v>12791.8920922</v>
      </c>
      <c r="BE1623" s="9">
        <v>13320.5870342</v>
      </c>
      <c r="BF1623" s="9">
        <v>13724.755333900001</v>
      </c>
      <c r="BG1623" s="11">
        <v>-3.25</v>
      </c>
      <c r="BH1623" s="13">
        <v>-0.19117647058823528</v>
      </c>
      <c r="BI1623" s="6">
        <v>1</v>
      </c>
      <c r="BJ1623" s="13">
        <v>5.8823529411764705E-2</v>
      </c>
      <c r="BK1623" s="6">
        <v>-5</v>
      </c>
      <c r="BL1623" s="13">
        <v>-0.27777777777777779</v>
      </c>
      <c r="BM1623" s="11">
        <v>0.75</v>
      </c>
      <c r="BN1623" s="13">
        <v>5.7692307692307696E-2</v>
      </c>
      <c r="BO1623" s="11">
        <v>-4.25</v>
      </c>
      <c r="BP1623" s="13">
        <v>-0.2361111111111111</v>
      </c>
      <c r="BQ1623" s="6">
        <v>17</v>
      </c>
      <c r="BR1623" s="6">
        <v>16</v>
      </c>
      <c r="BS1623" s="6">
        <v>17</v>
      </c>
      <c r="BT1623" s="6">
        <v>18</v>
      </c>
      <c r="BU1623" s="6">
        <v>16</v>
      </c>
      <c r="BV1623" s="6">
        <v>17</v>
      </c>
      <c r="BW1623" s="6">
        <v>13</v>
      </c>
      <c r="BX1623" s="6">
        <v>13</v>
      </c>
      <c r="BY1623" s="6">
        <v>12</v>
      </c>
      <c r="BZ1623" s="6">
        <v>13</v>
      </c>
      <c r="CA1623" s="6">
        <v>13</v>
      </c>
      <c r="CB1623" s="6">
        <v>13</v>
      </c>
      <c r="CC1623" s="11">
        <v>13.75</v>
      </c>
      <c r="CD1623" s="11">
        <v>21.145800000000001</v>
      </c>
      <c r="CE1623" s="11">
        <v>27.089600000000001</v>
      </c>
      <c r="CF1623" s="11">
        <v>13.021699999999999</v>
      </c>
      <c r="CG1623" s="11">
        <v>40</v>
      </c>
      <c r="CH1623" s="20">
        <v>0.62585599999999997</v>
      </c>
      <c r="CI1623" s="20">
        <v>0.60909800000000003</v>
      </c>
      <c r="CJ1623" s="20">
        <v>0.645347</v>
      </c>
      <c r="CK1623" s="20">
        <v>0.69561399999999995</v>
      </c>
      <c r="CL1623" s="20">
        <v>0.69811000000000001</v>
      </c>
      <c r="CM1623" s="20">
        <v>0.62906899999999999</v>
      </c>
      <c r="CN1623" s="20">
        <v>0.98239100000000001</v>
      </c>
      <c r="CO1623" s="20">
        <v>0.92759899999999995</v>
      </c>
      <c r="CP1623" s="20">
        <v>0.76390899999999995</v>
      </c>
      <c r="CQ1623" s="20">
        <v>0.70434200000000002</v>
      </c>
      <c r="CR1623" s="20">
        <v>0.68313000000000001</v>
      </c>
      <c r="CS1623" s="20">
        <v>0.59010300000000004</v>
      </c>
      <c r="CT1623" s="20">
        <v>0.70549300000000004</v>
      </c>
      <c r="CU1623" s="20">
        <v>0.73556500000000002</v>
      </c>
      <c r="CV1623" s="20">
        <v>0.73329500000000003</v>
      </c>
      <c r="CW1623" s="20">
        <v>0.69908300000000001</v>
      </c>
      <c r="CX1623" s="20">
        <v>0.698963</v>
      </c>
      <c r="CY1623" s="6" t="s">
        <v>626</v>
      </c>
      <c r="CZ1623" s="6" t="s">
        <v>627</v>
      </c>
      <c r="DA1623" s="6" t="s">
        <v>108</v>
      </c>
      <c r="DB1623" s="6" t="s">
        <v>345</v>
      </c>
      <c r="DC1623" s="6"/>
      <c r="DD1623" s="6"/>
      <c r="DE1623" s="6"/>
      <c r="DF1623" s="6"/>
      <c r="DG1623" s="6"/>
      <c r="DH1623" s="6" t="s">
        <v>333</v>
      </c>
      <c r="DI1623" s="6"/>
      <c r="DJ1623" s="6"/>
      <c r="DK1623" s="6"/>
      <c r="DL1623" s="6">
        <v>10</v>
      </c>
      <c r="DM1623" s="6" t="s">
        <v>383</v>
      </c>
      <c r="DN1623" s="6">
        <v>9</v>
      </c>
      <c r="DO1623" s="6" t="s">
        <v>384</v>
      </c>
      <c r="DP1623" s="6"/>
      <c r="DQ1623" s="6"/>
    </row>
    <row r="1624" spans="1:121" x14ac:dyDescent="0.2">
      <c r="A1624" s="6" t="s">
        <v>325</v>
      </c>
      <c r="B1624" s="6" t="s">
        <v>325</v>
      </c>
      <c r="C1624" s="6" t="s">
        <v>193</v>
      </c>
      <c r="D1624" s="6" t="s">
        <v>108</v>
      </c>
      <c r="E1624" s="6" t="s">
        <v>249</v>
      </c>
      <c r="F1624" s="11">
        <v>4</v>
      </c>
      <c r="G1624" s="13">
        <v>4.1666666666699999E-2</v>
      </c>
      <c r="H1624" s="11">
        <v>76.6868932032</v>
      </c>
      <c r="I1624" s="13">
        <v>0.80218886566232317</v>
      </c>
      <c r="J1624" s="11">
        <v>10.424880008000002</v>
      </c>
      <c r="K1624" s="13">
        <v>6.0509874017734153E-2</v>
      </c>
      <c r="L1624" s="11">
        <v>-82.348785810999999</v>
      </c>
      <c r="M1624" s="13">
        <v>-0.45071049147153625</v>
      </c>
      <c r="N1624" s="11">
        <v>-71.923905802999997</v>
      </c>
      <c r="O1624" s="13">
        <v>-0.41747305251121575</v>
      </c>
      <c r="P1624" s="7">
        <v>95.5970551148</v>
      </c>
      <c r="Q1624" s="7">
        <v>112.437527859</v>
      </c>
      <c r="R1624" s="7">
        <v>133.553762105</v>
      </c>
      <c r="S1624" s="7">
        <v>147.60342199999999</v>
      </c>
      <c r="T1624" s="7">
        <v>144.44452507</v>
      </c>
      <c r="U1624" s="7">
        <v>167.46242898200001</v>
      </c>
      <c r="V1624" s="7">
        <v>172.283948318</v>
      </c>
      <c r="W1624" s="7">
        <v>153.914932505</v>
      </c>
      <c r="X1624" s="7">
        <v>174.16303930699999</v>
      </c>
      <c r="Y1624" s="7">
        <v>182.708828326</v>
      </c>
      <c r="Z1624" s="7">
        <v>140.58679537899999</v>
      </c>
      <c r="AA1624" s="7">
        <v>130.838479957</v>
      </c>
      <c r="AB1624" s="7">
        <v>96.428430371800005</v>
      </c>
      <c r="AC1624" s="7">
        <v>106.917954792</v>
      </c>
      <c r="AD1624" s="7">
        <v>99.445860867799993</v>
      </c>
      <c r="AE1624" s="7">
        <v>102.478219928</v>
      </c>
      <c r="AF1624" s="7">
        <v>100.360042515</v>
      </c>
      <c r="AG1624" s="9">
        <v>2726.0447191000003</v>
      </c>
      <c r="AH1624" s="13">
        <v>0.1755193237241888</v>
      </c>
      <c r="AI1624" s="9">
        <v>-2135.4714628000002</v>
      </c>
      <c r="AJ1624" s="13">
        <v>-0.13749462888734465</v>
      </c>
      <c r="AK1624" s="9">
        <v>727.39193009999872</v>
      </c>
      <c r="AL1624" s="13">
        <v>5.4299850178570815E-2</v>
      </c>
      <c r="AM1624" s="9">
        <v>4134.1242518000017</v>
      </c>
      <c r="AN1624" s="13">
        <v>0.29271807014100698</v>
      </c>
      <c r="AO1624" s="9">
        <v>4861.5161819000004</v>
      </c>
      <c r="AP1624" s="13">
        <v>0.36291246767279489</v>
      </c>
      <c r="AQ1624" s="9">
        <v>15531.308241500001</v>
      </c>
      <c r="AR1624" s="9">
        <v>16464.592074100001</v>
      </c>
      <c r="AS1624" s="9">
        <v>15516.303955900001</v>
      </c>
      <c r="AT1624" s="9">
        <v>15805.8700577</v>
      </c>
      <c r="AU1624" s="9">
        <v>15431.680801799999</v>
      </c>
      <c r="AV1624" s="9">
        <v>13694.288167999999</v>
      </c>
      <c r="AW1624" s="9">
        <v>13395.836778700001</v>
      </c>
      <c r="AX1624" s="9">
        <v>13557.0070068</v>
      </c>
      <c r="AY1624" s="9">
        <v>13360.2483834</v>
      </c>
      <c r="AZ1624" s="9">
        <v>14123.228708799999</v>
      </c>
      <c r="BA1624" s="9">
        <v>13016.222136099999</v>
      </c>
      <c r="BB1624" s="9">
        <v>15313.824154399999</v>
      </c>
      <c r="BC1624" s="9">
        <v>18555.158422500001</v>
      </c>
      <c r="BD1624" s="9">
        <v>17753.258337899999</v>
      </c>
      <c r="BE1624" s="9">
        <v>18498.340306999999</v>
      </c>
      <c r="BF1624" s="9">
        <v>18257.352960600001</v>
      </c>
      <c r="BG1624" s="11">
        <v>-20</v>
      </c>
      <c r="BH1624" s="13">
        <v>-0.625</v>
      </c>
      <c r="BI1624" s="6">
        <v>18</v>
      </c>
      <c r="BJ1624" s="13">
        <v>0.5625</v>
      </c>
      <c r="BK1624" s="6">
        <v>-5</v>
      </c>
      <c r="BL1624" s="13">
        <v>-0.1</v>
      </c>
      <c r="BM1624" s="11">
        <v>-33</v>
      </c>
      <c r="BN1624" s="13">
        <v>-0.73333333333333328</v>
      </c>
      <c r="BO1624" s="11">
        <v>-38</v>
      </c>
      <c r="BP1624" s="13">
        <v>-0.76</v>
      </c>
      <c r="BQ1624" s="6">
        <v>32</v>
      </c>
      <c r="BR1624" s="6">
        <v>33</v>
      </c>
      <c r="BS1624" s="6">
        <v>40</v>
      </c>
      <c r="BT1624" s="6">
        <v>50</v>
      </c>
      <c r="BU1624" s="6">
        <v>46</v>
      </c>
      <c r="BV1624" s="6">
        <v>42</v>
      </c>
      <c r="BW1624" s="6">
        <v>45</v>
      </c>
      <c r="BX1624" s="6">
        <v>48</v>
      </c>
      <c r="BY1624" s="6">
        <v>43</v>
      </c>
      <c r="BZ1624" s="6">
        <v>14</v>
      </c>
      <c r="CA1624" s="6">
        <v>12</v>
      </c>
      <c r="CB1624" s="6">
        <v>12</v>
      </c>
      <c r="CC1624" s="11">
        <v>12</v>
      </c>
      <c r="CD1624" s="11">
        <v>-4.8065600000000002</v>
      </c>
      <c r="CE1624" s="11">
        <v>-0.88035799999999997</v>
      </c>
      <c r="CF1624" s="11">
        <v>10.4499</v>
      </c>
      <c r="CG1624" s="11">
        <v>9</v>
      </c>
      <c r="CH1624" s="20">
        <v>0.73940899999999998</v>
      </c>
      <c r="CI1624" s="20">
        <v>0.84896300000000002</v>
      </c>
      <c r="CJ1624" s="20">
        <v>0.99417</v>
      </c>
      <c r="CK1624" s="20">
        <v>1.0850599999999999</v>
      </c>
      <c r="CL1624" s="20">
        <v>1.0449200000000001</v>
      </c>
      <c r="CM1624" s="20">
        <v>1.18147</v>
      </c>
      <c r="CN1624" s="20">
        <v>1.14012</v>
      </c>
      <c r="CO1624" s="20">
        <v>1.0518400000000001</v>
      </c>
      <c r="CP1624" s="20">
        <v>1.1526000000000001</v>
      </c>
      <c r="CQ1624" s="20">
        <v>1.1992799999999999</v>
      </c>
      <c r="CR1624" s="20">
        <v>0.92385499999999998</v>
      </c>
      <c r="CS1624" s="20">
        <v>0.83211199999999996</v>
      </c>
      <c r="CT1624" s="20">
        <v>0.65363700000000002</v>
      </c>
      <c r="CU1624" s="20">
        <v>0.74632399999999999</v>
      </c>
      <c r="CV1624" s="20">
        <v>0.69909900000000003</v>
      </c>
      <c r="CW1624" s="20">
        <v>0.72117100000000001</v>
      </c>
      <c r="CX1624" s="20">
        <v>0.69565900000000003</v>
      </c>
      <c r="CY1624" s="6" t="s">
        <v>626</v>
      </c>
      <c r="CZ1624" s="6" t="s">
        <v>627</v>
      </c>
      <c r="DA1624" s="6" t="s">
        <v>108</v>
      </c>
      <c r="DB1624" s="6" t="s">
        <v>345</v>
      </c>
      <c r="DC1624" s="6"/>
      <c r="DD1624" s="6"/>
      <c r="DE1624" s="6"/>
      <c r="DF1624" s="6"/>
      <c r="DG1624" s="6"/>
      <c r="DH1624" s="6" t="s">
        <v>333</v>
      </c>
      <c r="DI1624" s="6"/>
      <c r="DJ1624" s="6"/>
      <c r="DK1624" s="6"/>
      <c r="DL1624" s="6">
        <v>10</v>
      </c>
      <c r="DM1624" s="6" t="s">
        <v>383</v>
      </c>
      <c r="DN1624" s="6">
        <v>9</v>
      </c>
      <c r="DO1624" s="6" t="s">
        <v>384</v>
      </c>
      <c r="DP1624" s="6"/>
      <c r="DQ1624" s="6"/>
    </row>
    <row r="1625" spans="1:121" x14ac:dyDescent="0.2">
      <c r="A1625" s="6" t="s">
        <v>327</v>
      </c>
      <c r="B1625" s="6" t="s">
        <v>327</v>
      </c>
      <c r="C1625" s="6" t="s">
        <v>194</v>
      </c>
      <c r="D1625" s="6" t="s">
        <v>108</v>
      </c>
      <c r="E1625" s="6" t="s">
        <v>249</v>
      </c>
      <c r="F1625" s="11">
        <v>-11</v>
      </c>
      <c r="G1625" s="13">
        <v>-1.9230769230799999E-2</v>
      </c>
      <c r="H1625" s="11">
        <v>27.017893999999956</v>
      </c>
      <c r="I1625" s="13">
        <v>4.7234363165138869E-2</v>
      </c>
      <c r="J1625" s="11">
        <v>-16.627633999999944</v>
      </c>
      <c r="K1625" s="13">
        <v>-2.7758317758166919E-2</v>
      </c>
      <c r="L1625" s="11">
        <v>-21.646333936000019</v>
      </c>
      <c r="M1625" s="13">
        <v>-3.7168309099623979E-2</v>
      </c>
      <c r="N1625" s="11">
        <v>-38.273967935999963</v>
      </c>
      <c r="O1625" s="13">
        <v>-6.3894897123269775E-2</v>
      </c>
      <c r="P1625" s="7">
        <v>571.996576</v>
      </c>
      <c r="Q1625" s="7">
        <v>579.38496499999997</v>
      </c>
      <c r="R1625" s="7">
        <v>585.85701700000004</v>
      </c>
      <c r="S1625" s="7">
        <v>595.17149099999995</v>
      </c>
      <c r="T1625" s="7">
        <v>592.30525899999998</v>
      </c>
      <c r="U1625" s="7">
        <v>594.34434099999999</v>
      </c>
      <c r="V1625" s="7">
        <v>599.01446999999996</v>
      </c>
      <c r="W1625" s="7">
        <v>597.96752700000002</v>
      </c>
      <c r="X1625" s="7">
        <v>594.28394200000002</v>
      </c>
      <c r="Y1625" s="7">
        <v>582.38683600000002</v>
      </c>
      <c r="Z1625" s="7">
        <v>553.28351399999997</v>
      </c>
      <c r="AA1625" s="7">
        <v>549.21938399999999</v>
      </c>
      <c r="AB1625" s="7">
        <v>582.31837800000005</v>
      </c>
      <c r="AC1625" s="7">
        <v>573.12490600000001</v>
      </c>
      <c r="AD1625" s="7">
        <v>575.72402599999998</v>
      </c>
      <c r="AE1625" s="7">
        <v>561.25030300000003</v>
      </c>
      <c r="AF1625" s="7">
        <v>560.740502064</v>
      </c>
      <c r="AG1625" s="9">
        <v>11648.059183399997</v>
      </c>
      <c r="AH1625" s="13">
        <v>0.41426746362718464</v>
      </c>
      <c r="AI1625" s="9">
        <v>7315.8925385000002</v>
      </c>
      <c r="AJ1625" s="13">
        <v>0.26019238041068976</v>
      </c>
      <c r="AK1625" s="9">
        <v>2358.1169453999973</v>
      </c>
      <c r="AL1625" s="13">
        <v>6.6551177894632829E-2</v>
      </c>
      <c r="AM1625" s="9">
        <v>1974.0496994999994</v>
      </c>
      <c r="AN1625" s="13">
        <v>5.2235624365114038E-2</v>
      </c>
      <c r="AO1625" s="9">
        <v>4332.1666448999968</v>
      </c>
      <c r="AP1625" s="13">
        <v>0.1222631445893068</v>
      </c>
      <c r="AQ1625" s="9">
        <v>28117.243583200001</v>
      </c>
      <c r="AR1625" s="9">
        <v>29189.1012658</v>
      </c>
      <c r="AS1625" s="9">
        <v>30179.314353400001</v>
      </c>
      <c r="AT1625" s="9">
        <v>31745.074962899998</v>
      </c>
      <c r="AU1625" s="9">
        <v>33344.1118603</v>
      </c>
      <c r="AV1625" s="9">
        <v>34832.2173501</v>
      </c>
      <c r="AW1625" s="9">
        <v>35433.136121700001</v>
      </c>
      <c r="AX1625" s="9">
        <v>36159.0110958</v>
      </c>
      <c r="AY1625" s="9">
        <v>37054.719312599998</v>
      </c>
      <c r="AZ1625" s="9">
        <v>37791.253067099999</v>
      </c>
      <c r="BA1625" s="9">
        <v>37594.549196300002</v>
      </c>
      <c r="BB1625" s="9">
        <v>37870.0860245</v>
      </c>
      <c r="BC1625" s="9">
        <v>37283.194770599999</v>
      </c>
      <c r="BD1625" s="9">
        <v>37493.079344099999</v>
      </c>
      <c r="BE1625" s="9">
        <v>38354.3829941</v>
      </c>
      <c r="BF1625" s="9">
        <v>39765.302766599998</v>
      </c>
      <c r="BG1625" s="11">
        <v>-0.75</v>
      </c>
      <c r="BH1625" s="13">
        <v>-2.34375E-2</v>
      </c>
      <c r="BI1625" s="6">
        <v>1</v>
      </c>
      <c r="BJ1625" s="13">
        <v>3.125E-2</v>
      </c>
      <c r="BK1625" s="6">
        <v>-1</v>
      </c>
      <c r="BL1625" s="13">
        <v>-3.0303030303030304E-2</v>
      </c>
      <c r="BM1625" s="11">
        <v>-0.75</v>
      </c>
      <c r="BN1625" s="13">
        <v>-2.34375E-2</v>
      </c>
      <c r="BO1625" s="11">
        <v>-1.75</v>
      </c>
      <c r="BP1625" s="13">
        <v>-5.3030303030303032E-2</v>
      </c>
      <c r="BQ1625" s="6">
        <v>32</v>
      </c>
      <c r="BR1625" s="6">
        <v>31</v>
      </c>
      <c r="BS1625" s="6">
        <v>33</v>
      </c>
      <c r="BT1625" s="6">
        <v>33</v>
      </c>
      <c r="BU1625" s="6">
        <v>32</v>
      </c>
      <c r="BV1625" s="6">
        <v>32</v>
      </c>
      <c r="BW1625" s="6">
        <v>32</v>
      </c>
      <c r="BX1625" s="6">
        <v>32</v>
      </c>
      <c r="BY1625" s="6">
        <v>33</v>
      </c>
      <c r="BZ1625" s="6">
        <v>33</v>
      </c>
      <c r="CA1625" s="6">
        <v>32</v>
      </c>
      <c r="CB1625" s="6">
        <v>31</v>
      </c>
      <c r="CC1625" s="11">
        <v>31.25</v>
      </c>
      <c r="CD1625" s="11">
        <v>-40.249099999999999</v>
      </c>
      <c r="CE1625" s="11">
        <v>-33.533099999999997</v>
      </c>
      <c r="CF1625" s="11">
        <v>62.5261</v>
      </c>
      <c r="CG1625" s="11">
        <v>29</v>
      </c>
      <c r="CH1625" s="20">
        <v>1.3318700000000001</v>
      </c>
      <c r="CI1625" s="20">
        <v>1.31436</v>
      </c>
      <c r="CJ1625" s="20">
        <v>1.31995</v>
      </c>
      <c r="CK1625" s="20">
        <v>1.33382</v>
      </c>
      <c r="CL1625" s="20">
        <v>1.3092600000000001</v>
      </c>
      <c r="CM1625" s="20">
        <v>1.28973</v>
      </c>
      <c r="CN1625" s="20">
        <v>1.228</v>
      </c>
      <c r="CO1625" s="20">
        <v>1.25325</v>
      </c>
      <c r="CP1625" s="20">
        <v>1.19268</v>
      </c>
      <c r="CQ1625" s="20">
        <v>1.15262</v>
      </c>
      <c r="CR1625" s="20">
        <v>1.12201</v>
      </c>
      <c r="CS1625" s="20">
        <v>1.1144700000000001</v>
      </c>
      <c r="CT1625" s="20">
        <v>1.1962299999999999</v>
      </c>
      <c r="CU1625" s="20">
        <v>1.23533</v>
      </c>
      <c r="CV1625" s="20">
        <v>1.2604900000000001</v>
      </c>
      <c r="CW1625" s="20">
        <v>1.2363</v>
      </c>
      <c r="CX1625" s="20">
        <v>1.2251399999999999</v>
      </c>
      <c r="CY1625" s="6" t="s">
        <v>626</v>
      </c>
      <c r="CZ1625" s="6" t="s">
        <v>627</v>
      </c>
      <c r="DA1625" s="6" t="s">
        <v>108</v>
      </c>
      <c r="DB1625" s="6" t="s">
        <v>345</v>
      </c>
      <c r="DC1625" s="6"/>
      <c r="DD1625" s="6"/>
      <c r="DE1625" s="6"/>
      <c r="DF1625" s="6"/>
      <c r="DG1625" s="6"/>
      <c r="DH1625" s="6" t="s">
        <v>333</v>
      </c>
      <c r="DI1625" s="6"/>
      <c r="DJ1625" s="6"/>
      <c r="DK1625" s="6"/>
      <c r="DL1625" s="6">
        <v>10</v>
      </c>
      <c r="DM1625" s="6" t="s">
        <v>383</v>
      </c>
      <c r="DN1625" s="6">
        <v>9</v>
      </c>
      <c r="DO1625" s="6" t="s">
        <v>384</v>
      </c>
      <c r="DP1625" s="6"/>
      <c r="DQ1625" s="6"/>
    </row>
    <row r="1626" spans="1:121" x14ac:dyDescent="0.2">
      <c r="A1626" s="6" t="s">
        <v>1</v>
      </c>
      <c r="B1626" s="6" t="s">
        <v>1</v>
      </c>
      <c r="C1626" s="6" t="s">
        <v>2</v>
      </c>
      <c r="D1626" s="6" t="s">
        <v>149</v>
      </c>
      <c r="E1626" s="6" t="s">
        <v>290</v>
      </c>
      <c r="F1626" s="11">
        <v>-83</v>
      </c>
      <c r="G1626" s="13">
        <v>-0.47701149425299999</v>
      </c>
      <c r="H1626" s="11">
        <v>-106.2947188105</v>
      </c>
      <c r="I1626" s="13">
        <v>-0.61000610419495338</v>
      </c>
      <c r="J1626" s="11">
        <v>-5.7153088656999955</v>
      </c>
      <c r="K1626" s="13">
        <v>-8.4101625427006971E-2</v>
      </c>
      <c r="L1626" s="11">
        <v>28.746333427300002</v>
      </c>
      <c r="M1626" s="13">
        <v>0.46184883703407159</v>
      </c>
      <c r="N1626" s="11">
        <v>23.031024561600006</v>
      </c>
      <c r="O1626" s="13">
        <v>0.33890497371092632</v>
      </c>
      <c r="P1626" s="7">
        <v>174.251893677</v>
      </c>
      <c r="Q1626" s="7">
        <v>99.756356374399999</v>
      </c>
      <c r="R1626" s="7">
        <v>78.220990810299995</v>
      </c>
      <c r="S1626" s="7">
        <v>82.012008474699996</v>
      </c>
      <c r="T1626" s="7">
        <v>69.544451268100005</v>
      </c>
      <c r="U1626" s="7">
        <v>70.951537814899993</v>
      </c>
      <c r="V1626" s="7">
        <v>67.957174866499997</v>
      </c>
      <c r="W1626" s="7">
        <v>53.558142896299998</v>
      </c>
      <c r="X1626" s="7">
        <v>59.466881240799999</v>
      </c>
      <c r="Y1626" s="7">
        <v>62.241866000800002</v>
      </c>
      <c r="Z1626" s="7">
        <v>70.616495825200005</v>
      </c>
      <c r="AA1626" s="7">
        <v>67.584855472200005</v>
      </c>
      <c r="AB1626" s="7">
        <v>60.563667574699998</v>
      </c>
      <c r="AC1626" s="7">
        <v>73.633951031500004</v>
      </c>
      <c r="AD1626" s="7">
        <v>86.854856559500007</v>
      </c>
      <c r="AE1626" s="7">
        <v>88.1723886308</v>
      </c>
      <c r="AF1626" s="7">
        <v>90.988199428100003</v>
      </c>
      <c r="AG1626" s="9">
        <v>5946.7833189000012</v>
      </c>
      <c r="AH1626" s="13">
        <v>0.30617030350225555</v>
      </c>
      <c r="AI1626" s="9">
        <v>3365.7189518000014</v>
      </c>
      <c r="AJ1626" s="13">
        <v>0.17328413323902847</v>
      </c>
      <c r="AK1626" s="9">
        <v>-633.82797550000032</v>
      </c>
      <c r="AL1626" s="13">
        <v>-2.7813084579290451E-2</v>
      </c>
      <c r="AM1626" s="9">
        <v>3214.8923426000001</v>
      </c>
      <c r="AN1626" s="13">
        <v>0.14510902203664625</v>
      </c>
      <c r="AO1626" s="9">
        <v>2581.0643670999998</v>
      </c>
      <c r="AP1626" s="13">
        <v>0.11326000795423244</v>
      </c>
      <c r="AQ1626" s="9">
        <v>19423.122526499999</v>
      </c>
      <c r="AR1626" s="9">
        <v>17001.577904500002</v>
      </c>
      <c r="AS1626" s="9">
        <v>17863.4219557</v>
      </c>
      <c r="AT1626" s="9">
        <v>17931.959378700001</v>
      </c>
      <c r="AU1626" s="9">
        <v>20464.9764961</v>
      </c>
      <c r="AV1626" s="9">
        <v>20997.268269799999</v>
      </c>
      <c r="AW1626" s="9">
        <v>22788.841478300001</v>
      </c>
      <c r="AX1626" s="9">
        <v>19191.075735400002</v>
      </c>
      <c r="AY1626" s="9">
        <v>21223.0272387</v>
      </c>
      <c r="AZ1626" s="9">
        <v>22155.0135028</v>
      </c>
      <c r="BA1626" s="9">
        <v>23914.860190399999</v>
      </c>
      <c r="BB1626" s="9">
        <v>24116.899122300001</v>
      </c>
      <c r="BC1626" s="9">
        <v>26224.794807300001</v>
      </c>
      <c r="BD1626" s="9">
        <v>25581.630050100001</v>
      </c>
      <c r="BE1626" s="9">
        <v>27106.212930000002</v>
      </c>
      <c r="BF1626" s="9">
        <v>25369.905845400001</v>
      </c>
      <c r="BG1626" s="11">
        <v>3</v>
      </c>
      <c r="BH1626" s="13">
        <v>1</v>
      </c>
      <c r="BI1626" s="6">
        <v>0</v>
      </c>
      <c r="BJ1626" s="13">
        <v>0</v>
      </c>
      <c r="BK1626" s="6">
        <v>0</v>
      </c>
      <c r="BL1626" s="13">
        <v>0</v>
      </c>
      <c r="BM1626" s="11">
        <v>3</v>
      </c>
      <c r="BN1626" s="13">
        <v>1</v>
      </c>
      <c r="BO1626" s="11">
        <v>3</v>
      </c>
      <c r="BP1626" s="13">
        <v>1</v>
      </c>
      <c r="BQ1626" s="6">
        <v>3</v>
      </c>
      <c r="BR1626" s="6">
        <v>3</v>
      </c>
      <c r="BS1626" s="6">
        <v>3</v>
      </c>
      <c r="BT1626" s="6">
        <v>3</v>
      </c>
      <c r="BU1626" s="6">
        <v>3</v>
      </c>
      <c r="BV1626" s="6">
        <v>3</v>
      </c>
      <c r="BW1626" s="6">
        <v>3</v>
      </c>
      <c r="BX1626" s="6">
        <v>3</v>
      </c>
      <c r="BY1626" s="6">
        <v>4</v>
      </c>
      <c r="BZ1626" s="6">
        <v>4</v>
      </c>
      <c r="CA1626" s="6">
        <v>6</v>
      </c>
      <c r="CB1626" s="6">
        <v>6</v>
      </c>
      <c r="CC1626" s="11">
        <v>6</v>
      </c>
      <c r="CD1626" s="11">
        <v>-86.424300000000002</v>
      </c>
      <c r="CE1626" s="11">
        <v>-15.8872</v>
      </c>
      <c r="CF1626" s="11">
        <v>19.047799999999999</v>
      </c>
      <c r="CG1626" s="11">
        <v>3</v>
      </c>
      <c r="CH1626" s="20">
        <v>3.4222600000000001</v>
      </c>
      <c r="CI1626" s="20">
        <v>1.9552</v>
      </c>
      <c r="CJ1626" s="20">
        <v>1.4770000000000001</v>
      </c>
      <c r="CK1626" s="20">
        <v>1.53315</v>
      </c>
      <c r="CL1626" s="20">
        <v>1.29132</v>
      </c>
      <c r="CM1626" s="20">
        <v>1.30027</v>
      </c>
      <c r="CN1626" s="20">
        <v>1.2261299999999999</v>
      </c>
      <c r="CO1626" s="20">
        <v>1.0075099999999999</v>
      </c>
      <c r="CP1626" s="20">
        <v>1.12903</v>
      </c>
      <c r="CQ1626" s="20">
        <v>1.2499499999999999</v>
      </c>
      <c r="CR1626" s="20">
        <v>1.42225</v>
      </c>
      <c r="CS1626" s="20">
        <v>1.3480000000000001</v>
      </c>
      <c r="CT1626" s="20">
        <v>1.1919500000000001</v>
      </c>
      <c r="CU1626" s="20">
        <v>1.3893500000000001</v>
      </c>
      <c r="CV1626" s="20">
        <v>1.61128</v>
      </c>
      <c r="CW1626" s="20">
        <v>1.6679900000000001</v>
      </c>
      <c r="CX1626" s="20">
        <v>1.6772199999999999</v>
      </c>
      <c r="CY1626" s="6" t="s">
        <v>628</v>
      </c>
      <c r="CZ1626" s="6" t="s">
        <v>629</v>
      </c>
      <c r="DA1626" s="6" t="s">
        <v>149</v>
      </c>
      <c r="DB1626" s="6"/>
      <c r="DC1626" s="6">
        <v>27620</v>
      </c>
      <c r="DD1626" s="6"/>
      <c r="DE1626" s="6" t="s">
        <v>436</v>
      </c>
      <c r="DF1626" s="6" t="s">
        <v>375</v>
      </c>
      <c r="DG1626" s="6" t="s">
        <v>376</v>
      </c>
      <c r="DH1626" s="6" t="s">
        <v>328</v>
      </c>
      <c r="DI1626" s="6"/>
      <c r="DJ1626" s="6">
        <v>29</v>
      </c>
      <c r="DK1626" s="6">
        <v>151</v>
      </c>
      <c r="DL1626" s="6">
        <v>2</v>
      </c>
      <c r="DM1626" s="6" t="s">
        <v>379</v>
      </c>
      <c r="DN1626" s="6">
        <v>3</v>
      </c>
      <c r="DO1626" s="6" t="s">
        <v>380</v>
      </c>
      <c r="DP1626" s="6"/>
      <c r="DQ1626" s="6"/>
    </row>
    <row r="1627" spans="1:121" x14ac:dyDescent="0.2">
      <c r="A1627" s="6" t="s">
        <v>310</v>
      </c>
      <c r="B1627" s="6" t="s">
        <v>310</v>
      </c>
      <c r="C1627" s="6" t="s">
        <v>173</v>
      </c>
      <c r="D1627" s="6" t="s">
        <v>149</v>
      </c>
      <c r="E1627" s="6" t="s">
        <v>290</v>
      </c>
      <c r="F1627" s="11">
        <v>1</v>
      </c>
      <c r="G1627" s="13">
        <v>1</v>
      </c>
      <c r="H1627" s="11">
        <v>18.082606999999999</v>
      </c>
      <c r="I1627" s="13">
        <v>3.6165213999999999</v>
      </c>
      <c r="J1627" s="11">
        <v>-9.5011700000000001</v>
      </c>
      <c r="K1627" s="13">
        <v>-0.41161598427768586</v>
      </c>
      <c r="L1627" s="11">
        <v>2.3445786302000009</v>
      </c>
      <c r="M1627" s="13">
        <v>0.17263111629498418</v>
      </c>
      <c r="N1627" s="11">
        <v>-7.1565913697999992</v>
      </c>
      <c r="O1627" s="13">
        <v>-0.31004259483341717</v>
      </c>
      <c r="P1627" s="7">
        <v>5</v>
      </c>
      <c r="Q1627" s="7">
        <v>27.918966000000001</v>
      </c>
      <c r="R1627" s="7">
        <v>25.099413999999999</v>
      </c>
      <c r="S1627" s="7">
        <v>31.976611999999999</v>
      </c>
      <c r="T1627" s="7">
        <v>30.987175000000001</v>
      </c>
      <c r="U1627" s="7">
        <v>26.859625999999999</v>
      </c>
      <c r="V1627" s="7">
        <v>23.082606999999999</v>
      </c>
      <c r="W1627" s="7">
        <v>17.943947999999999</v>
      </c>
      <c r="X1627" s="7">
        <v>22.876002</v>
      </c>
      <c r="Y1627" s="7">
        <v>13.581436999999999</v>
      </c>
      <c r="Z1627" s="7">
        <v>16.988665000000001</v>
      </c>
      <c r="AA1627" s="7">
        <v>18.080005</v>
      </c>
      <c r="AB1627" s="7">
        <v>17.938745999999998</v>
      </c>
      <c r="AC1627" s="7">
        <v>16.743753999999999</v>
      </c>
      <c r="AD1627" s="7">
        <v>16.968350999999998</v>
      </c>
      <c r="AE1627" s="7">
        <v>16.54128425</v>
      </c>
      <c r="AF1627" s="7">
        <v>15.9260156302</v>
      </c>
      <c r="AG1627" s="9">
        <v>46396.715287699997</v>
      </c>
      <c r="AH1627" s="13">
        <v>46396.715287699997</v>
      </c>
      <c r="AI1627" s="9">
        <v>40746.748240599998</v>
      </c>
      <c r="AJ1627" s="13">
        <v>40746.748240599998</v>
      </c>
      <c r="AK1627" s="9">
        <v>8526.2852284000037</v>
      </c>
      <c r="AL1627" s="13">
        <v>0.20924555580483917</v>
      </c>
      <c r="AM1627" s="9">
        <v>-2876.3181813000047</v>
      </c>
      <c r="AN1627" s="13">
        <v>-5.8373913779751679E-2</v>
      </c>
      <c r="AO1627" s="9">
        <v>5649.967047099999</v>
      </c>
      <c r="AP1627" s="13">
        <v>0.13865715999173958</v>
      </c>
      <c r="AQ1627" s="9">
        <v>1</v>
      </c>
      <c r="AR1627" s="9">
        <v>34667.2735952</v>
      </c>
      <c r="AS1627" s="9">
        <v>34260.710328100002</v>
      </c>
      <c r="AT1627" s="9">
        <v>41268.234559299999</v>
      </c>
      <c r="AU1627" s="9">
        <v>33295.344391799998</v>
      </c>
      <c r="AV1627" s="9">
        <v>45159.811572799998</v>
      </c>
      <c r="AW1627" s="9">
        <v>40747.748240599998</v>
      </c>
      <c r="AX1627" s="9">
        <v>50767.310477599996</v>
      </c>
      <c r="AY1627" s="9">
        <v>44402.430118199998</v>
      </c>
      <c r="AZ1627" s="9">
        <v>49274.033469000002</v>
      </c>
      <c r="BA1627" s="9">
        <v>42073.600586799999</v>
      </c>
      <c r="BB1627" s="9">
        <v>45851.552130299999</v>
      </c>
      <c r="BC1627" s="9">
        <v>42085.298655899998</v>
      </c>
      <c r="BD1627" s="9">
        <v>45436.102163299998</v>
      </c>
      <c r="BE1627" s="9">
        <v>47540.8647987</v>
      </c>
      <c r="BF1627" s="9">
        <v>46397.715287699997</v>
      </c>
      <c r="BG1627" s="11">
        <v>0</v>
      </c>
      <c r="BH1627" s="13">
        <v>0</v>
      </c>
      <c r="BI1627" s="6">
        <v>-1</v>
      </c>
      <c r="BJ1627" s="13">
        <v>-0.25</v>
      </c>
      <c r="BK1627" s="6">
        <v>1</v>
      </c>
      <c r="BL1627" s="13">
        <v>0.33333333333333331</v>
      </c>
      <c r="BM1627" s="11">
        <v>0</v>
      </c>
      <c r="BN1627" s="13">
        <v>0</v>
      </c>
      <c r="BO1627" s="11">
        <v>1</v>
      </c>
      <c r="BP1627" s="13">
        <v>0.33333333333333331</v>
      </c>
      <c r="BQ1627" s="6">
        <v>4</v>
      </c>
      <c r="BR1627" s="6">
        <v>4</v>
      </c>
      <c r="BS1627" s="6">
        <v>4</v>
      </c>
      <c r="BT1627" s="6">
        <v>3</v>
      </c>
      <c r="BU1627" s="6">
        <v>3</v>
      </c>
      <c r="BV1627" s="6">
        <v>4</v>
      </c>
      <c r="BW1627" s="6">
        <v>4</v>
      </c>
      <c r="BX1627" s="6">
        <v>3</v>
      </c>
      <c r="BY1627" s="6">
        <v>3</v>
      </c>
      <c r="BZ1627" s="6">
        <v>3</v>
      </c>
      <c r="CA1627" s="6">
        <v>3</v>
      </c>
      <c r="CB1627" s="6">
        <v>4</v>
      </c>
      <c r="CC1627" s="11">
        <v>4</v>
      </c>
      <c r="CD1627" s="11">
        <v>14.5969</v>
      </c>
      <c r="CE1627" s="11">
        <v>0.113674</v>
      </c>
      <c r="CF1627" s="11">
        <v>0.119771</v>
      </c>
      <c r="CG1627" s="11">
        <v>0</v>
      </c>
      <c r="CH1627" s="20">
        <v>7.5844700000000001E-2</v>
      </c>
      <c r="CI1627" s="20">
        <v>2.0146500000000001</v>
      </c>
      <c r="CJ1627" s="20">
        <v>1.76962</v>
      </c>
      <c r="CK1627" s="20">
        <v>2.1597400000000002</v>
      </c>
      <c r="CL1627" s="20">
        <v>1.9394899999999999</v>
      </c>
      <c r="CM1627" s="20">
        <v>1.5061899999999999</v>
      </c>
      <c r="CN1627" s="20">
        <v>1.1825600000000001</v>
      </c>
      <c r="CO1627" s="20">
        <v>0.86477800000000005</v>
      </c>
      <c r="CP1627" s="20">
        <v>1.2222999999999999</v>
      </c>
      <c r="CQ1627" s="20">
        <v>0.75270599999999999</v>
      </c>
      <c r="CR1627" s="20">
        <v>0.85005299999999995</v>
      </c>
      <c r="CS1627" s="20">
        <v>0.83138000000000001</v>
      </c>
      <c r="CT1627" s="20">
        <v>0.80779800000000002</v>
      </c>
      <c r="CU1627" s="20">
        <v>0.70938400000000001</v>
      </c>
      <c r="CV1627" s="20">
        <v>0.79893000000000003</v>
      </c>
      <c r="CW1627" s="20">
        <v>0.93482900000000002</v>
      </c>
      <c r="CX1627" s="20">
        <v>0.868448</v>
      </c>
      <c r="CY1627" s="6" t="s">
        <v>628</v>
      </c>
      <c r="CZ1627" s="6" t="s">
        <v>629</v>
      </c>
      <c r="DA1627" s="6" t="s">
        <v>149</v>
      </c>
      <c r="DB1627" s="6"/>
      <c r="DC1627" s="6">
        <v>27620</v>
      </c>
      <c r="DD1627" s="6"/>
      <c r="DE1627" s="6" t="s">
        <v>436</v>
      </c>
      <c r="DF1627" s="6" t="s">
        <v>375</v>
      </c>
      <c r="DG1627" s="6" t="s">
        <v>376</v>
      </c>
      <c r="DH1627" s="6" t="s">
        <v>328</v>
      </c>
      <c r="DI1627" s="6"/>
      <c r="DJ1627" s="6">
        <v>29</v>
      </c>
      <c r="DK1627" s="6">
        <v>151</v>
      </c>
      <c r="DL1627" s="6">
        <v>2</v>
      </c>
      <c r="DM1627" s="6" t="s">
        <v>379</v>
      </c>
      <c r="DN1627" s="6">
        <v>3</v>
      </c>
      <c r="DO1627" s="6" t="s">
        <v>380</v>
      </c>
      <c r="DP1627" s="6"/>
      <c r="DQ1627" s="6"/>
    </row>
    <row r="1628" spans="1:121" x14ac:dyDescent="0.2">
      <c r="A1628" s="6" t="s">
        <v>311</v>
      </c>
      <c r="B1628" s="6" t="s">
        <v>311</v>
      </c>
      <c r="C1628" s="6" t="s">
        <v>174</v>
      </c>
      <c r="D1628" s="6" t="s">
        <v>149</v>
      </c>
      <c r="E1628" s="6" t="s">
        <v>290</v>
      </c>
      <c r="F1628" s="11">
        <v>-22</v>
      </c>
      <c r="G1628" s="13">
        <v>-0.26829268292699998</v>
      </c>
      <c r="H1628" s="11">
        <v>-1.042232999999996</v>
      </c>
      <c r="I1628" s="13">
        <v>-1.2765464756968483E-2</v>
      </c>
      <c r="J1628" s="11">
        <v>17.566749000000002</v>
      </c>
      <c r="K1628" s="13">
        <v>0.21794297132435209</v>
      </c>
      <c r="L1628" s="11">
        <v>-37.822660488899999</v>
      </c>
      <c r="M1628" s="13">
        <v>-0.3852801128493879</v>
      </c>
      <c r="N1628" s="11">
        <v>-20.255911488899997</v>
      </c>
      <c r="O1628" s="13">
        <v>-0.25130623411161312</v>
      </c>
      <c r="P1628" s="7">
        <v>81.644735999999995</v>
      </c>
      <c r="Q1628" s="7">
        <v>85.601174</v>
      </c>
      <c r="R1628" s="7">
        <v>83.553068999999994</v>
      </c>
      <c r="S1628" s="7">
        <v>82.013530000000003</v>
      </c>
      <c r="T1628" s="7">
        <v>86.720237999999995</v>
      </c>
      <c r="U1628" s="7">
        <v>84.292122000000006</v>
      </c>
      <c r="V1628" s="7">
        <v>80.602502999999999</v>
      </c>
      <c r="W1628" s="7">
        <v>94.698441000000003</v>
      </c>
      <c r="X1628" s="7">
        <v>95.886611000000002</v>
      </c>
      <c r="Y1628" s="7">
        <v>98.169252</v>
      </c>
      <c r="Z1628" s="7">
        <v>91.746519000000006</v>
      </c>
      <c r="AA1628" s="7">
        <v>93.595873012300004</v>
      </c>
      <c r="AB1628" s="7">
        <v>91.113118867400004</v>
      </c>
      <c r="AC1628" s="7">
        <v>54.535951908100003</v>
      </c>
      <c r="AD1628" s="7">
        <v>54.015220601499998</v>
      </c>
      <c r="AE1628" s="7">
        <v>53.775738033000003</v>
      </c>
      <c r="AF1628" s="7">
        <v>60.346591511100002</v>
      </c>
      <c r="AG1628" s="9">
        <v>21793.946837899995</v>
      </c>
      <c r="AH1628" s="13">
        <v>0.3517741766967668</v>
      </c>
      <c r="AI1628" s="9">
        <v>8055.0037148000047</v>
      </c>
      <c r="AJ1628" s="13">
        <v>0.13001510562261251</v>
      </c>
      <c r="AK1628" s="9">
        <v>3226.1534986999905</v>
      </c>
      <c r="AL1628" s="13">
        <v>4.6081737547218088E-2</v>
      </c>
      <c r="AM1628" s="9">
        <v>10512.7896244</v>
      </c>
      <c r="AN1628" s="13">
        <v>0.14354767821547929</v>
      </c>
      <c r="AO1628" s="9">
        <v>13738.943123099991</v>
      </c>
      <c r="AP1628" s="13">
        <v>0.19624434219573561</v>
      </c>
      <c r="AQ1628" s="9">
        <v>61954.3681192</v>
      </c>
      <c r="AR1628" s="9">
        <v>61156.000646799999</v>
      </c>
      <c r="AS1628" s="9">
        <v>66041.099232399996</v>
      </c>
      <c r="AT1628" s="9">
        <v>68879.597069099997</v>
      </c>
      <c r="AU1628" s="9">
        <v>70324.661041700005</v>
      </c>
      <c r="AV1628" s="9">
        <v>75090.695234900006</v>
      </c>
      <c r="AW1628" s="9">
        <v>70009.371834000005</v>
      </c>
      <c r="AX1628" s="9">
        <v>72581.899774699996</v>
      </c>
      <c r="AY1628" s="9">
        <v>74208.134697300004</v>
      </c>
      <c r="AZ1628" s="9">
        <v>73235.525332699995</v>
      </c>
      <c r="BA1628" s="9">
        <v>77255.408467999994</v>
      </c>
      <c r="BB1628" s="9">
        <v>78956.950973700004</v>
      </c>
      <c r="BC1628" s="9">
        <v>81077.587079300007</v>
      </c>
      <c r="BD1628" s="9">
        <v>83740.753437199994</v>
      </c>
      <c r="BE1628" s="9">
        <v>89464.422330200003</v>
      </c>
      <c r="BF1628" s="9">
        <v>83748.314957099996</v>
      </c>
      <c r="BG1628" s="11">
        <v>-1</v>
      </c>
      <c r="BH1628" s="13">
        <v>-0.5</v>
      </c>
      <c r="BI1628" s="6">
        <v>0</v>
      </c>
      <c r="BJ1628" s="13">
        <v>0</v>
      </c>
      <c r="BK1628" s="6">
        <v>0</v>
      </c>
      <c r="BL1628" s="13">
        <v>0</v>
      </c>
      <c r="BM1628" s="11">
        <v>-1</v>
      </c>
      <c r="BN1628" s="13">
        <v>-0.5</v>
      </c>
      <c r="BO1628" s="11">
        <v>-1</v>
      </c>
      <c r="BP1628" s="13">
        <v>-0.5</v>
      </c>
      <c r="BQ1628" s="6">
        <v>2</v>
      </c>
      <c r="BR1628" s="6">
        <v>2</v>
      </c>
      <c r="BS1628" s="6">
        <v>2</v>
      </c>
      <c r="BT1628" s="6">
        <v>2</v>
      </c>
      <c r="BU1628" s="6">
        <v>2</v>
      </c>
      <c r="BV1628" s="6">
        <v>2</v>
      </c>
      <c r="BW1628" s="6">
        <v>2</v>
      </c>
      <c r="BX1628" s="6">
        <v>2</v>
      </c>
      <c r="BY1628" s="6">
        <v>2</v>
      </c>
      <c r="BZ1628" s="6">
        <v>2</v>
      </c>
      <c r="CA1628" s="6">
        <v>1</v>
      </c>
      <c r="CB1628" s="6">
        <v>1</v>
      </c>
      <c r="CC1628" s="11">
        <v>1</v>
      </c>
      <c r="CD1628" s="11">
        <v>-16.927600000000002</v>
      </c>
      <c r="CE1628" s="11">
        <v>-13.295299999999999</v>
      </c>
      <c r="CF1628" s="11">
        <v>8.9247499999999995</v>
      </c>
      <c r="CG1628" s="11">
        <v>-4</v>
      </c>
      <c r="CH1628" s="20">
        <v>5.15822</v>
      </c>
      <c r="CI1628" s="20">
        <v>5.4151899999999999</v>
      </c>
      <c r="CJ1628" s="20">
        <v>5.2581199999999999</v>
      </c>
      <c r="CK1628" s="20">
        <v>5.2488200000000003</v>
      </c>
      <c r="CL1628" s="20">
        <v>5.6817099999999998</v>
      </c>
      <c r="CM1628" s="20">
        <v>5.4792100000000001</v>
      </c>
      <c r="CN1628" s="20">
        <v>5.0887500000000001</v>
      </c>
      <c r="CO1628" s="20">
        <v>5.9697300000000002</v>
      </c>
      <c r="CP1628" s="20">
        <v>6.0168499999999998</v>
      </c>
      <c r="CQ1628" s="20">
        <v>6.5841399999999997</v>
      </c>
      <c r="CR1628" s="20">
        <v>6.22424</v>
      </c>
      <c r="CS1628" s="20">
        <v>6.3707799999999999</v>
      </c>
      <c r="CT1628" s="20">
        <v>6.1953800000000001</v>
      </c>
      <c r="CU1628" s="20">
        <v>3.5817700000000001</v>
      </c>
      <c r="CV1628" s="20">
        <v>3.4931100000000002</v>
      </c>
      <c r="CW1628" s="20">
        <v>3.5417100000000001</v>
      </c>
      <c r="CX1628" s="20">
        <v>3.8494199999999998</v>
      </c>
      <c r="CY1628" s="6" t="s">
        <v>628</v>
      </c>
      <c r="CZ1628" s="6" t="s">
        <v>629</v>
      </c>
      <c r="DA1628" s="6" t="s">
        <v>149</v>
      </c>
      <c r="DB1628" s="6"/>
      <c r="DC1628" s="6">
        <v>27620</v>
      </c>
      <c r="DD1628" s="6"/>
      <c r="DE1628" s="6" t="s">
        <v>436</v>
      </c>
      <c r="DF1628" s="6" t="s">
        <v>375</v>
      </c>
      <c r="DG1628" s="6" t="s">
        <v>376</v>
      </c>
      <c r="DH1628" s="6" t="s">
        <v>328</v>
      </c>
      <c r="DI1628" s="6"/>
      <c r="DJ1628" s="6">
        <v>29</v>
      </c>
      <c r="DK1628" s="6">
        <v>151</v>
      </c>
      <c r="DL1628" s="6">
        <v>2</v>
      </c>
      <c r="DM1628" s="6" t="s">
        <v>379</v>
      </c>
      <c r="DN1628" s="6">
        <v>3</v>
      </c>
      <c r="DO1628" s="6" t="s">
        <v>380</v>
      </c>
      <c r="DP1628" s="6"/>
      <c r="DQ1628" s="6"/>
    </row>
    <row r="1629" spans="1:121" x14ac:dyDescent="0.2">
      <c r="A1629" s="6" t="s">
        <v>312</v>
      </c>
      <c r="B1629" s="6" t="s">
        <v>312</v>
      </c>
      <c r="C1629" s="6" t="s">
        <v>175</v>
      </c>
      <c r="D1629" s="6" t="s">
        <v>149</v>
      </c>
      <c r="E1629" s="6" t="s">
        <v>290</v>
      </c>
      <c r="F1629" s="11">
        <v>108</v>
      </c>
      <c r="G1629" s="13">
        <v>0.32628398791500002</v>
      </c>
      <c r="H1629" s="11">
        <v>66.83491408499998</v>
      </c>
      <c r="I1629" s="13">
        <v>0.20172573447175524</v>
      </c>
      <c r="J1629" s="11">
        <v>-98.386059729999999</v>
      </c>
      <c r="K1629" s="13">
        <v>-0.24710760847342916</v>
      </c>
      <c r="L1629" s="11">
        <v>139.31895686900003</v>
      </c>
      <c r="M1629" s="13">
        <v>0.46476119051452947</v>
      </c>
      <c r="N1629" s="11">
        <v>40.932897139000033</v>
      </c>
      <c r="O1629" s="13">
        <v>0.10280755574179117</v>
      </c>
      <c r="P1629" s="7">
        <v>331.315755325</v>
      </c>
      <c r="Q1629" s="7">
        <v>343.19380392199997</v>
      </c>
      <c r="R1629" s="7">
        <v>383.900874198</v>
      </c>
      <c r="S1629" s="7">
        <v>377.751750399</v>
      </c>
      <c r="T1629" s="7">
        <v>379.80313321800003</v>
      </c>
      <c r="U1629" s="7">
        <v>401.36957697700001</v>
      </c>
      <c r="V1629" s="7">
        <v>398.15066940999998</v>
      </c>
      <c r="W1629" s="7">
        <v>353.353431091</v>
      </c>
      <c r="X1629" s="7">
        <v>337.485487326</v>
      </c>
      <c r="Y1629" s="7">
        <v>299.76460967999998</v>
      </c>
      <c r="Z1629" s="7">
        <v>333.36976377000002</v>
      </c>
      <c r="AA1629" s="7">
        <v>341.84034699400002</v>
      </c>
      <c r="AB1629" s="7">
        <v>388.70362124899998</v>
      </c>
      <c r="AC1629" s="7">
        <v>406.867883371</v>
      </c>
      <c r="AD1629" s="7">
        <v>421.17218134699999</v>
      </c>
      <c r="AE1629" s="7">
        <v>423.784904256</v>
      </c>
      <c r="AF1629" s="7">
        <v>439.08356654900001</v>
      </c>
      <c r="AG1629" s="9">
        <v>12734.053163800003</v>
      </c>
      <c r="AH1629" s="13">
        <v>0.50233854403073008</v>
      </c>
      <c r="AI1629" s="9">
        <v>3184.411772200001</v>
      </c>
      <c r="AJ1629" s="13">
        <v>0.12562007969219979</v>
      </c>
      <c r="AK1629" s="9">
        <v>-1083.6077863999999</v>
      </c>
      <c r="AL1629" s="13">
        <v>-3.7976079606450983E-2</v>
      </c>
      <c r="AM1629" s="9">
        <v>10633.249178000002</v>
      </c>
      <c r="AN1629" s="13">
        <v>0.38736299723111761</v>
      </c>
      <c r="AO1629" s="9">
        <v>9549.641391600002</v>
      </c>
      <c r="AP1629" s="13">
        <v>0.33467638960522428</v>
      </c>
      <c r="AQ1629" s="9">
        <v>25349.544276699999</v>
      </c>
      <c r="AR1629" s="9">
        <v>25412.6798877</v>
      </c>
      <c r="AS1629" s="9">
        <v>26374.019465400001</v>
      </c>
      <c r="AT1629" s="9">
        <v>25429.4748339</v>
      </c>
      <c r="AU1629" s="9">
        <v>26486.959814900001</v>
      </c>
      <c r="AV1629" s="9">
        <v>27484.991309500001</v>
      </c>
      <c r="AW1629" s="9">
        <v>28533.9560489</v>
      </c>
      <c r="AX1629" s="9">
        <v>27674.111367900001</v>
      </c>
      <c r="AY1629" s="9">
        <v>27592.398243799998</v>
      </c>
      <c r="AZ1629" s="9">
        <v>27450.3482625</v>
      </c>
      <c r="BA1629" s="9">
        <v>28727.636655999999</v>
      </c>
      <c r="BB1629" s="9">
        <v>31111.593503200002</v>
      </c>
      <c r="BC1629" s="9">
        <v>33577.2694108</v>
      </c>
      <c r="BD1629" s="9">
        <v>35245.842461699998</v>
      </c>
      <c r="BE1629" s="9">
        <v>36088.912849200002</v>
      </c>
      <c r="BF1629" s="9">
        <v>38083.597440500002</v>
      </c>
      <c r="BG1629" s="11">
        <v>3.75</v>
      </c>
      <c r="BH1629" s="13">
        <v>7.8125E-2</v>
      </c>
      <c r="BI1629" s="6">
        <v>7</v>
      </c>
      <c r="BJ1629" s="13">
        <v>0.14583333333333334</v>
      </c>
      <c r="BK1629" s="6">
        <v>-14</v>
      </c>
      <c r="BL1629" s="13">
        <v>-0.25454545454545452</v>
      </c>
      <c r="BM1629" s="11">
        <v>10.75</v>
      </c>
      <c r="BN1629" s="13">
        <v>0.26219512195121952</v>
      </c>
      <c r="BO1629" s="11">
        <v>-3.25</v>
      </c>
      <c r="BP1629" s="13">
        <v>-5.909090909090909E-2</v>
      </c>
      <c r="BQ1629" s="6">
        <v>48</v>
      </c>
      <c r="BR1629" s="6">
        <v>56</v>
      </c>
      <c r="BS1629" s="6">
        <v>55</v>
      </c>
      <c r="BT1629" s="6">
        <v>55</v>
      </c>
      <c r="BU1629" s="6">
        <v>53</v>
      </c>
      <c r="BV1629" s="6">
        <v>50</v>
      </c>
      <c r="BW1629" s="6">
        <v>41</v>
      </c>
      <c r="BX1629" s="6">
        <v>41</v>
      </c>
      <c r="BY1629" s="6">
        <v>38</v>
      </c>
      <c r="BZ1629" s="6">
        <v>44</v>
      </c>
      <c r="CA1629" s="6">
        <v>50</v>
      </c>
      <c r="CB1629" s="6">
        <v>55</v>
      </c>
      <c r="CC1629" s="11">
        <v>51.75</v>
      </c>
      <c r="CD1629" s="11">
        <v>111.682</v>
      </c>
      <c r="CE1629" s="11">
        <v>-40.130800000000001</v>
      </c>
      <c r="CF1629" s="11">
        <v>36.216799999999999</v>
      </c>
      <c r="CG1629" s="11">
        <v>-4</v>
      </c>
      <c r="CH1629" s="20">
        <v>1.44316</v>
      </c>
      <c r="CI1629" s="20">
        <v>1.4864900000000001</v>
      </c>
      <c r="CJ1629" s="20">
        <v>1.5807500000000001</v>
      </c>
      <c r="CK1629" s="20">
        <v>1.48312</v>
      </c>
      <c r="CL1629" s="20">
        <v>1.4232100000000001</v>
      </c>
      <c r="CM1629" s="20">
        <v>1.42113</v>
      </c>
      <c r="CN1629" s="20">
        <v>1.38764</v>
      </c>
      <c r="CO1629" s="20">
        <v>1.3197000000000001</v>
      </c>
      <c r="CP1629" s="20">
        <v>1.4472100000000001</v>
      </c>
      <c r="CQ1629" s="20">
        <v>1.46991</v>
      </c>
      <c r="CR1629" s="20">
        <v>1.67092</v>
      </c>
      <c r="CS1629" s="20">
        <v>1.7028700000000001</v>
      </c>
      <c r="CT1629" s="20">
        <v>1.8874899999999999</v>
      </c>
      <c r="CU1629" s="20">
        <v>1.8503799999999999</v>
      </c>
      <c r="CV1629" s="20">
        <v>1.8338000000000001</v>
      </c>
      <c r="CW1629" s="20">
        <v>1.8404199999999999</v>
      </c>
      <c r="CX1629" s="20">
        <v>1.8495200000000001</v>
      </c>
      <c r="CY1629" s="6" t="s">
        <v>628</v>
      </c>
      <c r="CZ1629" s="6" t="s">
        <v>629</v>
      </c>
      <c r="DA1629" s="6" t="s">
        <v>149</v>
      </c>
      <c r="DB1629" s="6"/>
      <c r="DC1629" s="6">
        <v>27620</v>
      </c>
      <c r="DD1629" s="6"/>
      <c r="DE1629" s="6" t="s">
        <v>436</v>
      </c>
      <c r="DF1629" s="6" t="s">
        <v>375</v>
      </c>
      <c r="DG1629" s="6" t="s">
        <v>376</v>
      </c>
      <c r="DH1629" s="6" t="s">
        <v>328</v>
      </c>
      <c r="DI1629" s="6"/>
      <c r="DJ1629" s="6">
        <v>29</v>
      </c>
      <c r="DK1629" s="6">
        <v>151</v>
      </c>
      <c r="DL1629" s="6">
        <v>2</v>
      </c>
      <c r="DM1629" s="6" t="s">
        <v>379</v>
      </c>
      <c r="DN1629" s="6">
        <v>3</v>
      </c>
      <c r="DO1629" s="6" t="s">
        <v>380</v>
      </c>
      <c r="DP1629" s="6"/>
      <c r="DQ1629" s="6"/>
    </row>
    <row r="1630" spans="1:121" x14ac:dyDescent="0.2">
      <c r="A1630" s="6" t="s">
        <v>792</v>
      </c>
      <c r="B1630" s="6" t="s">
        <v>176</v>
      </c>
      <c r="C1630" s="6" t="s">
        <v>177</v>
      </c>
      <c r="D1630" s="6" t="s">
        <v>149</v>
      </c>
      <c r="E1630" s="6" t="s">
        <v>290</v>
      </c>
      <c r="F1630" s="11">
        <v>310</v>
      </c>
      <c r="G1630" s="13">
        <v>0.29893924782999998</v>
      </c>
      <c r="H1630" s="11">
        <v>-54.696248737000019</v>
      </c>
      <c r="I1630" s="13">
        <v>-5.2730143645860178E-2</v>
      </c>
      <c r="J1630" s="11">
        <v>-219.86669742100003</v>
      </c>
      <c r="K1630" s="13">
        <v>-0.22376241878852948</v>
      </c>
      <c r="L1630" s="11">
        <v>584.51885724800002</v>
      </c>
      <c r="M1630" s="13">
        <v>0.7663577548274122</v>
      </c>
      <c r="N1630" s="11">
        <v>364.65215982699999</v>
      </c>
      <c r="O1630" s="13">
        <v>0.37111327116135406</v>
      </c>
      <c r="P1630" s="7">
        <v>1037.2861698300001</v>
      </c>
      <c r="Q1630" s="7">
        <v>986.64194105700005</v>
      </c>
      <c r="R1630" s="7">
        <v>1029.42861492</v>
      </c>
      <c r="S1630" s="7">
        <v>1022.08278861</v>
      </c>
      <c r="T1630" s="7">
        <v>1024.3441077099999</v>
      </c>
      <c r="U1630" s="7">
        <v>1042.24293773</v>
      </c>
      <c r="V1630" s="7">
        <v>982.58992109300004</v>
      </c>
      <c r="W1630" s="7">
        <v>997.45164534699995</v>
      </c>
      <c r="X1630" s="7">
        <v>900.40353569599995</v>
      </c>
      <c r="Y1630" s="7">
        <v>762.72322367200002</v>
      </c>
      <c r="Z1630" s="7">
        <v>802.09941518000005</v>
      </c>
      <c r="AA1630" s="7">
        <v>814.93917230299996</v>
      </c>
      <c r="AB1630" s="7">
        <v>884.17336163599998</v>
      </c>
      <c r="AC1630" s="7">
        <v>1102.87851776</v>
      </c>
      <c r="AD1630" s="7">
        <v>1136.5816787799999</v>
      </c>
      <c r="AE1630" s="7">
        <v>1231.0579937</v>
      </c>
      <c r="AF1630" s="7">
        <v>1347.24208092</v>
      </c>
      <c r="AG1630" s="9">
        <v>25634.217201399999</v>
      </c>
      <c r="AH1630" s="13">
        <v>0.91152436723268015</v>
      </c>
      <c r="AI1630" s="9">
        <v>11156.544151799997</v>
      </c>
      <c r="AJ1630" s="13">
        <v>0.39671435131311711</v>
      </c>
      <c r="AK1630" s="9">
        <v>-253.53641019999486</v>
      </c>
      <c r="AL1630" s="13">
        <v>-6.4547728616401959E-3</v>
      </c>
      <c r="AM1630" s="9">
        <v>14731.209459799997</v>
      </c>
      <c r="AN1630" s="13">
        <v>0.37747777874024002</v>
      </c>
      <c r="AO1630" s="9">
        <v>14477.673049600002</v>
      </c>
      <c r="AP1630" s="13">
        <v>0.36858647255651505</v>
      </c>
      <c r="AQ1630" s="9">
        <v>28122.3608747</v>
      </c>
      <c r="AR1630" s="9">
        <v>29671.194813599999</v>
      </c>
      <c r="AS1630" s="9">
        <v>31541.0803203</v>
      </c>
      <c r="AT1630" s="9">
        <v>32487.131466300001</v>
      </c>
      <c r="AU1630" s="9">
        <v>34376.666544799999</v>
      </c>
      <c r="AV1630" s="9">
        <v>36784.361345500001</v>
      </c>
      <c r="AW1630" s="9">
        <v>39278.905026499997</v>
      </c>
      <c r="AX1630" s="9">
        <v>39322.112215599998</v>
      </c>
      <c r="AY1630" s="9">
        <v>41087.724797800001</v>
      </c>
      <c r="AZ1630" s="9">
        <v>39025.368616300002</v>
      </c>
      <c r="BA1630" s="9">
        <v>39408.089324599998</v>
      </c>
      <c r="BB1630" s="9">
        <v>41525.951431900001</v>
      </c>
      <c r="BC1630" s="9">
        <v>40219.520771800002</v>
      </c>
      <c r="BD1630" s="9">
        <v>45371.9150945</v>
      </c>
      <c r="BE1630" s="9">
        <v>49950.251000299999</v>
      </c>
      <c r="BF1630" s="9">
        <v>53756.578076099999</v>
      </c>
      <c r="BG1630" s="11">
        <v>-6.5</v>
      </c>
      <c r="BH1630" s="13">
        <v>-0.19696969696969696</v>
      </c>
      <c r="BI1630" s="6">
        <v>1</v>
      </c>
      <c r="BJ1630" s="13">
        <v>3.0303030303030304E-2</v>
      </c>
      <c r="BK1630" s="6">
        <v>-5</v>
      </c>
      <c r="BL1630" s="13">
        <v>-0.14705882352941177</v>
      </c>
      <c r="BM1630" s="11">
        <v>-2.5</v>
      </c>
      <c r="BN1630" s="13">
        <v>-8.6206896551724144E-2</v>
      </c>
      <c r="BO1630" s="11">
        <v>-7.5</v>
      </c>
      <c r="BP1630" s="13">
        <v>-0.22058823529411764</v>
      </c>
      <c r="BQ1630" s="6">
        <v>33</v>
      </c>
      <c r="BR1630" s="6">
        <v>34</v>
      </c>
      <c r="BS1630" s="6">
        <v>34</v>
      </c>
      <c r="BT1630" s="6">
        <v>34</v>
      </c>
      <c r="BU1630" s="6">
        <v>34</v>
      </c>
      <c r="BV1630" s="6">
        <v>33</v>
      </c>
      <c r="BW1630" s="6">
        <v>29</v>
      </c>
      <c r="BX1630" s="6">
        <v>28</v>
      </c>
      <c r="BY1630" s="6">
        <v>28</v>
      </c>
      <c r="BZ1630" s="6">
        <v>28</v>
      </c>
      <c r="CA1630" s="6">
        <v>30</v>
      </c>
      <c r="CB1630" s="6">
        <v>28</v>
      </c>
      <c r="CC1630" s="11">
        <v>26.5</v>
      </c>
      <c r="CD1630" s="11">
        <v>562.70699999999999</v>
      </c>
      <c r="CE1630" s="11">
        <v>-366.13900000000001</v>
      </c>
      <c r="CF1630" s="11">
        <v>113.38800000000001</v>
      </c>
      <c r="CG1630" s="11">
        <v>-253</v>
      </c>
      <c r="CH1630" s="20">
        <v>2.36008</v>
      </c>
      <c r="CI1630" s="20">
        <v>2.3854500000000001</v>
      </c>
      <c r="CJ1630" s="20">
        <v>2.5292300000000001</v>
      </c>
      <c r="CK1630" s="20">
        <v>2.5361199999999999</v>
      </c>
      <c r="CL1630" s="20">
        <v>2.5545</v>
      </c>
      <c r="CM1630" s="20">
        <v>2.5741499999999999</v>
      </c>
      <c r="CN1630" s="20">
        <v>2.4184399999999999</v>
      </c>
      <c r="CO1630" s="20">
        <v>2.5739800000000002</v>
      </c>
      <c r="CP1630" s="20">
        <v>2.6284700000000001</v>
      </c>
      <c r="CQ1630" s="20">
        <v>2.40856</v>
      </c>
      <c r="CR1630" s="20">
        <v>2.51193</v>
      </c>
      <c r="CS1630" s="20">
        <v>2.5182899999999999</v>
      </c>
      <c r="CT1630" s="20">
        <v>2.7052700000000001</v>
      </c>
      <c r="CU1630" s="20">
        <v>3.23787</v>
      </c>
      <c r="CV1630" s="20">
        <v>3.2841</v>
      </c>
      <c r="CW1630" s="20">
        <v>3.6253099999999998</v>
      </c>
      <c r="CX1630" s="20">
        <v>3.8729100000000001</v>
      </c>
      <c r="CY1630" s="6" t="s">
        <v>628</v>
      </c>
      <c r="CZ1630" s="6" t="s">
        <v>629</v>
      </c>
      <c r="DA1630" s="6" t="s">
        <v>149</v>
      </c>
      <c r="DB1630" s="6"/>
      <c r="DC1630" s="6">
        <v>27620</v>
      </c>
      <c r="DD1630" s="6"/>
      <c r="DE1630" s="6" t="s">
        <v>436</v>
      </c>
      <c r="DF1630" s="6" t="s">
        <v>375</v>
      </c>
      <c r="DG1630" s="6" t="s">
        <v>376</v>
      </c>
      <c r="DH1630" s="6" t="s">
        <v>328</v>
      </c>
      <c r="DI1630" s="6"/>
      <c r="DJ1630" s="6">
        <v>29</v>
      </c>
      <c r="DK1630" s="6">
        <v>151</v>
      </c>
      <c r="DL1630" s="6">
        <v>2</v>
      </c>
      <c r="DM1630" s="6" t="s">
        <v>379</v>
      </c>
      <c r="DN1630" s="6">
        <v>3</v>
      </c>
      <c r="DO1630" s="6" t="s">
        <v>380</v>
      </c>
      <c r="DP1630" s="6"/>
      <c r="DQ1630" s="6"/>
    </row>
    <row r="1631" spans="1:121" x14ac:dyDescent="0.2">
      <c r="A1631" s="6" t="s">
        <v>313</v>
      </c>
      <c r="B1631" s="6" t="s">
        <v>313</v>
      </c>
      <c r="C1631" s="6" t="s">
        <v>178</v>
      </c>
      <c r="D1631" s="6" t="s">
        <v>149</v>
      </c>
      <c r="E1631" s="6" t="s">
        <v>290</v>
      </c>
      <c r="F1631" s="11">
        <v>8</v>
      </c>
      <c r="G1631" s="13">
        <v>9.0909090909100002E-2</v>
      </c>
      <c r="H1631" s="11">
        <v>-2.0085170512000019</v>
      </c>
      <c r="I1631" s="13">
        <v>-2.2774127062449322E-2</v>
      </c>
      <c r="J1631" s="11">
        <v>-18.219802901899996</v>
      </c>
      <c r="K1631" s="13">
        <v>-0.21140484393824183</v>
      </c>
      <c r="L1631" s="11">
        <v>27.627899288199998</v>
      </c>
      <c r="M1631" s="13">
        <v>0.40650418276674088</v>
      </c>
      <c r="N1631" s="11">
        <v>9.4080963863000022</v>
      </c>
      <c r="O1631" s="13">
        <v>0.10916238551045362</v>
      </c>
      <c r="P1631" s="7">
        <v>88.192932519099998</v>
      </c>
      <c r="Q1631" s="7">
        <v>91.312266871299997</v>
      </c>
      <c r="R1631" s="7">
        <v>94.856381902500004</v>
      </c>
      <c r="S1631" s="7">
        <v>94.104012812500002</v>
      </c>
      <c r="T1631" s="7">
        <v>95.055435611299998</v>
      </c>
      <c r="U1631" s="7">
        <v>102.75043220400001</v>
      </c>
      <c r="V1631" s="7">
        <v>86.184415467899996</v>
      </c>
      <c r="W1631" s="7">
        <v>67.034919745699995</v>
      </c>
      <c r="X1631" s="7">
        <v>62.617595439200002</v>
      </c>
      <c r="Y1631" s="7">
        <v>67.964612566</v>
      </c>
      <c r="Z1631" s="7">
        <v>69.3461819061</v>
      </c>
      <c r="AA1631" s="7">
        <v>69.596922318899999</v>
      </c>
      <c r="AB1631" s="7">
        <v>69.244413394199995</v>
      </c>
      <c r="AC1631" s="7">
        <v>86.464505883800001</v>
      </c>
      <c r="AD1631" s="7">
        <v>92.572642349899994</v>
      </c>
      <c r="AE1631" s="7">
        <v>92.157519513500006</v>
      </c>
      <c r="AF1631" s="7">
        <v>95.592511854199998</v>
      </c>
      <c r="AG1631" s="9">
        <v>16916.798369599997</v>
      </c>
      <c r="AH1631" s="13">
        <v>0.7515905193353476</v>
      </c>
      <c r="AI1631" s="9">
        <v>9962.687537400001</v>
      </c>
      <c r="AJ1631" s="13">
        <v>0.44262876086920666</v>
      </c>
      <c r="AK1631" s="9">
        <v>-2060.9040817999994</v>
      </c>
      <c r="AL1631" s="13">
        <v>-6.3469680684078392E-2</v>
      </c>
      <c r="AM1631" s="9">
        <v>9015.0149139999958</v>
      </c>
      <c r="AN1631" s="13">
        <v>0.29645115155830226</v>
      </c>
      <c r="AO1631" s="9">
        <v>6954.1108321999964</v>
      </c>
      <c r="AP1631" s="13">
        <v>0.21416581094639109</v>
      </c>
      <c r="AQ1631" s="9">
        <v>22507.9986168</v>
      </c>
      <c r="AR1631" s="9">
        <v>25244.657739099999</v>
      </c>
      <c r="AS1631" s="9">
        <v>23330.043076800001</v>
      </c>
      <c r="AT1631" s="9">
        <v>26439.853548700001</v>
      </c>
      <c r="AU1631" s="9">
        <v>27860.651740400001</v>
      </c>
      <c r="AV1631" s="9">
        <v>27538.9658151</v>
      </c>
      <c r="AW1631" s="9">
        <v>32470.686154200001</v>
      </c>
      <c r="AX1631" s="9">
        <v>27338.978282200002</v>
      </c>
      <c r="AY1631" s="9">
        <v>29155.8986109</v>
      </c>
      <c r="AZ1631" s="9">
        <v>30409.782072400001</v>
      </c>
      <c r="BA1631" s="9">
        <v>28522.811102399999</v>
      </c>
      <c r="BB1631" s="9">
        <v>29855.732737599999</v>
      </c>
      <c r="BC1631" s="9">
        <v>28437.392134099999</v>
      </c>
      <c r="BD1631" s="9">
        <v>30482.673164799999</v>
      </c>
      <c r="BE1631" s="9">
        <v>36940.167794499997</v>
      </c>
      <c r="BF1631" s="9">
        <v>39424.796986399997</v>
      </c>
      <c r="BG1631" s="11">
        <v>-3.5</v>
      </c>
      <c r="BH1631" s="13">
        <v>-0.25</v>
      </c>
      <c r="BI1631" s="6">
        <v>-2</v>
      </c>
      <c r="BJ1631" s="13">
        <v>-0.14285714285714285</v>
      </c>
      <c r="BK1631" s="6">
        <v>-2</v>
      </c>
      <c r="BL1631" s="13">
        <v>-0.16666666666666666</v>
      </c>
      <c r="BM1631" s="11">
        <v>0.5</v>
      </c>
      <c r="BN1631" s="13">
        <v>0.05</v>
      </c>
      <c r="BO1631" s="11">
        <v>-1.5</v>
      </c>
      <c r="BP1631" s="13">
        <v>-0.125</v>
      </c>
      <c r="BQ1631" s="6">
        <v>14</v>
      </c>
      <c r="BR1631" s="6">
        <v>17</v>
      </c>
      <c r="BS1631" s="6">
        <v>15</v>
      </c>
      <c r="BT1631" s="6">
        <v>12</v>
      </c>
      <c r="BU1631" s="6">
        <v>12</v>
      </c>
      <c r="BV1631" s="6">
        <v>10</v>
      </c>
      <c r="BW1631" s="6">
        <v>10</v>
      </c>
      <c r="BX1631" s="6">
        <v>8</v>
      </c>
      <c r="BY1631" s="6">
        <v>8</v>
      </c>
      <c r="BZ1631" s="6">
        <v>8</v>
      </c>
      <c r="CA1631" s="6">
        <v>12</v>
      </c>
      <c r="CB1631" s="6">
        <v>13</v>
      </c>
      <c r="CC1631" s="11">
        <v>10.5</v>
      </c>
      <c r="CD1631" s="11">
        <v>4.9703499999999998</v>
      </c>
      <c r="CE1631" s="11">
        <v>-7.2113199999999997</v>
      </c>
      <c r="CF1631" s="11">
        <v>9.6405499999999993</v>
      </c>
      <c r="CG1631" s="11">
        <v>3</v>
      </c>
      <c r="CH1631" s="20">
        <v>0.56352899999999995</v>
      </c>
      <c r="CI1631" s="20">
        <v>0.58885100000000001</v>
      </c>
      <c r="CJ1631" s="20">
        <v>0.59421400000000002</v>
      </c>
      <c r="CK1631" s="20">
        <v>0.58126599999999995</v>
      </c>
      <c r="CL1631" s="20">
        <v>0.57609699999999997</v>
      </c>
      <c r="CM1631" s="20">
        <v>0.600074</v>
      </c>
      <c r="CN1631" s="20">
        <v>0.48383100000000001</v>
      </c>
      <c r="CO1631" s="20">
        <v>0.38445299999999999</v>
      </c>
      <c r="CP1631" s="20">
        <v>0.38402199999999997</v>
      </c>
      <c r="CQ1631" s="20">
        <v>0.44639499999999999</v>
      </c>
      <c r="CR1631" s="20">
        <v>0.45368000000000003</v>
      </c>
      <c r="CS1631" s="20">
        <v>0.44875700000000002</v>
      </c>
      <c r="CT1631" s="20">
        <v>0.43957000000000002</v>
      </c>
      <c r="CU1631" s="20">
        <v>0.52732999999999997</v>
      </c>
      <c r="CV1631" s="20">
        <v>0.55602399999999996</v>
      </c>
      <c r="CW1631" s="20">
        <v>0.56560500000000002</v>
      </c>
      <c r="CX1631" s="20">
        <v>0.56804399999999999</v>
      </c>
      <c r="CY1631" s="6" t="s">
        <v>628</v>
      </c>
      <c r="CZ1631" s="6" t="s">
        <v>629</v>
      </c>
      <c r="DA1631" s="6" t="s">
        <v>149</v>
      </c>
      <c r="DB1631" s="6"/>
      <c r="DC1631" s="6">
        <v>27620</v>
      </c>
      <c r="DD1631" s="6"/>
      <c r="DE1631" s="6" t="s">
        <v>436</v>
      </c>
      <c r="DF1631" s="6" t="s">
        <v>375</v>
      </c>
      <c r="DG1631" s="6" t="s">
        <v>376</v>
      </c>
      <c r="DH1631" s="6" t="s">
        <v>328</v>
      </c>
      <c r="DI1631" s="6"/>
      <c r="DJ1631" s="6">
        <v>29</v>
      </c>
      <c r="DK1631" s="6">
        <v>151</v>
      </c>
      <c r="DL1631" s="6">
        <v>2</v>
      </c>
      <c r="DM1631" s="6" t="s">
        <v>379</v>
      </c>
      <c r="DN1631" s="6">
        <v>3</v>
      </c>
      <c r="DO1631" s="6" t="s">
        <v>380</v>
      </c>
      <c r="DP1631" s="6"/>
      <c r="DQ1631" s="6"/>
    </row>
    <row r="1632" spans="1:121" x14ac:dyDescent="0.2">
      <c r="A1632" s="6" t="s">
        <v>793</v>
      </c>
      <c r="B1632" s="6" t="s">
        <v>179</v>
      </c>
      <c r="C1632" s="6" t="s">
        <v>180</v>
      </c>
      <c r="D1632" s="6" t="s">
        <v>149</v>
      </c>
      <c r="E1632" s="6" t="s">
        <v>290</v>
      </c>
      <c r="F1632" s="11">
        <v>-90</v>
      </c>
      <c r="G1632" s="13">
        <v>-0.2</v>
      </c>
      <c r="H1632" s="11">
        <v>81</v>
      </c>
      <c r="I1632" s="13">
        <v>0.18161434977578475</v>
      </c>
      <c r="J1632" s="11">
        <v>-80</v>
      </c>
      <c r="K1632" s="13">
        <v>-0.15180265654648956</v>
      </c>
      <c r="L1632" s="11">
        <v>-91</v>
      </c>
      <c r="M1632" s="13">
        <v>-0.20357941834451901</v>
      </c>
      <c r="N1632" s="11">
        <v>-171</v>
      </c>
      <c r="O1632" s="13">
        <v>-0.32447817836812143</v>
      </c>
      <c r="P1632" s="7">
        <v>446</v>
      </c>
      <c r="Q1632" s="7">
        <v>470</v>
      </c>
      <c r="R1632" s="7">
        <v>475</v>
      </c>
      <c r="S1632" s="7">
        <v>477</v>
      </c>
      <c r="T1632" s="7">
        <v>488</v>
      </c>
      <c r="U1632" s="7">
        <v>500</v>
      </c>
      <c r="V1632" s="7">
        <v>527</v>
      </c>
      <c r="W1632" s="7">
        <v>498</v>
      </c>
      <c r="X1632" s="7">
        <v>465</v>
      </c>
      <c r="Y1632" s="7">
        <v>447</v>
      </c>
      <c r="Z1632" s="7">
        <v>439</v>
      </c>
      <c r="AA1632" s="7">
        <v>437</v>
      </c>
      <c r="AB1632" s="7">
        <v>420</v>
      </c>
      <c r="AC1632" s="7">
        <v>411</v>
      </c>
      <c r="AD1632" s="7">
        <v>398</v>
      </c>
      <c r="AE1632" s="7">
        <v>366</v>
      </c>
      <c r="AF1632" s="7">
        <v>356</v>
      </c>
      <c r="AG1632" s="9">
        <v>8369</v>
      </c>
      <c r="AH1632" s="13">
        <v>0.3713613773517927</v>
      </c>
      <c r="AI1632" s="9">
        <v>3982</v>
      </c>
      <c r="AJ1632" s="13">
        <v>0.17669506567270146</v>
      </c>
      <c r="AK1632" s="9">
        <v>-64</v>
      </c>
      <c r="AL1632" s="13">
        <v>-2.4134550116901728E-3</v>
      </c>
      <c r="AM1632" s="9">
        <v>4451</v>
      </c>
      <c r="AN1632" s="13">
        <v>0.16825432826793679</v>
      </c>
      <c r="AO1632" s="9">
        <v>4387</v>
      </c>
      <c r="AP1632" s="13">
        <v>0.1654347990044498</v>
      </c>
      <c r="AQ1632" s="9">
        <v>22536</v>
      </c>
      <c r="AR1632" s="9">
        <v>23838</v>
      </c>
      <c r="AS1632" s="9">
        <v>25207</v>
      </c>
      <c r="AT1632" s="9">
        <v>24684</v>
      </c>
      <c r="AU1632" s="9">
        <v>26700</v>
      </c>
      <c r="AV1632" s="9">
        <v>27008</v>
      </c>
      <c r="AW1632" s="9">
        <v>26518</v>
      </c>
      <c r="AX1632" s="9">
        <v>26982</v>
      </c>
      <c r="AY1632" s="9">
        <v>26501</v>
      </c>
      <c r="AZ1632" s="9">
        <v>26454</v>
      </c>
      <c r="BA1632" s="9">
        <v>26709</v>
      </c>
      <c r="BB1632" s="9">
        <v>26811</v>
      </c>
      <c r="BC1632" s="9">
        <v>27606</v>
      </c>
      <c r="BD1632" s="9">
        <v>27582</v>
      </c>
      <c r="BE1632" s="9">
        <v>28783</v>
      </c>
      <c r="BF1632" s="9">
        <v>30905</v>
      </c>
      <c r="BG1632" s="11">
        <v>-10</v>
      </c>
      <c r="BH1632" s="13">
        <v>-0.20408163265306123</v>
      </c>
      <c r="BI1632" s="6">
        <v>-4</v>
      </c>
      <c r="BJ1632" s="13">
        <v>-8.1632653061224483E-2</v>
      </c>
      <c r="BK1632" s="6">
        <v>-1</v>
      </c>
      <c r="BL1632" s="13">
        <v>-2.2222222222222223E-2</v>
      </c>
      <c r="BM1632" s="11">
        <v>-5</v>
      </c>
      <c r="BN1632" s="13">
        <v>-0.11363636363636363</v>
      </c>
      <c r="BO1632" s="11">
        <v>-6</v>
      </c>
      <c r="BP1632" s="13">
        <v>-0.13333333333333333</v>
      </c>
      <c r="BQ1632" s="6">
        <v>49</v>
      </c>
      <c r="BR1632" s="6">
        <v>46</v>
      </c>
      <c r="BS1632" s="6">
        <v>45</v>
      </c>
      <c r="BT1632" s="6">
        <v>45</v>
      </c>
      <c r="BU1632" s="6">
        <v>44</v>
      </c>
      <c r="BV1632" s="6">
        <v>42</v>
      </c>
      <c r="BW1632" s="6">
        <v>44</v>
      </c>
      <c r="BX1632" s="6">
        <v>43</v>
      </c>
      <c r="BY1632" s="6">
        <v>42</v>
      </c>
      <c r="BZ1632" s="6">
        <v>44</v>
      </c>
      <c r="CA1632" s="6">
        <v>46</v>
      </c>
      <c r="CB1632" s="6">
        <v>41</v>
      </c>
      <c r="CC1632" s="11">
        <v>39</v>
      </c>
      <c r="CD1632" s="11">
        <v>-109</v>
      </c>
      <c r="CE1632" s="11">
        <v>-29</v>
      </c>
      <c r="CF1632" s="11">
        <v>49</v>
      </c>
      <c r="CG1632" s="11">
        <v>20</v>
      </c>
      <c r="CH1632" s="20">
        <v>1.06</v>
      </c>
      <c r="CI1632" s="20">
        <v>1.1100000000000001</v>
      </c>
      <c r="CJ1632" s="20">
        <v>1.0900000000000001</v>
      </c>
      <c r="CK1632" s="20">
        <v>1.0900000000000001</v>
      </c>
      <c r="CL1632" s="20">
        <v>1.1000000000000001</v>
      </c>
      <c r="CM1632" s="20">
        <v>1.1000000000000001</v>
      </c>
      <c r="CN1632" s="20">
        <v>1.1200000000000001</v>
      </c>
      <c r="CO1632" s="20">
        <v>1.0900000000000001</v>
      </c>
      <c r="CP1632" s="20">
        <v>1.07</v>
      </c>
      <c r="CQ1632" s="20">
        <v>1.0900000000000001</v>
      </c>
      <c r="CR1632" s="20">
        <v>1.07</v>
      </c>
      <c r="CS1632" s="20">
        <v>1.06</v>
      </c>
      <c r="CT1632" s="20">
        <v>1</v>
      </c>
      <c r="CU1632" s="20">
        <v>0.94</v>
      </c>
      <c r="CV1632" s="20">
        <v>0.88</v>
      </c>
      <c r="CW1632" s="20">
        <v>0.82</v>
      </c>
      <c r="CX1632" s="20">
        <v>0.78</v>
      </c>
      <c r="CY1632" s="6" t="s">
        <v>628</v>
      </c>
      <c r="CZ1632" s="6" t="s">
        <v>629</v>
      </c>
      <c r="DA1632" s="6" t="s">
        <v>149</v>
      </c>
      <c r="DB1632" s="6"/>
      <c r="DC1632" s="6">
        <v>27620</v>
      </c>
      <c r="DD1632" s="6"/>
      <c r="DE1632" s="6" t="s">
        <v>436</v>
      </c>
      <c r="DF1632" s="6" t="s">
        <v>375</v>
      </c>
      <c r="DG1632" s="6" t="s">
        <v>376</v>
      </c>
      <c r="DH1632" s="6" t="s">
        <v>328</v>
      </c>
      <c r="DI1632" s="6"/>
      <c r="DJ1632" s="6">
        <v>29</v>
      </c>
      <c r="DK1632" s="6">
        <v>151</v>
      </c>
      <c r="DL1632" s="6">
        <v>2</v>
      </c>
      <c r="DM1632" s="6" t="s">
        <v>379</v>
      </c>
      <c r="DN1632" s="6">
        <v>3</v>
      </c>
      <c r="DO1632" s="6" t="s">
        <v>380</v>
      </c>
      <c r="DP1632" s="6"/>
      <c r="DQ1632" s="6"/>
    </row>
    <row r="1633" spans="1:121" x14ac:dyDescent="0.2">
      <c r="A1633" s="6" t="s">
        <v>794</v>
      </c>
      <c r="B1633" s="6" t="s">
        <v>181</v>
      </c>
      <c r="C1633" s="6" t="s">
        <v>182</v>
      </c>
      <c r="D1633" s="6" t="s">
        <v>149</v>
      </c>
      <c r="E1633" s="6" t="s">
        <v>290</v>
      </c>
      <c r="F1633" s="11">
        <v>-43</v>
      </c>
      <c r="G1633" s="13">
        <v>-0.220512820513</v>
      </c>
      <c r="H1633" s="11">
        <v>4.9013935080000124</v>
      </c>
      <c r="I1633" s="13">
        <v>2.5178681738061533E-2</v>
      </c>
      <c r="J1633" s="11">
        <v>-23.783606571999997</v>
      </c>
      <c r="K1633" s="13">
        <v>-0.11917675681392841</v>
      </c>
      <c r="L1633" s="11">
        <v>-23.635415286000011</v>
      </c>
      <c r="M1633" s="13">
        <v>-0.13445851848104903</v>
      </c>
      <c r="N1633" s="11">
        <v>-47.419021858000008</v>
      </c>
      <c r="O1633" s="13">
        <v>-0.23761094513640033</v>
      </c>
      <c r="P1633" s="7">
        <v>194.66442123499999</v>
      </c>
      <c r="Q1633" s="7">
        <v>192.89093435999999</v>
      </c>
      <c r="R1633" s="7">
        <v>205.335341051</v>
      </c>
      <c r="S1633" s="7">
        <v>215.28283235699999</v>
      </c>
      <c r="T1633" s="7">
        <v>208.23534248499999</v>
      </c>
      <c r="U1633" s="7">
        <v>206.15869585300001</v>
      </c>
      <c r="V1633" s="7">
        <v>199.565814743</v>
      </c>
      <c r="W1633" s="7">
        <v>210.585465771</v>
      </c>
      <c r="X1633" s="7">
        <v>193.082276388</v>
      </c>
      <c r="Y1633" s="7">
        <v>175.78220817100001</v>
      </c>
      <c r="Z1633" s="7">
        <v>178.82593592200001</v>
      </c>
      <c r="AA1633" s="7">
        <v>172.49796501200001</v>
      </c>
      <c r="AB1633" s="7">
        <v>175.12235549499999</v>
      </c>
      <c r="AC1633" s="7">
        <v>159.56430930900001</v>
      </c>
      <c r="AD1633" s="7">
        <v>160.457581581</v>
      </c>
      <c r="AE1633" s="7">
        <v>153.383689936</v>
      </c>
      <c r="AF1633" s="7">
        <v>152.146792885</v>
      </c>
      <c r="AG1633" s="9">
        <v>8838.5429741999978</v>
      </c>
      <c r="AH1633" s="13">
        <v>0.31353676209152426</v>
      </c>
      <c r="AI1633" s="9">
        <v>3340.7864912999976</v>
      </c>
      <c r="AJ1633" s="13">
        <v>0.11851041312791874</v>
      </c>
      <c r="AK1633" s="9">
        <v>3017.6327071000014</v>
      </c>
      <c r="AL1633" s="13">
        <v>9.5704892061714869E-2</v>
      </c>
      <c r="AM1633" s="9">
        <v>2480.1237757999988</v>
      </c>
      <c r="AN1633" s="13">
        <v>7.1787282687625478E-2</v>
      </c>
      <c r="AO1633" s="9">
        <v>5497.7564829000003</v>
      </c>
      <c r="AP1633" s="13">
        <v>0.17436256889036336</v>
      </c>
      <c r="AQ1633" s="9">
        <v>28189.813900100002</v>
      </c>
      <c r="AR1633" s="9">
        <v>29915.1815279</v>
      </c>
      <c r="AS1633" s="9">
        <v>29400.421011900002</v>
      </c>
      <c r="AT1633" s="9">
        <v>30156.761668300001</v>
      </c>
      <c r="AU1633" s="9">
        <v>30353.3632239</v>
      </c>
      <c r="AV1633" s="9">
        <v>30007.3683361</v>
      </c>
      <c r="AW1633" s="9">
        <v>31530.600391399999</v>
      </c>
      <c r="AX1633" s="9">
        <v>33989.899486000002</v>
      </c>
      <c r="AY1633" s="9">
        <v>34266.971761000001</v>
      </c>
      <c r="AZ1633" s="9">
        <v>34548.233098500001</v>
      </c>
      <c r="BA1633" s="9">
        <v>33877.097452100003</v>
      </c>
      <c r="BB1633" s="9">
        <v>34692.366451800001</v>
      </c>
      <c r="BC1633" s="9">
        <v>34795.319610799997</v>
      </c>
      <c r="BD1633" s="9">
        <v>35097.222938899999</v>
      </c>
      <c r="BE1633" s="9">
        <v>35541.198867500003</v>
      </c>
      <c r="BF1633" s="9">
        <v>37028.3568743</v>
      </c>
      <c r="BG1633" s="11">
        <v>-8.25</v>
      </c>
      <c r="BH1633" s="13">
        <v>-0.48529411764705882</v>
      </c>
      <c r="BI1633" s="6">
        <v>-5</v>
      </c>
      <c r="BJ1633" s="13">
        <v>-0.29411764705882354</v>
      </c>
      <c r="BK1633" s="6">
        <v>3</v>
      </c>
      <c r="BL1633" s="13">
        <v>0.25</v>
      </c>
      <c r="BM1633" s="11">
        <v>-6.25</v>
      </c>
      <c r="BN1633" s="13">
        <v>-0.41666666666666669</v>
      </c>
      <c r="BO1633" s="11">
        <v>-3.25</v>
      </c>
      <c r="BP1633" s="13">
        <v>-0.27083333333333331</v>
      </c>
      <c r="BQ1633" s="6">
        <v>17</v>
      </c>
      <c r="BR1633" s="6">
        <v>14</v>
      </c>
      <c r="BS1633" s="6">
        <v>13</v>
      </c>
      <c r="BT1633" s="6">
        <v>12</v>
      </c>
      <c r="BU1633" s="6">
        <v>13</v>
      </c>
      <c r="BV1633" s="6">
        <v>15</v>
      </c>
      <c r="BW1633" s="6">
        <v>15</v>
      </c>
      <c r="BX1633" s="6">
        <v>11</v>
      </c>
      <c r="BY1633" s="6">
        <v>10</v>
      </c>
      <c r="BZ1633" s="6">
        <v>9</v>
      </c>
      <c r="CA1633" s="6">
        <v>8</v>
      </c>
      <c r="CB1633" s="6">
        <v>9</v>
      </c>
      <c r="CC1633" s="11">
        <v>8.75</v>
      </c>
      <c r="CD1633" s="11">
        <v>-76.066599999999994</v>
      </c>
      <c r="CE1633" s="11">
        <v>12.2698</v>
      </c>
      <c r="CF1633" s="11">
        <v>21.279199999999999</v>
      </c>
      <c r="CG1633" s="11">
        <v>33</v>
      </c>
      <c r="CH1633" s="20">
        <v>1.57131</v>
      </c>
      <c r="CI1633" s="20">
        <v>1.5847100000000001</v>
      </c>
      <c r="CJ1633" s="20">
        <v>1.64215</v>
      </c>
      <c r="CK1633" s="20">
        <v>1.6813100000000001</v>
      </c>
      <c r="CL1633" s="20">
        <v>1.58612</v>
      </c>
      <c r="CM1633" s="20">
        <v>1.50881</v>
      </c>
      <c r="CN1633" s="20">
        <v>1.40096</v>
      </c>
      <c r="CO1633" s="20">
        <v>1.5104</v>
      </c>
      <c r="CP1633" s="20">
        <v>1.47658</v>
      </c>
      <c r="CQ1633" s="20">
        <v>1.43099</v>
      </c>
      <c r="CR1633" s="20">
        <v>1.43126</v>
      </c>
      <c r="CS1633" s="20">
        <v>1.3553999999999999</v>
      </c>
      <c r="CT1633" s="20">
        <v>1.3465800000000001</v>
      </c>
      <c r="CU1633" s="20">
        <v>1.1525000000000001</v>
      </c>
      <c r="CV1633" s="20">
        <v>1.1023099999999999</v>
      </c>
      <c r="CW1633" s="20">
        <v>1.0491699999999999</v>
      </c>
      <c r="CX1633" s="20">
        <v>1.0010600000000001</v>
      </c>
      <c r="CY1633" s="6" t="s">
        <v>628</v>
      </c>
      <c r="CZ1633" s="6" t="s">
        <v>629</v>
      </c>
      <c r="DA1633" s="6" t="s">
        <v>149</v>
      </c>
      <c r="DB1633" s="6"/>
      <c r="DC1633" s="6">
        <v>27620</v>
      </c>
      <c r="DD1633" s="6"/>
      <c r="DE1633" s="6" t="s">
        <v>436</v>
      </c>
      <c r="DF1633" s="6" t="s">
        <v>375</v>
      </c>
      <c r="DG1633" s="6" t="s">
        <v>376</v>
      </c>
      <c r="DH1633" s="6" t="s">
        <v>328</v>
      </c>
      <c r="DI1633" s="6"/>
      <c r="DJ1633" s="6">
        <v>29</v>
      </c>
      <c r="DK1633" s="6">
        <v>151</v>
      </c>
      <c r="DL1633" s="6">
        <v>2</v>
      </c>
      <c r="DM1633" s="6" t="s">
        <v>379</v>
      </c>
      <c r="DN1633" s="6">
        <v>3</v>
      </c>
      <c r="DO1633" s="6" t="s">
        <v>380</v>
      </c>
      <c r="DP1633" s="6"/>
      <c r="DQ1633" s="6"/>
    </row>
    <row r="1634" spans="1:121" x14ac:dyDescent="0.2">
      <c r="A1634" s="6" t="s">
        <v>314</v>
      </c>
      <c r="B1634" s="6" t="s">
        <v>314</v>
      </c>
      <c r="C1634" s="6" t="s">
        <v>183</v>
      </c>
      <c r="D1634" s="6" t="s">
        <v>149</v>
      </c>
      <c r="E1634" s="6" t="s">
        <v>290</v>
      </c>
      <c r="F1634" s="11">
        <v>1</v>
      </c>
      <c r="G1634" s="13">
        <v>1</v>
      </c>
      <c r="H1634" s="11">
        <v>77.742735272899992</v>
      </c>
      <c r="I1634" s="13">
        <v>4.5062164039035828</v>
      </c>
      <c r="J1634" s="11">
        <v>-81.435431290099999</v>
      </c>
      <c r="K1634" s="13">
        <v>-0.85725959047897515</v>
      </c>
      <c r="L1634" s="11">
        <v>-8.5596346088999997</v>
      </c>
      <c r="M1634" s="13">
        <v>-0.63125850037889664</v>
      </c>
      <c r="N1634" s="11">
        <v>-89.995065898999997</v>
      </c>
      <c r="O1634" s="13">
        <v>-0.94736568733668691</v>
      </c>
      <c r="P1634" s="7">
        <v>17.252330626100001</v>
      </c>
      <c r="Q1634" s="7">
        <v>20.094715000000001</v>
      </c>
      <c r="R1634" s="7">
        <v>16.867712541500001</v>
      </c>
      <c r="S1634" s="7">
        <v>17.335006781200001</v>
      </c>
      <c r="T1634" s="7">
        <v>16.866320240699999</v>
      </c>
      <c r="U1634" s="7">
        <v>15.405839824599999</v>
      </c>
      <c r="V1634" s="7">
        <v>94.995065898999997</v>
      </c>
      <c r="W1634" s="7">
        <v>105.96106772500001</v>
      </c>
      <c r="X1634" s="7">
        <v>64.189349744599994</v>
      </c>
      <c r="Y1634" s="7">
        <v>13.5596346089</v>
      </c>
      <c r="Z1634" s="7">
        <v>14.2344651686</v>
      </c>
      <c r="AA1634" s="7">
        <v>12.3834587349</v>
      </c>
      <c r="AB1634" s="7">
        <v>13.1925286133</v>
      </c>
      <c r="AC1634" s="7">
        <v>13.560858269200001</v>
      </c>
      <c r="AD1634" s="7">
        <v>13.1845027901</v>
      </c>
      <c r="AE1634" s="7">
        <v>5</v>
      </c>
      <c r="AF1634" s="7">
        <v>5</v>
      </c>
      <c r="AG1634" s="9">
        <v>-32963.260812499997</v>
      </c>
      <c r="AH1634" s="13">
        <v>-0.99996966411576194</v>
      </c>
      <c r="AI1634" s="9">
        <v>30740.869656500006</v>
      </c>
      <c r="AJ1634" s="13">
        <v>0.93255146327574001</v>
      </c>
      <c r="AK1634" s="9">
        <v>-17165.926774900006</v>
      </c>
      <c r="AL1634" s="13">
        <v>-0.26945909455837685</v>
      </c>
      <c r="AM1634" s="9">
        <v>-46538.203694099997</v>
      </c>
      <c r="AN1634" s="13">
        <v>-0.99997851273935467</v>
      </c>
      <c r="AO1634" s="9">
        <v>-63704.130469000003</v>
      </c>
      <c r="AP1634" s="13">
        <v>-0.99998430267715277</v>
      </c>
      <c r="AQ1634" s="9">
        <v>32964.260812499997</v>
      </c>
      <c r="AR1634" s="9">
        <v>29658.551780199999</v>
      </c>
      <c r="AS1634" s="9">
        <v>33423.336815399998</v>
      </c>
      <c r="AT1634" s="9">
        <v>39935.3489854</v>
      </c>
      <c r="AU1634" s="9">
        <v>38459.237134000003</v>
      </c>
      <c r="AV1634" s="9">
        <v>42193.225513799996</v>
      </c>
      <c r="AW1634" s="9">
        <v>63705.130469000003</v>
      </c>
      <c r="AX1634" s="9">
        <v>79400.979336999997</v>
      </c>
      <c r="AY1634" s="9">
        <v>86320.559045100003</v>
      </c>
      <c r="AZ1634" s="9">
        <v>46539.203694099997</v>
      </c>
      <c r="BA1634" s="9">
        <v>42097.066595600001</v>
      </c>
      <c r="BB1634" s="9">
        <v>47191.640032299998</v>
      </c>
      <c r="BC1634" s="9">
        <v>42042.816085600003</v>
      </c>
      <c r="BD1634" s="9">
        <v>40782.049428400001</v>
      </c>
      <c r="BE1634" s="9">
        <v>40787.268092600003</v>
      </c>
      <c r="BF1634" s="9">
        <v>1</v>
      </c>
      <c r="BG1634" s="11">
        <v>-1</v>
      </c>
      <c r="BH1634" s="13">
        <v>-0.33333333333333331</v>
      </c>
      <c r="BI1634" s="6">
        <v>1</v>
      </c>
      <c r="BJ1634" s="13">
        <v>0.33333333333333331</v>
      </c>
      <c r="BK1634" s="6">
        <v>-1</v>
      </c>
      <c r="BL1634" s="13">
        <v>-0.25</v>
      </c>
      <c r="BM1634" s="11">
        <v>-1</v>
      </c>
      <c r="BN1634" s="13">
        <v>-0.33333333333333331</v>
      </c>
      <c r="BO1634" s="11">
        <v>-2</v>
      </c>
      <c r="BP1634" s="13">
        <v>-0.5</v>
      </c>
      <c r="BQ1634" s="6">
        <v>3</v>
      </c>
      <c r="BR1634" s="6">
        <v>3</v>
      </c>
      <c r="BS1634" s="6">
        <v>3</v>
      </c>
      <c r="BT1634" s="6">
        <v>4</v>
      </c>
      <c r="BU1634" s="6">
        <v>4</v>
      </c>
      <c r="BV1634" s="6">
        <v>4</v>
      </c>
      <c r="BW1634" s="6">
        <v>3</v>
      </c>
      <c r="BX1634" s="6">
        <v>3</v>
      </c>
      <c r="BY1634" s="6">
        <v>3</v>
      </c>
      <c r="BZ1634" s="6">
        <v>3</v>
      </c>
      <c r="CA1634" s="6">
        <v>3</v>
      </c>
      <c r="CB1634" s="6">
        <v>2</v>
      </c>
      <c r="CC1634" s="11">
        <v>2</v>
      </c>
      <c r="CD1634" s="11">
        <v>-8.30185</v>
      </c>
      <c r="CE1634" s="11">
        <v>-5.2842200000000004</v>
      </c>
      <c r="CF1634" s="11">
        <v>1.8858900000000001</v>
      </c>
      <c r="CG1634" s="11">
        <v>-3</v>
      </c>
      <c r="CH1634" s="20">
        <v>0.17684</v>
      </c>
      <c r="CI1634" s="20">
        <v>0.215557</v>
      </c>
      <c r="CJ1634" s="20">
        <v>0.183915</v>
      </c>
      <c r="CK1634" s="20">
        <v>0.192383</v>
      </c>
      <c r="CL1634" s="20">
        <v>0.18948200000000001</v>
      </c>
      <c r="CM1634" s="20">
        <v>0.17125299999999999</v>
      </c>
      <c r="CN1634" s="20">
        <v>1.0360799999999999</v>
      </c>
      <c r="CO1634" s="20">
        <v>1.19103</v>
      </c>
      <c r="CP1634" s="20">
        <v>0.76564399999999999</v>
      </c>
      <c r="CQ1634" s="20">
        <v>0.17660100000000001</v>
      </c>
      <c r="CR1634" s="20">
        <v>0.189053</v>
      </c>
      <c r="CS1634" s="20">
        <v>0.16472700000000001</v>
      </c>
      <c r="CT1634" s="20">
        <v>0.173517</v>
      </c>
      <c r="CU1634" s="20">
        <v>0.17113500000000001</v>
      </c>
      <c r="CV1634" s="20">
        <v>0.16403300000000001</v>
      </c>
      <c r="CW1634" s="20">
        <v>8.5480100000000003E-2</v>
      </c>
      <c r="CX1634" s="20">
        <v>6.7724199999999998E-2</v>
      </c>
      <c r="CY1634" s="6" t="s">
        <v>628</v>
      </c>
      <c r="CZ1634" s="6" t="s">
        <v>629</v>
      </c>
      <c r="DA1634" s="6" t="s">
        <v>149</v>
      </c>
      <c r="DB1634" s="6"/>
      <c r="DC1634" s="6">
        <v>27620</v>
      </c>
      <c r="DD1634" s="6"/>
      <c r="DE1634" s="6" t="s">
        <v>436</v>
      </c>
      <c r="DF1634" s="6" t="s">
        <v>375</v>
      </c>
      <c r="DG1634" s="6" t="s">
        <v>376</v>
      </c>
      <c r="DH1634" s="6" t="s">
        <v>328</v>
      </c>
      <c r="DI1634" s="6"/>
      <c r="DJ1634" s="6">
        <v>29</v>
      </c>
      <c r="DK1634" s="6">
        <v>151</v>
      </c>
      <c r="DL1634" s="6">
        <v>2</v>
      </c>
      <c r="DM1634" s="6" t="s">
        <v>379</v>
      </c>
      <c r="DN1634" s="6">
        <v>3</v>
      </c>
      <c r="DO1634" s="6" t="s">
        <v>380</v>
      </c>
      <c r="DP1634" s="6"/>
      <c r="DQ1634" s="6"/>
    </row>
    <row r="1635" spans="1:121" x14ac:dyDescent="0.2">
      <c r="A1635" s="6" t="s">
        <v>315</v>
      </c>
      <c r="B1635" s="6" t="s">
        <v>315</v>
      </c>
      <c r="C1635" s="6" t="s">
        <v>184</v>
      </c>
      <c r="D1635" s="6" t="s">
        <v>149</v>
      </c>
      <c r="E1635" s="6" t="s">
        <v>290</v>
      </c>
      <c r="F1635" s="11">
        <v>24</v>
      </c>
      <c r="G1635" s="13">
        <v>0.28000000000000003</v>
      </c>
      <c r="H1635" s="11">
        <v>16</v>
      </c>
      <c r="I1635" s="13">
        <v>0.18604651162790695</v>
      </c>
      <c r="J1635" s="11">
        <v>10</v>
      </c>
      <c r="K1635" s="13">
        <v>9.8039215686274508E-2</v>
      </c>
      <c r="L1635" s="11">
        <v>-2</v>
      </c>
      <c r="M1635" s="13">
        <v>-1.7857142857142856E-2</v>
      </c>
      <c r="N1635" s="11">
        <v>8</v>
      </c>
      <c r="O1635" s="13">
        <v>7.8431372549019607E-2</v>
      </c>
      <c r="P1635" s="7">
        <v>86</v>
      </c>
      <c r="Q1635" s="7">
        <v>91</v>
      </c>
      <c r="R1635" s="7">
        <v>94</v>
      </c>
      <c r="S1635" s="7">
        <v>97</v>
      </c>
      <c r="T1635" s="7">
        <v>101</v>
      </c>
      <c r="U1635" s="7">
        <v>106</v>
      </c>
      <c r="V1635" s="7">
        <v>102</v>
      </c>
      <c r="W1635" s="7">
        <v>103</v>
      </c>
      <c r="X1635" s="7">
        <v>105</v>
      </c>
      <c r="Y1635" s="7">
        <v>112</v>
      </c>
      <c r="Z1635" s="7">
        <v>109</v>
      </c>
      <c r="AA1635" s="7">
        <v>109</v>
      </c>
      <c r="AB1635" s="7">
        <v>119</v>
      </c>
      <c r="AC1635" s="7">
        <v>104</v>
      </c>
      <c r="AD1635" s="7">
        <v>107</v>
      </c>
      <c r="AE1635" s="7">
        <v>109</v>
      </c>
      <c r="AF1635" s="7">
        <v>110</v>
      </c>
      <c r="AG1635" s="9">
        <v>14351</v>
      </c>
      <c r="AH1635" s="13">
        <v>0.39132331688162952</v>
      </c>
      <c r="AI1635" s="9">
        <v>3488</v>
      </c>
      <c r="AJ1635" s="13">
        <v>9.5110844490497101E-2</v>
      </c>
      <c r="AK1635" s="9">
        <v>5849</v>
      </c>
      <c r="AL1635" s="13">
        <v>0.14563880381464606</v>
      </c>
      <c r="AM1635" s="9">
        <v>5014</v>
      </c>
      <c r="AN1635" s="13">
        <v>0.10897630949793524</v>
      </c>
      <c r="AO1635" s="9">
        <v>10863</v>
      </c>
      <c r="AP1635" s="13">
        <v>0.2704862926719952</v>
      </c>
      <c r="AQ1635" s="9">
        <v>36673</v>
      </c>
      <c r="AR1635" s="9">
        <v>36880</v>
      </c>
      <c r="AS1635" s="9">
        <v>36285</v>
      </c>
      <c r="AT1635" s="9">
        <v>37312</v>
      </c>
      <c r="AU1635" s="9">
        <v>39363</v>
      </c>
      <c r="AV1635" s="9">
        <v>39641</v>
      </c>
      <c r="AW1635" s="9">
        <v>40161</v>
      </c>
      <c r="AX1635" s="9">
        <v>42145</v>
      </c>
      <c r="AY1635" s="9">
        <v>42644</v>
      </c>
      <c r="AZ1635" s="9">
        <v>46010</v>
      </c>
      <c r="BA1635" s="9">
        <v>48586</v>
      </c>
      <c r="BB1635" s="9">
        <v>49626</v>
      </c>
      <c r="BC1635" s="9">
        <v>49451</v>
      </c>
      <c r="BD1635" s="9">
        <v>49679</v>
      </c>
      <c r="BE1635" s="9">
        <v>50973</v>
      </c>
      <c r="BF1635" s="9">
        <v>51024</v>
      </c>
      <c r="BG1635" s="11">
        <v>0</v>
      </c>
      <c r="BH1635" s="13">
        <v>0</v>
      </c>
      <c r="BI1635" s="6">
        <v>-2</v>
      </c>
      <c r="BJ1635" s="13">
        <v>-0.1111111111111111</v>
      </c>
      <c r="BK1635" s="6">
        <v>1</v>
      </c>
      <c r="BL1635" s="13">
        <v>6.25E-2</v>
      </c>
      <c r="BM1635" s="11">
        <v>1</v>
      </c>
      <c r="BN1635" s="13">
        <v>5.8823529411764705E-2</v>
      </c>
      <c r="BO1635" s="11">
        <v>2</v>
      </c>
      <c r="BP1635" s="13">
        <v>0.125</v>
      </c>
      <c r="BQ1635" s="6">
        <v>18</v>
      </c>
      <c r="BR1635" s="6">
        <v>17</v>
      </c>
      <c r="BS1635" s="6">
        <v>17</v>
      </c>
      <c r="BT1635" s="6">
        <v>16</v>
      </c>
      <c r="BU1635" s="6">
        <v>17</v>
      </c>
      <c r="BV1635" s="6">
        <v>16</v>
      </c>
      <c r="BW1635" s="6">
        <v>17</v>
      </c>
      <c r="BX1635" s="6">
        <v>17</v>
      </c>
      <c r="BY1635" s="6">
        <v>17</v>
      </c>
      <c r="BZ1635" s="6">
        <v>18</v>
      </c>
      <c r="CA1635" s="6">
        <v>19</v>
      </c>
      <c r="CB1635" s="6">
        <v>18</v>
      </c>
      <c r="CC1635" s="11">
        <v>18</v>
      </c>
      <c r="CD1635" s="11">
        <v>21</v>
      </c>
      <c r="CE1635" s="11">
        <v>-7</v>
      </c>
      <c r="CF1635" s="11">
        <v>9</v>
      </c>
      <c r="CG1635" s="11">
        <v>2</v>
      </c>
      <c r="CH1635" s="20">
        <v>0.54</v>
      </c>
      <c r="CI1635" s="20">
        <v>0.56999999999999995</v>
      </c>
      <c r="CJ1635" s="20">
        <v>0.56000000000000005</v>
      </c>
      <c r="CK1635" s="20">
        <v>0.56999999999999995</v>
      </c>
      <c r="CL1635" s="20">
        <v>0.57999999999999996</v>
      </c>
      <c r="CM1635" s="20">
        <v>0.59</v>
      </c>
      <c r="CN1635" s="20">
        <v>0.56000000000000005</v>
      </c>
      <c r="CO1635" s="20">
        <v>0.59</v>
      </c>
      <c r="CP1635" s="20">
        <v>0.62</v>
      </c>
      <c r="CQ1635" s="20">
        <v>0.71</v>
      </c>
      <c r="CR1635" s="20">
        <v>0.7</v>
      </c>
      <c r="CS1635" s="20">
        <v>0.69</v>
      </c>
      <c r="CT1635" s="20">
        <v>0.75</v>
      </c>
      <c r="CU1635" s="20">
        <v>0.63</v>
      </c>
      <c r="CV1635" s="20">
        <v>0.64</v>
      </c>
      <c r="CW1635" s="20">
        <v>0.66</v>
      </c>
      <c r="CX1635" s="20">
        <v>0.64</v>
      </c>
      <c r="CY1635" s="6" t="s">
        <v>628</v>
      </c>
      <c r="CZ1635" s="6" t="s">
        <v>629</v>
      </c>
      <c r="DA1635" s="6" t="s">
        <v>149</v>
      </c>
      <c r="DB1635" s="6"/>
      <c r="DC1635" s="6">
        <v>27620</v>
      </c>
      <c r="DD1635" s="6"/>
      <c r="DE1635" s="6" t="s">
        <v>436</v>
      </c>
      <c r="DF1635" s="6" t="s">
        <v>375</v>
      </c>
      <c r="DG1635" s="6" t="s">
        <v>376</v>
      </c>
      <c r="DH1635" s="6" t="s">
        <v>328</v>
      </c>
      <c r="DI1635" s="6"/>
      <c r="DJ1635" s="6">
        <v>29</v>
      </c>
      <c r="DK1635" s="6">
        <v>151</v>
      </c>
      <c r="DL1635" s="6">
        <v>2</v>
      </c>
      <c r="DM1635" s="6" t="s">
        <v>379</v>
      </c>
      <c r="DN1635" s="6">
        <v>3</v>
      </c>
      <c r="DO1635" s="6" t="s">
        <v>380</v>
      </c>
      <c r="DP1635" s="6"/>
      <c r="DQ1635" s="6"/>
    </row>
    <row r="1636" spans="1:121" x14ac:dyDescent="0.2">
      <c r="A1636" s="6" t="s">
        <v>316</v>
      </c>
      <c r="B1636" s="6" t="s">
        <v>316</v>
      </c>
      <c r="C1636" s="6" t="s">
        <v>185</v>
      </c>
      <c r="D1636" s="6" t="s">
        <v>149</v>
      </c>
      <c r="E1636" s="6" t="s">
        <v>290</v>
      </c>
      <c r="F1636" s="11">
        <v>1</v>
      </c>
      <c r="G1636" s="13">
        <v>1</v>
      </c>
      <c r="H1636" s="11">
        <v>18</v>
      </c>
      <c r="I1636" s="13">
        <v>3.6</v>
      </c>
      <c r="J1636" s="11">
        <v>-8</v>
      </c>
      <c r="K1636" s="13">
        <v>-0.34782608695652173</v>
      </c>
      <c r="L1636" s="11">
        <v>4</v>
      </c>
      <c r="M1636" s="13">
        <v>0.26666666666666666</v>
      </c>
      <c r="N1636" s="11">
        <v>-4</v>
      </c>
      <c r="O1636" s="13">
        <v>-0.17391304347826086</v>
      </c>
      <c r="P1636" s="7">
        <v>5</v>
      </c>
      <c r="Q1636" s="7">
        <v>12</v>
      </c>
      <c r="R1636" s="7">
        <v>14</v>
      </c>
      <c r="S1636" s="7">
        <v>16</v>
      </c>
      <c r="T1636" s="7">
        <v>18</v>
      </c>
      <c r="U1636" s="7">
        <v>22</v>
      </c>
      <c r="V1636" s="7">
        <v>23</v>
      </c>
      <c r="W1636" s="7">
        <v>19</v>
      </c>
      <c r="X1636" s="7">
        <v>15</v>
      </c>
      <c r="Y1636" s="7">
        <v>15</v>
      </c>
      <c r="Z1636" s="7">
        <v>15</v>
      </c>
      <c r="AA1636" s="7">
        <v>13</v>
      </c>
      <c r="AB1636" s="7">
        <v>18</v>
      </c>
      <c r="AC1636" s="7">
        <v>17</v>
      </c>
      <c r="AD1636" s="7">
        <v>15</v>
      </c>
      <c r="AE1636" s="7">
        <v>18</v>
      </c>
      <c r="AF1636" s="7">
        <v>19</v>
      </c>
      <c r="AG1636" s="9">
        <v>34487</v>
      </c>
      <c r="AH1636" s="13">
        <v>34487</v>
      </c>
      <c r="AI1636" s="9">
        <v>25553</v>
      </c>
      <c r="AJ1636" s="13">
        <v>25553</v>
      </c>
      <c r="AK1636" s="9">
        <v>7013</v>
      </c>
      <c r="AL1636" s="13">
        <v>0.27443844407920481</v>
      </c>
      <c r="AM1636" s="9">
        <v>1921</v>
      </c>
      <c r="AN1636" s="13">
        <v>5.8986090214020327E-2</v>
      </c>
      <c r="AO1636" s="9">
        <v>8934</v>
      </c>
      <c r="AP1636" s="13">
        <v>0.3496125851138765</v>
      </c>
      <c r="AQ1636" s="9">
        <v>1</v>
      </c>
      <c r="AR1636" s="9">
        <v>19662</v>
      </c>
      <c r="AS1636" s="9">
        <v>18743</v>
      </c>
      <c r="AT1636" s="9">
        <v>17758</v>
      </c>
      <c r="AU1636" s="9">
        <v>19868</v>
      </c>
      <c r="AV1636" s="9">
        <v>24720</v>
      </c>
      <c r="AW1636" s="9">
        <v>25554</v>
      </c>
      <c r="AX1636" s="9">
        <v>29002</v>
      </c>
      <c r="AY1636" s="9">
        <v>33970</v>
      </c>
      <c r="AZ1636" s="9">
        <v>32567</v>
      </c>
      <c r="BA1636" s="9">
        <v>31751</v>
      </c>
      <c r="BB1636" s="9">
        <v>33764</v>
      </c>
      <c r="BC1636" s="9">
        <v>28399</v>
      </c>
      <c r="BD1636" s="9">
        <v>31686</v>
      </c>
      <c r="BE1636" s="9">
        <v>32551</v>
      </c>
      <c r="BF1636" s="9">
        <v>34488</v>
      </c>
      <c r="BG1636" s="11">
        <v>0</v>
      </c>
      <c r="BH1636" s="13">
        <v>0</v>
      </c>
      <c r="BI1636" s="6">
        <v>2</v>
      </c>
      <c r="BJ1636" s="13">
        <v>0.4</v>
      </c>
      <c r="BK1636" s="6">
        <v>-3</v>
      </c>
      <c r="BL1636" s="13">
        <v>-0.42857142857142855</v>
      </c>
      <c r="BM1636" s="11">
        <v>1</v>
      </c>
      <c r="BN1636" s="13">
        <v>0.25</v>
      </c>
      <c r="BO1636" s="11">
        <v>-2</v>
      </c>
      <c r="BP1636" s="13">
        <v>-0.2857142857142857</v>
      </c>
      <c r="BQ1636" s="6">
        <v>5</v>
      </c>
      <c r="BR1636" s="6">
        <v>5</v>
      </c>
      <c r="BS1636" s="6">
        <v>6</v>
      </c>
      <c r="BT1636" s="6">
        <v>7</v>
      </c>
      <c r="BU1636" s="6">
        <v>6</v>
      </c>
      <c r="BV1636" s="6">
        <v>4</v>
      </c>
      <c r="BW1636" s="6">
        <v>4</v>
      </c>
      <c r="BX1636" s="6">
        <v>4</v>
      </c>
      <c r="BY1636" s="6">
        <v>4</v>
      </c>
      <c r="BZ1636" s="6">
        <v>5</v>
      </c>
      <c r="CA1636" s="6">
        <v>5</v>
      </c>
      <c r="CB1636" s="6">
        <v>5</v>
      </c>
      <c r="CC1636" s="11">
        <v>5</v>
      </c>
      <c r="CD1636" s="11">
        <v>11</v>
      </c>
      <c r="CE1636" s="11">
        <v>0</v>
      </c>
      <c r="CF1636" s="11">
        <v>1</v>
      </c>
      <c r="CG1636" s="11">
        <v>1</v>
      </c>
      <c r="CH1636" s="20">
        <v>0.11</v>
      </c>
      <c r="CI1636" s="20">
        <v>0.18</v>
      </c>
      <c r="CJ1636" s="20">
        <v>0.19</v>
      </c>
      <c r="CK1636" s="20">
        <v>0.22</v>
      </c>
      <c r="CL1636" s="20">
        <v>0.24</v>
      </c>
      <c r="CM1636" s="20">
        <v>0.28999999999999998</v>
      </c>
      <c r="CN1636" s="20">
        <v>0.28999999999999998</v>
      </c>
      <c r="CO1636" s="20">
        <v>0.25</v>
      </c>
      <c r="CP1636" s="20">
        <v>0.21</v>
      </c>
      <c r="CQ1636" s="20">
        <v>0.24</v>
      </c>
      <c r="CR1636" s="20">
        <v>0.23</v>
      </c>
      <c r="CS1636" s="20">
        <v>0.21</v>
      </c>
      <c r="CT1636" s="20">
        <v>0.27</v>
      </c>
      <c r="CU1636" s="20">
        <v>0.24</v>
      </c>
      <c r="CV1636" s="20">
        <v>0.21</v>
      </c>
      <c r="CW1636" s="20">
        <v>0.26</v>
      </c>
      <c r="CX1636" s="20">
        <v>0.26</v>
      </c>
      <c r="CY1636" s="6" t="s">
        <v>628</v>
      </c>
      <c r="CZ1636" s="6" t="s">
        <v>629</v>
      </c>
      <c r="DA1636" s="6" t="s">
        <v>149</v>
      </c>
      <c r="DB1636" s="6"/>
      <c r="DC1636" s="6">
        <v>27620</v>
      </c>
      <c r="DD1636" s="6"/>
      <c r="DE1636" s="6" t="s">
        <v>436</v>
      </c>
      <c r="DF1636" s="6" t="s">
        <v>375</v>
      </c>
      <c r="DG1636" s="6" t="s">
        <v>376</v>
      </c>
      <c r="DH1636" s="6" t="s">
        <v>328</v>
      </c>
      <c r="DI1636" s="6"/>
      <c r="DJ1636" s="6">
        <v>29</v>
      </c>
      <c r="DK1636" s="6">
        <v>151</v>
      </c>
      <c r="DL1636" s="6">
        <v>2</v>
      </c>
      <c r="DM1636" s="6" t="s">
        <v>379</v>
      </c>
      <c r="DN1636" s="6">
        <v>3</v>
      </c>
      <c r="DO1636" s="6" t="s">
        <v>380</v>
      </c>
      <c r="DP1636" s="6"/>
      <c r="DQ1636" s="6"/>
    </row>
    <row r="1637" spans="1:121" x14ac:dyDescent="0.2">
      <c r="A1637" s="6" t="s">
        <v>317</v>
      </c>
      <c r="B1637" s="6" t="s">
        <v>317</v>
      </c>
      <c r="C1637" s="6" t="s">
        <v>186</v>
      </c>
      <c r="D1637" s="6" t="s">
        <v>149</v>
      </c>
      <c r="E1637" s="6" t="s">
        <v>290</v>
      </c>
      <c r="F1637" s="11">
        <v>18</v>
      </c>
      <c r="G1637" s="13">
        <v>0.53</v>
      </c>
      <c r="H1637" s="11">
        <v>23</v>
      </c>
      <c r="I1637" s="13">
        <v>0.67647058823529416</v>
      </c>
      <c r="J1637" s="11">
        <v>-26</v>
      </c>
      <c r="K1637" s="13">
        <v>-0.45614035087719296</v>
      </c>
      <c r="L1637" s="11">
        <v>21</v>
      </c>
      <c r="M1637" s="13">
        <v>0.67741935483870963</v>
      </c>
      <c r="N1637" s="11">
        <v>-5</v>
      </c>
      <c r="O1637" s="13">
        <v>-8.771929824561403E-2</v>
      </c>
      <c r="P1637" s="7">
        <v>34</v>
      </c>
      <c r="Q1637" s="7">
        <v>23</v>
      </c>
      <c r="R1637" s="7">
        <v>35</v>
      </c>
      <c r="S1637" s="7">
        <v>41</v>
      </c>
      <c r="T1637" s="7">
        <v>47</v>
      </c>
      <c r="U1637" s="7">
        <v>43</v>
      </c>
      <c r="V1637" s="7">
        <v>57</v>
      </c>
      <c r="W1637" s="7">
        <v>46</v>
      </c>
      <c r="X1637" s="7">
        <v>35</v>
      </c>
      <c r="Y1637" s="7">
        <v>31</v>
      </c>
      <c r="Z1637" s="7">
        <v>35</v>
      </c>
      <c r="AA1637" s="7">
        <v>40</v>
      </c>
      <c r="AB1637" s="7">
        <v>45</v>
      </c>
      <c r="AC1637" s="7">
        <v>46</v>
      </c>
      <c r="AD1637" s="7">
        <v>48</v>
      </c>
      <c r="AE1637" s="7">
        <v>50</v>
      </c>
      <c r="AF1637" s="7">
        <v>52</v>
      </c>
      <c r="AG1637" s="9">
        <v>9070</v>
      </c>
      <c r="AH1637" s="13">
        <v>0.33173622032844446</v>
      </c>
      <c r="AI1637" s="9">
        <v>10304</v>
      </c>
      <c r="AJ1637" s="13">
        <v>0.37686990234446438</v>
      </c>
      <c r="AK1637" s="9">
        <v>5760</v>
      </c>
      <c r="AL1637" s="13">
        <v>0.15300836764510559</v>
      </c>
      <c r="AM1637" s="9">
        <v>-6994</v>
      </c>
      <c r="AN1637" s="13">
        <v>-0.16113350996428982</v>
      </c>
      <c r="AO1637" s="9">
        <v>-1234</v>
      </c>
      <c r="AP1637" s="13">
        <v>-3.2779917651746579E-2</v>
      </c>
      <c r="AQ1637" s="9">
        <v>27341</v>
      </c>
      <c r="AR1637" s="9">
        <v>34599</v>
      </c>
      <c r="AS1637" s="9">
        <v>31339</v>
      </c>
      <c r="AT1637" s="9">
        <v>29595</v>
      </c>
      <c r="AU1637" s="9">
        <v>34280</v>
      </c>
      <c r="AV1637" s="9">
        <v>36248</v>
      </c>
      <c r="AW1637" s="9">
        <v>37645</v>
      </c>
      <c r="AX1637" s="9">
        <v>46253</v>
      </c>
      <c r="AY1637" s="9">
        <v>46129</v>
      </c>
      <c r="AZ1637" s="9">
        <v>43405</v>
      </c>
      <c r="BA1637" s="9">
        <v>38324</v>
      </c>
      <c r="BB1637" s="9">
        <v>39666</v>
      </c>
      <c r="BC1637" s="9">
        <v>38578</v>
      </c>
      <c r="BD1637" s="9">
        <v>36373</v>
      </c>
      <c r="BE1637" s="9">
        <v>33979</v>
      </c>
      <c r="BF1637" s="9">
        <v>36411</v>
      </c>
      <c r="BG1637" s="11">
        <v>-2</v>
      </c>
      <c r="BH1637" s="13">
        <v>-0.2</v>
      </c>
      <c r="BI1637" s="6">
        <v>2</v>
      </c>
      <c r="BJ1637" s="13">
        <v>0.2</v>
      </c>
      <c r="BK1637" s="6">
        <v>-4</v>
      </c>
      <c r="BL1637" s="13">
        <v>-0.33333333333333331</v>
      </c>
      <c r="BM1637" s="11">
        <v>0</v>
      </c>
      <c r="BN1637" s="13">
        <v>0</v>
      </c>
      <c r="BO1637" s="11">
        <v>-4</v>
      </c>
      <c r="BP1637" s="13">
        <v>-0.33333333333333331</v>
      </c>
      <c r="BQ1637" s="6">
        <v>10</v>
      </c>
      <c r="BR1637" s="6">
        <v>11</v>
      </c>
      <c r="BS1637" s="6">
        <v>9</v>
      </c>
      <c r="BT1637" s="6">
        <v>12</v>
      </c>
      <c r="BU1637" s="6">
        <v>12</v>
      </c>
      <c r="BV1637" s="6">
        <v>12</v>
      </c>
      <c r="BW1637" s="6">
        <v>8</v>
      </c>
      <c r="BX1637" s="6">
        <v>9</v>
      </c>
      <c r="BY1637" s="6">
        <v>9</v>
      </c>
      <c r="BZ1637" s="6">
        <v>8</v>
      </c>
      <c r="CA1637" s="6">
        <v>8</v>
      </c>
      <c r="CB1637" s="6">
        <v>8</v>
      </c>
      <c r="CC1637" s="11">
        <v>8</v>
      </c>
      <c r="CD1637" s="11">
        <v>7</v>
      </c>
      <c r="CE1637" s="11">
        <v>7</v>
      </c>
      <c r="CF1637" s="11">
        <v>4</v>
      </c>
      <c r="CG1637" s="11">
        <v>11</v>
      </c>
      <c r="CH1637" s="20">
        <v>0.16</v>
      </c>
      <c r="CI1637" s="20">
        <v>0.11</v>
      </c>
      <c r="CJ1637" s="20">
        <v>0.16</v>
      </c>
      <c r="CK1637" s="20">
        <v>0.19</v>
      </c>
      <c r="CL1637" s="20">
        <v>0.21</v>
      </c>
      <c r="CM1637" s="20">
        <v>0.18</v>
      </c>
      <c r="CN1637" s="20">
        <v>0.22</v>
      </c>
      <c r="CO1637" s="20">
        <v>0.18</v>
      </c>
      <c r="CP1637" s="20">
        <v>0.14000000000000001</v>
      </c>
      <c r="CQ1637" s="20">
        <v>0.13</v>
      </c>
      <c r="CR1637" s="20">
        <v>0.15</v>
      </c>
      <c r="CS1637" s="20">
        <v>0.17</v>
      </c>
      <c r="CT1637" s="20">
        <v>0.18</v>
      </c>
      <c r="CU1637" s="20">
        <v>0.17</v>
      </c>
      <c r="CV1637" s="20">
        <v>0.17</v>
      </c>
      <c r="CW1637" s="20">
        <v>0.18</v>
      </c>
      <c r="CX1637" s="20">
        <v>0.18</v>
      </c>
      <c r="CY1637" s="6" t="s">
        <v>628</v>
      </c>
      <c r="CZ1637" s="6" t="s">
        <v>629</v>
      </c>
      <c r="DA1637" s="6" t="s">
        <v>149</v>
      </c>
      <c r="DB1637" s="6"/>
      <c r="DC1637" s="6">
        <v>27620</v>
      </c>
      <c r="DD1637" s="6"/>
      <c r="DE1637" s="6" t="s">
        <v>436</v>
      </c>
      <c r="DF1637" s="6" t="s">
        <v>375</v>
      </c>
      <c r="DG1637" s="6" t="s">
        <v>376</v>
      </c>
      <c r="DH1637" s="6" t="s">
        <v>328</v>
      </c>
      <c r="DI1637" s="6"/>
      <c r="DJ1637" s="6">
        <v>29</v>
      </c>
      <c r="DK1637" s="6">
        <v>151</v>
      </c>
      <c r="DL1637" s="6">
        <v>2</v>
      </c>
      <c r="DM1637" s="6" t="s">
        <v>379</v>
      </c>
      <c r="DN1637" s="6">
        <v>3</v>
      </c>
      <c r="DO1637" s="6" t="s">
        <v>380</v>
      </c>
      <c r="DP1637" s="6"/>
      <c r="DQ1637" s="6"/>
    </row>
    <row r="1638" spans="1:121" x14ac:dyDescent="0.2">
      <c r="A1638" s="6" t="s">
        <v>318</v>
      </c>
      <c r="B1638" s="6" t="s">
        <v>318</v>
      </c>
      <c r="C1638" s="6" t="s">
        <v>187</v>
      </c>
      <c r="D1638" s="6" t="s">
        <v>149</v>
      </c>
      <c r="E1638" s="6" t="s">
        <v>290</v>
      </c>
      <c r="F1638" s="11">
        <v>1</v>
      </c>
      <c r="G1638" s="13">
        <v>1</v>
      </c>
      <c r="H1638" s="11">
        <v>0</v>
      </c>
      <c r="I1638" s="13"/>
      <c r="J1638" s="11">
        <v>0</v>
      </c>
      <c r="K1638" s="13"/>
      <c r="L1638" s="11">
        <v>5</v>
      </c>
      <c r="M1638" s="13"/>
      <c r="N1638" s="11">
        <v>5</v>
      </c>
      <c r="O1638" s="13"/>
      <c r="P1638" s="7">
        <v>0</v>
      </c>
      <c r="Q1638" s="7">
        <v>0</v>
      </c>
      <c r="R1638" s="7">
        <v>0</v>
      </c>
      <c r="S1638" s="7">
        <v>0</v>
      </c>
      <c r="T1638" s="7">
        <v>0</v>
      </c>
      <c r="U1638" s="7">
        <v>0</v>
      </c>
      <c r="V1638" s="7">
        <v>0</v>
      </c>
      <c r="W1638" s="7">
        <v>0</v>
      </c>
      <c r="X1638" s="7">
        <v>0</v>
      </c>
      <c r="Y1638" s="7">
        <v>0</v>
      </c>
      <c r="Z1638" s="7">
        <v>0</v>
      </c>
      <c r="AA1638" s="7">
        <v>0</v>
      </c>
      <c r="AB1638" s="7">
        <v>0</v>
      </c>
      <c r="AC1638" s="7">
        <v>0</v>
      </c>
      <c r="AD1638" s="7">
        <v>0</v>
      </c>
      <c r="AE1638" s="7">
        <v>5</v>
      </c>
      <c r="AF1638" s="7">
        <v>5</v>
      </c>
      <c r="AG1638" s="9">
        <v>1</v>
      </c>
      <c r="AH1638" s="13"/>
      <c r="AI1638" s="9">
        <v>0</v>
      </c>
      <c r="AJ1638" s="13"/>
      <c r="AK1638" s="9">
        <v>0</v>
      </c>
      <c r="AL1638" s="13"/>
      <c r="AM1638" s="9">
        <v>1</v>
      </c>
      <c r="AN1638" s="13"/>
      <c r="AO1638" s="9">
        <v>1</v>
      </c>
      <c r="AP1638" s="13"/>
      <c r="AQ1638" s="9">
        <v>0</v>
      </c>
      <c r="AR1638" s="9">
        <v>0</v>
      </c>
      <c r="AS1638" s="9">
        <v>0</v>
      </c>
      <c r="AT1638" s="9">
        <v>0</v>
      </c>
      <c r="AU1638" s="9">
        <v>0</v>
      </c>
      <c r="AV1638" s="9">
        <v>0</v>
      </c>
      <c r="AW1638" s="9">
        <v>0</v>
      </c>
      <c r="AX1638" s="9">
        <v>0</v>
      </c>
      <c r="AY1638" s="9">
        <v>0</v>
      </c>
      <c r="AZ1638" s="9">
        <v>0</v>
      </c>
      <c r="BA1638" s="9">
        <v>0</v>
      </c>
      <c r="BB1638" s="9">
        <v>0</v>
      </c>
      <c r="BC1638" s="9">
        <v>0</v>
      </c>
      <c r="BD1638" s="9">
        <v>0</v>
      </c>
      <c r="BE1638" s="9">
        <v>0</v>
      </c>
      <c r="BF1638" s="9">
        <v>1</v>
      </c>
      <c r="BG1638" s="11">
        <v>0.5</v>
      </c>
      <c r="BH1638" s="13" t="e">
        <v>#DIV/0!</v>
      </c>
      <c r="BI1638" s="6">
        <v>0</v>
      </c>
      <c r="BJ1638" s="13" t="e">
        <v>#DIV/0!</v>
      </c>
      <c r="BK1638" s="6">
        <v>0</v>
      </c>
      <c r="BL1638" s="13" t="e">
        <v>#DIV/0!</v>
      </c>
      <c r="BM1638" s="11">
        <v>0.5</v>
      </c>
      <c r="BN1638" s="13" t="e">
        <v>#DIV/0!</v>
      </c>
      <c r="BO1638" s="11">
        <v>0.5</v>
      </c>
      <c r="BP1638" s="13" t="e">
        <v>#DIV/0!</v>
      </c>
      <c r="BQ1638" s="6">
        <v>0</v>
      </c>
      <c r="BR1638" s="6">
        <v>0</v>
      </c>
      <c r="BS1638" s="6">
        <v>0</v>
      </c>
      <c r="BT1638" s="6">
        <v>0</v>
      </c>
      <c r="BU1638" s="6">
        <v>0</v>
      </c>
      <c r="BV1638" s="6">
        <v>0</v>
      </c>
      <c r="BW1638" s="6">
        <v>0</v>
      </c>
      <c r="BX1638" s="6">
        <v>0</v>
      </c>
      <c r="BY1638" s="6">
        <v>0</v>
      </c>
      <c r="BZ1638" s="6">
        <v>0</v>
      </c>
      <c r="CA1638" s="6">
        <v>0</v>
      </c>
      <c r="CB1638" s="6">
        <v>0</v>
      </c>
      <c r="CC1638" s="11">
        <v>0.5</v>
      </c>
      <c r="CD1638" s="11">
        <v>0.55026799999999998</v>
      </c>
      <c r="CE1638" s="11">
        <v>0.21410799999999999</v>
      </c>
      <c r="CF1638" s="11">
        <v>0.10931200000000001</v>
      </c>
      <c r="CG1638" s="11">
        <v>0</v>
      </c>
      <c r="CH1638" s="20">
        <v>0</v>
      </c>
      <c r="CI1638" s="20">
        <v>0</v>
      </c>
      <c r="CJ1638" s="20">
        <v>0</v>
      </c>
      <c r="CK1638" s="20">
        <v>0</v>
      </c>
      <c r="CL1638" s="20">
        <v>0</v>
      </c>
      <c r="CM1638" s="20">
        <v>0</v>
      </c>
      <c r="CN1638" s="20">
        <v>0</v>
      </c>
      <c r="CO1638" s="20">
        <v>0</v>
      </c>
      <c r="CP1638" s="20">
        <v>0</v>
      </c>
      <c r="CQ1638" s="20">
        <v>0</v>
      </c>
      <c r="CR1638" s="20">
        <v>0</v>
      </c>
      <c r="CS1638" s="20">
        <v>0</v>
      </c>
      <c r="CT1638" s="20">
        <v>0</v>
      </c>
      <c r="CU1638" s="20">
        <v>0</v>
      </c>
      <c r="CV1638" s="20">
        <v>0</v>
      </c>
      <c r="CW1638" s="20">
        <v>1.31524E-2</v>
      </c>
      <c r="CX1638" s="20">
        <v>1.3932699999999999E-2</v>
      </c>
      <c r="CY1638" s="6" t="s">
        <v>628</v>
      </c>
      <c r="CZ1638" s="6" t="s">
        <v>629</v>
      </c>
      <c r="DA1638" s="6" t="s">
        <v>149</v>
      </c>
      <c r="DB1638" s="6"/>
      <c r="DC1638" s="6">
        <v>27620</v>
      </c>
      <c r="DD1638" s="6"/>
      <c r="DE1638" s="6" t="s">
        <v>436</v>
      </c>
      <c r="DF1638" s="6" t="s">
        <v>375</v>
      </c>
      <c r="DG1638" s="6" t="s">
        <v>376</v>
      </c>
      <c r="DH1638" s="6" t="s">
        <v>328</v>
      </c>
      <c r="DI1638" s="6"/>
      <c r="DJ1638" s="6">
        <v>29</v>
      </c>
      <c r="DK1638" s="6">
        <v>151</v>
      </c>
      <c r="DL1638" s="6">
        <v>2</v>
      </c>
      <c r="DM1638" s="6" t="s">
        <v>379</v>
      </c>
      <c r="DN1638" s="6">
        <v>3</v>
      </c>
      <c r="DO1638" s="6" t="s">
        <v>380</v>
      </c>
      <c r="DP1638" s="6"/>
      <c r="DQ1638" s="6"/>
    </row>
    <row r="1639" spans="1:121" x14ac:dyDescent="0.2">
      <c r="A1639" s="6" t="s">
        <v>319</v>
      </c>
      <c r="B1639" s="6" t="s">
        <v>319</v>
      </c>
      <c r="C1639" s="6" t="s">
        <v>188</v>
      </c>
      <c r="D1639" s="6" t="s">
        <v>149</v>
      </c>
      <c r="E1639" s="6" t="s">
        <v>290</v>
      </c>
      <c r="F1639" s="11">
        <v>53</v>
      </c>
      <c r="G1639" s="13">
        <v>1.60606060606</v>
      </c>
      <c r="H1639" s="11">
        <v>133.40864147760001</v>
      </c>
      <c r="I1639" s="13">
        <v>4.0550645502816227</v>
      </c>
      <c r="J1639" s="11">
        <v>-99.11578927410001</v>
      </c>
      <c r="K1639" s="13">
        <v>-0.59597761544349559</v>
      </c>
      <c r="L1639" s="11">
        <v>19.064774403300007</v>
      </c>
      <c r="M1639" s="13">
        <v>0.28373528502314876</v>
      </c>
      <c r="N1639" s="11">
        <v>-80.051014870800003</v>
      </c>
      <c r="O1639" s="13">
        <v>-0.48134220900562358</v>
      </c>
      <c r="P1639" s="7">
        <v>32.899264567400003</v>
      </c>
      <c r="Q1639" s="7">
        <v>40.832783103499999</v>
      </c>
      <c r="R1639" s="7">
        <v>41.8924140755</v>
      </c>
      <c r="S1639" s="7">
        <v>50.2937355563</v>
      </c>
      <c r="T1639" s="7">
        <v>55.1131421547</v>
      </c>
      <c r="U1639" s="7">
        <v>73.300119678900003</v>
      </c>
      <c r="V1639" s="7">
        <v>166.30790604500001</v>
      </c>
      <c r="W1639" s="7">
        <v>188.08987052399999</v>
      </c>
      <c r="X1639" s="7">
        <v>195.04270790800001</v>
      </c>
      <c r="Y1639" s="7">
        <v>67.1921167709</v>
      </c>
      <c r="Z1639" s="7">
        <v>58.8523950031</v>
      </c>
      <c r="AA1639" s="7">
        <v>55.836556720600001</v>
      </c>
      <c r="AB1639" s="7">
        <v>53.319170229599997</v>
      </c>
      <c r="AC1639" s="7">
        <v>104.576183328</v>
      </c>
      <c r="AD1639" s="7">
        <v>132.55799964299999</v>
      </c>
      <c r="AE1639" s="7">
        <v>82.401387265699995</v>
      </c>
      <c r="AF1639" s="7">
        <v>86.256891174200007</v>
      </c>
      <c r="AG1639" s="9">
        <v>8974.9594192000022</v>
      </c>
      <c r="AH1639" s="13">
        <v>0.73398960282823933</v>
      </c>
      <c r="AI1639" s="9">
        <v>3352.8139814000006</v>
      </c>
      <c r="AJ1639" s="13">
        <v>0.27419963563290556</v>
      </c>
      <c r="AK1639" s="9">
        <v>5958.7858204000004</v>
      </c>
      <c r="AL1639" s="13">
        <v>0.38245268442857977</v>
      </c>
      <c r="AM1639" s="9">
        <v>-336.6403825999987</v>
      </c>
      <c r="AN1639" s="13">
        <v>-1.5629168504488668E-2</v>
      </c>
      <c r="AO1639" s="9">
        <v>5622.1454378000017</v>
      </c>
      <c r="AP1639" s="13">
        <v>0.36084609847416282</v>
      </c>
      <c r="AQ1639" s="9">
        <v>12227.638354299999</v>
      </c>
      <c r="AR1639" s="9">
        <v>14144.599573199999</v>
      </c>
      <c r="AS1639" s="9">
        <v>13861.876844099999</v>
      </c>
      <c r="AT1639" s="9">
        <v>14981.2478016</v>
      </c>
      <c r="AU1639" s="9">
        <v>15315.782389399999</v>
      </c>
      <c r="AV1639" s="9">
        <v>14936.6988695</v>
      </c>
      <c r="AW1639" s="9">
        <v>15580.4523357</v>
      </c>
      <c r="AX1639" s="9">
        <v>19685.4582649</v>
      </c>
      <c r="AY1639" s="9">
        <v>19972.0130188</v>
      </c>
      <c r="AZ1639" s="9">
        <v>21539.2381561</v>
      </c>
      <c r="BA1639" s="9">
        <v>20994.070297499999</v>
      </c>
      <c r="BB1639" s="9">
        <v>18926.000823499999</v>
      </c>
      <c r="BC1639" s="9">
        <v>19096.413585800001</v>
      </c>
      <c r="BD1639" s="9">
        <v>25194.565864200002</v>
      </c>
      <c r="BE1639" s="9">
        <v>28173.714270699998</v>
      </c>
      <c r="BF1639" s="9">
        <v>21202.597773500001</v>
      </c>
      <c r="BG1639" s="11">
        <v>3</v>
      </c>
      <c r="BH1639" s="13">
        <v>1</v>
      </c>
      <c r="BI1639" s="6">
        <v>0</v>
      </c>
      <c r="BJ1639" s="13">
        <v>0</v>
      </c>
      <c r="BK1639" s="6">
        <v>0</v>
      </c>
      <c r="BL1639" s="13">
        <v>0</v>
      </c>
      <c r="BM1639" s="11">
        <v>3</v>
      </c>
      <c r="BN1639" s="13">
        <v>1</v>
      </c>
      <c r="BO1639" s="11">
        <v>3</v>
      </c>
      <c r="BP1639" s="13">
        <v>1</v>
      </c>
      <c r="BQ1639" s="6">
        <v>3</v>
      </c>
      <c r="BR1639" s="6">
        <v>4</v>
      </c>
      <c r="BS1639" s="6">
        <v>3</v>
      </c>
      <c r="BT1639" s="6">
        <v>3</v>
      </c>
      <c r="BU1639" s="6">
        <v>3</v>
      </c>
      <c r="BV1639" s="6">
        <v>4</v>
      </c>
      <c r="BW1639" s="6">
        <v>3</v>
      </c>
      <c r="BX1639" s="6">
        <v>3</v>
      </c>
      <c r="BY1639" s="6">
        <v>4</v>
      </c>
      <c r="BZ1639" s="6">
        <v>5</v>
      </c>
      <c r="CA1639" s="6">
        <v>5</v>
      </c>
      <c r="CB1639" s="6">
        <v>6</v>
      </c>
      <c r="CC1639" s="11">
        <v>6</v>
      </c>
      <c r="CD1639" s="11">
        <v>46.801299999999998</v>
      </c>
      <c r="CE1639" s="11">
        <v>2.9600300000000002</v>
      </c>
      <c r="CF1639" s="11">
        <v>3.5962900000000002</v>
      </c>
      <c r="CG1639" s="11">
        <v>7</v>
      </c>
      <c r="CH1639" s="20">
        <v>0.14812500000000001</v>
      </c>
      <c r="CI1639" s="20">
        <v>0.182115</v>
      </c>
      <c r="CJ1639" s="20">
        <v>0.181337</v>
      </c>
      <c r="CK1639" s="20">
        <v>0.209673</v>
      </c>
      <c r="CL1639" s="20">
        <v>0.22192700000000001</v>
      </c>
      <c r="CM1639" s="20">
        <v>0.28253600000000001</v>
      </c>
      <c r="CN1639" s="20">
        <v>0.62030099999999999</v>
      </c>
      <c r="CO1639" s="20">
        <v>0.74385199999999996</v>
      </c>
      <c r="CP1639" s="20">
        <v>0.84863599999999995</v>
      </c>
      <c r="CQ1639" s="20">
        <v>0.298794</v>
      </c>
      <c r="CR1639" s="20">
        <v>0.25451200000000002</v>
      </c>
      <c r="CS1639" s="20">
        <v>0.23461099999999999</v>
      </c>
      <c r="CT1639" s="20">
        <v>0.216886</v>
      </c>
      <c r="CU1639" s="20">
        <v>0.40034799999999998</v>
      </c>
      <c r="CV1639" s="20">
        <v>0.49343399999999998</v>
      </c>
      <c r="CW1639" s="20">
        <v>0.30810199999999999</v>
      </c>
      <c r="CX1639" s="20">
        <v>0.30944899999999997</v>
      </c>
      <c r="CY1639" s="6" t="s">
        <v>628</v>
      </c>
      <c r="CZ1639" s="6" t="s">
        <v>629</v>
      </c>
      <c r="DA1639" s="6" t="s">
        <v>149</v>
      </c>
      <c r="DB1639" s="6"/>
      <c r="DC1639" s="6">
        <v>27620</v>
      </c>
      <c r="DD1639" s="6"/>
      <c r="DE1639" s="6" t="s">
        <v>436</v>
      </c>
      <c r="DF1639" s="6" t="s">
        <v>375</v>
      </c>
      <c r="DG1639" s="6" t="s">
        <v>376</v>
      </c>
      <c r="DH1639" s="6" t="s">
        <v>328</v>
      </c>
      <c r="DI1639" s="6"/>
      <c r="DJ1639" s="6">
        <v>29</v>
      </c>
      <c r="DK1639" s="6">
        <v>151</v>
      </c>
      <c r="DL1639" s="6">
        <v>2</v>
      </c>
      <c r="DM1639" s="6" t="s">
        <v>379</v>
      </c>
      <c r="DN1639" s="6">
        <v>3</v>
      </c>
      <c r="DO1639" s="6" t="s">
        <v>380</v>
      </c>
      <c r="DP1639" s="6"/>
      <c r="DQ1639" s="6"/>
    </row>
    <row r="1640" spans="1:121" x14ac:dyDescent="0.2">
      <c r="A1640" s="6" t="s">
        <v>320</v>
      </c>
      <c r="B1640" s="6" t="s">
        <v>320</v>
      </c>
      <c r="C1640" s="6" t="s">
        <v>189</v>
      </c>
      <c r="D1640" s="6" t="s">
        <v>149</v>
      </c>
      <c r="E1640" s="6" t="s">
        <v>290</v>
      </c>
      <c r="F1640" s="11">
        <v>10</v>
      </c>
      <c r="G1640" s="13">
        <v>0.18518518518499999</v>
      </c>
      <c r="H1640" s="11">
        <v>-3.5118111114999948</v>
      </c>
      <c r="I1640" s="13">
        <v>-6.4919424436663015E-2</v>
      </c>
      <c r="J1640" s="11">
        <v>8.3394322428999956</v>
      </c>
      <c r="K1640" s="13">
        <v>0.16486594683835981</v>
      </c>
      <c r="L1640" s="11">
        <v>4.9051336185000025</v>
      </c>
      <c r="M1640" s="13">
        <v>8.3247149101614029E-2</v>
      </c>
      <c r="N1640" s="11">
        <v>13.244565861399998</v>
      </c>
      <c r="O1640" s="13">
        <v>0.26183771599820554</v>
      </c>
      <c r="P1640" s="7">
        <v>54.094920618499998</v>
      </c>
      <c r="Q1640" s="7">
        <v>47.038090861900002</v>
      </c>
      <c r="R1640" s="7">
        <v>52.291861344700003</v>
      </c>
      <c r="S1640" s="7">
        <v>56.359831250100001</v>
      </c>
      <c r="T1640" s="7">
        <v>53.308295999999999</v>
      </c>
      <c r="U1640" s="7">
        <v>51.034858888099997</v>
      </c>
      <c r="V1640" s="7">
        <v>50.583109507000003</v>
      </c>
      <c r="W1640" s="7">
        <v>52.666993065699998</v>
      </c>
      <c r="X1640" s="7">
        <v>56.2787398412</v>
      </c>
      <c r="Y1640" s="7">
        <v>58.922541749899999</v>
      </c>
      <c r="Z1640" s="7">
        <v>59.7228976866</v>
      </c>
      <c r="AA1640" s="7">
        <v>63.914170949099997</v>
      </c>
      <c r="AB1640" s="7">
        <v>62.670827615500002</v>
      </c>
      <c r="AC1640" s="7">
        <v>63.299338263700001</v>
      </c>
      <c r="AD1640" s="7">
        <v>62.962727903299999</v>
      </c>
      <c r="AE1640" s="7">
        <v>62.813834815600003</v>
      </c>
      <c r="AF1640" s="7">
        <v>63.827675368400001</v>
      </c>
      <c r="AG1640" s="9">
        <v>11057.297309850001</v>
      </c>
      <c r="AH1640" s="13">
        <v>2.2258673467636312</v>
      </c>
      <c r="AI1640" s="9">
        <v>10765.228826350001</v>
      </c>
      <c r="AJ1640" s="13">
        <v>2.1670730788495094</v>
      </c>
      <c r="AK1640" s="9">
        <v>540.51549390000037</v>
      </c>
      <c r="AL1640" s="13">
        <v>3.4355822813905028E-2</v>
      </c>
      <c r="AM1640" s="9">
        <v>-248.44701040000109</v>
      </c>
      <c r="AN1640" s="13">
        <v>-1.5267081299510757E-2</v>
      </c>
      <c r="AO1640" s="9">
        <v>292.06848349999927</v>
      </c>
      <c r="AP1640" s="13">
        <v>1.8564228374382801E-2</v>
      </c>
      <c r="AQ1640" s="9">
        <v>4967.6353471499997</v>
      </c>
      <c r="AR1640" s="9">
        <v>8601.9137911800008</v>
      </c>
      <c r="AS1640" s="9">
        <v>13145.7981167</v>
      </c>
      <c r="AT1640" s="9">
        <v>12428.8795863</v>
      </c>
      <c r="AU1640" s="9">
        <v>13021.5842049</v>
      </c>
      <c r="AV1640" s="9">
        <v>14759.994663199999</v>
      </c>
      <c r="AW1640" s="9">
        <v>15732.8641735</v>
      </c>
      <c r="AX1640" s="9">
        <v>15877.069936399999</v>
      </c>
      <c r="AY1640" s="9">
        <v>15623.268655899999</v>
      </c>
      <c r="AZ1640" s="9">
        <v>16273.3796674</v>
      </c>
      <c r="BA1640" s="9">
        <v>15572.058889899999</v>
      </c>
      <c r="BB1640" s="9">
        <v>15077.823595</v>
      </c>
      <c r="BC1640" s="9">
        <v>15423.912209399999</v>
      </c>
      <c r="BD1640" s="9">
        <v>15967.1868904</v>
      </c>
      <c r="BE1640" s="9">
        <v>16037.629810500001</v>
      </c>
      <c r="BF1640" s="9">
        <v>16024.932656999999</v>
      </c>
      <c r="BG1640" s="11">
        <v>0</v>
      </c>
      <c r="BH1640" s="13" t="e">
        <v>#DIV/0!</v>
      </c>
      <c r="BI1640" s="6">
        <v>0</v>
      </c>
      <c r="BJ1640" s="13" t="e">
        <v>#DIV/0!</v>
      </c>
      <c r="BK1640" s="6">
        <v>0</v>
      </c>
      <c r="BL1640" s="13" t="e">
        <v>#DIV/0!</v>
      </c>
      <c r="BM1640" s="11">
        <v>0</v>
      </c>
      <c r="BN1640" s="13" t="e">
        <v>#DIV/0!</v>
      </c>
      <c r="BO1640" s="11">
        <v>0</v>
      </c>
      <c r="BP1640" s="13" t="e">
        <v>#DIV/0!</v>
      </c>
      <c r="BQ1640" s="6">
        <v>0</v>
      </c>
      <c r="BR1640" s="6">
        <v>0</v>
      </c>
      <c r="BS1640" s="6">
        <v>0</v>
      </c>
      <c r="BT1640" s="6">
        <v>0</v>
      </c>
      <c r="BU1640" s="6">
        <v>0</v>
      </c>
      <c r="BV1640" s="6">
        <v>0</v>
      </c>
      <c r="BW1640" s="6">
        <v>0</v>
      </c>
      <c r="BX1640" s="6">
        <v>0</v>
      </c>
      <c r="BY1640" s="6">
        <v>0</v>
      </c>
      <c r="BZ1640" s="6">
        <v>0</v>
      </c>
      <c r="CA1640" s="6">
        <v>0</v>
      </c>
      <c r="CB1640" s="6">
        <v>0</v>
      </c>
      <c r="CC1640" s="11">
        <v>0</v>
      </c>
      <c r="CD1640" s="11">
        <v>-15.7685</v>
      </c>
      <c r="CE1640" s="11">
        <v>19.588000000000001</v>
      </c>
      <c r="CF1640" s="11">
        <v>5.9132300000000004</v>
      </c>
      <c r="CG1640" s="11">
        <v>26</v>
      </c>
      <c r="CH1640" s="20">
        <v>0.73002</v>
      </c>
      <c r="CI1640" s="20">
        <v>0.600912</v>
      </c>
      <c r="CJ1640" s="20">
        <v>0.62963499999999994</v>
      </c>
      <c r="CK1640" s="20">
        <v>0.65108900000000003</v>
      </c>
      <c r="CL1640" s="20">
        <v>0.60814800000000002</v>
      </c>
      <c r="CM1640" s="20">
        <v>0.56004399999999999</v>
      </c>
      <c r="CN1640" s="20">
        <v>0.528752</v>
      </c>
      <c r="CO1640" s="20">
        <v>0.54253799999999996</v>
      </c>
      <c r="CP1640" s="20">
        <v>0.56467599999999996</v>
      </c>
      <c r="CQ1640" s="20">
        <v>0.60875800000000002</v>
      </c>
      <c r="CR1640" s="20">
        <v>0.60445499999999996</v>
      </c>
      <c r="CS1640" s="20">
        <v>0.63456199999999996</v>
      </c>
      <c r="CT1640" s="20">
        <v>0.61023799999999995</v>
      </c>
      <c r="CU1640" s="20">
        <v>0.58703399999999994</v>
      </c>
      <c r="CV1640" s="20">
        <v>0.57389999999999997</v>
      </c>
      <c r="CW1640" s="20">
        <v>0.57584999999999997</v>
      </c>
      <c r="CX1640" s="20">
        <v>0.55940699999999999</v>
      </c>
      <c r="CY1640" s="6" t="s">
        <v>628</v>
      </c>
      <c r="CZ1640" s="6" t="s">
        <v>629</v>
      </c>
      <c r="DA1640" s="6" t="s">
        <v>149</v>
      </c>
      <c r="DB1640" s="6"/>
      <c r="DC1640" s="6">
        <v>27620</v>
      </c>
      <c r="DD1640" s="6"/>
      <c r="DE1640" s="6" t="s">
        <v>436</v>
      </c>
      <c r="DF1640" s="6" t="s">
        <v>375</v>
      </c>
      <c r="DG1640" s="6" t="s">
        <v>376</v>
      </c>
      <c r="DH1640" s="6" t="s">
        <v>328</v>
      </c>
      <c r="DI1640" s="6"/>
      <c r="DJ1640" s="6">
        <v>29</v>
      </c>
      <c r="DK1640" s="6">
        <v>151</v>
      </c>
      <c r="DL1640" s="6">
        <v>2</v>
      </c>
      <c r="DM1640" s="6" t="s">
        <v>379</v>
      </c>
      <c r="DN1640" s="6">
        <v>3</v>
      </c>
      <c r="DO1640" s="6" t="s">
        <v>380</v>
      </c>
      <c r="DP1640" s="6"/>
      <c r="DQ1640" s="6"/>
    </row>
    <row r="1641" spans="1:121" x14ac:dyDescent="0.2">
      <c r="A1641" s="6" t="s">
        <v>321</v>
      </c>
      <c r="B1641" s="6" t="s">
        <v>321</v>
      </c>
      <c r="C1641" s="6" t="s">
        <v>190</v>
      </c>
      <c r="D1641" s="6" t="s">
        <v>149</v>
      </c>
      <c r="E1641" s="6" t="s">
        <v>290</v>
      </c>
      <c r="F1641" s="11">
        <v>170</v>
      </c>
      <c r="G1641" s="13">
        <v>0.91891891891900002</v>
      </c>
      <c r="H1641" s="11">
        <v>144.24123077600001</v>
      </c>
      <c r="I1641" s="13">
        <v>0.77769188442139259</v>
      </c>
      <c r="J1641" s="11">
        <v>118.99992652999998</v>
      </c>
      <c r="K1641" s="13">
        <v>0.36091784114955638</v>
      </c>
      <c r="L1641" s="11">
        <v>-94.187139123000009</v>
      </c>
      <c r="M1641" s="13">
        <v>-0.20990430984428557</v>
      </c>
      <c r="N1641" s="11">
        <v>24.812787406999973</v>
      </c>
      <c r="O1641" s="13">
        <v>7.5255320948283702E-2</v>
      </c>
      <c r="P1641" s="7">
        <v>185.473493636</v>
      </c>
      <c r="Q1641" s="7">
        <v>265.56059043699997</v>
      </c>
      <c r="R1641" s="7">
        <v>302.27513057499999</v>
      </c>
      <c r="S1641" s="7">
        <v>318.52591062599998</v>
      </c>
      <c r="T1641" s="7">
        <v>343.60859416</v>
      </c>
      <c r="U1641" s="7">
        <v>363.69479792800001</v>
      </c>
      <c r="V1641" s="7">
        <v>329.71472441200001</v>
      </c>
      <c r="W1641" s="7">
        <v>319.276244389</v>
      </c>
      <c r="X1641" s="7">
        <v>301.96706409299998</v>
      </c>
      <c r="Y1641" s="7">
        <v>448.71465094199999</v>
      </c>
      <c r="Z1641" s="7">
        <v>428.60527002100002</v>
      </c>
      <c r="AA1641" s="7">
        <v>442.82203572399999</v>
      </c>
      <c r="AB1641" s="7">
        <v>449.53450048500002</v>
      </c>
      <c r="AC1641" s="7">
        <v>424.92159813299997</v>
      </c>
      <c r="AD1641" s="7">
        <v>392.05950391699997</v>
      </c>
      <c r="AE1641" s="7">
        <v>353.83748720300002</v>
      </c>
      <c r="AF1641" s="7">
        <v>354.52751181899998</v>
      </c>
      <c r="AG1641" s="9">
        <v>5029.0953774000009</v>
      </c>
      <c r="AH1641" s="13">
        <v>0.23169763912264432</v>
      </c>
      <c r="AI1641" s="9">
        <v>-2403.0960899999991</v>
      </c>
      <c r="AJ1641" s="13">
        <v>-0.11071408451309069</v>
      </c>
      <c r="AK1641" s="9">
        <v>4405.9289739000014</v>
      </c>
      <c r="AL1641" s="13">
        <v>0.2282589495020976</v>
      </c>
      <c r="AM1641" s="9">
        <v>3026.2624934999985</v>
      </c>
      <c r="AN1641" s="13">
        <v>0.12764593256201806</v>
      </c>
      <c r="AO1641" s="9">
        <v>7432.1914674</v>
      </c>
      <c r="AP1641" s="13">
        <v>0.38504120853893742</v>
      </c>
      <c r="AQ1641" s="9">
        <v>21705.423483999999</v>
      </c>
      <c r="AR1641" s="9">
        <v>19668.699085699998</v>
      </c>
      <c r="AS1641" s="9">
        <v>20807.189819800002</v>
      </c>
      <c r="AT1641" s="9">
        <v>20378.467722699999</v>
      </c>
      <c r="AU1641" s="9">
        <v>20812.826498099999</v>
      </c>
      <c r="AV1641" s="9">
        <v>20613.9668709</v>
      </c>
      <c r="AW1641" s="9">
        <v>19302.327394</v>
      </c>
      <c r="AX1641" s="9">
        <v>20125.576054500001</v>
      </c>
      <c r="AY1641" s="9">
        <v>23490.680628800001</v>
      </c>
      <c r="AZ1641" s="9">
        <v>23708.256367900001</v>
      </c>
      <c r="BA1641" s="9">
        <v>23563.804656299999</v>
      </c>
      <c r="BB1641" s="9">
        <v>21257.234454900001</v>
      </c>
      <c r="BC1641" s="9">
        <v>22046.1124562</v>
      </c>
      <c r="BD1641" s="9">
        <v>23713.519742299999</v>
      </c>
      <c r="BE1641" s="9">
        <v>26090.5853044</v>
      </c>
      <c r="BF1641" s="9">
        <v>26734.5188614</v>
      </c>
      <c r="BG1641" s="11">
        <v>18.5</v>
      </c>
      <c r="BH1641" s="13">
        <v>1.088235294117647</v>
      </c>
      <c r="BI1641" s="6">
        <v>2</v>
      </c>
      <c r="BJ1641" s="13">
        <v>0.11764705882352941</v>
      </c>
      <c r="BK1641" s="6">
        <v>6</v>
      </c>
      <c r="BL1641" s="13">
        <v>0.31578947368421051</v>
      </c>
      <c r="BM1641" s="11">
        <v>10.5</v>
      </c>
      <c r="BN1641" s="13">
        <v>0.42</v>
      </c>
      <c r="BO1641" s="11">
        <v>16.5</v>
      </c>
      <c r="BP1641" s="13">
        <v>0.86842105263157898</v>
      </c>
      <c r="BQ1641" s="6">
        <v>17</v>
      </c>
      <c r="BR1641" s="6">
        <v>18</v>
      </c>
      <c r="BS1641" s="6">
        <v>18</v>
      </c>
      <c r="BT1641" s="6">
        <v>19</v>
      </c>
      <c r="BU1641" s="6">
        <v>22</v>
      </c>
      <c r="BV1641" s="6">
        <v>23</v>
      </c>
      <c r="BW1641" s="6">
        <v>25</v>
      </c>
      <c r="BX1641" s="6">
        <v>25</v>
      </c>
      <c r="BY1641" s="6">
        <v>25</v>
      </c>
      <c r="BZ1641" s="6">
        <v>38</v>
      </c>
      <c r="CA1641" s="6">
        <v>38</v>
      </c>
      <c r="CB1641" s="6">
        <v>38</v>
      </c>
      <c r="CC1641" s="11">
        <v>35.5</v>
      </c>
      <c r="CD1641" s="11">
        <v>81.2363</v>
      </c>
      <c r="CE1641" s="11">
        <v>67.543199999999999</v>
      </c>
      <c r="CF1641" s="11">
        <v>20.2745</v>
      </c>
      <c r="CG1641" s="11">
        <v>88</v>
      </c>
      <c r="CH1641" s="20">
        <v>0.50681100000000001</v>
      </c>
      <c r="CI1641" s="20">
        <v>0.69192100000000001</v>
      </c>
      <c r="CJ1641" s="20">
        <v>0.74102999999999997</v>
      </c>
      <c r="CK1641" s="20">
        <v>0.76135900000000001</v>
      </c>
      <c r="CL1641" s="20">
        <v>0.80228200000000005</v>
      </c>
      <c r="CM1641" s="20">
        <v>0.81425899999999996</v>
      </c>
      <c r="CN1641" s="20">
        <v>0.70160900000000004</v>
      </c>
      <c r="CO1641" s="20">
        <v>0.67178199999999999</v>
      </c>
      <c r="CP1641" s="20">
        <v>0.62360400000000005</v>
      </c>
      <c r="CQ1641" s="20">
        <v>0.96017699999999995</v>
      </c>
      <c r="CR1641" s="20">
        <v>0.91449499999999995</v>
      </c>
      <c r="CS1641" s="20">
        <v>0.91158600000000001</v>
      </c>
      <c r="CT1641" s="20">
        <v>0.90281100000000003</v>
      </c>
      <c r="CU1641" s="20">
        <v>0.81444700000000003</v>
      </c>
      <c r="CV1641" s="20">
        <v>0.73121000000000003</v>
      </c>
      <c r="CW1641" s="20">
        <v>0.65974699999999997</v>
      </c>
      <c r="CX1641" s="20">
        <v>0.62827</v>
      </c>
      <c r="CY1641" s="6" t="s">
        <v>628</v>
      </c>
      <c r="CZ1641" s="6" t="s">
        <v>629</v>
      </c>
      <c r="DA1641" s="6" t="s">
        <v>149</v>
      </c>
      <c r="DB1641" s="6"/>
      <c r="DC1641" s="6">
        <v>27620</v>
      </c>
      <c r="DD1641" s="6"/>
      <c r="DE1641" s="6" t="s">
        <v>436</v>
      </c>
      <c r="DF1641" s="6" t="s">
        <v>375</v>
      </c>
      <c r="DG1641" s="6" t="s">
        <v>376</v>
      </c>
      <c r="DH1641" s="6" t="s">
        <v>328</v>
      </c>
      <c r="DI1641" s="6"/>
      <c r="DJ1641" s="6">
        <v>29</v>
      </c>
      <c r="DK1641" s="6">
        <v>151</v>
      </c>
      <c r="DL1641" s="6">
        <v>2</v>
      </c>
      <c r="DM1641" s="6" t="s">
        <v>379</v>
      </c>
      <c r="DN1641" s="6">
        <v>3</v>
      </c>
      <c r="DO1641" s="6" t="s">
        <v>380</v>
      </c>
      <c r="DP1641" s="6"/>
      <c r="DQ1641" s="6"/>
    </row>
    <row r="1642" spans="1:121" x14ac:dyDescent="0.2">
      <c r="A1642" s="6" t="s">
        <v>322</v>
      </c>
      <c r="B1642" s="6" t="s">
        <v>322</v>
      </c>
      <c r="C1642" s="6" t="s">
        <v>191</v>
      </c>
      <c r="D1642" s="6" t="s">
        <v>149</v>
      </c>
      <c r="E1642" s="6" t="s">
        <v>290</v>
      </c>
      <c r="F1642" s="11">
        <v>1</v>
      </c>
      <c r="G1642" s="13">
        <v>1</v>
      </c>
      <c r="H1642" s="11">
        <v>-1</v>
      </c>
      <c r="I1642" s="13">
        <v>-7.1428571428571425E-2</v>
      </c>
      <c r="J1642" s="11">
        <v>-8</v>
      </c>
      <c r="K1642" s="13">
        <v>-0.61538461538461542</v>
      </c>
      <c r="L1642" s="11">
        <v>0</v>
      </c>
      <c r="M1642" s="13">
        <v>0</v>
      </c>
      <c r="N1642" s="11">
        <v>-8</v>
      </c>
      <c r="O1642" s="13">
        <v>-0.61538461538461542</v>
      </c>
      <c r="P1642" s="7">
        <v>14</v>
      </c>
      <c r="Q1642" s="7">
        <v>13</v>
      </c>
      <c r="R1642" s="7">
        <v>14</v>
      </c>
      <c r="S1642" s="7">
        <v>16</v>
      </c>
      <c r="T1642" s="7">
        <v>10</v>
      </c>
      <c r="U1642" s="7">
        <v>12</v>
      </c>
      <c r="V1642" s="7">
        <v>13</v>
      </c>
      <c r="W1642" s="7">
        <v>19</v>
      </c>
      <c r="X1642" s="7">
        <v>19</v>
      </c>
      <c r="Y1642" s="7">
        <v>5</v>
      </c>
      <c r="Z1642" s="7">
        <v>5</v>
      </c>
      <c r="AA1642" s="7">
        <v>5</v>
      </c>
      <c r="AB1642" s="7">
        <v>5</v>
      </c>
      <c r="AC1642" s="7">
        <v>5</v>
      </c>
      <c r="AD1642" s="7">
        <v>5</v>
      </c>
      <c r="AE1642" s="7">
        <v>5</v>
      </c>
      <c r="AF1642" s="7">
        <v>5</v>
      </c>
      <c r="AG1642" s="9">
        <v>-10966</v>
      </c>
      <c r="AH1642" s="13">
        <v>-0.99990881736117443</v>
      </c>
      <c r="AI1642" s="9">
        <v>3244</v>
      </c>
      <c r="AJ1642" s="13">
        <v>0.29579648035014133</v>
      </c>
      <c r="AK1642" s="9">
        <v>-14210</v>
      </c>
      <c r="AL1642" s="13">
        <v>-0.99992963197523044</v>
      </c>
      <c r="AM1642" s="9">
        <v>0</v>
      </c>
      <c r="AN1642" s="13">
        <v>0</v>
      </c>
      <c r="AO1642" s="9">
        <v>-14210</v>
      </c>
      <c r="AP1642" s="13">
        <v>-0.99992963197523044</v>
      </c>
      <c r="AQ1642" s="9">
        <v>10967</v>
      </c>
      <c r="AR1642" s="9">
        <v>11631</v>
      </c>
      <c r="AS1642" s="9">
        <v>10239</v>
      </c>
      <c r="AT1642" s="9">
        <v>11476</v>
      </c>
      <c r="AU1642" s="9">
        <v>12901</v>
      </c>
      <c r="AV1642" s="9">
        <v>16098</v>
      </c>
      <c r="AW1642" s="9">
        <v>14211</v>
      </c>
      <c r="AX1642" s="9">
        <v>15816</v>
      </c>
      <c r="AY1642" s="9">
        <v>14666</v>
      </c>
      <c r="AZ1642" s="9">
        <v>1</v>
      </c>
      <c r="BA1642" s="9">
        <v>1</v>
      </c>
      <c r="BB1642" s="9">
        <v>1</v>
      </c>
      <c r="BC1642" s="9">
        <v>1</v>
      </c>
      <c r="BD1642" s="9">
        <v>1</v>
      </c>
      <c r="BE1642" s="9">
        <v>1</v>
      </c>
      <c r="BF1642" s="9">
        <v>1</v>
      </c>
      <c r="BG1642" s="11">
        <v>0</v>
      </c>
      <c r="BH1642" s="13">
        <v>0</v>
      </c>
      <c r="BI1642" s="6">
        <v>0</v>
      </c>
      <c r="BJ1642" s="13">
        <v>0</v>
      </c>
      <c r="BK1642" s="6">
        <v>-1</v>
      </c>
      <c r="BL1642" s="13">
        <v>-0.5</v>
      </c>
      <c r="BM1642" s="11">
        <v>1</v>
      </c>
      <c r="BN1642" s="13">
        <v>1</v>
      </c>
      <c r="BO1642" s="11">
        <v>0</v>
      </c>
      <c r="BP1642" s="13">
        <v>0</v>
      </c>
      <c r="BQ1642" s="6">
        <v>2</v>
      </c>
      <c r="BR1642" s="6">
        <v>2</v>
      </c>
      <c r="BS1642" s="6">
        <v>2</v>
      </c>
      <c r="BT1642" s="6">
        <v>2</v>
      </c>
      <c r="BU1642" s="6">
        <v>2</v>
      </c>
      <c r="BV1642" s="6">
        <v>2</v>
      </c>
      <c r="BW1642" s="6">
        <v>1</v>
      </c>
      <c r="BX1642" s="6">
        <v>1</v>
      </c>
      <c r="BY1642" s="6">
        <v>1</v>
      </c>
      <c r="BZ1642" s="6">
        <v>2</v>
      </c>
      <c r="CA1642" s="6">
        <v>2</v>
      </c>
      <c r="CB1642" s="6">
        <v>2</v>
      </c>
      <c r="CC1642" s="11">
        <v>2</v>
      </c>
      <c r="CD1642" s="11">
        <v>-10</v>
      </c>
      <c r="CE1642" s="11">
        <v>3</v>
      </c>
      <c r="CF1642" s="11">
        <v>2</v>
      </c>
      <c r="CG1642" s="11">
        <v>5</v>
      </c>
      <c r="CH1642" s="20">
        <v>0.25</v>
      </c>
      <c r="CI1642" s="20">
        <v>0.23</v>
      </c>
      <c r="CJ1642" s="20">
        <v>0.23</v>
      </c>
      <c r="CK1642" s="20">
        <v>0.26</v>
      </c>
      <c r="CL1642" s="20">
        <v>0.17</v>
      </c>
      <c r="CM1642" s="20">
        <v>0.19</v>
      </c>
      <c r="CN1642" s="20">
        <v>0.19</v>
      </c>
      <c r="CO1642" s="20">
        <v>0.28000000000000003</v>
      </c>
      <c r="CP1642" s="20">
        <v>0.28999999999999998</v>
      </c>
      <c r="CQ1642" s="20">
        <v>0.15</v>
      </c>
      <c r="CR1642" s="20">
        <v>0.14000000000000001</v>
      </c>
      <c r="CS1642" s="20">
        <v>0.15</v>
      </c>
      <c r="CT1642" s="20">
        <v>0.12</v>
      </c>
      <c r="CU1642" s="20">
        <v>0.13</v>
      </c>
      <c r="CV1642" s="20">
        <v>0.13</v>
      </c>
      <c r="CW1642" s="20">
        <v>0.12</v>
      </c>
      <c r="CX1642" s="20">
        <v>0.11</v>
      </c>
      <c r="CY1642" s="6" t="s">
        <v>628</v>
      </c>
      <c r="CZ1642" s="6" t="s">
        <v>629</v>
      </c>
      <c r="DA1642" s="6" t="s">
        <v>149</v>
      </c>
      <c r="DB1642" s="6"/>
      <c r="DC1642" s="6">
        <v>27620</v>
      </c>
      <c r="DD1642" s="6"/>
      <c r="DE1642" s="6" t="s">
        <v>436</v>
      </c>
      <c r="DF1642" s="6" t="s">
        <v>375</v>
      </c>
      <c r="DG1642" s="6" t="s">
        <v>376</v>
      </c>
      <c r="DH1642" s="6" t="s">
        <v>328</v>
      </c>
      <c r="DI1642" s="6"/>
      <c r="DJ1642" s="6">
        <v>29</v>
      </c>
      <c r="DK1642" s="6">
        <v>151</v>
      </c>
      <c r="DL1642" s="6">
        <v>2</v>
      </c>
      <c r="DM1642" s="6" t="s">
        <v>379</v>
      </c>
      <c r="DN1642" s="6">
        <v>3</v>
      </c>
      <c r="DO1642" s="6" t="s">
        <v>380</v>
      </c>
      <c r="DP1642" s="6"/>
      <c r="DQ1642" s="6"/>
    </row>
    <row r="1643" spans="1:121" x14ac:dyDescent="0.2">
      <c r="A1643" s="6" t="s">
        <v>323</v>
      </c>
      <c r="B1643" s="6" t="s">
        <v>323</v>
      </c>
      <c r="C1643" s="6" t="s">
        <v>192</v>
      </c>
      <c r="D1643" s="6" t="s">
        <v>149</v>
      </c>
      <c r="E1643" s="6" t="s">
        <v>290</v>
      </c>
      <c r="F1643" s="11">
        <v>66</v>
      </c>
      <c r="G1643" s="13">
        <v>0.5</v>
      </c>
      <c r="H1643" s="11">
        <v>44.219654688999981</v>
      </c>
      <c r="I1643" s="13">
        <v>0.3359754499437001</v>
      </c>
      <c r="J1643" s="11">
        <v>55.276113647000017</v>
      </c>
      <c r="K1643" s="13">
        <v>0.31436285250356</v>
      </c>
      <c r="L1643" s="11">
        <v>-33.356156317</v>
      </c>
      <c r="M1643" s="13">
        <v>-0.14432927961999706</v>
      </c>
      <c r="N1643" s="11">
        <v>21.919957330000017</v>
      </c>
      <c r="O1643" s="13">
        <v>0.12466180884243672</v>
      </c>
      <c r="P1643" s="7">
        <v>131.61573173400001</v>
      </c>
      <c r="Q1643" s="7">
        <v>130.066789712</v>
      </c>
      <c r="R1643" s="7">
        <v>153.34186973600001</v>
      </c>
      <c r="S1643" s="7">
        <v>158.918456397</v>
      </c>
      <c r="T1643" s="7">
        <v>194.388007958</v>
      </c>
      <c r="U1643" s="7">
        <v>192.272727973</v>
      </c>
      <c r="V1643" s="7">
        <v>175.83538642299999</v>
      </c>
      <c r="W1643" s="7">
        <v>172.26847551099999</v>
      </c>
      <c r="X1643" s="7">
        <v>202.410136515</v>
      </c>
      <c r="Y1643" s="7">
        <v>231.11150007000001</v>
      </c>
      <c r="Z1643" s="7">
        <v>225.51757787599999</v>
      </c>
      <c r="AA1643" s="7">
        <v>229.97343565</v>
      </c>
      <c r="AB1643" s="7">
        <v>178.659852777</v>
      </c>
      <c r="AC1643" s="7">
        <v>176.58353086599999</v>
      </c>
      <c r="AD1643" s="7">
        <v>183.18852469199999</v>
      </c>
      <c r="AE1643" s="7">
        <v>192.13327058300001</v>
      </c>
      <c r="AF1643" s="7">
        <v>197.75534375300001</v>
      </c>
      <c r="AG1643" s="9">
        <v>2382.3769297399995</v>
      </c>
      <c r="AH1643" s="13">
        <v>0.30948384651954491</v>
      </c>
      <c r="AI1643" s="9">
        <v>1638.9164777799997</v>
      </c>
      <c r="AJ1643" s="13">
        <v>0.21290425093353041</v>
      </c>
      <c r="AK1643" s="9">
        <v>1277.0825788599996</v>
      </c>
      <c r="AL1643" s="13">
        <v>0.13677917300214248</v>
      </c>
      <c r="AM1643" s="9">
        <v>-533.62212689999978</v>
      </c>
      <c r="AN1643" s="13">
        <v>-5.0275768087250698E-2</v>
      </c>
      <c r="AO1643" s="9">
        <v>743.46045195999977</v>
      </c>
      <c r="AP1643" s="13">
        <v>7.9626726933870129E-2</v>
      </c>
      <c r="AQ1643" s="9">
        <v>7697.9039666600002</v>
      </c>
      <c r="AR1643" s="9">
        <v>7474.3028779799997</v>
      </c>
      <c r="AS1643" s="9">
        <v>8042.2289661900004</v>
      </c>
      <c r="AT1643" s="9">
        <v>8951.7563517300005</v>
      </c>
      <c r="AU1643" s="9">
        <v>8786.9639565100006</v>
      </c>
      <c r="AV1643" s="9">
        <v>9095.3934743299997</v>
      </c>
      <c r="AW1643" s="9">
        <v>9336.8204444399998</v>
      </c>
      <c r="AX1643" s="9">
        <v>10452.686796800001</v>
      </c>
      <c r="AY1643" s="9">
        <v>10214.263092900001</v>
      </c>
      <c r="AZ1643" s="9">
        <v>10613.903023299999</v>
      </c>
      <c r="BA1643" s="9">
        <v>10523.7788872</v>
      </c>
      <c r="BB1643" s="9">
        <v>10429.524186099999</v>
      </c>
      <c r="BC1643" s="9">
        <v>9305.3748959200002</v>
      </c>
      <c r="BD1643" s="9">
        <v>9364.0617638900003</v>
      </c>
      <c r="BE1643" s="9">
        <v>9606.4238969199996</v>
      </c>
      <c r="BF1643" s="9">
        <v>10080.2808964</v>
      </c>
      <c r="BG1643" s="11">
        <v>1.5</v>
      </c>
      <c r="BH1643" s="13">
        <v>7.4999999999999997E-2</v>
      </c>
      <c r="BI1643" s="6">
        <v>-3</v>
      </c>
      <c r="BJ1643" s="13">
        <v>-0.15</v>
      </c>
      <c r="BK1643" s="6">
        <v>6</v>
      </c>
      <c r="BL1643" s="13">
        <v>0.35294117647058826</v>
      </c>
      <c r="BM1643" s="11">
        <v>-1.5</v>
      </c>
      <c r="BN1643" s="13">
        <v>-6.5217391304347824E-2</v>
      </c>
      <c r="BO1643" s="11">
        <v>4.5</v>
      </c>
      <c r="BP1643" s="13">
        <v>0.26470588235294118</v>
      </c>
      <c r="BQ1643" s="6">
        <v>20</v>
      </c>
      <c r="BR1643" s="6">
        <v>21</v>
      </c>
      <c r="BS1643" s="6">
        <v>20</v>
      </c>
      <c r="BT1643" s="6">
        <v>17</v>
      </c>
      <c r="BU1643" s="6">
        <v>16</v>
      </c>
      <c r="BV1643" s="6">
        <v>21</v>
      </c>
      <c r="BW1643" s="6">
        <v>23</v>
      </c>
      <c r="BX1643" s="6">
        <v>22</v>
      </c>
      <c r="BY1643" s="6">
        <v>22</v>
      </c>
      <c r="BZ1643" s="6">
        <v>19</v>
      </c>
      <c r="CA1643" s="6">
        <v>19</v>
      </c>
      <c r="CB1643" s="6">
        <v>20</v>
      </c>
      <c r="CC1643" s="11">
        <v>21.5</v>
      </c>
      <c r="CD1643" s="11">
        <v>21.822299999999998</v>
      </c>
      <c r="CE1643" s="11">
        <v>29.930199999999999</v>
      </c>
      <c r="CF1643" s="11">
        <v>14.3872</v>
      </c>
      <c r="CG1643" s="11">
        <v>44</v>
      </c>
      <c r="CH1643" s="20">
        <v>0.48461399999999999</v>
      </c>
      <c r="CI1643" s="20">
        <v>0.46826299999999998</v>
      </c>
      <c r="CJ1643" s="20">
        <v>0.52578499999999995</v>
      </c>
      <c r="CK1643" s="20">
        <v>0.52851800000000004</v>
      </c>
      <c r="CL1643" s="20">
        <v>0.63102499999999995</v>
      </c>
      <c r="CM1643" s="20">
        <v>0.600858</v>
      </c>
      <c r="CN1643" s="20">
        <v>0.52519400000000005</v>
      </c>
      <c r="CO1643" s="20">
        <v>0.520424</v>
      </c>
      <c r="CP1643" s="20">
        <v>0.62991699999999995</v>
      </c>
      <c r="CQ1643" s="20">
        <v>0.75500400000000001</v>
      </c>
      <c r="CR1643" s="20">
        <v>0.72655800000000004</v>
      </c>
      <c r="CS1643" s="20">
        <v>0.71927700000000006</v>
      </c>
      <c r="CT1643" s="20">
        <v>0.53932599999999997</v>
      </c>
      <c r="CU1643" s="20">
        <v>0.50338099999999997</v>
      </c>
      <c r="CV1643" s="20">
        <v>0.50327100000000002</v>
      </c>
      <c r="CW1643" s="20">
        <v>0.52646199999999999</v>
      </c>
      <c r="CX1643" s="20">
        <v>0.52053899999999997</v>
      </c>
      <c r="CY1643" s="6" t="s">
        <v>628</v>
      </c>
      <c r="CZ1643" s="6" t="s">
        <v>629</v>
      </c>
      <c r="DA1643" s="6" t="s">
        <v>149</v>
      </c>
      <c r="DB1643" s="6"/>
      <c r="DC1643" s="6">
        <v>27620</v>
      </c>
      <c r="DD1643" s="6"/>
      <c r="DE1643" s="6" t="s">
        <v>436</v>
      </c>
      <c r="DF1643" s="6" t="s">
        <v>375</v>
      </c>
      <c r="DG1643" s="6" t="s">
        <v>376</v>
      </c>
      <c r="DH1643" s="6" t="s">
        <v>328</v>
      </c>
      <c r="DI1643" s="6"/>
      <c r="DJ1643" s="6">
        <v>29</v>
      </c>
      <c r="DK1643" s="6">
        <v>151</v>
      </c>
      <c r="DL1643" s="6">
        <v>2</v>
      </c>
      <c r="DM1643" s="6" t="s">
        <v>379</v>
      </c>
      <c r="DN1643" s="6">
        <v>3</v>
      </c>
      <c r="DO1643" s="6" t="s">
        <v>380</v>
      </c>
      <c r="DP1643" s="6"/>
      <c r="DQ1643" s="6"/>
    </row>
    <row r="1644" spans="1:121" x14ac:dyDescent="0.2">
      <c r="A1644" s="6" t="s">
        <v>325</v>
      </c>
      <c r="B1644" s="6" t="s">
        <v>325</v>
      </c>
      <c r="C1644" s="6" t="s">
        <v>193</v>
      </c>
      <c r="D1644" s="6" t="s">
        <v>149</v>
      </c>
      <c r="E1644" s="6" t="s">
        <v>290</v>
      </c>
      <c r="F1644" s="11">
        <v>3</v>
      </c>
      <c r="G1644" s="13">
        <v>1.5789473684200001E-2</v>
      </c>
      <c r="H1644" s="11">
        <v>37.642248367000008</v>
      </c>
      <c r="I1644" s="13">
        <v>0.19817832172685099</v>
      </c>
      <c r="J1644" s="11">
        <v>-55.748271102000018</v>
      </c>
      <c r="K1644" s="13">
        <v>-0.24495738432461972</v>
      </c>
      <c r="L1644" s="11">
        <v>21.531774460999998</v>
      </c>
      <c r="M1644" s="13">
        <v>0.12530473724596794</v>
      </c>
      <c r="N1644" s="11">
        <v>-34.21649664100002</v>
      </c>
      <c r="O1644" s="13">
        <v>-0.15034696775790782</v>
      </c>
      <c r="P1644" s="7">
        <v>189.94130154600001</v>
      </c>
      <c r="Q1644" s="7">
        <v>173.28558850900001</v>
      </c>
      <c r="R1644" s="7">
        <v>163.705871841</v>
      </c>
      <c r="S1644" s="7">
        <v>174.87460392099999</v>
      </c>
      <c r="T1644" s="7">
        <v>174.503874293</v>
      </c>
      <c r="U1644" s="7">
        <v>185.83496609299999</v>
      </c>
      <c r="V1644" s="7">
        <v>227.58354991300001</v>
      </c>
      <c r="W1644" s="7">
        <v>177.579753517</v>
      </c>
      <c r="X1644" s="7">
        <v>164.488428782</v>
      </c>
      <c r="Y1644" s="7">
        <v>171.83527881099999</v>
      </c>
      <c r="Z1644" s="7">
        <v>164.02570554100001</v>
      </c>
      <c r="AA1644" s="7">
        <v>182.870590948</v>
      </c>
      <c r="AB1644" s="7">
        <v>166.69683123900001</v>
      </c>
      <c r="AC1644" s="7">
        <v>190.60709881700001</v>
      </c>
      <c r="AD1644" s="7">
        <v>187.061725731</v>
      </c>
      <c r="AE1644" s="7">
        <v>187.87975661199999</v>
      </c>
      <c r="AF1644" s="7">
        <v>193.36705327199999</v>
      </c>
      <c r="AG1644" s="9">
        <v>7605.6198495999979</v>
      </c>
      <c r="AH1644" s="13">
        <v>0.51519772094416605</v>
      </c>
      <c r="AI1644" s="9">
        <v>15173.2000661</v>
      </c>
      <c r="AJ1644" s="13">
        <v>1.0278186719910434</v>
      </c>
      <c r="AK1644" s="9">
        <v>-11816.165500900002</v>
      </c>
      <c r="AL1644" s="13">
        <v>-0.39471784980074914</v>
      </c>
      <c r="AM1644" s="9">
        <v>4248.5852844000001</v>
      </c>
      <c r="AN1644" s="13">
        <v>0.23447507041057189</v>
      </c>
      <c r="AO1644" s="9">
        <v>-7567.5802165000023</v>
      </c>
      <c r="AP1644" s="13">
        <v>-0.25279427501451746</v>
      </c>
      <c r="AQ1644" s="9">
        <v>14762.526192200001</v>
      </c>
      <c r="AR1644" s="9">
        <v>15060.1754681</v>
      </c>
      <c r="AS1644" s="9">
        <v>15930.945196299999</v>
      </c>
      <c r="AT1644" s="9">
        <v>15548.2162893</v>
      </c>
      <c r="AU1644" s="9">
        <v>16825.303288499999</v>
      </c>
      <c r="AV1644" s="9">
        <v>16694.227324700001</v>
      </c>
      <c r="AW1644" s="9">
        <v>29935.726258300001</v>
      </c>
      <c r="AX1644" s="9">
        <v>20811.896765000001</v>
      </c>
      <c r="AY1644" s="9">
        <v>18798.1792881</v>
      </c>
      <c r="AZ1644" s="9">
        <v>18119.560757399999</v>
      </c>
      <c r="BA1644" s="9">
        <v>19394.9388048</v>
      </c>
      <c r="BB1644" s="9">
        <v>18198.5977809</v>
      </c>
      <c r="BC1644" s="9">
        <v>19473.151942299999</v>
      </c>
      <c r="BD1644" s="9">
        <v>21190.055163199999</v>
      </c>
      <c r="BE1644" s="9">
        <v>21207.557032000001</v>
      </c>
      <c r="BF1644" s="9">
        <v>22368.146041799999</v>
      </c>
      <c r="BG1644" s="11">
        <v>-3.5</v>
      </c>
      <c r="BH1644" s="13">
        <v>-0.20588235294117646</v>
      </c>
      <c r="BI1644" s="6">
        <v>1</v>
      </c>
      <c r="BJ1644" s="13">
        <v>5.8823529411764705E-2</v>
      </c>
      <c r="BK1644" s="6">
        <v>4</v>
      </c>
      <c r="BL1644" s="13">
        <v>0.22222222222222221</v>
      </c>
      <c r="BM1644" s="11">
        <v>-8.5</v>
      </c>
      <c r="BN1644" s="13">
        <v>-0.38636363636363635</v>
      </c>
      <c r="BO1644" s="11">
        <v>-4.5</v>
      </c>
      <c r="BP1644" s="13">
        <v>-0.25</v>
      </c>
      <c r="BQ1644" s="6">
        <v>17</v>
      </c>
      <c r="BR1644" s="6">
        <v>20</v>
      </c>
      <c r="BS1644" s="6">
        <v>17</v>
      </c>
      <c r="BT1644" s="6">
        <v>18</v>
      </c>
      <c r="BU1644" s="6">
        <v>19</v>
      </c>
      <c r="BV1644" s="6">
        <v>19</v>
      </c>
      <c r="BW1644" s="6">
        <v>22</v>
      </c>
      <c r="BX1644" s="6">
        <v>19</v>
      </c>
      <c r="BY1644" s="6">
        <v>21</v>
      </c>
      <c r="BZ1644" s="6">
        <v>13</v>
      </c>
      <c r="CA1644" s="6">
        <v>13</v>
      </c>
      <c r="CB1644" s="6">
        <v>15</v>
      </c>
      <c r="CC1644" s="11">
        <v>13.5</v>
      </c>
      <c r="CD1644" s="11">
        <v>-15.587899999999999</v>
      </c>
      <c r="CE1644" s="11">
        <v>-1.74918</v>
      </c>
      <c r="CF1644" s="11">
        <v>20.762899999999998</v>
      </c>
      <c r="CG1644" s="11">
        <v>19</v>
      </c>
      <c r="CH1644" s="20">
        <v>1.0296099999999999</v>
      </c>
      <c r="CI1644" s="20">
        <v>0.91463499999999998</v>
      </c>
      <c r="CJ1644" s="20">
        <v>0.827677</v>
      </c>
      <c r="CK1644" s="20">
        <v>0.87307699999999999</v>
      </c>
      <c r="CL1644" s="20">
        <v>0.86449900000000002</v>
      </c>
      <c r="CM1644" s="20">
        <v>0.89455700000000005</v>
      </c>
      <c r="CN1644" s="20">
        <v>1.05226</v>
      </c>
      <c r="CO1644" s="20">
        <v>0.82965999999999995</v>
      </c>
      <c r="CP1644" s="20">
        <v>0.77552900000000002</v>
      </c>
      <c r="CQ1644" s="20">
        <v>0.85675900000000005</v>
      </c>
      <c r="CR1644" s="20">
        <v>0.81830000000000003</v>
      </c>
      <c r="CS1644" s="20">
        <v>0.89251999999999998</v>
      </c>
      <c r="CT1644" s="20">
        <v>0.85658400000000001</v>
      </c>
      <c r="CU1644" s="20">
        <v>0.93476499999999996</v>
      </c>
      <c r="CV1644" s="20">
        <v>0.90160399999999996</v>
      </c>
      <c r="CW1644" s="20">
        <v>0.91276900000000005</v>
      </c>
      <c r="CX1644" s="20">
        <v>0.91050200000000003</v>
      </c>
      <c r="CY1644" s="6" t="s">
        <v>628</v>
      </c>
      <c r="CZ1644" s="6" t="s">
        <v>629</v>
      </c>
      <c r="DA1644" s="6" t="s">
        <v>149</v>
      </c>
      <c r="DB1644" s="6"/>
      <c r="DC1644" s="6">
        <v>27620</v>
      </c>
      <c r="DD1644" s="6"/>
      <c r="DE1644" s="6" t="s">
        <v>436</v>
      </c>
      <c r="DF1644" s="6" t="s">
        <v>375</v>
      </c>
      <c r="DG1644" s="6" t="s">
        <v>376</v>
      </c>
      <c r="DH1644" s="6" t="s">
        <v>328</v>
      </c>
      <c r="DI1644" s="6"/>
      <c r="DJ1644" s="6">
        <v>29</v>
      </c>
      <c r="DK1644" s="6">
        <v>151</v>
      </c>
      <c r="DL1644" s="6">
        <v>2</v>
      </c>
      <c r="DM1644" s="6" t="s">
        <v>379</v>
      </c>
      <c r="DN1644" s="6">
        <v>3</v>
      </c>
      <c r="DO1644" s="6" t="s">
        <v>380</v>
      </c>
      <c r="DP1644" s="6"/>
      <c r="DQ1644" s="6"/>
    </row>
    <row r="1645" spans="1:121" x14ac:dyDescent="0.2">
      <c r="A1645" s="6" t="s">
        <v>327</v>
      </c>
      <c r="B1645" s="6" t="s">
        <v>327</v>
      </c>
      <c r="C1645" s="6" t="s">
        <v>194</v>
      </c>
      <c r="D1645" s="6" t="s">
        <v>149</v>
      </c>
      <c r="E1645" s="6" t="s">
        <v>290</v>
      </c>
      <c r="F1645" s="11">
        <v>73</v>
      </c>
      <c r="G1645" s="13">
        <v>0.10238429172500001</v>
      </c>
      <c r="H1645" s="11">
        <v>76.656020000000012</v>
      </c>
      <c r="I1645" s="13">
        <v>0.10749240624387968</v>
      </c>
      <c r="J1645" s="11">
        <v>22.852930000000015</v>
      </c>
      <c r="K1645" s="13">
        <v>2.8935610530609671E-2</v>
      </c>
      <c r="L1645" s="11">
        <v>-26.976396958000009</v>
      </c>
      <c r="M1645" s="13">
        <v>-3.3196057372520946E-2</v>
      </c>
      <c r="N1645" s="11">
        <v>-4.1234669579999945</v>
      </c>
      <c r="O1645" s="13">
        <v>-5.2209950291943127E-3</v>
      </c>
      <c r="P1645" s="7">
        <v>713.12963100000002</v>
      </c>
      <c r="Q1645" s="7">
        <v>731.19809299999997</v>
      </c>
      <c r="R1645" s="7">
        <v>711.698759</v>
      </c>
      <c r="S1645" s="7">
        <v>713.57063500000004</v>
      </c>
      <c r="T1645" s="7">
        <v>717.04401299999995</v>
      </c>
      <c r="U1645" s="7">
        <v>750.663004</v>
      </c>
      <c r="V1645" s="7">
        <v>789.78565100000003</v>
      </c>
      <c r="W1645" s="7">
        <v>812.88675499999999</v>
      </c>
      <c r="X1645" s="7">
        <v>837.78202099999999</v>
      </c>
      <c r="Y1645" s="7">
        <v>812.63858100000004</v>
      </c>
      <c r="Z1645" s="7">
        <v>782.47145999999998</v>
      </c>
      <c r="AA1645" s="7">
        <v>785.90383899999995</v>
      </c>
      <c r="AB1645" s="7">
        <v>798.88455199999999</v>
      </c>
      <c r="AC1645" s="7">
        <v>749.81189600000005</v>
      </c>
      <c r="AD1645" s="7">
        <v>798.06573100000003</v>
      </c>
      <c r="AE1645" s="7">
        <v>783.89031850000003</v>
      </c>
      <c r="AF1645" s="7">
        <v>785.66218404200004</v>
      </c>
      <c r="AG1645" s="9">
        <v>4610.0056494000019</v>
      </c>
      <c r="AH1645" s="13">
        <v>0.14995515878800397</v>
      </c>
      <c r="AI1645" s="9">
        <v>6950.512787599997</v>
      </c>
      <c r="AJ1645" s="13">
        <v>0.2260876293846325</v>
      </c>
      <c r="AK1645" s="9">
        <v>1665.9334038000015</v>
      </c>
      <c r="AL1645" s="13">
        <v>4.4197334593436541E-2</v>
      </c>
      <c r="AM1645" s="9">
        <v>-4006.4405419999966</v>
      </c>
      <c r="AN1645" s="13">
        <v>-0.10179221493193222</v>
      </c>
      <c r="AO1645" s="9">
        <v>-2340.5071381999951</v>
      </c>
      <c r="AP1645" s="13">
        <v>-6.2093824920849298E-2</v>
      </c>
      <c r="AQ1645" s="9">
        <v>30742.561220700001</v>
      </c>
      <c r="AR1645" s="9">
        <v>31150.6297395</v>
      </c>
      <c r="AS1645" s="9">
        <v>32935.300995700003</v>
      </c>
      <c r="AT1645" s="9">
        <v>34625.374175700003</v>
      </c>
      <c r="AU1645" s="9">
        <v>36010.3994016</v>
      </c>
      <c r="AV1645" s="9">
        <v>36579.627255899999</v>
      </c>
      <c r="AW1645" s="9">
        <v>37693.074008299998</v>
      </c>
      <c r="AX1645" s="9">
        <v>32409.242692</v>
      </c>
      <c r="AY1645" s="9">
        <v>37864.397379000002</v>
      </c>
      <c r="AZ1645" s="9">
        <v>39359.0074121</v>
      </c>
      <c r="BA1645" s="9">
        <v>39596.150862199996</v>
      </c>
      <c r="BB1645" s="9">
        <v>39078.940111999997</v>
      </c>
      <c r="BC1645" s="9">
        <v>35922.553295500002</v>
      </c>
      <c r="BD1645" s="9">
        <v>35020.607013100001</v>
      </c>
      <c r="BE1645" s="9">
        <v>35515.742071499997</v>
      </c>
      <c r="BF1645" s="9">
        <v>35352.566870100003</v>
      </c>
      <c r="BG1645" s="11">
        <v>-1</v>
      </c>
      <c r="BH1645" s="13">
        <v>-3.125E-2</v>
      </c>
      <c r="BI1645" s="6">
        <v>2</v>
      </c>
      <c r="BJ1645" s="13">
        <v>6.25E-2</v>
      </c>
      <c r="BK1645" s="6">
        <v>-1</v>
      </c>
      <c r="BL1645" s="13">
        <v>-2.9411764705882353E-2</v>
      </c>
      <c r="BM1645" s="11">
        <v>-2</v>
      </c>
      <c r="BN1645" s="13">
        <v>-6.0606060606060608E-2</v>
      </c>
      <c r="BO1645" s="11">
        <v>-3</v>
      </c>
      <c r="BP1645" s="13">
        <v>-8.8235294117647065E-2</v>
      </c>
      <c r="BQ1645" s="6">
        <v>32</v>
      </c>
      <c r="BR1645" s="6">
        <v>31</v>
      </c>
      <c r="BS1645" s="6">
        <v>31</v>
      </c>
      <c r="BT1645" s="6">
        <v>34</v>
      </c>
      <c r="BU1645" s="6">
        <v>33</v>
      </c>
      <c r="BV1645" s="6">
        <v>34</v>
      </c>
      <c r="BW1645" s="6">
        <v>33</v>
      </c>
      <c r="BX1645" s="6">
        <v>32</v>
      </c>
      <c r="BY1645" s="6">
        <v>33</v>
      </c>
      <c r="BZ1645" s="6">
        <v>33</v>
      </c>
      <c r="CA1645" s="6">
        <v>32</v>
      </c>
      <c r="CB1645" s="6">
        <v>31</v>
      </c>
      <c r="CC1645" s="11">
        <v>31</v>
      </c>
      <c r="CD1645" s="11">
        <v>36.385899999999999</v>
      </c>
      <c r="CE1645" s="11">
        <v>-41.807000000000002</v>
      </c>
      <c r="CF1645" s="11">
        <v>77.953699999999998</v>
      </c>
      <c r="CG1645" s="11">
        <v>36</v>
      </c>
      <c r="CH1645" s="20">
        <v>1.1637299999999999</v>
      </c>
      <c r="CI1645" s="20">
        <v>1.1595500000000001</v>
      </c>
      <c r="CJ1645" s="20">
        <v>1.08907</v>
      </c>
      <c r="CK1645" s="20">
        <v>1.0860799999999999</v>
      </c>
      <c r="CL1645" s="20">
        <v>1.0854299999999999</v>
      </c>
      <c r="CM1645" s="20">
        <v>1.1114200000000001</v>
      </c>
      <c r="CN1645" s="20">
        <v>1.13123</v>
      </c>
      <c r="CO1645" s="20">
        <v>1.1647400000000001</v>
      </c>
      <c r="CP1645" s="20">
        <v>1.19784</v>
      </c>
      <c r="CQ1645" s="20">
        <v>1.2216800000000001</v>
      </c>
      <c r="CR1645" s="20">
        <v>1.2046399999999999</v>
      </c>
      <c r="CS1645" s="20">
        <v>1.2238199999999999</v>
      </c>
      <c r="CT1645" s="20">
        <v>1.2440800000000001</v>
      </c>
      <c r="CU1645" s="20">
        <v>1.1354599999999999</v>
      </c>
      <c r="CV1645" s="20">
        <v>1.1979599999999999</v>
      </c>
      <c r="CW1645" s="20">
        <v>1.1920599999999999</v>
      </c>
      <c r="CX1645" s="20">
        <v>1.1660600000000001</v>
      </c>
      <c r="CY1645" s="6" t="s">
        <v>628</v>
      </c>
      <c r="CZ1645" s="6" t="s">
        <v>629</v>
      </c>
      <c r="DA1645" s="6" t="s">
        <v>149</v>
      </c>
      <c r="DB1645" s="6"/>
      <c r="DC1645" s="6">
        <v>27620</v>
      </c>
      <c r="DD1645" s="6"/>
      <c r="DE1645" s="6" t="s">
        <v>436</v>
      </c>
      <c r="DF1645" s="6" t="s">
        <v>375</v>
      </c>
      <c r="DG1645" s="6" t="s">
        <v>376</v>
      </c>
      <c r="DH1645" s="6" t="s">
        <v>328</v>
      </c>
      <c r="DI1645" s="6"/>
      <c r="DJ1645" s="6">
        <v>29</v>
      </c>
      <c r="DK1645" s="6">
        <v>151</v>
      </c>
      <c r="DL1645" s="6">
        <v>2</v>
      </c>
      <c r="DM1645" s="6" t="s">
        <v>379</v>
      </c>
      <c r="DN1645" s="6">
        <v>3</v>
      </c>
      <c r="DO1645" s="6" t="s">
        <v>380</v>
      </c>
      <c r="DP1645" s="6"/>
      <c r="DQ1645" s="6"/>
    </row>
    <row r="1646" spans="1:121" x14ac:dyDescent="0.2">
      <c r="A1646" s="6" t="s">
        <v>1</v>
      </c>
      <c r="B1646" s="6" t="s">
        <v>1</v>
      </c>
      <c r="C1646" s="6" t="s">
        <v>2</v>
      </c>
      <c r="D1646" s="6" t="s">
        <v>84</v>
      </c>
      <c r="E1646" s="6" t="s">
        <v>225</v>
      </c>
      <c r="F1646" s="11">
        <v>59</v>
      </c>
      <c r="G1646" s="13">
        <v>1.05357142857</v>
      </c>
      <c r="H1646" s="11">
        <v>40.568541656000008</v>
      </c>
      <c r="I1646" s="13">
        <v>0.72840752787602325</v>
      </c>
      <c r="J1646" s="11">
        <v>-36.323139285500005</v>
      </c>
      <c r="K1646" s="13">
        <v>-0.37733079989186591</v>
      </c>
      <c r="L1646" s="11">
        <v>55.306996455299995</v>
      </c>
      <c r="M1646" s="13">
        <v>0.92270222945682989</v>
      </c>
      <c r="N1646" s="11">
        <v>18.98385716979999</v>
      </c>
      <c r="O1646" s="13">
        <v>0.19720745926201025</v>
      </c>
      <c r="P1646" s="7">
        <v>55.694841285199999</v>
      </c>
      <c r="Q1646" s="7">
        <v>77.516492333200006</v>
      </c>
      <c r="R1646" s="7">
        <v>80.112697697399994</v>
      </c>
      <c r="S1646" s="7">
        <v>66.206826869599993</v>
      </c>
      <c r="T1646" s="7">
        <v>77.689567149300004</v>
      </c>
      <c r="U1646" s="7">
        <v>88.083952963800002</v>
      </c>
      <c r="V1646" s="7">
        <v>96.263382941200007</v>
      </c>
      <c r="W1646" s="7">
        <v>84.551540149100006</v>
      </c>
      <c r="X1646" s="7">
        <v>75.430533015999998</v>
      </c>
      <c r="Y1646" s="7">
        <v>59.940243655700002</v>
      </c>
      <c r="Z1646" s="7">
        <v>76.626190358900004</v>
      </c>
      <c r="AA1646" s="7">
        <v>74.482232780100006</v>
      </c>
      <c r="AB1646" s="7">
        <v>81.648844383300002</v>
      </c>
      <c r="AC1646" s="7">
        <v>87.789111615500005</v>
      </c>
      <c r="AD1646" s="7">
        <v>120.174560165</v>
      </c>
      <c r="AE1646" s="7">
        <v>110.688492436</v>
      </c>
      <c r="AF1646" s="7">
        <v>115.247240111</v>
      </c>
      <c r="AG1646" s="9">
        <v>6456.0555877000006</v>
      </c>
      <c r="AH1646" s="13">
        <v>0.35165186340614596</v>
      </c>
      <c r="AI1646" s="9">
        <v>480.91364780000004</v>
      </c>
      <c r="AJ1646" s="13">
        <v>2.6194659895511327E-2</v>
      </c>
      <c r="AK1646" s="9">
        <v>482.75962640000216</v>
      </c>
      <c r="AL1646" s="13">
        <v>2.5623995783258521E-2</v>
      </c>
      <c r="AM1646" s="9">
        <v>5492.3823134999984</v>
      </c>
      <c r="AN1646" s="13">
        <v>0.28424216241982425</v>
      </c>
      <c r="AO1646" s="9">
        <v>5975.1419399000006</v>
      </c>
      <c r="AP1646" s="13">
        <v>0.31714957817435263</v>
      </c>
      <c r="AQ1646" s="9">
        <v>18359.224731999999</v>
      </c>
      <c r="AR1646" s="9">
        <v>19140.9679708</v>
      </c>
      <c r="AS1646" s="9">
        <v>19203.459308400001</v>
      </c>
      <c r="AT1646" s="9">
        <v>17805.800560700001</v>
      </c>
      <c r="AU1646" s="9">
        <v>19093.206026</v>
      </c>
      <c r="AV1646" s="9">
        <v>18846.6015711</v>
      </c>
      <c r="AW1646" s="9">
        <v>18840.138379799999</v>
      </c>
      <c r="AX1646" s="9">
        <v>19488.128949000002</v>
      </c>
      <c r="AY1646" s="9">
        <v>19395.0846709</v>
      </c>
      <c r="AZ1646" s="9">
        <v>19322.898006200001</v>
      </c>
      <c r="BA1646" s="9">
        <v>19797.934771</v>
      </c>
      <c r="BB1646" s="9">
        <v>21938.897848199998</v>
      </c>
      <c r="BC1646" s="9">
        <v>22639.371823699999</v>
      </c>
      <c r="BD1646" s="9">
        <v>22343.417283999999</v>
      </c>
      <c r="BE1646" s="9">
        <v>24249.756524699998</v>
      </c>
      <c r="BF1646" s="9">
        <v>24815.280319699999</v>
      </c>
      <c r="BG1646" s="11">
        <v>4</v>
      </c>
      <c r="BH1646" s="13">
        <v>1.3333333333333333</v>
      </c>
      <c r="BI1646" s="6">
        <v>3</v>
      </c>
      <c r="BJ1646" s="13">
        <v>1</v>
      </c>
      <c r="BK1646" s="6">
        <v>-3</v>
      </c>
      <c r="BL1646" s="13">
        <v>-0.5</v>
      </c>
      <c r="BM1646" s="11">
        <v>4</v>
      </c>
      <c r="BN1646" s="13">
        <v>1.3333333333333333</v>
      </c>
      <c r="BO1646" s="11">
        <v>1</v>
      </c>
      <c r="BP1646" s="13">
        <v>0.16666666666666666</v>
      </c>
      <c r="BQ1646" s="6">
        <v>3</v>
      </c>
      <c r="BR1646" s="6">
        <v>4</v>
      </c>
      <c r="BS1646" s="6">
        <v>6</v>
      </c>
      <c r="BT1646" s="6">
        <v>6</v>
      </c>
      <c r="BU1646" s="6">
        <v>5</v>
      </c>
      <c r="BV1646" s="6">
        <v>5</v>
      </c>
      <c r="BW1646" s="6">
        <v>3</v>
      </c>
      <c r="BX1646" s="6">
        <v>3</v>
      </c>
      <c r="BY1646" s="6">
        <v>4</v>
      </c>
      <c r="BZ1646" s="6">
        <v>6</v>
      </c>
      <c r="CA1646" s="6">
        <v>6</v>
      </c>
      <c r="CB1646" s="6">
        <v>8</v>
      </c>
      <c r="CC1646" s="11">
        <v>7</v>
      </c>
      <c r="CD1646" s="11">
        <v>58.542200000000001</v>
      </c>
      <c r="CE1646" s="11">
        <v>-5.0778999999999996</v>
      </c>
      <c r="CF1646" s="11">
        <v>6.08812</v>
      </c>
      <c r="CG1646" s="11">
        <v>1</v>
      </c>
      <c r="CH1646" s="20">
        <v>2.0179399999999998</v>
      </c>
      <c r="CI1646" s="20">
        <v>2.7450999999999999</v>
      </c>
      <c r="CJ1646" s="20">
        <v>2.7986800000000001</v>
      </c>
      <c r="CK1646" s="20">
        <v>2.3701699999999999</v>
      </c>
      <c r="CL1646" s="20">
        <v>2.72634</v>
      </c>
      <c r="CM1646" s="20">
        <v>3.0982099999999999</v>
      </c>
      <c r="CN1646" s="20">
        <v>3.46814</v>
      </c>
      <c r="CO1646" s="20">
        <v>3.2120600000000001</v>
      </c>
      <c r="CP1646" s="20">
        <v>2.8006500000000001</v>
      </c>
      <c r="CQ1646" s="20">
        <v>2.3381599999999998</v>
      </c>
      <c r="CR1646" s="20">
        <v>3.0771600000000001</v>
      </c>
      <c r="CS1646" s="20">
        <v>2.9929000000000001</v>
      </c>
      <c r="CT1646" s="20">
        <v>3.17645</v>
      </c>
      <c r="CU1646" s="20">
        <v>3.46211</v>
      </c>
      <c r="CV1646" s="20">
        <v>4.7212399999999999</v>
      </c>
      <c r="CW1646" s="20">
        <v>4.3914200000000001</v>
      </c>
      <c r="CX1646" s="20">
        <v>4.5281200000000004</v>
      </c>
      <c r="CY1646" s="6" t="s">
        <v>631</v>
      </c>
      <c r="CZ1646" s="6" t="s">
        <v>632</v>
      </c>
      <c r="DA1646" s="6" t="s">
        <v>84</v>
      </c>
      <c r="DB1646" s="6" t="s">
        <v>345</v>
      </c>
      <c r="DC1646" s="6"/>
      <c r="DD1646" s="6"/>
      <c r="DE1646" s="6"/>
      <c r="DF1646" s="6"/>
      <c r="DG1646" s="6"/>
      <c r="DH1646" s="6" t="s">
        <v>333</v>
      </c>
      <c r="DI1646" s="6"/>
      <c r="DJ1646" s="6"/>
      <c r="DK1646" s="6"/>
      <c r="DL1646" s="6">
        <v>10</v>
      </c>
      <c r="DM1646" s="6" t="s">
        <v>383</v>
      </c>
      <c r="DN1646" s="6">
        <v>9</v>
      </c>
      <c r="DO1646" s="6" t="s">
        <v>384</v>
      </c>
      <c r="DP1646" s="6"/>
      <c r="DQ1646" s="6"/>
    </row>
    <row r="1647" spans="1:121" x14ac:dyDescent="0.2">
      <c r="A1647" s="6" t="s">
        <v>310</v>
      </c>
      <c r="B1647" s="6" t="s">
        <v>310</v>
      </c>
      <c r="C1647" s="6" t="s">
        <v>173</v>
      </c>
      <c r="D1647" s="6" t="s">
        <v>84</v>
      </c>
      <c r="E1647" s="6" t="s">
        <v>225</v>
      </c>
      <c r="F1647" s="11">
        <v>0</v>
      </c>
      <c r="G1647" s="13">
        <v>0</v>
      </c>
      <c r="H1647" s="11">
        <v>15.282634</v>
      </c>
      <c r="I1647" s="13"/>
      <c r="J1647" s="11">
        <v>-10.282634</v>
      </c>
      <c r="K1647" s="13">
        <v>-0.67283126717554054</v>
      </c>
      <c r="L1647" s="11">
        <v>-5</v>
      </c>
      <c r="M1647" s="13">
        <v>-1</v>
      </c>
      <c r="N1647" s="11">
        <v>-15.282634</v>
      </c>
      <c r="O1647" s="13">
        <v>-1</v>
      </c>
      <c r="P1647" s="7">
        <v>0</v>
      </c>
      <c r="Q1647" s="7">
        <v>0</v>
      </c>
      <c r="R1647" s="7">
        <v>5</v>
      </c>
      <c r="S1647" s="7">
        <v>5</v>
      </c>
      <c r="T1647" s="7">
        <v>5</v>
      </c>
      <c r="U1647" s="7">
        <v>11.673237</v>
      </c>
      <c r="V1647" s="7">
        <v>15.282634</v>
      </c>
      <c r="W1647" s="7">
        <v>5</v>
      </c>
      <c r="X1647" s="7">
        <v>5</v>
      </c>
      <c r="Y1647" s="7">
        <v>5</v>
      </c>
      <c r="Z1647" s="7">
        <v>5</v>
      </c>
      <c r="AA1647" s="7">
        <v>5</v>
      </c>
      <c r="AB1647" s="7">
        <v>5</v>
      </c>
      <c r="AC1647" s="7">
        <v>5</v>
      </c>
      <c r="AD1647" s="7">
        <v>0</v>
      </c>
      <c r="AE1647" s="7">
        <v>0</v>
      </c>
      <c r="AF1647" s="7">
        <v>0</v>
      </c>
      <c r="AG1647" s="9">
        <v>0</v>
      </c>
      <c r="AH1647" s="13"/>
      <c r="AI1647" s="9">
        <v>28879.003046999998</v>
      </c>
      <c r="AJ1647" s="13"/>
      <c r="AK1647" s="9">
        <v>-28878.003046999998</v>
      </c>
      <c r="AL1647" s="13">
        <v>-0.99996537276586828</v>
      </c>
      <c r="AM1647" s="9">
        <v>-1</v>
      </c>
      <c r="AN1647" s="13">
        <v>-1</v>
      </c>
      <c r="AO1647" s="9">
        <v>-28879.003046999998</v>
      </c>
      <c r="AP1647" s="13">
        <v>-1</v>
      </c>
      <c r="AQ1647" s="9">
        <v>0</v>
      </c>
      <c r="AR1647" s="9">
        <v>0</v>
      </c>
      <c r="AS1647" s="9">
        <v>1</v>
      </c>
      <c r="AT1647" s="9">
        <v>1</v>
      </c>
      <c r="AU1647" s="9">
        <v>1</v>
      </c>
      <c r="AV1647" s="9">
        <v>27119.794785099999</v>
      </c>
      <c r="AW1647" s="9">
        <v>28879.003046999998</v>
      </c>
      <c r="AX1647" s="9">
        <v>1</v>
      </c>
      <c r="AY1647" s="9">
        <v>1</v>
      </c>
      <c r="AZ1647" s="9">
        <v>1</v>
      </c>
      <c r="BA1647" s="9">
        <v>1</v>
      </c>
      <c r="BB1647" s="9">
        <v>1</v>
      </c>
      <c r="BC1647" s="9">
        <v>1</v>
      </c>
      <c r="BD1647" s="9">
        <v>1</v>
      </c>
      <c r="BE1647" s="9">
        <v>0</v>
      </c>
      <c r="BF1647" s="9">
        <v>0</v>
      </c>
      <c r="BG1647" s="11">
        <v>-1</v>
      </c>
      <c r="BH1647" s="13">
        <v>-1</v>
      </c>
      <c r="BI1647" s="6">
        <v>0</v>
      </c>
      <c r="BJ1647" s="13">
        <v>0</v>
      </c>
      <c r="BK1647" s="6">
        <v>0</v>
      </c>
      <c r="BL1647" s="13">
        <v>0</v>
      </c>
      <c r="BM1647" s="11">
        <v>-1</v>
      </c>
      <c r="BN1647" s="13">
        <v>-1</v>
      </c>
      <c r="BO1647" s="11">
        <v>-1</v>
      </c>
      <c r="BP1647" s="13">
        <v>-1</v>
      </c>
      <c r="BQ1647" s="6">
        <v>1</v>
      </c>
      <c r="BR1647" s="6">
        <v>1</v>
      </c>
      <c r="BS1647" s="6">
        <v>1</v>
      </c>
      <c r="BT1647" s="6">
        <v>1</v>
      </c>
      <c r="BU1647" s="6">
        <v>1</v>
      </c>
      <c r="BV1647" s="6">
        <v>1</v>
      </c>
      <c r="BW1647" s="6">
        <v>1</v>
      </c>
      <c r="BX1647" s="6">
        <v>1</v>
      </c>
      <c r="BY1647" s="6">
        <v>1</v>
      </c>
      <c r="BZ1647" s="6">
        <v>0</v>
      </c>
      <c r="CA1647" s="6">
        <v>0</v>
      </c>
      <c r="CB1647" s="6">
        <v>0</v>
      </c>
      <c r="CC1647" s="11">
        <v>0</v>
      </c>
      <c r="CD1647" s="11">
        <v>0</v>
      </c>
      <c r="CE1647" s="11">
        <v>0</v>
      </c>
      <c r="CF1647" s="11">
        <v>0</v>
      </c>
      <c r="CG1647" s="11">
        <v>0</v>
      </c>
      <c r="CH1647" s="20">
        <v>0</v>
      </c>
      <c r="CI1647" s="20">
        <v>0</v>
      </c>
      <c r="CJ1647" s="20">
        <v>0.17236699999999999</v>
      </c>
      <c r="CK1647" s="20">
        <v>0.25103199999999998</v>
      </c>
      <c r="CL1647" s="20">
        <v>0.427122</v>
      </c>
      <c r="CM1647" s="20">
        <v>1.2563599999999999</v>
      </c>
      <c r="CN1647" s="20">
        <v>1.56341</v>
      </c>
      <c r="CO1647" s="20">
        <v>8.74138E-2</v>
      </c>
      <c r="CP1647" s="20">
        <v>0.173517</v>
      </c>
      <c r="CQ1647" s="20">
        <v>0.49409900000000001</v>
      </c>
      <c r="CR1647" s="20">
        <v>0.34892699999999999</v>
      </c>
      <c r="CS1647" s="20">
        <v>0.25592999999999999</v>
      </c>
      <c r="CT1647" s="20">
        <v>0.133302</v>
      </c>
      <c r="CU1647" s="20">
        <v>6.1415999999999998E-2</v>
      </c>
      <c r="CV1647" s="20">
        <v>0</v>
      </c>
      <c r="CW1647" s="20">
        <v>0</v>
      </c>
      <c r="CX1647" s="20">
        <v>0</v>
      </c>
      <c r="CY1647" s="6" t="s">
        <v>631</v>
      </c>
      <c r="CZ1647" s="6" t="s">
        <v>632</v>
      </c>
      <c r="DA1647" s="6" t="s">
        <v>84</v>
      </c>
      <c r="DB1647" s="6" t="s">
        <v>345</v>
      </c>
      <c r="DC1647" s="6"/>
      <c r="DD1647" s="6"/>
      <c r="DE1647" s="6"/>
      <c r="DF1647" s="6"/>
      <c r="DG1647" s="6"/>
      <c r="DH1647" s="6" t="s">
        <v>333</v>
      </c>
      <c r="DI1647" s="6"/>
      <c r="DJ1647" s="6"/>
      <c r="DK1647" s="6"/>
      <c r="DL1647" s="6">
        <v>10</v>
      </c>
      <c r="DM1647" s="6" t="s">
        <v>383</v>
      </c>
      <c r="DN1647" s="6">
        <v>9</v>
      </c>
      <c r="DO1647" s="6" t="s">
        <v>384</v>
      </c>
      <c r="DP1647" s="6"/>
      <c r="DQ1647" s="6"/>
    </row>
    <row r="1648" spans="1:121" x14ac:dyDescent="0.2">
      <c r="A1648" s="6" t="s">
        <v>311</v>
      </c>
      <c r="B1648" s="6" t="s">
        <v>311</v>
      </c>
      <c r="C1648" s="6" t="s">
        <v>174</v>
      </c>
      <c r="D1648" s="6" t="s">
        <v>84</v>
      </c>
      <c r="E1648" s="6" t="s">
        <v>225</v>
      </c>
      <c r="F1648" s="11">
        <v>1</v>
      </c>
      <c r="G1648" s="13">
        <v>1</v>
      </c>
      <c r="H1648" s="11">
        <v>0.55946999999999925</v>
      </c>
      <c r="I1648" s="13">
        <v>3.807137687362723E-2</v>
      </c>
      <c r="J1648" s="11">
        <v>-5.130585</v>
      </c>
      <c r="K1648" s="13">
        <v>-0.3363267811061228</v>
      </c>
      <c r="L1648" s="11">
        <v>-5.1241769999999995</v>
      </c>
      <c r="M1648" s="13">
        <v>-0.50613269602062472</v>
      </c>
      <c r="N1648" s="11">
        <v>-10.254761999999999</v>
      </c>
      <c r="O1648" s="13">
        <v>-0.67223349666156706</v>
      </c>
      <c r="P1648" s="7">
        <v>14.695292</v>
      </c>
      <c r="Q1648" s="7">
        <v>15.061159999999999</v>
      </c>
      <c r="R1648" s="7">
        <v>10.976367</v>
      </c>
      <c r="S1648" s="7">
        <v>5</v>
      </c>
      <c r="T1648" s="7">
        <v>5</v>
      </c>
      <c r="U1648" s="7">
        <v>13.764640999999999</v>
      </c>
      <c r="V1648" s="7">
        <v>15.254761999999999</v>
      </c>
      <c r="W1648" s="7">
        <v>12.80767</v>
      </c>
      <c r="X1648" s="7">
        <v>10.312383000000001</v>
      </c>
      <c r="Y1648" s="7">
        <v>10.124177</v>
      </c>
      <c r="Z1648" s="7">
        <v>5</v>
      </c>
      <c r="AA1648" s="7">
        <v>5</v>
      </c>
      <c r="AB1648" s="7">
        <v>5</v>
      </c>
      <c r="AC1648" s="7">
        <v>5</v>
      </c>
      <c r="AD1648" s="7">
        <v>5</v>
      </c>
      <c r="AE1648" s="7">
        <v>5</v>
      </c>
      <c r="AF1648" s="7">
        <v>5</v>
      </c>
      <c r="AG1648" s="9">
        <v>-52397.537849799999</v>
      </c>
      <c r="AH1648" s="13">
        <v>-0.99998091549800749</v>
      </c>
      <c r="AI1648" s="9">
        <v>12278.750604300003</v>
      </c>
      <c r="AJ1648" s="13">
        <v>0.23433384037350327</v>
      </c>
      <c r="AK1648" s="9">
        <v>31706.460533700003</v>
      </c>
      <c r="AL1648" s="13">
        <v>0.49022556899863473</v>
      </c>
      <c r="AM1648" s="9">
        <v>-96382.748987800005</v>
      </c>
      <c r="AN1648" s="13">
        <v>-0.99998962480697728</v>
      </c>
      <c r="AO1648" s="9">
        <v>-64676.288454100002</v>
      </c>
      <c r="AP1648" s="13">
        <v>-0.99998453862207426</v>
      </c>
      <c r="AQ1648" s="9">
        <v>52398.537849799999</v>
      </c>
      <c r="AR1648" s="9">
        <v>54246.584622599999</v>
      </c>
      <c r="AS1648" s="9">
        <v>69329.581919000004</v>
      </c>
      <c r="AT1648" s="9">
        <v>1</v>
      </c>
      <c r="AU1648" s="9">
        <v>1</v>
      </c>
      <c r="AV1648" s="9">
        <v>64331.710726400001</v>
      </c>
      <c r="AW1648" s="9">
        <v>64677.288454100002</v>
      </c>
      <c r="AX1648" s="9">
        <v>71547.064850199997</v>
      </c>
      <c r="AY1648" s="9">
        <v>91081.991484099999</v>
      </c>
      <c r="AZ1648" s="9">
        <v>96383.748987800005</v>
      </c>
      <c r="BA1648" s="9">
        <v>1</v>
      </c>
      <c r="BB1648" s="9">
        <v>1</v>
      </c>
      <c r="BC1648" s="9">
        <v>1</v>
      </c>
      <c r="BD1648" s="9">
        <v>1</v>
      </c>
      <c r="BE1648" s="9">
        <v>1</v>
      </c>
      <c r="BF1648" s="9">
        <v>1</v>
      </c>
      <c r="BG1648" s="11">
        <v>0</v>
      </c>
      <c r="BH1648" s="13">
        <v>0</v>
      </c>
      <c r="BI1648" s="6">
        <v>0</v>
      </c>
      <c r="BJ1648" s="13">
        <v>0</v>
      </c>
      <c r="BK1648" s="6">
        <v>0</v>
      </c>
      <c r="BL1648" s="13">
        <v>0</v>
      </c>
      <c r="BM1648" s="11">
        <v>0</v>
      </c>
      <c r="BN1648" s="13">
        <v>0</v>
      </c>
      <c r="BO1648" s="11">
        <v>0</v>
      </c>
      <c r="BP1648" s="13">
        <v>0</v>
      </c>
      <c r="BQ1648" s="6">
        <v>1</v>
      </c>
      <c r="BR1648" s="6">
        <v>1</v>
      </c>
      <c r="BS1648" s="6">
        <v>1</v>
      </c>
      <c r="BT1648" s="6">
        <v>1</v>
      </c>
      <c r="BU1648" s="6">
        <v>1</v>
      </c>
      <c r="BV1648" s="6">
        <v>1</v>
      </c>
      <c r="BW1648" s="6">
        <v>1</v>
      </c>
      <c r="BX1648" s="6">
        <v>1</v>
      </c>
      <c r="BY1648" s="6">
        <v>1</v>
      </c>
      <c r="BZ1648" s="6">
        <v>1</v>
      </c>
      <c r="CA1648" s="6">
        <v>1</v>
      </c>
      <c r="CB1648" s="6">
        <v>1</v>
      </c>
      <c r="CC1648" s="11">
        <v>1</v>
      </c>
      <c r="CD1648" s="11">
        <v>-11.930099999999999</v>
      </c>
      <c r="CE1648" s="11">
        <v>-2.3930400000000001</v>
      </c>
      <c r="CF1648" s="11">
        <v>1.6063700000000001</v>
      </c>
      <c r="CG1648" s="11">
        <v>0</v>
      </c>
      <c r="CH1648" s="20">
        <v>1.7128099999999999</v>
      </c>
      <c r="CI1648" s="20">
        <v>1.72149</v>
      </c>
      <c r="CJ1648" s="20">
        <v>1.2779700000000001</v>
      </c>
      <c r="CK1648" s="20">
        <v>1.07037</v>
      </c>
      <c r="CL1648" s="20">
        <v>1.13592</v>
      </c>
      <c r="CM1648" s="20">
        <v>1.7172700000000001</v>
      </c>
      <c r="CN1648" s="20">
        <v>1.9231100000000001</v>
      </c>
      <c r="CO1648" s="20">
        <v>1.63049</v>
      </c>
      <c r="CP1648" s="20">
        <v>1.26546</v>
      </c>
      <c r="CQ1648" s="20">
        <v>1.3189599999999999</v>
      </c>
      <c r="CR1648" s="20">
        <v>1.0647599999999999</v>
      </c>
      <c r="CS1648" s="20">
        <v>0.79333699999999996</v>
      </c>
      <c r="CT1648" s="20">
        <v>0.28806700000000002</v>
      </c>
      <c r="CU1648" s="20">
        <v>0.61156200000000005</v>
      </c>
      <c r="CV1648" s="20">
        <v>0.36397299999999999</v>
      </c>
      <c r="CW1648" s="20">
        <v>0.33770099999999997</v>
      </c>
      <c r="CX1648" s="20">
        <v>0.26900299999999999</v>
      </c>
      <c r="CY1648" s="6" t="s">
        <v>631</v>
      </c>
      <c r="CZ1648" s="6" t="s">
        <v>632</v>
      </c>
      <c r="DA1648" s="6" t="s">
        <v>84</v>
      </c>
      <c r="DB1648" s="6" t="s">
        <v>345</v>
      </c>
      <c r="DC1648" s="6"/>
      <c r="DD1648" s="6"/>
      <c r="DE1648" s="6"/>
      <c r="DF1648" s="6"/>
      <c r="DG1648" s="6"/>
      <c r="DH1648" s="6" t="s">
        <v>333</v>
      </c>
      <c r="DI1648" s="6"/>
      <c r="DJ1648" s="6"/>
      <c r="DK1648" s="6"/>
      <c r="DL1648" s="6">
        <v>10</v>
      </c>
      <c r="DM1648" s="6" t="s">
        <v>383</v>
      </c>
      <c r="DN1648" s="6">
        <v>9</v>
      </c>
      <c r="DO1648" s="6" t="s">
        <v>384</v>
      </c>
      <c r="DP1648" s="6"/>
      <c r="DQ1648" s="6"/>
    </row>
    <row r="1649" spans="1:121" x14ac:dyDescent="0.2">
      <c r="A1649" s="6" t="s">
        <v>312</v>
      </c>
      <c r="B1649" s="6" t="s">
        <v>312</v>
      </c>
      <c r="C1649" s="6" t="s">
        <v>175</v>
      </c>
      <c r="D1649" s="6" t="s">
        <v>84</v>
      </c>
      <c r="E1649" s="6" t="s">
        <v>225</v>
      </c>
      <c r="F1649" s="11">
        <v>14</v>
      </c>
      <c r="G1649" s="13">
        <v>8.6956521739099998E-2</v>
      </c>
      <c r="H1649" s="11">
        <v>51.760823596999984</v>
      </c>
      <c r="I1649" s="13">
        <v>0.32186273110281305</v>
      </c>
      <c r="J1649" s="11">
        <v>-7.2113334640000062</v>
      </c>
      <c r="K1649" s="13">
        <v>-3.3923350097227641E-2</v>
      </c>
      <c r="L1649" s="11">
        <v>-30.250278571999985</v>
      </c>
      <c r="M1649" s="13">
        <v>-0.14729939020808253</v>
      </c>
      <c r="N1649" s="11">
        <v>-37.461612035999991</v>
      </c>
      <c r="O1649" s="13">
        <v>-0.17622585152217324</v>
      </c>
      <c r="P1649" s="7">
        <v>160.81645557300001</v>
      </c>
      <c r="Q1649" s="7">
        <v>172.29486428499999</v>
      </c>
      <c r="R1649" s="7">
        <v>180.59649557099999</v>
      </c>
      <c r="S1649" s="7">
        <v>177.495221042</v>
      </c>
      <c r="T1649" s="7">
        <v>202.04155692699999</v>
      </c>
      <c r="U1649" s="7">
        <v>203.45627869399999</v>
      </c>
      <c r="V1649" s="7">
        <v>212.57727917</v>
      </c>
      <c r="W1649" s="7">
        <v>211.00795641400001</v>
      </c>
      <c r="X1649" s="7">
        <v>206.91799751900001</v>
      </c>
      <c r="Y1649" s="7">
        <v>205.36594570599999</v>
      </c>
      <c r="Z1649" s="7">
        <v>189.33795965600001</v>
      </c>
      <c r="AA1649" s="7">
        <v>176.80768769400001</v>
      </c>
      <c r="AB1649" s="7">
        <v>187.59851054399999</v>
      </c>
      <c r="AC1649" s="7">
        <v>172.388794456</v>
      </c>
      <c r="AD1649" s="7">
        <v>178.24281340600001</v>
      </c>
      <c r="AE1649" s="7">
        <v>173.72707739500001</v>
      </c>
      <c r="AF1649" s="7">
        <v>175.11566713400001</v>
      </c>
      <c r="AG1649" s="9">
        <v>-790.34953439999663</v>
      </c>
      <c r="AH1649" s="13">
        <v>-3.4196910705606993E-2</v>
      </c>
      <c r="AI1649" s="9">
        <v>-904.64052939999965</v>
      </c>
      <c r="AJ1649" s="13">
        <v>-3.91420631734163E-2</v>
      </c>
      <c r="AK1649" s="9">
        <v>-31.195182799998292</v>
      </c>
      <c r="AL1649" s="13">
        <v>-1.4047402474146107E-3</v>
      </c>
      <c r="AM1649" s="9">
        <v>145.48617780000131</v>
      </c>
      <c r="AN1649" s="13">
        <v>6.5605571774143478E-3</v>
      </c>
      <c r="AO1649" s="9">
        <v>114.29099500000302</v>
      </c>
      <c r="AP1649" s="13">
        <v>5.1466010512871583E-3</v>
      </c>
      <c r="AQ1649" s="9">
        <v>23111.723196399998</v>
      </c>
      <c r="AR1649" s="9">
        <v>24017.097586799999</v>
      </c>
      <c r="AS1649" s="9">
        <v>25061.440397900002</v>
      </c>
      <c r="AT1649" s="9">
        <v>22416.546527999999</v>
      </c>
      <c r="AU1649" s="9">
        <v>22395.735310399999</v>
      </c>
      <c r="AV1649" s="9">
        <v>22129.951828099998</v>
      </c>
      <c r="AW1649" s="9">
        <v>22207.082666999999</v>
      </c>
      <c r="AX1649" s="9">
        <v>22355.836537399999</v>
      </c>
      <c r="AY1649" s="9">
        <v>21980.2037519</v>
      </c>
      <c r="AZ1649" s="9">
        <v>22175.8874842</v>
      </c>
      <c r="BA1649" s="9">
        <v>22478.304790900002</v>
      </c>
      <c r="BB1649" s="9">
        <v>23086.774536500001</v>
      </c>
      <c r="BC1649" s="9">
        <v>22773.025779799998</v>
      </c>
      <c r="BD1649" s="9">
        <v>23139.263513400001</v>
      </c>
      <c r="BE1649" s="9">
        <v>21974.827471100001</v>
      </c>
      <c r="BF1649" s="9">
        <v>22321.373662000002</v>
      </c>
      <c r="BG1649" s="11">
        <v>2.5</v>
      </c>
      <c r="BH1649" s="13">
        <v>0.19230769230769232</v>
      </c>
      <c r="BI1649" s="6">
        <v>2</v>
      </c>
      <c r="BJ1649" s="13">
        <v>0.15384615384615385</v>
      </c>
      <c r="BK1649" s="6">
        <v>1</v>
      </c>
      <c r="BL1649" s="13">
        <v>6.6666666666666666E-2</v>
      </c>
      <c r="BM1649" s="11">
        <v>-0.5</v>
      </c>
      <c r="BN1649" s="13">
        <v>-3.125E-2</v>
      </c>
      <c r="BO1649" s="11">
        <v>0.5</v>
      </c>
      <c r="BP1649" s="13">
        <v>3.3333333333333333E-2</v>
      </c>
      <c r="BQ1649" s="6">
        <v>13</v>
      </c>
      <c r="BR1649" s="6">
        <v>14</v>
      </c>
      <c r="BS1649" s="6">
        <v>15</v>
      </c>
      <c r="BT1649" s="6">
        <v>15</v>
      </c>
      <c r="BU1649" s="6">
        <v>14</v>
      </c>
      <c r="BV1649" s="6">
        <v>16</v>
      </c>
      <c r="BW1649" s="6">
        <v>16</v>
      </c>
      <c r="BX1649" s="6">
        <v>15</v>
      </c>
      <c r="BY1649" s="6">
        <v>13</v>
      </c>
      <c r="BZ1649" s="6">
        <v>13</v>
      </c>
      <c r="CA1649" s="6">
        <v>15</v>
      </c>
      <c r="CB1649" s="6">
        <v>17</v>
      </c>
      <c r="CC1649" s="11">
        <v>15.5</v>
      </c>
      <c r="CD1649" s="11">
        <v>16.199000000000002</v>
      </c>
      <c r="CE1649" s="11">
        <v>-19.478999999999999</v>
      </c>
      <c r="CF1649" s="11">
        <v>17.5792</v>
      </c>
      <c r="CG1649" s="11">
        <v>-1</v>
      </c>
      <c r="CH1649" s="20">
        <v>1.2923</v>
      </c>
      <c r="CI1649" s="20">
        <v>1.3483700000000001</v>
      </c>
      <c r="CJ1649" s="20">
        <v>1.3757699999999999</v>
      </c>
      <c r="CK1649" s="20">
        <v>1.3345199999999999</v>
      </c>
      <c r="CL1649" s="20">
        <v>1.43086</v>
      </c>
      <c r="CM1649" s="20">
        <v>1.38262</v>
      </c>
      <c r="CN1649" s="20">
        <v>1.47939</v>
      </c>
      <c r="CO1649" s="20">
        <v>1.59148</v>
      </c>
      <c r="CP1649" s="20">
        <v>1.73522</v>
      </c>
      <c r="CQ1649" s="20">
        <v>1.95608</v>
      </c>
      <c r="CR1649" s="20">
        <v>1.8922099999999999</v>
      </c>
      <c r="CS1649" s="20">
        <v>1.77443</v>
      </c>
      <c r="CT1649" s="20">
        <v>1.8007</v>
      </c>
      <c r="CU1649" s="20">
        <v>1.63863</v>
      </c>
      <c r="CV1649" s="20">
        <v>1.64351</v>
      </c>
      <c r="CW1649" s="20">
        <v>1.5822700000000001</v>
      </c>
      <c r="CX1649" s="20">
        <v>1.5722400000000001</v>
      </c>
      <c r="CY1649" s="6" t="s">
        <v>631</v>
      </c>
      <c r="CZ1649" s="6" t="s">
        <v>632</v>
      </c>
      <c r="DA1649" s="6" t="s">
        <v>84</v>
      </c>
      <c r="DB1649" s="6" t="s">
        <v>345</v>
      </c>
      <c r="DC1649" s="6"/>
      <c r="DD1649" s="6"/>
      <c r="DE1649" s="6"/>
      <c r="DF1649" s="6"/>
      <c r="DG1649" s="6"/>
      <c r="DH1649" s="6" t="s">
        <v>333</v>
      </c>
      <c r="DI1649" s="6"/>
      <c r="DJ1649" s="6"/>
      <c r="DK1649" s="6"/>
      <c r="DL1649" s="6">
        <v>10</v>
      </c>
      <c r="DM1649" s="6" t="s">
        <v>383</v>
      </c>
      <c r="DN1649" s="6">
        <v>9</v>
      </c>
      <c r="DO1649" s="6" t="s">
        <v>384</v>
      </c>
      <c r="DP1649" s="6"/>
      <c r="DQ1649" s="6"/>
    </row>
    <row r="1650" spans="1:121" x14ac:dyDescent="0.2">
      <c r="A1650" s="6" t="s">
        <v>792</v>
      </c>
      <c r="B1650" s="6" t="s">
        <v>176</v>
      </c>
      <c r="C1650" s="6" t="s">
        <v>177</v>
      </c>
      <c r="D1650" s="6" t="s">
        <v>84</v>
      </c>
      <c r="E1650" s="6" t="s">
        <v>225</v>
      </c>
      <c r="F1650" s="11">
        <v>-36</v>
      </c>
      <c r="G1650" s="13">
        <v>-0.16513761467900001</v>
      </c>
      <c r="H1650" s="11">
        <v>-4.3800090720000071</v>
      </c>
      <c r="I1650" s="13">
        <v>-2.0119812304930491E-2</v>
      </c>
      <c r="J1650" s="11">
        <v>-20.595268231999995</v>
      </c>
      <c r="K1650" s="13">
        <v>-9.6548024230140625E-2</v>
      </c>
      <c r="L1650" s="11">
        <v>-10.753978391999993</v>
      </c>
      <c r="M1650" s="13">
        <v>-5.5800748653706614E-2</v>
      </c>
      <c r="N1650" s="11">
        <v>-31.349246623999989</v>
      </c>
      <c r="O1650" s="13">
        <v>-0.14696132085076918</v>
      </c>
      <c r="P1650" s="7">
        <v>217.696318714</v>
      </c>
      <c r="Q1650" s="7">
        <v>234.424506458</v>
      </c>
      <c r="R1650" s="7">
        <v>244.73625482</v>
      </c>
      <c r="S1650" s="7">
        <v>259.543563791</v>
      </c>
      <c r="T1650" s="7">
        <v>237.058981209</v>
      </c>
      <c r="U1650" s="7">
        <v>235.55079778499999</v>
      </c>
      <c r="V1650" s="7">
        <v>213.31630964199999</v>
      </c>
      <c r="W1650" s="7">
        <v>216.99247714200001</v>
      </c>
      <c r="X1650" s="7">
        <v>178.31525386199999</v>
      </c>
      <c r="Y1650" s="7">
        <v>192.72104141</v>
      </c>
      <c r="Z1650" s="7">
        <v>179.154261545</v>
      </c>
      <c r="AA1650" s="7">
        <v>183.37480049199999</v>
      </c>
      <c r="AB1650" s="7">
        <v>181.784169698</v>
      </c>
      <c r="AC1650" s="7">
        <v>178.75238052200001</v>
      </c>
      <c r="AD1650" s="7">
        <v>179.20279635099999</v>
      </c>
      <c r="AE1650" s="7">
        <v>171.304841649</v>
      </c>
      <c r="AF1650" s="7">
        <v>181.967063018</v>
      </c>
      <c r="AG1650" s="9">
        <v>651.2379191</v>
      </c>
      <c r="AH1650" s="13">
        <v>3.5773823859159032E-2</v>
      </c>
      <c r="AI1650" s="9">
        <v>3353.8518460000014</v>
      </c>
      <c r="AJ1650" s="13">
        <v>0.18423390541252563</v>
      </c>
      <c r="AK1650" s="9">
        <v>-2598.8847505000012</v>
      </c>
      <c r="AL1650" s="13">
        <v>-0.12055222047022576</v>
      </c>
      <c r="AM1650" s="9">
        <v>-103.72917640000014</v>
      </c>
      <c r="AN1650" s="13">
        <v>-5.4711555991734618E-3</v>
      </c>
      <c r="AO1650" s="9">
        <v>-2702.6139269000014</v>
      </c>
      <c r="AP1650" s="13">
        <v>-0.12536381611338074</v>
      </c>
      <c r="AQ1650" s="9">
        <v>18204.3139046</v>
      </c>
      <c r="AR1650" s="9">
        <v>18586.774333599998</v>
      </c>
      <c r="AS1650" s="9">
        <v>19780.863183400001</v>
      </c>
      <c r="AT1650" s="9">
        <v>20048.154091799999</v>
      </c>
      <c r="AU1650" s="9">
        <v>22185.139284299999</v>
      </c>
      <c r="AV1650" s="9">
        <v>22413.646951899998</v>
      </c>
      <c r="AW1650" s="9">
        <v>21558.165750600001</v>
      </c>
      <c r="AX1650" s="9">
        <v>23118.0124211</v>
      </c>
      <c r="AY1650" s="9">
        <v>19886.025387000002</v>
      </c>
      <c r="AZ1650" s="9">
        <v>18959.2810001</v>
      </c>
      <c r="BA1650" s="9">
        <v>18810.853933300001</v>
      </c>
      <c r="BB1650" s="9">
        <v>18289.776103100001</v>
      </c>
      <c r="BC1650" s="9">
        <v>18894.4229982</v>
      </c>
      <c r="BD1650" s="9">
        <v>16719.903468699998</v>
      </c>
      <c r="BE1650" s="9">
        <v>17524.398387599998</v>
      </c>
      <c r="BF1650" s="9">
        <v>18855.5518237</v>
      </c>
      <c r="BG1650" s="11">
        <v>-6</v>
      </c>
      <c r="BH1650" s="13">
        <v>-0.375</v>
      </c>
      <c r="BI1650" s="6">
        <v>-1</v>
      </c>
      <c r="BJ1650" s="13">
        <v>-6.25E-2</v>
      </c>
      <c r="BK1650" s="6">
        <v>-2</v>
      </c>
      <c r="BL1650" s="13">
        <v>-0.13333333333333333</v>
      </c>
      <c r="BM1650" s="11">
        <v>-3</v>
      </c>
      <c r="BN1650" s="13">
        <v>-0.23076923076923078</v>
      </c>
      <c r="BO1650" s="11">
        <v>-5</v>
      </c>
      <c r="BP1650" s="13">
        <v>-0.33333333333333331</v>
      </c>
      <c r="BQ1650" s="6">
        <v>16</v>
      </c>
      <c r="BR1650" s="6">
        <v>15</v>
      </c>
      <c r="BS1650" s="6">
        <v>15</v>
      </c>
      <c r="BT1650" s="6">
        <v>15</v>
      </c>
      <c r="BU1650" s="6">
        <v>15</v>
      </c>
      <c r="BV1650" s="6">
        <v>15</v>
      </c>
      <c r="BW1650" s="6">
        <v>13</v>
      </c>
      <c r="BX1650" s="6">
        <v>13</v>
      </c>
      <c r="BY1650" s="6">
        <v>13</v>
      </c>
      <c r="BZ1650" s="6">
        <v>12</v>
      </c>
      <c r="CA1650" s="6">
        <v>9</v>
      </c>
      <c r="CB1650" s="6">
        <v>10</v>
      </c>
      <c r="CC1650" s="11">
        <v>10</v>
      </c>
      <c r="CD1650" s="11">
        <v>17.315899999999999</v>
      </c>
      <c r="CE1650" s="11">
        <v>-76.841899999999995</v>
      </c>
      <c r="CF1650" s="11">
        <v>23.796800000000001</v>
      </c>
      <c r="CG1650" s="11">
        <v>-53</v>
      </c>
      <c r="CH1650" s="20">
        <v>0.91377200000000003</v>
      </c>
      <c r="CI1650" s="20">
        <v>1.02406</v>
      </c>
      <c r="CJ1650" s="20">
        <v>1.11246</v>
      </c>
      <c r="CK1650" s="20">
        <v>1.23329</v>
      </c>
      <c r="CL1650" s="20">
        <v>1.1172899999999999</v>
      </c>
      <c r="CM1650" s="20">
        <v>1.1165799999999999</v>
      </c>
      <c r="CN1650" s="20">
        <v>1.0483899999999999</v>
      </c>
      <c r="CO1650" s="20">
        <v>1.1308199999999999</v>
      </c>
      <c r="CP1650" s="20">
        <v>1.01797</v>
      </c>
      <c r="CQ1650" s="20">
        <v>1.18214</v>
      </c>
      <c r="CR1650" s="20">
        <v>1.1186799999999999</v>
      </c>
      <c r="CS1650" s="20">
        <v>1.1416200000000001</v>
      </c>
      <c r="CT1650" s="20">
        <v>1.09945</v>
      </c>
      <c r="CU1650" s="20">
        <v>1.0968500000000001</v>
      </c>
      <c r="CV1650" s="20">
        <v>1.0965499999999999</v>
      </c>
      <c r="CW1650" s="20">
        <v>1.0579799999999999</v>
      </c>
      <c r="CX1650" s="20">
        <v>1.1149800000000001</v>
      </c>
      <c r="CY1650" s="6" t="s">
        <v>631</v>
      </c>
      <c r="CZ1650" s="6" t="s">
        <v>632</v>
      </c>
      <c r="DA1650" s="6" t="s">
        <v>84</v>
      </c>
      <c r="DB1650" s="6" t="s">
        <v>345</v>
      </c>
      <c r="DC1650" s="6"/>
      <c r="DD1650" s="6"/>
      <c r="DE1650" s="6"/>
      <c r="DF1650" s="6"/>
      <c r="DG1650" s="6"/>
      <c r="DH1650" s="6" t="s">
        <v>333</v>
      </c>
      <c r="DI1650" s="6"/>
      <c r="DJ1650" s="6"/>
      <c r="DK1650" s="6"/>
      <c r="DL1650" s="6">
        <v>10</v>
      </c>
      <c r="DM1650" s="6" t="s">
        <v>383</v>
      </c>
      <c r="DN1650" s="6">
        <v>9</v>
      </c>
      <c r="DO1650" s="6" t="s">
        <v>384</v>
      </c>
      <c r="DP1650" s="6"/>
      <c r="DQ1650" s="6"/>
    </row>
    <row r="1651" spans="1:121" x14ac:dyDescent="0.2">
      <c r="A1651" s="6" t="s">
        <v>313</v>
      </c>
      <c r="B1651" s="6" t="s">
        <v>313</v>
      </c>
      <c r="C1651" s="6" t="s">
        <v>178</v>
      </c>
      <c r="D1651" s="6" t="s">
        <v>84</v>
      </c>
      <c r="E1651" s="6" t="s">
        <v>225</v>
      </c>
      <c r="F1651" s="11">
        <v>-9</v>
      </c>
      <c r="G1651" s="13">
        <v>-0.21951219512199999</v>
      </c>
      <c r="H1651" s="11">
        <v>-8.4965499010000016</v>
      </c>
      <c r="I1651" s="13">
        <v>-0.20594424084693513</v>
      </c>
      <c r="J1651" s="11">
        <v>2.5197621400999992</v>
      </c>
      <c r="K1651" s="13">
        <v>7.6915804252800771E-2</v>
      </c>
      <c r="L1651" s="11">
        <v>-2.8628218231999938</v>
      </c>
      <c r="M1651" s="13">
        <v>-8.1146278635604571E-2</v>
      </c>
      <c r="N1651" s="11">
        <v>-0.34305968309999457</v>
      </c>
      <c r="O1651" s="13">
        <v>-1.0471905666183183E-2</v>
      </c>
      <c r="P1651" s="7">
        <v>41.256555007599999</v>
      </c>
      <c r="Q1651" s="7">
        <v>35.689030342899997</v>
      </c>
      <c r="R1651" s="7">
        <v>38.635687496199999</v>
      </c>
      <c r="S1651" s="7">
        <v>55.016894089499999</v>
      </c>
      <c r="T1651" s="7">
        <v>45.796428612100001</v>
      </c>
      <c r="U1651" s="7">
        <v>42.559965388099997</v>
      </c>
      <c r="V1651" s="7">
        <v>32.760005106599998</v>
      </c>
      <c r="W1651" s="7">
        <v>35.085545878600001</v>
      </c>
      <c r="X1651" s="7">
        <v>37.109198919500002</v>
      </c>
      <c r="Y1651" s="7">
        <v>35.279767246699997</v>
      </c>
      <c r="Z1651" s="7">
        <v>32.8625992471</v>
      </c>
      <c r="AA1651" s="7">
        <v>35.792483449700001</v>
      </c>
      <c r="AB1651" s="7">
        <v>36.790975902500001</v>
      </c>
      <c r="AC1651" s="7">
        <v>31.620234536200002</v>
      </c>
      <c r="AD1651" s="7">
        <v>31.939723195399999</v>
      </c>
      <c r="AE1651" s="7">
        <v>32.047081086699997</v>
      </c>
      <c r="AF1651" s="7">
        <v>32.416945423500003</v>
      </c>
      <c r="AG1651" s="9">
        <v>21128.269743100002</v>
      </c>
      <c r="AH1651" s="13">
        <v>0.87413364023462059</v>
      </c>
      <c r="AI1651" s="9">
        <v>-5863.5700970999969</v>
      </c>
      <c r="AJ1651" s="13">
        <v>-0.24259174726897695</v>
      </c>
      <c r="AK1651" s="9">
        <v>-849.20276970000123</v>
      </c>
      <c r="AL1651" s="13">
        <v>-4.638689148558689E-2</v>
      </c>
      <c r="AM1651" s="9">
        <v>27841.0426099</v>
      </c>
      <c r="AN1651" s="13">
        <v>1.5947666715747937</v>
      </c>
      <c r="AO1651" s="9">
        <v>26991.839840199998</v>
      </c>
      <c r="AP1651" s="13">
        <v>1.474403511550036</v>
      </c>
      <c r="AQ1651" s="9">
        <v>24170.525844799999</v>
      </c>
      <c r="AR1651" s="9">
        <v>22641.985481799999</v>
      </c>
      <c r="AS1651" s="9">
        <v>21070.52389</v>
      </c>
      <c r="AT1651" s="9">
        <v>18630.3211219</v>
      </c>
      <c r="AU1651" s="9">
        <v>17144.4415931</v>
      </c>
      <c r="AV1651" s="9">
        <v>23636.712055799999</v>
      </c>
      <c r="AW1651" s="9">
        <v>18306.955747700002</v>
      </c>
      <c r="AX1651" s="9">
        <v>17433.027793900001</v>
      </c>
      <c r="AY1651" s="9">
        <v>18842.7742874</v>
      </c>
      <c r="AZ1651" s="9">
        <v>17457.752978</v>
      </c>
      <c r="BA1651" s="9">
        <v>17681.191119499999</v>
      </c>
      <c r="BB1651" s="9">
        <v>24067.999680100002</v>
      </c>
      <c r="BC1651" s="9">
        <v>37021.171635699997</v>
      </c>
      <c r="BD1651" s="9">
        <v>41337.719084099997</v>
      </c>
      <c r="BE1651" s="9">
        <v>40802.861148099997</v>
      </c>
      <c r="BF1651" s="9">
        <v>45298.7955879</v>
      </c>
      <c r="BG1651" s="11">
        <v>-7.25</v>
      </c>
      <c r="BH1651" s="13">
        <v>-0.60416666666666663</v>
      </c>
      <c r="BI1651" s="6">
        <v>-4</v>
      </c>
      <c r="BJ1651" s="13">
        <v>-0.33333333333333331</v>
      </c>
      <c r="BK1651" s="6">
        <v>-1</v>
      </c>
      <c r="BL1651" s="13">
        <v>-0.125</v>
      </c>
      <c r="BM1651" s="11">
        <v>-2.25</v>
      </c>
      <c r="BN1651" s="13">
        <v>-0.32142857142857145</v>
      </c>
      <c r="BO1651" s="11">
        <v>-3.25</v>
      </c>
      <c r="BP1651" s="13">
        <v>-0.40625</v>
      </c>
      <c r="BQ1651" s="6">
        <v>12</v>
      </c>
      <c r="BR1651" s="6">
        <v>10</v>
      </c>
      <c r="BS1651" s="6">
        <v>8</v>
      </c>
      <c r="BT1651" s="6">
        <v>8</v>
      </c>
      <c r="BU1651" s="6">
        <v>7</v>
      </c>
      <c r="BV1651" s="6">
        <v>8</v>
      </c>
      <c r="BW1651" s="6">
        <v>7</v>
      </c>
      <c r="BX1651" s="6">
        <v>6</v>
      </c>
      <c r="BY1651" s="6">
        <v>6</v>
      </c>
      <c r="BZ1651" s="6">
        <v>6</v>
      </c>
      <c r="CA1651" s="6">
        <v>6</v>
      </c>
      <c r="CB1651" s="6">
        <v>6</v>
      </c>
      <c r="CC1651" s="11">
        <v>4.75</v>
      </c>
      <c r="CD1651" s="11">
        <v>-9.9760000000000009</v>
      </c>
      <c r="CE1651" s="11">
        <v>-3.3734500000000001</v>
      </c>
      <c r="CF1651" s="11">
        <v>4.5098399999999996</v>
      </c>
      <c r="CG1651" s="11">
        <v>2</v>
      </c>
      <c r="CH1651" s="20">
        <v>0.48633199999999999</v>
      </c>
      <c r="CI1651" s="20">
        <v>0.41583799999999999</v>
      </c>
      <c r="CJ1651" s="20">
        <v>0.44777400000000001</v>
      </c>
      <c r="CK1651" s="20">
        <v>0.65077799999999997</v>
      </c>
      <c r="CL1651" s="20">
        <v>0.52456400000000003</v>
      </c>
      <c r="CM1651" s="20">
        <v>0.47704999999999997</v>
      </c>
      <c r="CN1651" s="20">
        <v>0.36723600000000001</v>
      </c>
      <c r="CO1651" s="20">
        <v>0.40635599999999999</v>
      </c>
      <c r="CP1651" s="20">
        <v>0.44506200000000001</v>
      </c>
      <c r="CQ1651" s="20">
        <v>0.450102</v>
      </c>
      <c r="CR1651" s="20">
        <v>0.42867699999999997</v>
      </c>
      <c r="CS1651" s="20">
        <v>0.46495700000000001</v>
      </c>
      <c r="CT1651" s="20">
        <v>0.461669</v>
      </c>
      <c r="CU1651" s="20">
        <v>0.40306500000000001</v>
      </c>
      <c r="CV1651" s="20">
        <v>0.40626400000000001</v>
      </c>
      <c r="CW1651" s="20">
        <v>0.41248800000000002</v>
      </c>
      <c r="CX1651" s="20">
        <v>0.41059400000000001</v>
      </c>
      <c r="CY1651" s="6" t="s">
        <v>631</v>
      </c>
      <c r="CZ1651" s="6" t="s">
        <v>632</v>
      </c>
      <c r="DA1651" s="6" t="s">
        <v>84</v>
      </c>
      <c r="DB1651" s="6" t="s">
        <v>345</v>
      </c>
      <c r="DC1651" s="6"/>
      <c r="DD1651" s="6"/>
      <c r="DE1651" s="6"/>
      <c r="DF1651" s="6"/>
      <c r="DG1651" s="6"/>
      <c r="DH1651" s="6" t="s">
        <v>333</v>
      </c>
      <c r="DI1651" s="6"/>
      <c r="DJ1651" s="6"/>
      <c r="DK1651" s="6"/>
      <c r="DL1651" s="6">
        <v>10</v>
      </c>
      <c r="DM1651" s="6" t="s">
        <v>383</v>
      </c>
      <c r="DN1651" s="6">
        <v>9</v>
      </c>
      <c r="DO1651" s="6" t="s">
        <v>384</v>
      </c>
      <c r="DP1651" s="6"/>
      <c r="DQ1651" s="6"/>
    </row>
    <row r="1652" spans="1:121" x14ac:dyDescent="0.2">
      <c r="A1652" s="6" t="s">
        <v>793</v>
      </c>
      <c r="B1652" s="6" t="s">
        <v>179</v>
      </c>
      <c r="C1652" s="6" t="s">
        <v>180</v>
      </c>
      <c r="D1652" s="6" t="s">
        <v>84</v>
      </c>
      <c r="E1652" s="6" t="s">
        <v>225</v>
      </c>
      <c r="F1652" s="11">
        <v>-25</v>
      </c>
      <c r="G1652" s="13">
        <v>-0.08</v>
      </c>
      <c r="H1652" s="11">
        <v>-49</v>
      </c>
      <c r="I1652" s="13">
        <v>-0.15605095541401273</v>
      </c>
      <c r="J1652" s="11">
        <v>-14</v>
      </c>
      <c r="K1652" s="13">
        <v>-5.2830188679245285E-2</v>
      </c>
      <c r="L1652" s="11">
        <v>38</v>
      </c>
      <c r="M1652" s="13">
        <v>0.15139442231075698</v>
      </c>
      <c r="N1652" s="11">
        <v>24</v>
      </c>
      <c r="O1652" s="13">
        <v>9.0566037735849036E-2</v>
      </c>
      <c r="P1652" s="7">
        <v>314</v>
      </c>
      <c r="Q1652" s="7">
        <v>275</v>
      </c>
      <c r="R1652" s="7">
        <v>257</v>
      </c>
      <c r="S1652" s="7">
        <v>270</v>
      </c>
      <c r="T1652" s="7">
        <v>250</v>
      </c>
      <c r="U1652" s="7">
        <v>268</v>
      </c>
      <c r="V1652" s="7">
        <v>265</v>
      </c>
      <c r="W1652" s="7">
        <v>260</v>
      </c>
      <c r="X1652" s="7">
        <v>246</v>
      </c>
      <c r="Y1652" s="7">
        <v>251</v>
      </c>
      <c r="Z1652" s="7">
        <v>257</v>
      </c>
      <c r="AA1652" s="7">
        <v>258</v>
      </c>
      <c r="AB1652" s="7">
        <v>253</v>
      </c>
      <c r="AC1652" s="7">
        <v>257</v>
      </c>
      <c r="AD1652" s="7">
        <v>274</v>
      </c>
      <c r="AE1652" s="7">
        <v>283</v>
      </c>
      <c r="AF1652" s="7">
        <v>289</v>
      </c>
      <c r="AG1652" s="9">
        <v>5472</v>
      </c>
      <c r="AH1652" s="13">
        <v>0.36995470218376042</v>
      </c>
      <c r="AI1652" s="9">
        <v>3513</v>
      </c>
      <c r="AJ1652" s="13">
        <v>0.23750929619363129</v>
      </c>
      <c r="AK1652" s="9">
        <v>720</v>
      </c>
      <c r="AL1652" s="13">
        <v>3.9335664335664336E-2</v>
      </c>
      <c r="AM1652" s="9">
        <v>1239</v>
      </c>
      <c r="AN1652" s="13">
        <v>6.5128259041211098E-2</v>
      </c>
      <c r="AO1652" s="9">
        <v>1959</v>
      </c>
      <c r="AP1652" s="13">
        <v>0.10702578671328672</v>
      </c>
      <c r="AQ1652" s="9">
        <v>14791</v>
      </c>
      <c r="AR1652" s="9">
        <v>15405</v>
      </c>
      <c r="AS1652" s="9">
        <v>15541</v>
      </c>
      <c r="AT1652" s="9">
        <v>16447</v>
      </c>
      <c r="AU1652" s="9">
        <v>16758</v>
      </c>
      <c r="AV1652" s="9">
        <v>17427</v>
      </c>
      <c r="AW1652" s="9">
        <v>18304</v>
      </c>
      <c r="AX1652" s="9">
        <v>18574</v>
      </c>
      <c r="AY1652" s="9">
        <v>17965</v>
      </c>
      <c r="AZ1652" s="9">
        <v>19024</v>
      </c>
      <c r="BA1652" s="9">
        <v>18746</v>
      </c>
      <c r="BB1652" s="9">
        <v>18881</v>
      </c>
      <c r="BC1652" s="9">
        <v>19449</v>
      </c>
      <c r="BD1652" s="9">
        <v>19811</v>
      </c>
      <c r="BE1652" s="9">
        <v>19984</v>
      </c>
      <c r="BF1652" s="9">
        <v>20263</v>
      </c>
      <c r="BG1652" s="11">
        <v>0</v>
      </c>
      <c r="BH1652" s="13">
        <v>0</v>
      </c>
      <c r="BI1652" s="6">
        <v>2</v>
      </c>
      <c r="BJ1652" s="13">
        <v>6.0606060606060608E-2</v>
      </c>
      <c r="BK1652" s="6">
        <v>0</v>
      </c>
      <c r="BL1652" s="13">
        <v>0</v>
      </c>
      <c r="BM1652" s="11">
        <v>-2</v>
      </c>
      <c r="BN1652" s="13">
        <v>-5.7142857142857141E-2</v>
      </c>
      <c r="BO1652" s="11">
        <v>-2</v>
      </c>
      <c r="BP1652" s="13">
        <v>-5.7142857142857141E-2</v>
      </c>
      <c r="BQ1652" s="6">
        <v>33</v>
      </c>
      <c r="BR1652" s="6">
        <v>32</v>
      </c>
      <c r="BS1652" s="6">
        <v>35</v>
      </c>
      <c r="BT1652" s="6">
        <v>35</v>
      </c>
      <c r="BU1652" s="6">
        <v>36</v>
      </c>
      <c r="BV1652" s="6">
        <v>35</v>
      </c>
      <c r="BW1652" s="6">
        <v>35</v>
      </c>
      <c r="BX1652" s="6">
        <v>32</v>
      </c>
      <c r="BY1652" s="6">
        <v>34</v>
      </c>
      <c r="BZ1652" s="6">
        <v>33</v>
      </c>
      <c r="CA1652" s="6">
        <v>32</v>
      </c>
      <c r="CB1652" s="6">
        <v>33</v>
      </c>
      <c r="CC1652" s="11">
        <v>33</v>
      </c>
      <c r="CD1652" s="11">
        <v>-39</v>
      </c>
      <c r="CE1652" s="11">
        <v>-20</v>
      </c>
      <c r="CF1652" s="11">
        <v>34</v>
      </c>
      <c r="CG1652" s="11">
        <v>14</v>
      </c>
      <c r="CH1652" s="20">
        <v>1.38</v>
      </c>
      <c r="CI1652" s="20">
        <v>1.17</v>
      </c>
      <c r="CJ1652" s="20">
        <v>1.1000000000000001</v>
      </c>
      <c r="CK1652" s="20">
        <v>1.18</v>
      </c>
      <c r="CL1652" s="20">
        <v>1.06</v>
      </c>
      <c r="CM1652" s="20">
        <v>1.1299999999999999</v>
      </c>
      <c r="CN1652" s="20">
        <v>1.1299999999999999</v>
      </c>
      <c r="CO1652" s="20">
        <v>1.1499999999999999</v>
      </c>
      <c r="CP1652" s="20">
        <v>1.1100000000000001</v>
      </c>
      <c r="CQ1652" s="20">
        <v>1.19</v>
      </c>
      <c r="CR1652" s="20">
        <v>1.25</v>
      </c>
      <c r="CS1652" s="20">
        <v>1.26</v>
      </c>
      <c r="CT1652" s="20">
        <v>1.19</v>
      </c>
      <c r="CU1652" s="20">
        <v>1.22</v>
      </c>
      <c r="CV1652" s="20">
        <v>1.29</v>
      </c>
      <c r="CW1652" s="20">
        <v>1.33</v>
      </c>
      <c r="CX1652" s="20">
        <v>1.34</v>
      </c>
      <c r="CY1652" s="6" t="s">
        <v>631</v>
      </c>
      <c r="CZ1652" s="6" t="s">
        <v>632</v>
      </c>
      <c r="DA1652" s="6" t="s">
        <v>84</v>
      </c>
      <c r="DB1652" s="6" t="s">
        <v>345</v>
      </c>
      <c r="DC1652" s="6"/>
      <c r="DD1652" s="6"/>
      <c r="DE1652" s="6"/>
      <c r="DF1652" s="6"/>
      <c r="DG1652" s="6"/>
      <c r="DH1652" s="6" t="s">
        <v>333</v>
      </c>
      <c r="DI1652" s="6"/>
      <c r="DJ1652" s="6"/>
      <c r="DK1652" s="6"/>
      <c r="DL1652" s="6">
        <v>10</v>
      </c>
      <c r="DM1652" s="6" t="s">
        <v>383</v>
      </c>
      <c r="DN1652" s="6">
        <v>9</v>
      </c>
      <c r="DO1652" s="6" t="s">
        <v>384</v>
      </c>
      <c r="DP1652" s="6"/>
      <c r="DQ1652" s="6"/>
    </row>
    <row r="1653" spans="1:121" x14ac:dyDescent="0.2">
      <c r="A1653" s="6" t="s">
        <v>794</v>
      </c>
      <c r="B1653" s="6" t="s">
        <v>181</v>
      </c>
      <c r="C1653" s="6" t="s">
        <v>182</v>
      </c>
      <c r="D1653" s="6" t="s">
        <v>84</v>
      </c>
      <c r="E1653" s="6" t="s">
        <v>225</v>
      </c>
      <c r="F1653" s="11">
        <v>-3</v>
      </c>
      <c r="G1653" s="13">
        <v>-0.04</v>
      </c>
      <c r="H1653" s="11">
        <v>26.2005645853</v>
      </c>
      <c r="I1653" s="13">
        <v>0.3516755036465537</v>
      </c>
      <c r="J1653" s="11">
        <v>-31.730642150199998</v>
      </c>
      <c r="K1653" s="13">
        <v>-0.31509236964591564</v>
      </c>
      <c r="L1653" s="11">
        <v>2.9018027273999962</v>
      </c>
      <c r="M1653" s="13">
        <v>4.207216926406087E-2</v>
      </c>
      <c r="N1653" s="11">
        <v>-28.828839422800002</v>
      </c>
      <c r="O1653" s="13">
        <v>-0.28627681989141174</v>
      </c>
      <c r="P1653" s="7">
        <v>74.502102971699998</v>
      </c>
      <c r="Q1653" s="7">
        <v>82.225759355500003</v>
      </c>
      <c r="R1653" s="7">
        <v>71.899422634199993</v>
      </c>
      <c r="S1653" s="7">
        <v>74.803781931299994</v>
      </c>
      <c r="T1653" s="7">
        <v>76.810681957200003</v>
      </c>
      <c r="U1653" s="7">
        <v>82.847677960200002</v>
      </c>
      <c r="V1653" s="7">
        <v>100.702667557</v>
      </c>
      <c r="W1653" s="7">
        <v>85.545494722100003</v>
      </c>
      <c r="X1653" s="7">
        <v>86.359523910600004</v>
      </c>
      <c r="Y1653" s="7">
        <v>68.9720254068</v>
      </c>
      <c r="Z1653" s="7">
        <v>75.530337875599997</v>
      </c>
      <c r="AA1653" s="7">
        <v>67.625219127899996</v>
      </c>
      <c r="AB1653" s="7">
        <v>61.535762672600001</v>
      </c>
      <c r="AC1653" s="7">
        <v>67.0156208298</v>
      </c>
      <c r="AD1653" s="7">
        <v>71.671157579799996</v>
      </c>
      <c r="AE1653" s="7">
        <v>71.9171541985</v>
      </c>
      <c r="AF1653" s="7">
        <v>71.873828134199996</v>
      </c>
      <c r="AG1653" s="9">
        <v>12147.2163182</v>
      </c>
      <c r="AH1653" s="13">
        <v>0.5074231240412207</v>
      </c>
      <c r="AI1653" s="9">
        <v>7052.4978415999976</v>
      </c>
      <c r="AJ1653" s="13">
        <v>0.2946025157810741</v>
      </c>
      <c r="AK1653" s="9">
        <v>673.10218929999974</v>
      </c>
      <c r="AL1653" s="13">
        <v>2.1718911006196176E-2</v>
      </c>
      <c r="AM1653" s="9">
        <v>4421.616287300003</v>
      </c>
      <c r="AN1653" s="13">
        <v>0.13963897818143531</v>
      </c>
      <c r="AO1653" s="9">
        <v>5094.7184766000028</v>
      </c>
      <c r="AP1653" s="13">
        <v>0.16439069572775025</v>
      </c>
      <c r="AQ1653" s="9">
        <v>23939.027889500001</v>
      </c>
      <c r="AR1653" s="9">
        <v>26462.7438148</v>
      </c>
      <c r="AS1653" s="9">
        <v>24217.032630599999</v>
      </c>
      <c r="AT1653" s="9">
        <v>25512.911860799999</v>
      </c>
      <c r="AU1653" s="9">
        <v>28363.314115000001</v>
      </c>
      <c r="AV1653" s="9">
        <v>30038.430818299999</v>
      </c>
      <c r="AW1653" s="9">
        <v>30991.525731099999</v>
      </c>
      <c r="AX1653" s="9">
        <v>34009.718205600002</v>
      </c>
      <c r="AY1653" s="9">
        <v>30584.955921699999</v>
      </c>
      <c r="AZ1653" s="9">
        <v>31664.627920399998</v>
      </c>
      <c r="BA1653" s="9">
        <v>31803.9451352</v>
      </c>
      <c r="BB1653" s="9">
        <v>32912.864937699997</v>
      </c>
      <c r="BC1653" s="9">
        <v>36780.729692200002</v>
      </c>
      <c r="BD1653" s="9">
        <v>38188.941917900003</v>
      </c>
      <c r="BE1653" s="9">
        <v>36170.496932599999</v>
      </c>
      <c r="BF1653" s="9">
        <v>36086.244207700001</v>
      </c>
      <c r="BG1653" s="11">
        <v>5.75</v>
      </c>
      <c r="BH1653" s="13">
        <v>0.63888888888888884</v>
      </c>
      <c r="BI1653" s="6">
        <v>2</v>
      </c>
      <c r="BJ1653" s="13">
        <v>0.22222222222222221</v>
      </c>
      <c r="BK1653" s="6">
        <v>3</v>
      </c>
      <c r="BL1653" s="13">
        <v>0.27272727272727271</v>
      </c>
      <c r="BM1653" s="11">
        <v>0.75</v>
      </c>
      <c r="BN1653" s="13">
        <v>5.3571428571428568E-2</v>
      </c>
      <c r="BO1653" s="11">
        <v>3.75</v>
      </c>
      <c r="BP1653" s="13">
        <v>0.34090909090909088</v>
      </c>
      <c r="BQ1653" s="6">
        <v>9</v>
      </c>
      <c r="BR1653" s="6">
        <v>10</v>
      </c>
      <c r="BS1653" s="6">
        <v>12</v>
      </c>
      <c r="BT1653" s="6">
        <v>11</v>
      </c>
      <c r="BU1653" s="6">
        <v>14</v>
      </c>
      <c r="BV1653" s="6">
        <v>12</v>
      </c>
      <c r="BW1653" s="6">
        <v>14</v>
      </c>
      <c r="BX1653" s="6">
        <v>15</v>
      </c>
      <c r="BY1653" s="6">
        <v>11</v>
      </c>
      <c r="BZ1653" s="6">
        <v>11</v>
      </c>
      <c r="CA1653" s="6">
        <v>14</v>
      </c>
      <c r="CB1653" s="6">
        <v>15</v>
      </c>
      <c r="CC1653" s="11">
        <v>14.75</v>
      </c>
      <c r="CD1653" s="11">
        <v>-15.4681</v>
      </c>
      <c r="CE1653" s="11">
        <v>4.6959</v>
      </c>
      <c r="CF1653" s="11">
        <v>8.1439800000000009</v>
      </c>
      <c r="CG1653" s="11">
        <v>13</v>
      </c>
      <c r="CH1653" s="20">
        <v>1.1094299999999999</v>
      </c>
      <c r="CI1653" s="20">
        <v>1.2205600000000001</v>
      </c>
      <c r="CJ1653" s="20">
        <v>1.06382</v>
      </c>
      <c r="CK1653" s="20">
        <v>1.1187400000000001</v>
      </c>
      <c r="CL1653" s="20">
        <v>1.1057300000000001</v>
      </c>
      <c r="CM1653" s="20">
        <v>1.1637299999999999</v>
      </c>
      <c r="CN1653" s="20">
        <v>1.4116200000000001</v>
      </c>
      <c r="CO1653" s="20">
        <v>1.23908</v>
      </c>
      <c r="CP1653" s="20">
        <v>1.2915300000000001</v>
      </c>
      <c r="CQ1653" s="20">
        <v>1.0906400000000001</v>
      </c>
      <c r="CR1653" s="20">
        <v>1.2053400000000001</v>
      </c>
      <c r="CS1653" s="20">
        <v>1.0705100000000001</v>
      </c>
      <c r="CT1653" s="20">
        <v>0.93533200000000005</v>
      </c>
      <c r="CU1653" s="20">
        <v>1.01169</v>
      </c>
      <c r="CV1653" s="20">
        <v>1.0426800000000001</v>
      </c>
      <c r="CW1653" s="20">
        <v>1.0316700000000001</v>
      </c>
      <c r="CX1653" s="20">
        <v>1.00797</v>
      </c>
      <c r="CY1653" s="6" t="s">
        <v>631</v>
      </c>
      <c r="CZ1653" s="6" t="s">
        <v>632</v>
      </c>
      <c r="DA1653" s="6" t="s">
        <v>84</v>
      </c>
      <c r="DB1653" s="6" t="s">
        <v>345</v>
      </c>
      <c r="DC1653" s="6"/>
      <c r="DD1653" s="6"/>
      <c r="DE1653" s="6"/>
      <c r="DF1653" s="6"/>
      <c r="DG1653" s="6"/>
      <c r="DH1653" s="6" t="s">
        <v>333</v>
      </c>
      <c r="DI1653" s="6"/>
      <c r="DJ1653" s="6"/>
      <c r="DK1653" s="6"/>
      <c r="DL1653" s="6">
        <v>10</v>
      </c>
      <c r="DM1653" s="6" t="s">
        <v>383</v>
      </c>
      <c r="DN1653" s="6">
        <v>9</v>
      </c>
      <c r="DO1653" s="6" t="s">
        <v>384</v>
      </c>
      <c r="DP1653" s="6"/>
      <c r="DQ1653" s="6"/>
    </row>
    <row r="1654" spans="1:121" x14ac:dyDescent="0.2">
      <c r="A1654" s="6" t="s">
        <v>314</v>
      </c>
      <c r="B1654" s="6" t="s">
        <v>314</v>
      </c>
      <c r="C1654" s="6" t="s">
        <v>183</v>
      </c>
      <c r="D1654" s="6" t="s">
        <v>84</v>
      </c>
      <c r="E1654" s="6" t="s">
        <v>225</v>
      </c>
      <c r="F1654" s="11">
        <v>-1</v>
      </c>
      <c r="G1654" s="13">
        <v>-6.25E-2</v>
      </c>
      <c r="H1654" s="11">
        <v>2.9053293436000001</v>
      </c>
      <c r="I1654" s="13">
        <v>0.18438979630823027</v>
      </c>
      <c r="J1654" s="11">
        <v>-5.1808795983000007</v>
      </c>
      <c r="K1654" s="13">
        <v>-0.27761974849401344</v>
      </c>
      <c r="L1654" s="11">
        <v>1.1191353610000014</v>
      </c>
      <c r="M1654" s="13">
        <v>8.3016345353714022E-2</v>
      </c>
      <c r="N1654" s="11">
        <v>-4.0617442372999992</v>
      </c>
      <c r="O1654" s="13">
        <v>-0.21765038005828968</v>
      </c>
      <c r="P1654" s="7">
        <v>15.756454</v>
      </c>
      <c r="Q1654" s="7">
        <v>21.4976860827</v>
      </c>
      <c r="R1654" s="7">
        <v>16.986398171099999</v>
      </c>
      <c r="S1654" s="7">
        <v>21.2489586839</v>
      </c>
      <c r="T1654" s="7">
        <v>16.951534531299998</v>
      </c>
      <c r="U1654" s="7">
        <v>18.782025203100002</v>
      </c>
      <c r="V1654" s="7">
        <v>18.6617833436</v>
      </c>
      <c r="W1654" s="7">
        <v>13.637331662199999</v>
      </c>
      <c r="X1654" s="7">
        <v>13.8361957058</v>
      </c>
      <c r="Y1654" s="7">
        <v>13.480903745299999</v>
      </c>
      <c r="Z1654" s="7">
        <v>13.1106728643</v>
      </c>
      <c r="AA1654" s="7">
        <v>12.1339848543</v>
      </c>
      <c r="AB1654" s="7">
        <v>15.446946156699999</v>
      </c>
      <c r="AC1654" s="7">
        <v>17.7368175364</v>
      </c>
      <c r="AD1654" s="7">
        <v>17.618789101800001</v>
      </c>
      <c r="AE1654" s="7">
        <v>13.8604589719</v>
      </c>
      <c r="AF1654" s="7">
        <v>14.600039106300001</v>
      </c>
      <c r="AG1654" s="9">
        <v>1614.4860421999983</v>
      </c>
      <c r="AH1654" s="13">
        <v>3.7634824034822739E-2</v>
      </c>
      <c r="AI1654" s="9">
        <v>-13758.525187600004</v>
      </c>
      <c r="AJ1654" s="13">
        <v>-0.32072105975497733</v>
      </c>
      <c r="AK1654" s="9">
        <v>4480.2292328999974</v>
      </c>
      <c r="AL1654" s="13">
        <v>0.15374736457813143</v>
      </c>
      <c r="AM1654" s="9">
        <v>10892.781996900005</v>
      </c>
      <c r="AN1654" s="13">
        <v>0.32399293097051524</v>
      </c>
      <c r="AO1654" s="9">
        <v>15373.011229800002</v>
      </c>
      <c r="AP1654" s="13">
        <v>0.52755335482730781</v>
      </c>
      <c r="AQ1654" s="9">
        <v>42898.727006300003</v>
      </c>
      <c r="AR1654" s="9">
        <v>35182.0899909</v>
      </c>
      <c r="AS1654" s="9">
        <v>47228.086117999999</v>
      </c>
      <c r="AT1654" s="9">
        <v>42050.100672</v>
      </c>
      <c r="AU1654" s="9">
        <v>33761.215605999998</v>
      </c>
      <c r="AV1654" s="9">
        <v>29538.389544099999</v>
      </c>
      <c r="AW1654" s="9">
        <v>29140.201818699999</v>
      </c>
      <c r="AX1654" s="9">
        <v>44811.2615114</v>
      </c>
      <c r="AY1654" s="9">
        <v>47941.535328500002</v>
      </c>
      <c r="AZ1654" s="9">
        <v>33620.431051599997</v>
      </c>
      <c r="BA1654" s="9">
        <v>39463.8370583</v>
      </c>
      <c r="BB1654" s="9">
        <v>31951.2497845</v>
      </c>
      <c r="BC1654" s="9">
        <v>41104.149209299998</v>
      </c>
      <c r="BD1654" s="9">
        <v>44507.955946299997</v>
      </c>
      <c r="BE1654" s="9">
        <v>43533.0658558</v>
      </c>
      <c r="BF1654" s="9">
        <v>44513.213048500002</v>
      </c>
      <c r="BG1654" s="11">
        <v>0</v>
      </c>
      <c r="BH1654" s="13">
        <v>0</v>
      </c>
      <c r="BI1654" s="6">
        <v>1</v>
      </c>
      <c r="BJ1654" s="13">
        <v>0.33333333333333331</v>
      </c>
      <c r="BK1654" s="6">
        <v>-1</v>
      </c>
      <c r="BL1654" s="13">
        <v>-0.25</v>
      </c>
      <c r="BM1654" s="11">
        <v>0</v>
      </c>
      <c r="BN1654" s="13">
        <v>0</v>
      </c>
      <c r="BO1654" s="11">
        <v>-1</v>
      </c>
      <c r="BP1654" s="13">
        <v>-0.25</v>
      </c>
      <c r="BQ1654" s="6">
        <v>3</v>
      </c>
      <c r="BR1654" s="6">
        <v>4</v>
      </c>
      <c r="BS1654" s="6">
        <v>4</v>
      </c>
      <c r="BT1654" s="6">
        <v>4</v>
      </c>
      <c r="BU1654" s="6">
        <v>4</v>
      </c>
      <c r="BV1654" s="6">
        <v>4</v>
      </c>
      <c r="BW1654" s="6">
        <v>3</v>
      </c>
      <c r="BX1654" s="6">
        <v>3</v>
      </c>
      <c r="BY1654" s="6">
        <v>3</v>
      </c>
      <c r="BZ1654" s="6">
        <v>2</v>
      </c>
      <c r="CA1654" s="6">
        <v>2</v>
      </c>
      <c r="CB1654" s="6">
        <v>2</v>
      </c>
      <c r="CC1654" s="11">
        <v>3</v>
      </c>
      <c r="CD1654" s="11">
        <v>1.9472700000000001</v>
      </c>
      <c r="CE1654" s="11">
        <v>-4.8260500000000004</v>
      </c>
      <c r="CF1654" s="11">
        <v>1.72237</v>
      </c>
      <c r="CG1654" s="11">
        <v>-3</v>
      </c>
      <c r="CH1654" s="20">
        <v>0.29795500000000003</v>
      </c>
      <c r="CI1654" s="20">
        <v>0.41666300000000001</v>
      </c>
      <c r="CJ1654" s="20">
        <v>0.34265499999999999</v>
      </c>
      <c r="CK1654" s="20">
        <v>0.451596</v>
      </c>
      <c r="CL1654" s="20">
        <v>0.35991800000000002</v>
      </c>
      <c r="CM1654" s="20">
        <v>0.40071499999999999</v>
      </c>
      <c r="CN1654" s="20">
        <v>0.40642699999999998</v>
      </c>
      <c r="CO1654" s="20">
        <v>0.30955899999999997</v>
      </c>
      <c r="CP1654" s="20">
        <v>0.322745</v>
      </c>
      <c r="CQ1654" s="20">
        <v>0.34104600000000002</v>
      </c>
      <c r="CR1654" s="20">
        <v>0.34719</v>
      </c>
      <c r="CS1654" s="20">
        <v>0.325181</v>
      </c>
      <c r="CT1654" s="20">
        <v>0.40161000000000002</v>
      </c>
      <c r="CU1654" s="20">
        <v>0.46783599999999997</v>
      </c>
      <c r="CV1654" s="20">
        <v>0.46420499999999998</v>
      </c>
      <c r="CW1654" s="20">
        <v>0.364014</v>
      </c>
      <c r="CX1654" s="20">
        <v>0.37959399999999999</v>
      </c>
      <c r="CY1654" s="6" t="s">
        <v>631</v>
      </c>
      <c r="CZ1654" s="6" t="s">
        <v>632</v>
      </c>
      <c r="DA1654" s="6" t="s">
        <v>84</v>
      </c>
      <c r="DB1654" s="6" t="s">
        <v>345</v>
      </c>
      <c r="DC1654" s="6"/>
      <c r="DD1654" s="6"/>
      <c r="DE1654" s="6"/>
      <c r="DF1654" s="6"/>
      <c r="DG1654" s="6"/>
      <c r="DH1654" s="6" t="s">
        <v>333</v>
      </c>
      <c r="DI1654" s="6"/>
      <c r="DJ1654" s="6"/>
      <c r="DK1654" s="6"/>
      <c r="DL1654" s="6">
        <v>10</v>
      </c>
      <c r="DM1654" s="6" t="s">
        <v>383</v>
      </c>
      <c r="DN1654" s="6">
        <v>9</v>
      </c>
      <c r="DO1654" s="6" t="s">
        <v>384</v>
      </c>
      <c r="DP1654" s="6"/>
      <c r="DQ1654" s="6"/>
    </row>
    <row r="1655" spans="1:121" x14ac:dyDescent="0.2">
      <c r="A1655" s="6" t="s">
        <v>315</v>
      </c>
      <c r="B1655" s="6" t="s">
        <v>315</v>
      </c>
      <c r="C1655" s="6" t="s">
        <v>184</v>
      </c>
      <c r="D1655" s="6" t="s">
        <v>84</v>
      </c>
      <c r="E1655" s="6" t="s">
        <v>225</v>
      </c>
      <c r="F1655" s="11">
        <v>-7</v>
      </c>
      <c r="G1655" s="13">
        <v>-0.09</v>
      </c>
      <c r="H1655" s="11">
        <v>8</v>
      </c>
      <c r="I1655" s="13">
        <v>0.10256410256410256</v>
      </c>
      <c r="J1655" s="11">
        <v>3</v>
      </c>
      <c r="K1655" s="13">
        <v>3.4883720930232558E-2</v>
      </c>
      <c r="L1655" s="11">
        <v>-18</v>
      </c>
      <c r="M1655" s="13">
        <v>-0.20224719101123595</v>
      </c>
      <c r="N1655" s="11">
        <v>-15</v>
      </c>
      <c r="O1655" s="13">
        <v>-0.1744186046511628</v>
      </c>
      <c r="P1655" s="7">
        <v>78</v>
      </c>
      <c r="Q1655" s="7">
        <v>77</v>
      </c>
      <c r="R1655" s="7">
        <v>76</v>
      </c>
      <c r="S1655" s="7">
        <v>85</v>
      </c>
      <c r="T1655" s="7">
        <v>90</v>
      </c>
      <c r="U1655" s="7">
        <v>87</v>
      </c>
      <c r="V1655" s="7">
        <v>86</v>
      </c>
      <c r="W1655" s="7">
        <v>88</v>
      </c>
      <c r="X1655" s="7">
        <v>88</v>
      </c>
      <c r="Y1655" s="7">
        <v>89</v>
      </c>
      <c r="Z1655" s="7">
        <v>85</v>
      </c>
      <c r="AA1655" s="7">
        <v>83</v>
      </c>
      <c r="AB1655" s="7">
        <v>79</v>
      </c>
      <c r="AC1655" s="7">
        <v>77</v>
      </c>
      <c r="AD1655" s="7">
        <v>77</v>
      </c>
      <c r="AE1655" s="7">
        <v>71</v>
      </c>
      <c r="AF1655" s="7">
        <v>71</v>
      </c>
      <c r="AG1655" s="9">
        <v>26838</v>
      </c>
      <c r="AH1655" s="13">
        <v>0.76222664015904573</v>
      </c>
      <c r="AI1655" s="9">
        <v>9761</v>
      </c>
      <c r="AJ1655" s="13">
        <v>0.27722238000568022</v>
      </c>
      <c r="AK1655" s="9">
        <v>1313</v>
      </c>
      <c r="AL1655" s="13">
        <v>2.9196593360165439E-2</v>
      </c>
      <c r="AM1655" s="9">
        <v>15764</v>
      </c>
      <c r="AN1655" s="13">
        <v>0.34059286146400486</v>
      </c>
      <c r="AO1655" s="9">
        <v>17077</v>
      </c>
      <c r="AP1655" s="13">
        <v>0.37973360610170998</v>
      </c>
      <c r="AQ1655" s="9">
        <v>35210</v>
      </c>
      <c r="AR1655" s="9">
        <v>41990</v>
      </c>
      <c r="AS1655" s="9">
        <v>41349</v>
      </c>
      <c r="AT1655" s="9">
        <v>39084</v>
      </c>
      <c r="AU1655" s="9">
        <v>47847</v>
      </c>
      <c r="AV1655" s="9">
        <v>42806</v>
      </c>
      <c r="AW1655" s="9">
        <v>44971</v>
      </c>
      <c r="AX1655" s="9">
        <v>46819</v>
      </c>
      <c r="AY1655" s="9">
        <v>45058</v>
      </c>
      <c r="AZ1655" s="9">
        <v>46284</v>
      </c>
      <c r="BA1655" s="9">
        <v>48072</v>
      </c>
      <c r="BB1655" s="9">
        <v>50388</v>
      </c>
      <c r="BC1655" s="9">
        <v>51605</v>
      </c>
      <c r="BD1655" s="9">
        <v>57381</v>
      </c>
      <c r="BE1655" s="9">
        <v>60180</v>
      </c>
      <c r="BF1655" s="9">
        <v>62048</v>
      </c>
      <c r="BG1655" s="11">
        <v>-1</v>
      </c>
      <c r="BH1655" s="13">
        <v>-7.6923076923076927E-2</v>
      </c>
      <c r="BI1655" s="6">
        <v>0</v>
      </c>
      <c r="BJ1655" s="13">
        <v>0</v>
      </c>
      <c r="BK1655" s="6">
        <v>1</v>
      </c>
      <c r="BL1655" s="13">
        <v>7.6923076923076927E-2</v>
      </c>
      <c r="BM1655" s="11">
        <v>-2</v>
      </c>
      <c r="BN1655" s="13">
        <v>-0.14285714285714285</v>
      </c>
      <c r="BO1655" s="11">
        <v>-1</v>
      </c>
      <c r="BP1655" s="13">
        <v>-7.6923076923076927E-2</v>
      </c>
      <c r="BQ1655" s="6">
        <v>13</v>
      </c>
      <c r="BR1655" s="6">
        <v>14</v>
      </c>
      <c r="BS1655" s="6">
        <v>13</v>
      </c>
      <c r="BT1655" s="6">
        <v>13</v>
      </c>
      <c r="BU1655" s="6">
        <v>14</v>
      </c>
      <c r="BV1655" s="6">
        <v>13</v>
      </c>
      <c r="BW1655" s="6">
        <v>14</v>
      </c>
      <c r="BX1655" s="6">
        <v>16</v>
      </c>
      <c r="BY1655" s="6">
        <v>15</v>
      </c>
      <c r="BZ1655" s="6">
        <v>15</v>
      </c>
      <c r="CA1655" s="6">
        <v>15</v>
      </c>
      <c r="CB1655" s="6">
        <v>14</v>
      </c>
      <c r="CC1655" s="11">
        <v>12</v>
      </c>
      <c r="CD1655" s="11">
        <v>-10</v>
      </c>
      <c r="CE1655" s="11">
        <v>-6</v>
      </c>
      <c r="CF1655" s="11">
        <v>9</v>
      </c>
      <c r="CG1655" s="11">
        <v>3</v>
      </c>
      <c r="CH1655" s="20">
        <v>0.91</v>
      </c>
      <c r="CI1655" s="20">
        <v>0.87</v>
      </c>
      <c r="CJ1655" s="20">
        <v>0.83</v>
      </c>
      <c r="CK1655" s="20">
        <v>0.96</v>
      </c>
      <c r="CL1655" s="20">
        <v>0.98</v>
      </c>
      <c r="CM1655" s="20">
        <v>0.93</v>
      </c>
      <c r="CN1655" s="20">
        <v>0.93</v>
      </c>
      <c r="CO1655" s="20">
        <v>1.01</v>
      </c>
      <c r="CP1655" s="20">
        <v>1.02</v>
      </c>
      <c r="CQ1655" s="20">
        <v>1.0900000000000001</v>
      </c>
      <c r="CR1655" s="20">
        <v>1.08</v>
      </c>
      <c r="CS1655" s="20">
        <v>1.07</v>
      </c>
      <c r="CT1655" s="20">
        <v>0.99</v>
      </c>
      <c r="CU1655" s="20">
        <v>0.99</v>
      </c>
      <c r="CV1655" s="20">
        <v>0.97</v>
      </c>
      <c r="CW1655" s="20">
        <v>0.89</v>
      </c>
      <c r="CX1655" s="20">
        <v>0.88</v>
      </c>
      <c r="CY1655" s="6" t="s">
        <v>631</v>
      </c>
      <c r="CZ1655" s="6" t="s">
        <v>632</v>
      </c>
      <c r="DA1655" s="6" t="s">
        <v>84</v>
      </c>
      <c r="DB1655" s="6" t="s">
        <v>345</v>
      </c>
      <c r="DC1655" s="6"/>
      <c r="DD1655" s="6"/>
      <c r="DE1655" s="6"/>
      <c r="DF1655" s="6"/>
      <c r="DG1655" s="6"/>
      <c r="DH1655" s="6" t="s">
        <v>333</v>
      </c>
      <c r="DI1655" s="6"/>
      <c r="DJ1655" s="6"/>
      <c r="DK1655" s="6"/>
      <c r="DL1655" s="6">
        <v>10</v>
      </c>
      <c r="DM1655" s="6" t="s">
        <v>383</v>
      </c>
      <c r="DN1655" s="6">
        <v>9</v>
      </c>
      <c r="DO1655" s="6" t="s">
        <v>384</v>
      </c>
      <c r="DP1655" s="6"/>
      <c r="DQ1655" s="6"/>
    </row>
    <row r="1656" spans="1:121" x14ac:dyDescent="0.2">
      <c r="A1656" s="6" t="s">
        <v>316</v>
      </c>
      <c r="B1656" s="6" t="s">
        <v>316</v>
      </c>
      <c r="C1656" s="6" t="s">
        <v>185</v>
      </c>
      <c r="D1656" s="6" t="s">
        <v>84</v>
      </c>
      <c r="E1656" s="6" t="s">
        <v>225</v>
      </c>
      <c r="F1656" s="11">
        <v>-14</v>
      </c>
      <c r="G1656" s="13">
        <v>-0.54</v>
      </c>
      <c r="H1656" s="11">
        <v>-6</v>
      </c>
      <c r="I1656" s="13">
        <v>-0.23076923076923081</v>
      </c>
      <c r="J1656" s="11">
        <v>-2</v>
      </c>
      <c r="K1656" s="13">
        <v>-0.1</v>
      </c>
      <c r="L1656" s="11">
        <v>-6</v>
      </c>
      <c r="M1656" s="13">
        <v>-0.33333333333333331</v>
      </c>
      <c r="N1656" s="11">
        <v>-8</v>
      </c>
      <c r="O1656" s="13">
        <v>-0.4</v>
      </c>
      <c r="P1656" s="7">
        <v>26</v>
      </c>
      <c r="Q1656" s="7">
        <v>23</v>
      </c>
      <c r="R1656" s="7">
        <v>28</v>
      </c>
      <c r="S1656" s="7">
        <v>27</v>
      </c>
      <c r="T1656" s="7">
        <v>17</v>
      </c>
      <c r="U1656" s="7">
        <v>18</v>
      </c>
      <c r="V1656" s="7">
        <v>20</v>
      </c>
      <c r="W1656" s="7">
        <v>22</v>
      </c>
      <c r="X1656" s="7">
        <v>17</v>
      </c>
      <c r="Y1656" s="7">
        <v>18</v>
      </c>
      <c r="Z1656" s="7">
        <v>18</v>
      </c>
      <c r="AA1656" s="7">
        <v>16</v>
      </c>
      <c r="AB1656" s="7">
        <v>5</v>
      </c>
      <c r="AC1656" s="7">
        <v>11</v>
      </c>
      <c r="AD1656" s="7">
        <v>5</v>
      </c>
      <c r="AE1656" s="7">
        <v>12</v>
      </c>
      <c r="AF1656" s="7">
        <v>12</v>
      </c>
      <c r="AG1656" s="9">
        <v>20942</v>
      </c>
      <c r="AH1656" s="13">
        <v>1.2416696312107198</v>
      </c>
      <c r="AI1656" s="9">
        <v>5724</v>
      </c>
      <c r="AJ1656" s="13">
        <v>0.33938100320170755</v>
      </c>
      <c r="AK1656" s="9">
        <v>-480</v>
      </c>
      <c r="AL1656" s="13">
        <v>-2.1248339973439577E-2</v>
      </c>
      <c r="AM1656" s="9">
        <v>15698</v>
      </c>
      <c r="AN1656" s="13">
        <v>0.70999547715965627</v>
      </c>
      <c r="AO1656" s="9">
        <v>15218</v>
      </c>
      <c r="AP1656" s="13">
        <v>0.67366091190792388</v>
      </c>
      <c r="AQ1656" s="9">
        <v>16866</v>
      </c>
      <c r="AR1656" s="9">
        <v>21197</v>
      </c>
      <c r="AS1656" s="9">
        <v>22453</v>
      </c>
      <c r="AT1656" s="9">
        <v>20933</v>
      </c>
      <c r="AU1656" s="9">
        <v>24931</v>
      </c>
      <c r="AV1656" s="9">
        <v>23253</v>
      </c>
      <c r="AW1656" s="9">
        <v>22590</v>
      </c>
      <c r="AX1656" s="9">
        <v>21677</v>
      </c>
      <c r="AY1656" s="9">
        <v>22714</v>
      </c>
      <c r="AZ1656" s="9">
        <v>22110</v>
      </c>
      <c r="BA1656" s="9">
        <v>20635</v>
      </c>
      <c r="BB1656" s="9">
        <v>18998</v>
      </c>
      <c r="BC1656" s="9">
        <v>1</v>
      </c>
      <c r="BD1656" s="9">
        <v>21149</v>
      </c>
      <c r="BE1656" s="9">
        <v>1</v>
      </c>
      <c r="BF1656" s="9">
        <v>37808</v>
      </c>
      <c r="BG1656" s="11">
        <v>-2</v>
      </c>
      <c r="BH1656" s="13">
        <v>-0.4</v>
      </c>
      <c r="BI1656" s="6">
        <v>-1</v>
      </c>
      <c r="BJ1656" s="13">
        <v>-0.2</v>
      </c>
      <c r="BK1656" s="6">
        <v>0</v>
      </c>
      <c r="BL1656" s="13">
        <v>0</v>
      </c>
      <c r="BM1656" s="11">
        <v>-1</v>
      </c>
      <c r="BN1656" s="13">
        <v>-0.25</v>
      </c>
      <c r="BO1656" s="11">
        <v>-1</v>
      </c>
      <c r="BP1656" s="13">
        <v>-0.25</v>
      </c>
      <c r="BQ1656" s="6">
        <v>5</v>
      </c>
      <c r="BR1656" s="6">
        <v>3</v>
      </c>
      <c r="BS1656" s="6">
        <v>3</v>
      </c>
      <c r="BT1656" s="6">
        <v>4</v>
      </c>
      <c r="BU1656" s="6">
        <v>4</v>
      </c>
      <c r="BV1656" s="6">
        <v>4</v>
      </c>
      <c r="BW1656" s="6">
        <v>4</v>
      </c>
      <c r="BX1656" s="6">
        <v>4</v>
      </c>
      <c r="BY1656" s="6">
        <v>4</v>
      </c>
      <c r="BZ1656" s="6">
        <v>3</v>
      </c>
      <c r="CA1656" s="6">
        <v>3</v>
      </c>
      <c r="CB1656" s="6">
        <v>3</v>
      </c>
      <c r="CC1656" s="11">
        <v>3</v>
      </c>
      <c r="CD1656" s="11">
        <v>-15</v>
      </c>
      <c r="CE1656" s="11">
        <v>-1</v>
      </c>
      <c r="CF1656" s="11">
        <v>3</v>
      </c>
      <c r="CG1656" s="11">
        <v>2</v>
      </c>
      <c r="CH1656" s="20">
        <v>0.74</v>
      </c>
      <c r="CI1656" s="20">
        <v>0.63</v>
      </c>
      <c r="CJ1656" s="20">
        <v>0.73</v>
      </c>
      <c r="CK1656" s="20">
        <v>0.72</v>
      </c>
      <c r="CL1656" s="20">
        <v>0.43</v>
      </c>
      <c r="CM1656" s="20">
        <v>0.45</v>
      </c>
      <c r="CN1656" s="20">
        <v>0.51</v>
      </c>
      <c r="CO1656" s="20">
        <v>0.57999999999999996</v>
      </c>
      <c r="CP1656" s="20">
        <v>0.46</v>
      </c>
      <c r="CQ1656" s="20">
        <v>0.54</v>
      </c>
      <c r="CR1656" s="20">
        <v>0.56000000000000005</v>
      </c>
      <c r="CS1656" s="20">
        <v>0.5</v>
      </c>
      <c r="CT1656" s="20">
        <v>0.3</v>
      </c>
      <c r="CU1656" s="20">
        <v>0.32</v>
      </c>
      <c r="CV1656" s="20">
        <v>0.28999999999999998</v>
      </c>
      <c r="CW1656" s="20">
        <v>0.36</v>
      </c>
      <c r="CX1656" s="20">
        <v>0.37</v>
      </c>
      <c r="CY1656" s="6" t="s">
        <v>631</v>
      </c>
      <c r="CZ1656" s="6" t="s">
        <v>632</v>
      </c>
      <c r="DA1656" s="6" t="s">
        <v>84</v>
      </c>
      <c r="DB1656" s="6" t="s">
        <v>345</v>
      </c>
      <c r="DC1656" s="6"/>
      <c r="DD1656" s="6"/>
      <c r="DE1656" s="6"/>
      <c r="DF1656" s="6"/>
      <c r="DG1656" s="6"/>
      <c r="DH1656" s="6" t="s">
        <v>333</v>
      </c>
      <c r="DI1656" s="6"/>
      <c r="DJ1656" s="6"/>
      <c r="DK1656" s="6"/>
      <c r="DL1656" s="6">
        <v>10</v>
      </c>
      <c r="DM1656" s="6" t="s">
        <v>383</v>
      </c>
      <c r="DN1656" s="6">
        <v>9</v>
      </c>
      <c r="DO1656" s="6" t="s">
        <v>384</v>
      </c>
      <c r="DP1656" s="6"/>
      <c r="DQ1656" s="6"/>
    </row>
    <row r="1657" spans="1:121" x14ac:dyDescent="0.2">
      <c r="A1657" s="6" t="s">
        <v>317</v>
      </c>
      <c r="B1657" s="6" t="s">
        <v>317</v>
      </c>
      <c r="C1657" s="6" t="s">
        <v>186</v>
      </c>
      <c r="D1657" s="6" t="s">
        <v>84</v>
      </c>
      <c r="E1657" s="6" t="s">
        <v>225</v>
      </c>
      <c r="F1657" s="11">
        <v>34</v>
      </c>
      <c r="G1657" s="13">
        <v>1.26</v>
      </c>
      <c r="H1657" s="11">
        <v>24</v>
      </c>
      <c r="I1657" s="13">
        <v>0.88888888888888884</v>
      </c>
      <c r="J1657" s="11">
        <v>-1</v>
      </c>
      <c r="K1657" s="13">
        <v>-1.9607843137254905E-2</v>
      </c>
      <c r="L1657" s="11">
        <v>11</v>
      </c>
      <c r="M1657" s="13">
        <v>0.22</v>
      </c>
      <c r="N1657" s="11">
        <v>10</v>
      </c>
      <c r="O1657" s="13">
        <v>0.19607843137254904</v>
      </c>
      <c r="P1657" s="7">
        <v>27</v>
      </c>
      <c r="Q1657" s="7">
        <v>29</v>
      </c>
      <c r="R1657" s="7">
        <v>33</v>
      </c>
      <c r="S1657" s="7">
        <v>37</v>
      </c>
      <c r="T1657" s="7">
        <v>40</v>
      </c>
      <c r="U1657" s="7">
        <v>45</v>
      </c>
      <c r="V1657" s="7">
        <v>51</v>
      </c>
      <c r="W1657" s="7">
        <v>47</v>
      </c>
      <c r="X1657" s="7">
        <v>45</v>
      </c>
      <c r="Y1657" s="7">
        <v>50</v>
      </c>
      <c r="Z1657" s="7">
        <v>52</v>
      </c>
      <c r="AA1657" s="7">
        <v>49</v>
      </c>
      <c r="AB1657" s="7">
        <v>55</v>
      </c>
      <c r="AC1657" s="7">
        <v>56</v>
      </c>
      <c r="AD1657" s="7">
        <v>60</v>
      </c>
      <c r="AE1657" s="7">
        <v>59</v>
      </c>
      <c r="AF1657" s="7">
        <v>61</v>
      </c>
      <c r="AG1657" s="9">
        <v>17331</v>
      </c>
      <c r="AH1657" s="13">
        <v>0.60079037681561342</v>
      </c>
      <c r="AI1657" s="9">
        <v>4331</v>
      </c>
      <c r="AJ1657" s="13">
        <v>0.15013692931674005</v>
      </c>
      <c r="AK1657" s="9">
        <v>8001</v>
      </c>
      <c r="AL1657" s="13">
        <v>0.24115377659895113</v>
      </c>
      <c r="AM1657" s="9">
        <v>4999</v>
      </c>
      <c r="AN1657" s="13">
        <v>0.12139682848053621</v>
      </c>
      <c r="AO1657" s="9">
        <v>13000</v>
      </c>
      <c r="AP1657" s="13">
        <v>0.39182590873470374</v>
      </c>
      <c r="AQ1657" s="9">
        <v>28847</v>
      </c>
      <c r="AR1657" s="9">
        <v>30549</v>
      </c>
      <c r="AS1657" s="9">
        <v>31883</v>
      </c>
      <c r="AT1657" s="9">
        <v>34708</v>
      </c>
      <c r="AU1657" s="9">
        <v>34945</v>
      </c>
      <c r="AV1657" s="9">
        <v>36615</v>
      </c>
      <c r="AW1657" s="9">
        <v>33178</v>
      </c>
      <c r="AX1657" s="9">
        <v>37219</v>
      </c>
      <c r="AY1657" s="9">
        <v>35157</v>
      </c>
      <c r="AZ1657" s="9">
        <v>41179</v>
      </c>
      <c r="BA1657" s="9">
        <v>36932</v>
      </c>
      <c r="BB1657" s="9">
        <v>38584</v>
      </c>
      <c r="BC1657" s="9">
        <v>39913</v>
      </c>
      <c r="BD1657" s="9">
        <v>42124</v>
      </c>
      <c r="BE1657" s="9">
        <v>47521</v>
      </c>
      <c r="BF1657" s="9">
        <v>46178</v>
      </c>
      <c r="BG1657" s="11">
        <v>8</v>
      </c>
      <c r="BH1657" s="13">
        <v>1</v>
      </c>
      <c r="BI1657" s="6">
        <v>1</v>
      </c>
      <c r="BJ1657" s="13">
        <v>0.125</v>
      </c>
      <c r="BK1657" s="6">
        <v>4</v>
      </c>
      <c r="BL1657" s="13">
        <v>0.44444444444444442</v>
      </c>
      <c r="BM1657" s="11">
        <v>3</v>
      </c>
      <c r="BN1657" s="13">
        <v>0.23076923076923078</v>
      </c>
      <c r="BO1657" s="11">
        <v>7</v>
      </c>
      <c r="BP1657" s="13">
        <v>0.77777777777777779</v>
      </c>
      <c r="BQ1657" s="6">
        <v>8</v>
      </c>
      <c r="BR1657" s="6">
        <v>8</v>
      </c>
      <c r="BS1657" s="6">
        <v>9</v>
      </c>
      <c r="BT1657" s="6">
        <v>9</v>
      </c>
      <c r="BU1657" s="6">
        <v>10</v>
      </c>
      <c r="BV1657" s="6">
        <v>11</v>
      </c>
      <c r="BW1657" s="6">
        <v>13</v>
      </c>
      <c r="BX1657" s="6">
        <v>12</v>
      </c>
      <c r="BY1657" s="6">
        <v>13</v>
      </c>
      <c r="BZ1657" s="6">
        <v>15</v>
      </c>
      <c r="CA1657" s="6">
        <v>15</v>
      </c>
      <c r="CB1657" s="6">
        <v>17</v>
      </c>
      <c r="CC1657" s="11">
        <v>16</v>
      </c>
      <c r="CD1657" s="11">
        <v>26</v>
      </c>
      <c r="CE1657" s="11">
        <v>5</v>
      </c>
      <c r="CF1657" s="11">
        <v>3</v>
      </c>
      <c r="CG1657" s="11">
        <v>8</v>
      </c>
      <c r="CH1657" s="20">
        <v>0.24</v>
      </c>
      <c r="CI1657" s="20">
        <v>0.26</v>
      </c>
      <c r="CJ1657" s="20">
        <v>0.28999999999999998</v>
      </c>
      <c r="CK1657" s="20">
        <v>0.32</v>
      </c>
      <c r="CL1657" s="20">
        <v>0.33</v>
      </c>
      <c r="CM1657" s="20">
        <v>0.36</v>
      </c>
      <c r="CN1657" s="20">
        <v>0.4</v>
      </c>
      <c r="CO1657" s="20">
        <v>0.37</v>
      </c>
      <c r="CP1657" s="20">
        <v>0.35</v>
      </c>
      <c r="CQ1657" s="20">
        <v>0.41</v>
      </c>
      <c r="CR1657" s="20">
        <v>0.43</v>
      </c>
      <c r="CS1657" s="20">
        <v>0.4</v>
      </c>
      <c r="CT1657" s="20">
        <v>0.43</v>
      </c>
      <c r="CU1657" s="20">
        <v>0.44</v>
      </c>
      <c r="CV1657" s="20">
        <v>0.47</v>
      </c>
      <c r="CW1657" s="20">
        <v>0.45</v>
      </c>
      <c r="CX1657" s="20">
        <v>0.46</v>
      </c>
      <c r="CY1657" s="6" t="s">
        <v>631</v>
      </c>
      <c r="CZ1657" s="6" t="s">
        <v>632</v>
      </c>
      <c r="DA1657" s="6" t="s">
        <v>84</v>
      </c>
      <c r="DB1657" s="6" t="s">
        <v>345</v>
      </c>
      <c r="DC1657" s="6"/>
      <c r="DD1657" s="6"/>
      <c r="DE1657" s="6"/>
      <c r="DF1657" s="6"/>
      <c r="DG1657" s="6"/>
      <c r="DH1657" s="6" t="s">
        <v>333</v>
      </c>
      <c r="DI1657" s="6"/>
      <c r="DJ1657" s="6"/>
      <c r="DK1657" s="6"/>
      <c r="DL1657" s="6">
        <v>10</v>
      </c>
      <c r="DM1657" s="6" t="s">
        <v>383</v>
      </c>
      <c r="DN1657" s="6">
        <v>9</v>
      </c>
      <c r="DO1657" s="6" t="s">
        <v>384</v>
      </c>
      <c r="DP1657" s="6"/>
      <c r="DQ1657" s="6"/>
    </row>
    <row r="1658" spans="1:121" x14ac:dyDescent="0.2">
      <c r="A1658" s="6" t="s">
        <v>318</v>
      </c>
      <c r="B1658" s="6" t="s">
        <v>318</v>
      </c>
      <c r="C1658" s="6" t="s">
        <v>187</v>
      </c>
      <c r="D1658" s="6" t="s">
        <v>84</v>
      </c>
      <c r="E1658" s="6" t="s">
        <v>225</v>
      </c>
      <c r="F1658" s="11">
        <v>1</v>
      </c>
      <c r="G1658" s="13">
        <v>1</v>
      </c>
      <c r="H1658" s="11">
        <v>0</v>
      </c>
      <c r="I1658" s="13">
        <v>0</v>
      </c>
      <c r="J1658" s="11">
        <v>0</v>
      </c>
      <c r="K1658" s="13">
        <v>0</v>
      </c>
      <c r="L1658" s="11">
        <v>0</v>
      </c>
      <c r="M1658" s="13">
        <v>0</v>
      </c>
      <c r="N1658" s="11">
        <v>0</v>
      </c>
      <c r="O1658" s="13">
        <v>0</v>
      </c>
      <c r="P1658" s="7">
        <v>5</v>
      </c>
      <c r="Q1658" s="7">
        <v>5</v>
      </c>
      <c r="R1658" s="7">
        <v>5</v>
      </c>
      <c r="S1658" s="7">
        <v>5</v>
      </c>
      <c r="T1658" s="7">
        <v>5</v>
      </c>
      <c r="U1658" s="7">
        <v>5</v>
      </c>
      <c r="V1658" s="7">
        <v>5</v>
      </c>
      <c r="W1658" s="7">
        <v>5</v>
      </c>
      <c r="X1658" s="7">
        <v>5</v>
      </c>
      <c r="Y1658" s="7">
        <v>5</v>
      </c>
      <c r="Z1658" s="7">
        <v>5</v>
      </c>
      <c r="AA1658" s="7">
        <v>5</v>
      </c>
      <c r="AB1658" s="7">
        <v>5</v>
      </c>
      <c r="AC1658" s="7">
        <v>5</v>
      </c>
      <c r="AD1658" s="7">
        <v>5</v>
      </c>
      <c r="AE1658" s="7">
        <v>5</v>
      </c>
      <c r="AF1658" s="7">
        <v>5</v>
      </c>
      <c r="AG1658" s="9">
        <v>0</v>
      </c>
      <c r="AH1658" s="13">
        <v>0</v>
      </c>
      <c r="AI1658" s="9">
        <v>0</v>
      </c>
      <c r="AJ1658" s="13">
        <v>0</v>
      </c>
      <c r="AK1658" s="9">
        <v>0</v>
      </c>
      <c r="AL1658" s="13">
        <v>0</v>
      </c>
      <c r="AM1658" s="9">
        <v>0</v>
      </c>
      <c r="AN1658" s="13">
        <v>0</v>
      </c>
      <c r="AO1658" s="9">
        <v>0</v>
      </c>
      <c r="AP1658" s="13">
        <v>0</v>
      </c>
      <c r="AQ1658" s="9">
        <v>1</v>
      </c>
      <c r="AR1658" s="9">
        <v>1</v>
      </c>
      <c r="AS1658" s="9">
        <v>1</v>
      </c>
      <c r="AT1658" s="9">
        <v>1</v>
      </c>
      <c r="AU1658" s="9">
        <v>1</v>
      </c>
      <c r="AV1658" s="9">
        <v>1</v>
      </c>
      <c r="AW1658" s="9">
        <v>1</v>
      </c>
      <c r="AX1658" s="9">
        <v>1</v>
      </c>
      <c r="AY1658" s="9">
        <v>1</v>
      </c>
      <c r="AZ1658" s="9">
        <v>1</v>
      </c>
      <c r="BA1658" s="9">
        <v>1</v>
      </c>
      <c r="BB1658" s="9">
        <v>1</v>
      </c>
      <c r="BC1658" s="9">
        <v>1</v>
      </c>
      <c r="BD1658" s="9">
        <v>1</v>
      </c>
      <c r="BE1658" s="9">
        <v>1</v>
      </c>
      <c r="BF1658" s="9">
        <v>1</v>
      </c>
      <c r="BG1658" s="11">
        <v>-1</v>
      </c>
      <c r="BH1658" s="13">
        <v>-0.5</v>
      </c>
      <c r="BI1658" s="6">
        <v>-1</v>
      </c>
      <c r="BJ1658" s="13">
        <v>-0.5</v>
      </c>
      <c r="BK1658" s="6">
        <v>1</v>
      </c>
      <c r="BL1658" s="13">
        <v>1</v>
      </c>
      <c r="BM1658" s="11">
        <v>-1</v>
      </c>
      <c r="BN1658" s="13">
        <v>-0.5</v>
      </c>
      <c r="BO1658" s="11">
        <v>0</v>
      </c>
      <c r="BP1658" s="13">
        <v>0</v>
      </c>
      <c r="BQ1658" s="6">
        <v>2</v>
      </c>
      <c r="BR1658" s="6">
        <v>2</v>
      </c>
      <c r="BS1658" s="6">
        <v>2</v>
      </c>
      <c r="BT1658" s="6">
        <v>1</v>
      </c>
      <c r="BU1658" s="6">
        <v>1</v>
      </c>
      <c r="BV1658" s="6">
        <v>1</v>
      </c>
      <c r="BW1658" s="6">
        <v>2</v>
      </c>
      <c r="BX1658" s="6">
        <v>2</v>
      </c>
      <c r="BY1658" s="6">
        <v>2</v>
      </c>
      <c r="BZ1658" s="6">
        <v>2</v>
      </c>
      <c r="CA1658" s="6">
        <v>1</v>
      </c>
      <c r="CB1658" s="6">
        <v>1</v>
      </c>
      <c r="CC1658" s="11">
        <v>1</v>
      </c>
      <c r="CD1658" s="11">
        <v>-1.6089100000000001</v>
      </c>
      <c r="CE1658" s="11">
        <v>0.61169200000000001</v>
      </c>
      <c r="CF1658" s="11">
        <v>0.31229699999999999</v>
      </c>
      <c r="CG1658" s="11">
        <v>1</v>
      </c>
      <c r="CH1658" s="20">
        <v>0.11640200000000001</v>
      </c>
      <c r="CI1658" s="20">
        <v>4.1511199999999998E-2</v>
      </c>
      <c r="CJ1658" s="20">
        <v>3.0169399999999999E-2</v>
      </c>
      <c r="CK1658" s="20">
        <v>2.0369399999999999E-2</v>
      </c>
      <c r="CL1658" s="20">
        <v>7.6270400000000002E-2</v>
      </c>
      <c r="CM1658" s="20">
        <v>0.11154600000000001</v>
      </c>
      <c r="CN1658" s="20">
        <v>7.4899800000000002E-2</v>
      </c>
      <c r="CO1658" s="20">
        <v>5.5652600000000003E-2</v>
      </c>
      <c r="CP1658" s="20">
        <v>0.138322</v>
      </c>
      <c r="CQ1658" s="20">
        <v>0.178864</v>
      </c>
      <c r="CR1658" s="20">
        <v>7.0341799999999996E-2</v>
      </c>
      <c r="CS1658" s="20">
        <v>0.154136</v>
      </c>
      <c r="CT1658" s="20">
        <v>0.14660500000000001</v>
      </c>
      <c r="CU1658" s="20">
        <v>0.112791</v>
      </c>
      <c r="CV1658" s="20">
        <v>9.3956399999999995E-2</v>
      </c>
      <c r="CW1658" s="20">
        <v>7.5400200000000001E-2</v>
      </c>
      <c r="CX1658" s="20">
        <v>7.3828500000000005E-2</v>
      </c>
      <c r="CY1658" s="6" t="s">
        <v>631</v>
      </c>
      <c r="CZ1658" s="6" t="s">
        <v>632</v>
      </c>
      <c r="DA1658" s="6" t="s">
        <v>84</v>
      </c>
      <c r="DB1658" s="6" t="s">
        <v>345</v>
      </c>
      <c r="DC1658" s="6"/>
      <c r="DD1658" s="6"/>
      <c r="DE1658" s="6"/>
      <c r="DF1658" s="6"/>
      <c r="DG1658" s="6"/>
      <c r="DH1658" s="6" t="s">
        <v>333</v>
      </c>
      <c r="DI1658" s="6"/>
      <c r="DJ1658" s="6"/>
      <c r="DK1658" s="6"/>
      <c r="DL1658" s="6">
        <v>10</v>
      </c>
      <c r="DM1658" s="6" t="s">
        <v>383</v>
      </c>
      <c r="DN1658" s="6">
        <v>9</v>
      </c>
      <c r="DO1658" s="6" t="s">
        <v>384</v>
      </c>
      <c r="DP1658" s="6"/>
      <c r="DQ1658" s="6"/>
    </row>
    <row r="1659" spans="1:121" x14ac:dyDescent="0.2">
      <c r="A1659" s="6" t="s">
        <v>319</v>
      </c>
      <c r="B1659" s="6" t="s">
        <v>319</v>
      </c>
      <c r="C1659" s="6" t="s">
        <v>188</v>
      </c>
      <c r="D1659" s="6" t="s">
        <v>84</v>
      </c>
      <c r="E1659" s="6" t="s">
        <v>225</v>
      </c>
      <c r="F1659" s="11">
        <v>30</v>
      </c>
      <c r="G1659" s="13">
        <v>1.5789473684199999</v>
      </c>
      <c r="H1659" s="11">
        <v>29.026463096100002</v>
      </c>
      <c r="I1659" s="13">
        <v>1.5543661893475105</v>
      </c>
      <c r="J1659" s="11">
        <v>-4.590911461200001</v>
      </c>
      <c r="K1659" s="13">
        <v>-9.6244291805696214E-2</v>
      </c>
      <c r="L1659" s="11">
        <v>5.4275776428999976</v>
      </c>
      <c r="M1659" s="13">
        <v>0.12590154382036395</v>
      </c>
      <c r="N1659" s="11">
        <v>0.83666618169999651</v>
      </c>
      <c r="O1659" s="13">
        <v>1.7539947092432961E-2</v>
      </c>
      <c r="P1659" s="7">
        <v>18.674147247299999</v>
      </c>
      <c r="Q1659" s="7">
        <v>27.1913532833</v>
      </c>
      <c r="R1659" s="7">
        <v>22.697804219799998</v>
      </c>
      <c r="S1659" s="7">
        <v>25.8942395071</v>
      </c>
      <c r="T1659" s="7">
        <v>38.545346368300002</v>
      </c>
      <c r="U1659" s="7">
        <v>37.318203584800003</v>
      </c>
      <c r="V1659" s="7">
        <v>47.700610343400001</v>
      </c>
      <c r="W1659" s="7">
        <v>40.484803941599999</v>
      </c>
      <c r="X1659" s="7">
        <v>41.811773240000001</v>
      </c>
      <c r="Y1659" s="7">
        <v>43.1096988822</v>
      </c>
      <c r="Z1659" s="7">
        <v>48.708570857300003</v>
      </c>
      <c r="AA1659" s="7">
        <v>49.943021452099998</v>
      </c>
      <c r="AB1659" s="7">
        <v>43.1459339512</v>
      </c>
      <c r="AC1659" s="7">
        <v>45.966377666600003</v>
      </c>
      <c r="AD1659" s="7">
        <v>48.395706368200003</v>
      </c>
      <c r="AE1659" s="7">
        <v>46.839348549699999</v>
      </c>
      <c r="AF1659" s="7">
        <v>48.537276525099998</v>
      </c>
      <c r="AG1659" s="9">
        <v>558.01900099999693</v>
      </c>
      <c r="AH1659" s="13">
        <v>3.0295436868859774E-2</v>
      </c>
      <c r="AI1659" s="9">
        <v>-99.649311300003319</v>
      </c>
      <c r="AJ1659" s="13">
        <v>-5.4100656323611855E-3</v>
      </c>
      <c r="AK1659" s="9">
        <v>-1622.4430741999968</v>
      </c>
      <c r="AL1659" s="13">
        <v>-8.856326937425324E-2</v>
      </c>
      <c r="AM1659" s="9">
        <v>2280.111386499997</v>
      </c>
      <c r="AN1659" s="13">
        <v>0.13655691892529953</v>
      </c>
      <c r="AO1659" s="9">
        <v>657.66831230000025</v>
      </c>
      <c r="AP1659" s="13">
        <v>3.5899722355346934E-2</v>
      </c>
      <c r="AQ1659" s="9">
        <v>18419.242588100002</v>
      </c>
      <c r="AR1659" s="9">
        <v>15563.3153611</v>
      </c>
      <c r="AS1659" s="9">
        <v>16285.854352</v>
      </c>
      <c r="AT1659" s="9">
        <v>16003.156363300001</v>
      </c>
      <c r="AU1659" s="9">
        <v>17716.4355182</v>
      </c>
      <c r="AV1659" s="9">
        <v>16463.108957500001</v>
      </c>
      <c r="AW1659" s="9">
        <v>18319.593276799998</v>
      </c>
      <c r="AX1659" s="9">
        <v>16710.113817500001</v>
      </c>
      <c r="AY1659" s="9">
        <v>16432.3036866</v>
      </c>
      <c r="AZ1659" s="9">
        <v>16697.150202600002</v>
      </c>
      <c r="BA1659" s="9">
        <v>13611.009155600001</v>
      </c>
      <c r="BB1659" s="9">
        <v>15274.721288700001</v>
      </c>
      <c r="BC1659" s="9">
        <v>14024.508913899999</v>
      </c>
      <c r="BD1659" s="9">
        <v>15822.9158011</v>
      </c>
      <c r="BE1659" s="9">
        <v>18889.443099700002</v>
      </c>
      <c r="BF1659" s="9">
        <v>18977.261589099999</v>
      </c>
      <c r="BG1659" s="11">
        <v>4</v>
      </c>
      <c r="BH1659" s="13">
        <v>4</v>
      </c>
      <c r="BI1659" s="6">
        <v>0</v>
      </c>
      <c r="BJ1659" s="13">
        <v>0</v>
      </c>
      <c r="BK1659" s="6">
        <v>1</v>
      </c>
      <c r="BL1659" s="13">
        <v>1</v>
      </c>
      <c r="BM1659" s="11">
        <v>3</v>
      </c>
      <c r="BN1659" s="13">
        <v>1.5</v>
      </c>
      <c r="BO1659" s="11">
        <v>4</v>
      </c>
      <c r="BP1659" s="13">
        <v>4</v>
      </c>
      <c r="BQ1659" s="6">
        <v>1</v>
      </c>
      <c r="BR1659" s="6">
        <v>1</v>
      </c>
      <c r="BS1659" s="6">
        <v>1</v>
      </c>
      <c r="BT1659" s="6">
        <v>1</v>
      </c>
      <c r="BU1659" s="6">
        <v>1</v>
      </c>
      <c r="BV1659" s="6">
        <v>1</v>
      </c>
      <c r="BW1659" s="6">
        <v>2</v>
      </c>
      <c r="BX1659" s="6">
        <v>3</v>
      </c>
      <c r="BY1659" s="6">
        <v>3</v>
      </c>
      <c r="BZ1659" s="6">
        <v>2</v>
      </c>
      <c r="CA1659" s="6">
        <v>3</v>
      </c>
      <c r="CB1659" s="6">
        <v>5</v>
      </c>
      <c r="CC1659" s="11">
        <v>5</v>
      </c>
      <c r="CD1659" s="11">
        <v>26.1417</v>
      </c>
      <c r="CE1659" s="11">
        <v>1.6801600000000001</v>
      </c>
      <c r="CF1659" s="11">
        <v>2.0413100000000002</v>
      </c>
      <c r="CG1659" s="11">
        <v>4</v>
      </c>
      <c r="CH1659" s="20">
        <v>0.15511</v>
      </c>
      <c r="CI1659" s="20">
        <v>0.21912000000000001</v>
      </c>
      <c r="CJ1659" s="20">
        <v>0.18177299999999999</v>
      </c>
      <c r="CK1659" s="20">
        <v>0.206729</v>
      </c>
      <c r="CL1659" s="20">
        <v>0.29334199999999999</v>
      </c>
      <c r="CM1659" s="20">
        <v>0.27607799999999999</v>
      </c>
      <c r="CN1659" s="20">
        <v>0.355263</v>
      </c>
      <c r="CO1659" s="20">
        <v>0.32333299999999998</v>
      </c>
      <c r="CP1659" s="20">
        <v>0.35576999999999998</v>
      </c>
      <c r="CQ1659" s="20">
        <v>0.37237199999999998</v>
      </c>
      <c r="CR1659" s="20">
        <v>0.42000199999999999</v>
      </c>
      <c r="CS1659" s="20">
        <v>0.42276900000000001</v>
      </c>
      <c r="CT1659" s="20">
        <v>0.34692400000000001</v>
      </c>
      <c r="CU1659" s="20">
        <v>0.36779899999999999</v>
      </c>
      <c r="CV1659" s="20">
        <v>0.38150200000000001</v>
      </c>
      <c r="CW1659" s="20">
        <v>0.36729200000000001</v>
      </c>
      <c r="CX1659" s="20">
        <v>0.37115300000000001</v>
      </c>
      <c r="CY1659" s="6" t="s">
        <v>631</v>
      </c>
      <c r="CZ1659" s="6" t="s">
        <v>632</v>
      </c>
      <c r="DA1659" s="6" t="s">
        <v>84</v>
      </c>
      <c r="DB1659" s="6" t="s">
        <v>345</v>
      </c>
      <c r="DC1659" s="6"/>
      <c r="DD1659" s="6"/>
      <c r="DE1659" s="6"/>
      <c r="DF1659" s="6"/>
      <c r="DG1659" s="6"/>
      <c r="DH1659" s="6" t="s">
        <v>333</v>
      </c>
      <c r="DI1659" s="6"/>
      <c r="DJ1659" s="6"/>
      <c r="DK1659" s="6"/>
      <c r="DL1659" s="6">
        <v>10</v>
      </c>
      <c r="DM1659" s="6" t="s">
        <v>383</v>
      </c>
      <c r="DN1659" s="6">
        <v>9</v>
      </c>
      <c r="DO1659" s="6" t="s">
        <v>384</v>
      </c>
      <c r="DP1659" s="6"/>
      <c r="DQ1659" s="6"/>
    </row>
    <row r="1660" spans="1:121" x14ac:dyDescent="0.2">
      <c r="A1660" s="6" t="s">
        <v>320</v>
      </c>
      <c r="B1660" s="6" t="s">
        <v>320</v>
      </c>
      <c r="C1660" s="6" t="s">
        <v>189</v>
      </c>
      <c r="D1660" s="6" t="s">
        <v>84</v>
      </c>
      <c r="E1660" s="6" t="s">
        <v>225</v>
      </c>
      <c r="F1660" s="11">
        <v>1</v>
      </c>
      <c r="G1660" s="13">
        <v>1</v>
      </c>
      <c r="H1660" s="11">
        <v>0</v>
      </c>
      <c r="I1660" s="13">
        <v>0</v>
      </c>
      <c r="J1660" s="11">
        <v>-5</v>
      </c>
      <c r="K1660" s="13">
        <v>-1</v>
      </c>
      <c r="L1660" s="11">
        <v>0</v>
      </c>
      <c r="M1660" s="13"/>
      <c r="N1660" s="11">
        <v>-5</v>
      </c>
      <c r="O1660" s="13">
        <v>-1</v>
      </c>
      <c r="P1660" s="7">
        <v>5</v>
      </c>
      <c r="Q1660" s="7">
        <v>5</v>
      </c>
      <c r="R1660" s="7">
        <v>5</v>
      </c>
      <c r="S1660" s="7">
        <v>5</v>
      </c>
      <c r="T1660" s="7">
        <v>5</v>
      </c>
      <c r="U1660" s="7">
        <v>5</v>
      </c>
      <c r="V1660" s="7">
        <v>5</v>
      </c>
      <c r="W1660" s="7">
        <v>5</v>
      </c>
      <c r="X1660" s="7">
        <v>5</v>
      </c>
      <c r="Y1660" s="7">
        <v>0</v>
      </c>
      <c r="Z1660" s="7">
        <v>0</v>
      </c>
      <c r="AA1660" s="7">
        <v>0</v>
      </c>
      <c r="AB1660" s="7">
        <v>5</v>
      </c>
      <c r="AC1660" s="7">
        <v>0</v>
      </c>
      <c r="AD1660" s="7">
        <v>0</v>
      </c>
      <c r="AE1660" s="7">
        <v>0</v>
      </c>
      <c r="AF1660" s="7">
        <v>0</v>
      </c>
      <c r="AG1660" s="9">
        <v>-1</v>
      </c>
      <c r="AH1660" s="13">
        <v>-1</v>
      </c>
      <c r="AI1660" s="9">
        <v>0</v>
      </c>
      <c r="AJ1660" s="13">
        <v>0</v>
      </c>
      <c r="AK1660" s="9">
        <v>-1</v>
      </c>
      <c r="AL1660" s="13">
        <v>-1</v>
      </c>
      <c r="AM1660" s="9">
        <v>0</v>
      </c>
      <c r="AN1660" s="13"/>
      <c r="AO1660" s="9">
        <v>-1</v>
      </c>
      <c r="AP1660" s="13">
        <v>-1</v>
      </c>
      <c r="AQ1660" s="9">
        <v>1</v>
      </c>
      <c r="AR1660" s="9">
        <v>1</v>
      </c>
      <c r="AS1660" s="9">
        <v>1</v>
      </c>
      <c r="AT1660" s="9">
        <v>1</v>
      </c>
      <c r="AU1660" s="9">
        <v>1</v>
      </c>
      <c r="AV1660" s="9">
        <v>1</v>
      </c>
      <c r="AW1660" s="9">
        <v>1</v>
      </c>
      <c r="AX1660" s="9">
        <v>1</v>
      </c>
      <c r="AY1660" s="9">
        <v>1</v>
      </c>
      <c r="AZ1660" s="9">
        <v>0</v>
      </c>
      <c r="BA1660" s="9">
        <v>0</v>
      </c>
      <c r="BB1660" s="9">
        <v>0</v>
      </c>
      <c r="BC1660" s="9">
        <v>1</v>
      </c>
      <c r="BD1660" s="9">
        <v>0</v>
      </c>
      <c r="BE1660" s="9">
        <v>0</v>
      </c>
      <c r="BF1660" s="9">
        <v>0</v>
      </c>
      <c r="BG1660" s="11">
        <v>-2</v>
      </c>
      <c r="BH1660" s="13">
        <v>-1</v>
      </c>
      <c r="BI1660" s="6">
        <v>0</v>
      </c>
      <c r="BJ1660" s="13">
        <v>0</v>
      </c>
      <c r="BK1660" s="6">
        <v>-2</v>
      </c>
      <c r="BL1660" s="13">
        <v>-1</v>
      </c>
      <c r="BM1660" s="11">
        <v>0</v>
      </c>
      <c r="BN1660" s="13" t="e">
        <v>#DIV/0!</v>
      </c>
      <c r="BO1660" s="11">
        <v>-2</v>
      </c>
      <c r="BP1660" s="13">
        <v>-1</v>
      </c>
      <c r="BQ1660" s="6">
        <v>2</v>
      </c>
      <c r="BR1660" s="6">
        <v>0</v>
      </c>
      <c r="BS1660" s="6">
        <v>2</v>
      </c>
      <c r="BT1660" s="6">
        <v>2</v>
      </c>
      <c r="BU1660" s="6">
        <v>2</v>
      </c>
      <c r="BV1660" s="6">
        <v>1</v>
      </c>
      <c r="BW1660" s="6">
        <v>0</v>
      </c>
      <c r="BX1660" s="6">
        <v>0</v>
      </c>
      <c r="BY1660" s="6">
        <v>0</v>
      </c>
      <c r="BZ1660" s="6">
        <v>0</v>
      </c>
      <c r="CA1660" s="6">
        <v>0</v>
      </c>
      <c r="CB1660" s="6">
        <v>0</v>
      </c>
      <c r="CC1660" s="11">
        <v>0</v>
      </c>
      <c r="CD1660" s="11">
        <v>-4.0200100000000001</v>
      </c>
      <c r="CE1660" s="11">
        <v>0.98929400000000001</v>
      </c>
      <c r="CF1660" s="11">
        <v>0.29864800000000002</v>
      </c>
      <c r="CG1660" s="11">
        <v>1</v>
      </c>
      <c r="CH1660" s="20">
        <v>6.8018499999999996E-2</v>
      </c>
      <c r="CI1660" s="20">
        <v>8.7945700000000002E-2</v>
      </c>
      <c r="CJ1660" s="20">
        <v>0.143516</v>
      </c>
      <c r="CK1660" s="20">
        <v>0.14163899999999999</v>
      </c>
      <c r="CL1660" s="20">
        <v>2.7356200000000001E-2</v>
      </c>
      <c r="CM1660" s="20">
        <v>0.14658099999999999</v>
      </c>
      <c r="CN1660" s="20">
        <v>0.191387</v>
      </c>
      <c r="CO1660" s="20">
        <v>0.16441600000000001</v>
      </c>
      <c r="CP1660" s="20">
        <v>0.134044</v>
      </c>
      <c r="CQ1660" s="20">
        <v>0</v>
      </c>
      <c r="CR1660" s="20">
        <v>0</v>
      </c>
      <c r="CS1660" s="20">
        <v>0</v>
      </c>
      <c r="CT1660" s="20">
        <v>1.00556E-2</v>
      </c>
      <c r="CU1660" s="20">
        <v>0</v>
      </c>
      <c r="CV1660" s="20">
        <v>0</v>
      </c>
      <c r="CW1660" s="20">
        <v>0</v>
      </c>
      <c r="CX1660" s="20">
        <v>0</v>
      </c>
      <c r="CY1660" s="6" t="s">
        <v>631</v>
      </c>
      <c r="CZ1660" s="6" t="s">
        <v>632</v>
      </c>
      <c r="DA1660" s="6" t="s">
        <v>84</v>
      </c>
      <c r="DB1660" s="6" t="s">
        <v>345</v>
      </c>
      <c r="DC1660" s="6"/>
      <c r="DD1660" s="6"/>
      <c r="DE1660" s="6"/>
      <c r="DF1660" s="6"/>
      <c r="DG1660" s="6"/>
      <c r="DH1660" s="6" t="s">
        <v>333</v>
      </c>
      <c r="DI1660" s="6"/>
      <c r="DJ1660" s="6"/>
      <c r="DK1660" s="6"/>
      <c r="DL1660" s="6">
        <v>10</v>
      </c>
      <c r="DM1660" s="6" t="s">
        <v>383</v>
      </c>
      <c r="DN1660" s="6">
        <v>9</v>
      </c>
      <c r="DO1660" s="6" t="s">
        <v>384</v>
      </c>
      <c r="DP1660" s="6"/>
      <c r="DQ1660" s="6"/>
    </row>
    <row r="1661" spans="1:121" x14ac:dyDescent="0.2">
      <c r="A1661" s="6" t="s">
        <v>321</v>
      </c>
      <c r="B1661" s="6" t="s">
        <v>321</v>
      </c>
      <c r="C1661" s="6" t="s">
        <v>190</v>
      </c>
      <c r="D1661" s="6" t="s">
        <v>84</v>
      </c>
      <c r="E1661" s="6" t="s">
        <v>225</v>
      </c>
      <c r="F1661" s="11">
        <v>10</v>
      </c>
      <c r="G1661" s="13">
        <v>7.04225352113E-2</v>
      </c>
      <c r="H1661" s="11">
        <v>-30.142920285000002</v>
      </c>
      <c r="I1661" s="13">
        <v>-0.21154914831347421</v>
      </c>
      <c r="J1661" s="11">
        <v>9.7469436629999961</v>
      </c>
      <c r="K1661" s="13">
        <v>8.6760048361462672E-2</v>
      </c>
      <c r="L1661" s="11">
        <v>29.84804800500001</v>
      </c>
      <c r="M1661" s="13">
        <v>0.24447451860728359</v>
      </c>
      <c r="N1661" s="11">
        <v>39.594991668000006</v>
      </c>
      <c r="O1661" s="13">
        <v>0.35244518802625951</v>
      </c>
      <c r="P1661" s="7">
        <v>142.48660666000001</v>
      </c>
      <c r="Q1661" s="7">
        <v>140.266820099</v>
      </c>
      <c r="R1661" s="7">
        <v>136.57408132899999</v>
      </c>
      <c r="S1661" s="7">
        <v>128.75354255799999</v>
      </c>
      <c r="T1661" s="7">
        <v>127.33653882</v>
      </c>
      <c r="U1661" s="7">
        <v>130.62973565199999</v>
      </c>
      <c r="V1661" s="7">
        <v>112.343686375</v>
      </c>
      <c r="W1661" s="7">
        <v>109.980787036</v>
      </c>
      <c r="X1661" s="7">
        <v>118.268153838</v>
      </c>
      <c r="Y1661" s="7">
        <v>122.090630038</v>
      </c>
      <c r="Z1661" s="7">
        <v>124.33453061500001</v>
      </c>
      <c r="AA1661" s="7">
        <v>131.585543427</v>
      </c>
      <c r="AB1661" s="7">
        <v>147.36949868400001</v>
      </c>
      <c r="AC1661" s="7">
        <v>141.84390936099999</v>
      </c>
      <c r="AD1661" s="7">
        <v>136.79649047500001</v>
      </c>
      <c r="AE1661" s="7">
        <v>147.98931533999999</v>
      </c>
      <c r="AF1661" s="7">
        <v>151.93867804300001</v>
      </c>
      <c r="AG1661" s="9">
        <v>5891.1710161999981</v>
      </c>
      <c r="AH1661" s="13">
        <v>0.2566379072703715</v>
      </c>
      <c r="AI1661" s="9">
        <v>1763.3097899999993</v>
      </c>
      <c r="AJ1661" s="13">
        <v>7.6815311103777179E-2</v>
      </c>
      <c r="AK1661" s="9">
        <v>3629.2217068999998</v>
      </c>
      <c r="AL1661" s="13">
        <v>0.1468221071779825</v>
      </c>
      <c r="AM1661" s="9">
        <v>498.63951929999894</v>
      </c>
      <c r="AN1661" s="13">
        <v>1.7590111483185129E-2</v>
      </c>
      <c r="AO1661" s="9">
        <v>4127.8612261999988</v>
      </c>
      <c r="AP1661" s="13">
        <v>0.16699483589462449</v>
      </c>
      <c r="AQ1661" s="9">
        <v>22955.186468200001</v>
      </c>
      <c r="AR1661" s="9">
        <v>24456.3244787</v>
      </c>
      <c r="AS1661" s="9">
        <v>21863.727780000001</v>
      </c>
      <c r="AT1661" s="9">
        <v>23152.159254499998</v>
      </c>
      <c r="AU1661" s="9">
        <v>24036.063287000001</v>
      </c>
      <c r="AV1661" s="9">
        <v>23997.390913499999</v>
      </c>
      <c r="AW1661" s="9">
        <v>24718.496258200001</v>
      </c>
      <c r="AX1661" s="9">
        <v>25465.615236000001</v>
      </c>
      <c r="AY1661" s="9">
        <v>24949.847244600001</v>
      </c>
      <c r="AZ1661" s="9">
        <v>28347.717965100001</v>
      </c>
      <c r="BA1661" s="9">
        <v>27778.576158799999</v>
      </c>
      <c r="BB1661" s="9">
        <v>29826.9649455</v>
      </c>
      <c r="BC1661" s="9">
        <v>28646.015909199999</v>
      </c>
      <c r="BD1661" s="9">
        <v>28989.3913115</v>
      </c>
      <c r="BE1661" s="9">
        <v>29570.504454599999</v>
      </c>
      <c r="BF1661" s="9">
        <v>28846.3574844</v>
      </c>
      <c r="BG1661" s="11">
        <v>23</v>
      </c>
      <c r="BH1661" s="13">
        <v>2.0909090909090908</v>
      </c>
      <c r="BI1661" s="6">
        <v>-2</v>
      </c>
      <c r="BJ1661" s="13">
        <v>-0.18181818181818182</v>
      </c>
      <c r="BK1661" s="6">
        <v>0</v>
      </c>
      <c r="BL1661" s="13">
        <v>0</v>
      </c>
      <c r="BM1661" s="11">
        <v>25</v>
      </c>
      <c r="BN1661" s="13">
        <v>2.7777777777777777</v>
      </c>
      <c r="BO1661" s="11">
        <v>25</v>
      </c>
      <c r="BP1661" s="13">
        <v>2.7777777777777777</v>
      </c>
      <c r="BQ1661" s="6">
        <v>11</v>
      </c>
      <c r="BR1661" s="6">
        <v>9</v>
      </c>
      <c r="BS1661" s="6">
        <v>9</v>
      </c>
      <c r="BT1661" s="6">
        <v>9</v>
      </c>
      <c r="BU1661" s="6">
        <v>9</v>
      </c>
      <c r="BV1661" s="6">
        <v>9</v>
      </c>
      <c r="BW1661" s="6">
        <v>9</v>
      </c>
      <c r="BX1661" s="6">
        <v>10</v>
      </c>
      <c r="BY1661" s="6">
        <v>11</v>
      </c>
      <c r="BZ1661" s="6">
        <v>28</v>
      </c>
      <c r="CA1661" s="6">
        <v>30</v>
      </c>
      <c r="CB1661" s="6">
        <v>30</v>
      </c>
      <c r="CC1661" s="11">
        <v>34</v>
      </c>
      <c r="CD1661" s="11">
        <v>-58.012300000000003</v>
      </c>
      <c r="CE1661" s="11">
        <v>51.8889</v>
      </c>
      <c r="CF1661" s="11">
        <v>15.5755</v>
      </c>
      <c r="CG1661" s="11">
        <v>68</v>
      </c>
      <c r="CH1661" s="20">
        <v>0.71828400000000003</v>
      </c>
      <c r="CI1661" s="20">
        <v>0.66032999999999997</v>
      </c>
      <c r="CJ1661" s="20">
        <v>0.61943499999999996</v>
      </c>
      <c r="CK1661" s="20">
        <v>0.58935000000000004</v>
      </c>
      <c r="CL1661" s="20">
        <v>0.56190600000000002</v>
      </c>
      <c r="CM1661" s="20">
        <v>0.56131799999999998</v>
      </c>
      <c r="CN1661" s="20">
        <v>0.477356</v>
      </c>
      <c r="CO1661" s="20">
        <v>0.46732099999999999</v>
      </c>
      <c r="CP1661" s="20">
        <v>0.47763499999999998</v>
      </c>
      <c r="CQ1661" s="20">
        <v>0.50747200000000003</v>
      </c>
      <c r="CR1661" s="20">
        <v>0.52895300000000001</v>
      </c>
      <c r="CS1661" s="20">
        <v>0.54572799999999999</v>
      </c>
      <c r="CT1661" s="20">
        <v>0.58504299999999998</v>
      </c>
      <c r="CU1661" s="20">
        <v>0.56823800000000002</v>
      </c>
      <c r="CV1661" s="20">
        <v>0.540296</v>
      </c>
      <c r="CW1661" s="20">
        <v>0.57868799999999998</v>
      </c>
      <c r="CX1661" s="20">
        <v>0.57391400000000004</v>
      </c>
      <c r="CY1661" s="6" t="s">
        <v>631</v>
      </c>
      <c r="CZ1661" s="6" t="s">
        <v>632</v>
      </c>
      <c r="DA1661" s="6" t="s">
        <v>84</v>
      </c>
      <c r="DB1661" s="6" t="s">
        <v>345</v>
      </c>
      <c r="DC1661" s="6"/>
      <c r="DD1661" s="6"/>
      <c r="DE1661" s="6"/>
      <c r="DF1661" s="6"/>
      <c r="DG1661" s="6"/>
      <c r="DH1661" s="6" t="s">
        <v>333</v>
      </c>
      <c r="DI1661" s="6"/>
      <c r="DJ1661" s="6"/>
      <c r="DK1661" s="6"/>
      <c r="DL1661" s="6">
        <v>10</v>
      </c>
      <c r="DM1661" s="6" t="s">
        <v>383</v>
      </c>
      <c r="DN1661" s="6">
        <v>9</v>
      </c>
      <c r="DO1661" s="6" t="s">
        <v>384</v>
      </c>
      <c r="DP1661" s="6"/>
      <c r="DQ1661" s="6"/>
    </row>
    <row r="1662" spans="1:121" x14ac:dyDescent="0.2">
      <c r="A1662" s="6" t="s">
        <v>322</v>
      </c>
      <c r="B1662" s="6" t="s">
        <v>322</v>
      </c>
      <c r="C1662" s="6" t="s">
        <v>191</v>
      </c>
      <c r="D1662" s="6" t="s">
        <v>84</v>
      </c>
      <c r="E1662" s="6" t="s">
        <v>225</v>
      </c>
      <c r="F1662" s="11">
        <v>-50</v>
      </c>
      <c r="G1662" s="13">
        <v>-0.56000000000000005</v>
      </c>
      <c r="H1662" s="11">
        <v>12</v>
      </c>
      <c r="I1662" s="13">
        <v>0.13333333333333333</v>
      </c>
      <c r="J1662" s="11">
        <v>-53</v>
      </c>
      <c r="K1662" s="13">
        <v>-0.51960784313725494</v>
      </c>
      <c r="L1662" s="11">
        <v>-9</v>
      </c>
      <c r="M1662" s="13">
        <v>-0.18367346938775511</v>
      </c>
      <c r="N1662" s="11">
        <v>-62</v>
      </c>
      <c r="O1662" s="13">
        <v>-0.60784313725490191</v>
      </c>
      <c r="P1662" s="7">
        <v>90</v>
      </c>
      <c r="Q1662" s="7">
        <v>96</v>
      </c>
      <c r="R1662" s="7">
        <v>99</v>
      </c>
      <c r="S1662" s="7">
        <v>32</v>
      </c>
      <c r="T1662" s="7">
        <v>104</v>
      </c>
      <c r="U1662" s="7">
        <v>106</v>
      </c>
      <c r="V1662" s="7">
        <v>102</v>
      </c>
      <c r="W1662" s="7">
        <v>95</v>
      </c>
      <c r="X1662" s="7">
        <v>108</v>
      </c>
      <c r="Y1662" s="7">
        <v>49</v>
      </c>
      <c r="Z1662" s="7">
        <v>47</v>
      </c>
      <c r="AA1662" s="7">
        <v>49</v>
      </c>
      <c r="AB1662" s="7">
        <v>54</v>
      </c>
      <c r="AC1662" s="7">
        <v>47</v>
      </c>
      <c r="AD1662" s="7">
        <v>41</v>
      </c>
      <c r="AE1662" s="7">
        <v>43</v>
      </c>
      <c r="AF1662" s="7">
        <v>40</v>
      </c>
      <c r="AG1662" s="9">
        <v>-446</v>
      </c>
      <c r="AH1662" s="13">
        <v>-2.9382699782594373E-2</v>
      </c>
      <c r="AI1662" s="9">
        <v>1711</v>
      </c>
      <c r="AJ1662" s="13">
        <v>0.1127215231569932</v>
      </c>
      <c r="AK1662" s="9">
        <v>-25</v>
      </c>
      <c r="AL1662" s="13">
        <v>-1.4801657785671995E-3</v>
      </c>
      <c r="AM1662" s="9">
        <v>-2132</v>
      </c>
      <c r="AN1662" s="13">
        <v>-0.12641565372072339</v>
      </c>
      <c r="AO1662" s="9">
        <v>-2157</v>
      </c>
      <c r="AP1662" s="13">
        <v>-0.12770870337477797</v>
      </c>
      <c r="AQ1662" s="9">
        <v>15179</v>
      </c>
      <c r="AR1662" s="9">
        <v>15078</v>
      </c>
      <c r="AS1662" s="9">
        <v>10516</v>
      </c>
      <c r="AT1662" s="9">
        <v>13640</v>
      </c>
      <c r="AU1662" s="9">
        <v>14378</v>
      </c>
      <c r="AV1662" s="9">
        <v>14816</v>
      </c>
      <c r="AW1662" s="9">
        <v>16890</v>
      </c>
      <c r="AX1662" s="9">
        <v>17405</v>
      </c>
      <c r="AY1662" s="9">
        <v>17967</v>
      </c>
      <c r="AZ1662" s="9">
        <v>16865</v>
      </c>
      <c r="BA1662" s="9">
        <v>16510</v>
      </c>
      <c r="BB1662" s="9">
        <v>16426</v>
      </c>
      <c r="BC1662" s="9">
        <v>15778</v>
      </c>
      <c r="BD1662" s="9">
        <v>18228</v>
      </c>
      <c r="BE1662" s="9">
        <v>29973</v>
      </c>
      <c r="BF1662" s="9">
        <v>14733</v>
      </c>
      <c r="BG1662" s="11">
        <v>1</v>
      </c>
      <c r="BH1662" s="13">
        <v>0.5</v>
      </c>
      <c r="BI1662" s="6">
        <v>2</v>
      </c>
      <c r="BJ1662" s="13">
        <v>1</v>
      </c>
      <c r="BK1662" s="6">
        <v>-1</v>
      </c>
      <c r="BL1662" s="13">
        <v>-0.25</v>
      </c>
      <c r="BM1662" s="11">
        <v>0</v>
      </c>
      <c r="BN1662" s="13">
        <v>0</v>
      </c>
      <c r="BO1662" s="11">
        <v>-1</v>
      </c>
      <c r="BP1662" s="13">
        <v>-0.25</v>
      </c>
      <c r="BQ1662" s="6">
        <v>2</v>
      </c>
      <c r="BR1662" s="6">
        <v>4</v>
      </c>
      <c r="BS1662" s="6">
        <v>4</v>
      </c>
      <c r="BT1662" s="6">
        <v>4</v>
      </c>
      <c r="BU1662" s="6">
        <v>4</v>
      </c>
      <c r="BV1662" s="6">
        <v>4</v>
      </c>
      <c r="BW1662" s="6">
        <v>3</v>
      </c>
      <c r="BX1662" s="6">
        <v>3</v>
      </c>
      <c r="BY1662" s="6">
        <v>3</v>
      </c>
      <c r="BZ1662" s="6">
        <v>3</v>
      </c>
      <c r="CA1662" s="6">
        <v>3</v>
      </c>
      <c r="CB1662" s="6">
        <v>3</v>
      </c>
      <c r="CC1662" s="11">
        <v>3</v>
      </c>
      <c r="CD1662" s="11">
        <v>-76</v>
      </c>
      <c r="CE1662" s="11">
        <v>16</v>
      </c>
      <c r="CF1662" s="11">
        <v>10</v>
      </c>
      <c r="CG1662" s="11">
        <v>26</v>
      </c>
      <c r="CH1662" s="20">
        <v>2.97</v>
      </c>
      <c r="CI1662" s="20">
        <v>3.01</v>
      </c>
      <c r="CJ1662" s="20">
        <v>3.03</v>
      </c>
      <c r="CK1662" s="20">
        <v>0.99</v>
      </c>
      <c r="CL1662" s="20">
        <v>3.12</v>
      </c>
      <c r="CM1662" s="20">
        <v>3.1</v>
      </c>
      <c r="CN1662" s="20">
        <v>2.97</v>
      </c>
      <c r="CO1662" s="20">
        <v>2.82</v>
      </c>
      <c r="CP1662" s="20">
        <v>3.18</v>
      </c>
      <c r="CQ1662" s="20">
        <v>1.52</v>
      </c>
      <c r="CR1662" s="20">
        <v>1.49</v>
      </c>
      <c r="CS1662" s="20">
        <v>1.55</v>
      </c>
      <c r="CT1662" s="20">
        <v>1.64</v>
      </c>
      <c r="CU1662" s="20">
        <v>1.39</v>
      </c>
      <c r="CV1662" s="20">
        <v>1.21</v>
      </c>
      <c r="CW1662" s="20">
        <v>1.23</v>
      </c>
      <c r="CX1662" s="20">
        <v>1.1399999999999999</v>
      </c>
      <c r="CY1662" s="6" t="s">
        <v>631</v>
      </c>
      <c r="CZ1662" s="6" t="s">
        <v>632</v>
      </c>
      <c r="DA1662" s="6" t="s">
        <v>84</v>
      </c>
      <c r="DB1662" s="6" t="s">
        <v>345</v>
      </c>
      <c r="DC1662" s="6"/>
      <c r="DD1662" s="6"/>
      <c r="DE1662" s="6"/>
      <c r="DF1662" s="6"/>
      <c r="DG1662" s="6"/>
      <c r="DH1662" s="6" t="s">
        <v>333</v>
      </c>
      <c r="DI1662" s="6"/>
      <c r="DJ1662" s="6"/>
      <c r="DK1662" s="6"/>
      <c r="DL1662" s="6">
        <v>10</v>
      </c>
      <c r="DM1662" s="6" t="s">
        <v>383</v>
      </c>
      <c r="DN1662" s="6">
        <v>9</v>
      </c>
      <c r="DO1662" s="6" t="s">
        <v>384</v>
      </c>
      <c r="DP1662" s="6"/>
      <c r="DQ1662" s="6"/>
    </row>
    <row r="1663" spans="1:121" x14ac:dyDescent="0.2">
      <c r="A1663" s="6" t="s">
        <v>323</v>
      </c>
      <c r="B1663" s="6" t="s">
        <v>323</v>
      </c>
      <c r="C1663" s="6" t="s">
        <v>192</v>
      </c>
      <c r="D1663" s="6" t="s">
        <v>84</v>
      </c>
      <c r="E1663" s="6" t="s">
        <v>225</v>
      </c>
      <c r="F1663" s="11">
        <v>108</v>
      </c>
      <c r="G1663" s="13">
        <v>0.788321167883</v>
      </c>
      <c r="H1663" s="11">
        <v>24.383560476000014</v>
      </c>
      <c r="I1663" s="13">
        <v>0.17745013244768088</v>
      </c>
      <c r="J1663" s="11">
        <v>-2.1632388190000142</v>
      </c>
      <c r="K1663" s="13">
        <v>-1.3370299977498066E-2</v>
      </c>
      <c r="L1663" s="11">
        <v>84.954010908000015</v>
      </c>
      <c r="M1663" s="13">
        <v>0.53218960421749939</v>
      </c>
      <c r="N1663" s="11">
        <v>82.790772089000001</v>
      </c>
      <c r="O1663" s="13">
        <v>0.51170376958670738</v>
      </c>
      <c r="P1663" s="7">
        <v>137.41077642299999</v>
      </c>
      <c r="Q1663" s="7">
        <v>151.46123010900001</v>
      </c>
      <c r="R1663" s="7">
        <v>180.14196507899999</v>
      </c>
      <c r="S1663" s="7">
        <v>193.71282669799999</v>
      </c>
      <c r="T1663" s="7">
        <v>183.578780325</v>
      </c>
      <c r="U1663" s="7">
        <v>167.08105132899999</v>
      </c>
      <c r="V1663" s="7">
        <v>161.794336899</v>
      </c>
      <c r="W1663" s="7">
        <v>150.28279040300001</v>
      </c>
      <c r="X1663" s="7">
        <v>168.1063834</v>
      </c>
      <c r="Y1663" s="7">
        <v>159.63109807999999</v>
      </c>
      <c r="Z1663" s="7">
        <v>144.23350793399999</v>
      </c>
      <c r="AA1663" s="7">
        <v>156.46832202600001</v>
      </c>
      <c r="AB1663" s="7">
        <v>218.73353537700001</v>
      </c>
      <c r="AC1663" s="7">
        <v>224.86959815399999</v>
      </c>
      <c r="AD1663" s="7">
        <v>218.15186952799999</v>
      </c>
      <c r="AE1663" s="7">
        <v>228.74716532900001</v>
      </c>
      <c r="AF1663" s="7">
        <v>244.585108988</v>
      </c>
      <c r="AG1663" s="9">
        <v>6287.2803002000001</v>
      </c>
      <c r="AH1663" s="13">
        <v>0.50510038222885634</v>
      </c>
      <c r="AI1663" s="9">
        <v>2404.2827985000004</v>
      </c>
      <c r="AJ1663" s="13">
        <v>0.19315254013249319</v>
      </c>
      <c r="AK1663" s="9">
        <v>440.43434630000047</v>
      </c>
      <c r="AL1663" s="13">
        <v>2.9655147164352025E-2</v>
      </c>
      <c r="AM1663" s="9">
        <v>3442.5631553999992</v>
      </c>
      <c r="AN1663" s="13">
        <v>0.22511738016010305</v>
      </c>
      <c r="AO1663" s="9">
        <v>3882.9975016999997</v>
      </c>
      <c r="AP1663" s="13">
        <v>0.26144841636235627</v>
      </c>
      <c r="AQ1663" s="9">
        <v>12447.5857105</v>
      </c>
      <c r="AR1663" s="9">
        <v>12141.0284593</v>
      </c>
      <c r="AS1663" s="9">
        <v>12580.9165651</v>
      </c>
      <c r="AT1663" s="9">
        <v>12340.0226898</v>
      </c>
      <c r="AU1663" s="9">
        <v>12822.867956300001</v>
      </c>
      <c r="AV1663" s="9">
        <v>13622.1246293</v>
      </c>
      <c r="AW1663" s="9">
        <v>14851.868509</v>
      </c>
      <c r="AX1663" s="9">
        <v>14967.859421700001</v>
      </c>
      <c r="AY1663" s="9">
        <v>14884.385598499999</v>
      </c>
      <c r="AZ1663" s="9">
        <v>15292.3028553</v>
      </c>
      <c r="BA1663" s="9">
        <v>15426.677185299999</v>
      </c>
      <c r="BB1663" s="9">
        <v>14189.9520787</v>
      </c>
      <c r="BC1663" s="9">
        <v>15928.394389499999</v>
      </c>
      <c r="BD1663" s="9">
        <v>16177.429998400001</v>
      </c>
      <c r="BE1663" s="9">
        <v>15664.303251200001</v>
      </c>
      <c r="BF1663" s="9">
        <v>18734.8660107</v>
      </c>
      <c r="BG1663" s="11">
        <v>-7</v>
      </c>
      <c r="BH1663" s="13">
        <v>-0.36842105263157893</v>
      </c>
      <c r="BI1663" s="6">
        <v>0</v>
      </c>
      <c r="BJ1663" s="13">
        <v>0</v>
      </c>
      <c r="BK1663" s="6">
        <v>-1</v>
      </c>
      <c r="BL1663" s="13">
        <v>-5.2631578947368418E-2</v>
      </c>
      <c r="BM1663" s="11">
        <v>-6</v>
      </c>
      <c r="BN1663" s="13">
        <v>-0.33333333333333331</v>
      </c>
      <c r="BO1663" s="11">
        <v>-7</v>
      </c>
      <c r="BP1663" s="13">
        <v>-0.36842105263157893</v>
      </c>
      <c r="BQ1663" s="6">
        <v>19</v>
      </c>
      <c r="BR1663" s="6">
        <v>20</v>
      </c>
      <c r="BS1663" s="6">
        <v>20</v>
      </c>
      <c r="BT1663" s="6">
        <v>19</v>
      </c>
      <c r="BU1663" s="6">
        <v>19</v>
      </c>
      <c r="BV1663" s="6">
        <v>22</v>
      </c>
      <c r="BW1663" s="6">
        <v>18</v>
      </c>
      <c r="BX1663" s="6">
        <v>14</v>
      </c>
      <c r="BY1663" s="6">
        <v>14</v>
      </c>
      <c r="BZ1663" s="6">
        <v>15</v>
      </c>
      <c r="CA1663" s="6">
        <v>14</v>
      </c>
      <c r="CB1663" s="6">
        <v>13</v>
      </c>
      <c r="CC1663" s="11">
        <v>12</v>
      </c>
      <c r="CD1663" s="11">
        <v>60.905700000000003</v>
      </c>
      <c r="CE1663" s="11">
        <v>31.248000000000001</v>
      </c>
      <c r="CF1663" s="11">
        <v>15.0207</v>
      </c>
      <c r="CG1663" s="11">
        <v>46</v>
      </c>
      <c r="CH1663" s="20">
        <v>0.93339899999999998</v>
      </c>
      <c r="CI1663" s="20">
        <v>0.98523000000000005</v>
      </c>
      <c r="CJ1663" s="20">
        <v>1.14276</v>
      </c>
      <c r="CK1663" s="20">
        <v>1.2337100000000001</v>
      </c>
      <c r="CL1663" s="20">
        <v>1.1262799999999999</v>
      </c>
      <c r="CM1663" s="20">
        <v>1.00213</v>
      </c>
      <c r="CN1663" s="20">
        <v>0.96496999999999999</v>
      </c>
      <c r="CO1663" s="20">
        <v>0.91684699999999997</v>
      </c>
      <c r="CP1663" s="20">
        <v>1.0230900000000001</v>
      </c>
      <c r="CQ1663" s="20">
        <v>1.0129600000000001</v>
      </c>
      <c r="CR1663" s="20">
        <v>0.92652599999999996</v>
      </c>
      <c r="CS1663" s="20">
        <v>0.98592599999999997</v>
      </c>
      <c r="CT1663" s="20">
        <v>1.3052299999999999</v>
      </c>
      <c r="CU1663" s="20">
        <v>1.3398099999999999</v>
      </c>
      <c r="CV1663" s="20">
        <v>1.2692000000000001</v>
      </c>
      <c r="CW1663" s="20">
        <v>1.3145</v>
      </c>
      <c r="CX1663" s="20">
        <v>1.37226</v>
      </c>
      <c r="CY1663" s="6" t="s">
        <v>631</v>
      </c>
      <c r="CZ1663" s="6" t="s">
        <v>632</v>
      </c>
      <c r="DA1663" s="6" t="s">
        <v>84</v>
      </c>
      <c r="DB1663" s="6" t="s">
        <v>345</v>
      </c>
      <c r="DC1663" s="6"/>
      <c r="DD1663" s="6"/>
      <c r="DE1663" s="6"/>
      <c r="DF1663" s="6"/>
      <c r="DG1663" s="6"/>
      <c r="DH1663" s="6" t="s">
        <v>333</v>
      </c>
      <c r="DI1663" s="6"/>
      <c r="DJ1663" s="6"/>
      <c r="DK1663" s="6"/>
      <c r="DL1663" s="6">
        <v>10</v>
      </c>
      <c r="DM1663" s="6" t="s">
        <v>383</v>
      </c>
      <c r="DN1663" s="6">
        <v>9</v>
      </c>
      <c r="DO1663" s="6" t="s">
        <v>384</v>
      </c>
      <c r="DP1663" s="6"/>
      <c r="DQ1663" s="6"/>
    </row>
    <row r="1664" spans="1:121" x14ac:dyDescent="0.2">
      <c r="A1664" s="6" t="s">
        <v>325</v>
      </c>
      <c r="B1664" s="6" t="s">
        <v>325</v>
      </c>
      <c r="C1664" s="6" t="s">
        <v>193</v>
      </c>
      <c r="D1664" s="6" t="s">
        <v>84</v>
      </c>
      <c r="E1664" s="6" t="s">
        <v>225</v>
      </c>
      <c r="F1664" s="11">
        <v>-5</v>
      </c>
      <c r="G1664" s="13">
        <v>-4.9019607843099999E-2</v>
      </c>
      <c r="H1664" s="11">
        <v>20.362929936</v>
      </c>
      <c r="I1664" s="13">
        <v>0.20021770428362104</v>
      </c>
      <c r="J1664" s="11">
        <v>-9.3524562019999991</v>
      </c>
      <c r="K1664" s="13">
        <v>-7.6617480201132973E-2</v>
      </c>
      <c r="L1664" s="11">
        <v>-15.982059086100008</v>
      </c>
      <c r="M1664" s="13">
        <v>-0.14179250164463889</v>
      </c>
      <c r="N1664" s="11">
        <v>-25.334515288100008</v>
      </c>
      <c r="O1664" s="13">
        <v>-0.20754619765834464</v>
      </c>
      <c r="P1664" s="7">
        <v>101.70394276</v>
      </c>
      <c r="Q1664" s="7">
        <v>124.44255531</v>
      </c>
      <c r="R1664" s="7">
        <v>125.07782276099999</v>
      </c>
      <c r="S1664" s="7">
        <v>107.779153882</v>
      </c>
      <c r="T1664" s="7">
        <v>120.266283636</v>
      </c>
      <c r="U1664" s="7">
        <v>131.886101244</v>
      </c>
      <c r="V1664" s="7">
        <v>122.066872696</v>
      </c>
      <c r="W1664" s="7">
        <v>110.296274466</v>
      </c>
      <c r="X1664" s="7">
        <v>124.347745046</v>
      </c>
      <c r="Y1664" s="7">
        <v>112.71441649400001</v>
      </c>
      <c r="Z1664" s="7">
        <v>110.03880879899999</v>
      </c>
      <c r="AA1664" s="7">
        <v>117.07687971</v>
      </c>
      <c r="AB1664" s="7">
        <v>115.592322966</v>
      </c>
      <c r="AC1664" s="7">
        <v>96.014540632399999</v>
      </c>
      <c r="AD1664" s="7">
        <v>87.458198025399994</v>
      </c>
      <c r="AE1664" s="7">
        <v>98.072497444299998</v>
      </c>
      <c r="AF1664" s="7">
        <v>96.732357407899997</v>
      </c>
      <c r="AG1664" s="9">
        <v>-1270.9587968999986</v>
      </c>
      <c r="AH1664" s="13">
        <v>-6.4109706131752903E-2</v>
      </c>
      <c r="AI1664" s="9">
        <v>-3362.4180797000008</v>
      </c>
      <c r="AJ1664" s="13">
        <v>-0.16960709938626037</v>
      </c>
      <c r="AK1664" s="9">
        <v>-1299.4212919999991</v>
      </c>
      <c r="AL1664" s="13">
        <v>-7.8933010285969468E-2</v>
      </c>
      <c r="AM1664" s="9">
        <v>3390.8805748000013</v>
      </c>
      <c r="AN1664" s="13">
        <v>0.22362994848577319</v>
      </c>
      <c r="AO1664" s="9">
        <v>2091.4592828000023</v>
      </c>
      <c r="AP1664" s="13">
        <v>0.1270451531757254</v>
      </c>
      <c r="AQ1664" s="9">
        <v>19824.748444299999</v>
      </c>
      <c r="AR1664" s="9">
        <v>17002.499069199999</v>
      </c>
      <c r="AS1664" s="9">
        <v>17156.309343100002</v>
      </c>
      <c r="AT1664" s="9">
        <v>17231.686276100001</v>
      </c>
      <c r="AU1664" s="9">
        <v>15896.4256754</v>
      </c>
      <c r="AV1664" s="9">
        <v>16000.5258684</v>
      </c>
      <c r="AW1664" s="9">
        <v>16462.330364599999</v>
      </c>
      <c r="AX1664" s="9">
        <v>14943.4383263</v>
      </c>
      <c r="AY1664" s="9">
        <v>13558.699246599999</v>
      </c>
      <c r="AZ1664" s="9">
        <v>15162.909072599999</v>
      </c>
      <c r="BA1664" s="9">
        <v>14623.1470591</v>
      </c>
      <c r="BB1664" s="9">
        <v>14114.985381500001</v>
      </c>
      <c r="BC1664" s="9">
        <v>13831.003398000001</v>
      </c>
      <c r="BD1664" s="9">
        <v>16027.7956232</v>
      </c>
      <c r="BE1664" s="9">
        <v>17261.313201699999</v>
      </c>
      <c r="BF1664" s="9">
        <v>18553.789647400001</v>
      </c>
      <c r="BG1664" s="11">
        <v>-10.25</v>
      </c>
      <c r="BH1664" s="13">
        <v>-0.44565217391304346</v>
      </c>
      <c r="BI1664" s="6">
        <v>7</v>
      </c>
      <c r="BJ1664" s="13">
        <v>0.30434782608695654</v>
      </c>
      <c r="BK1664" s="6">
        <v>-3</v>
      </c>
      <c r="BL1664" s="13">
        <v>-0.1</v>
      </c>
      <c r="BM1664" s="11">
        <v>-14.25</v>
      </c>
      <c r="BN1664" s="13">
        <v>-0.52777777777777779</v>
      </c>
      <c r="BO1664" s="11">
        <v>-17.25</v>
      </c>
      <c r="BP1664" s="13">
        <v>-0.57499999999999996</v>
      </c>
      <c r="BQ1664" s="6">
        <v>23</v>
      </c>
      <c r="BR1664" s="6">
        <v>26</v>
      </c>
      <c r="BS1664" s="6">
        <v>28</v>
      </c>
      <c r="BT1664" s="6">
        <v>30</v>
      </c>
      <c r="BU1664" s="6">
        <v>30</v>
      </c>
      <c r="BV1664" s="6">
        <v>28</v>
      </c>
      <c r="BW1664" s="6">
        <v>27</v>
      </c>
      <c r="BX1664" s="6">
        <v>26</v>
      </c>
      <c r="BY1664" s="6">
        <v>25</v>
      </c>
      <c r="BZ1664" s="6">
        <v>14</v>
      </c>
      <c r="CA1664" s="6">
        <v>11</v>
      </c>
      <c r="CB1664" s="6">
        <v>10</v>
      </c>
      <c r="CC1664" s="11">
        <v>12.75</v>
      </c>
      <c r="CD1664" s="11">
        <v>-15.1525</v>
      </c>
      <c r="CE1664" s="11">
        <v>-0.93659700000000001</v>
      </c>
      <c r="CF1664" s="11">
        <v>11.1175</v>
      </c>
      <c r="CG1664" s="11">
        <v>10</v>
      </c>
      <c r="CH1664" s="20">
        <v>1.0170699999999999</v>
      </c>
      <c r="CI1664" s="20">
        <v>1.1867700000000001</v>
      </c>
      <c r="CJ1664" s="20">
        <v>1.1699600000000001</v>
      </c>
      <c r="CK1664" s="20">
        <v>1.0304599999999999</v>
      </c>
      <c r="CL1664" s="20">
        <v>1.1260300000000001</v>
      </c>
      <c r="CM1664" s="20">
        <v>1.2184900000000001</v>
      </c>
      <c r="CN1664" s="20">
        <v>1.1269800000000001</v>
      </c>
      <c r="CO1664" s="20">
        <v>1.0406500000000001</v>
      </c>
      <c r="CP1664" s="20">
        <v>1.14652</v>
      </c>
      <c r="CQ1664" s="20">
        <v>1.0916300000000001</v>
      </c>
      <c r="CR1664" s="20">
        <v>1.0945800000000001</v>
      </c>
      <c r="CS1664" s="20">
        <v>1.1511800000000001</v>
      </c>
      <c r="CT1664" s="20">
        <v>1.17414</v>
      </c>
      <c r="CU1664" s="20">
        <v>0.98416000000000003</v>
      </c>
      <c r="CV1664" s="20">
        <v>0.89268499999999995</v>
      </c>
      <c r="CW1664" s="20">
        <v>0.99923799999999996</v>
      </c>
      <c r="CX1664" s="20">
        <v>0.97085100000000002</v>
      </c>
      <c r="CY1664" s="6" t="s">
        <v>631</v>
      </c>
      <c r="CZ1664" s="6" t="s">
        <v>632</v>
      </c>
      <c r="DA1664" s="6" t="s">
        <v>84</v>
      </c>
      <c r="DB1664" s="6" t="s">
        <v>345</v>
      </c>
      <c r="DC1664" s="6"/>
      <c r="DD1664" s="6"/>
      <c r="DE1664" s="6"/>
      <c r="DF1664" s="6"/>
      <c r="DG1664" s="6"/>
      <c r="DH1664" s="6" t="s">
        <v>333</v>
      </c>
      <c r="DI1664" s="6"/>
      <c r="DJ1664" s="6"/>
      <c r="DK1664" s="6"/>
      <c r="DL1664" s="6">
        <v>10</v>
      </c>
      <c r="DM1664" s="6" t="s">
        <v>383</v>
      </c>
      <c r="DN1664" s="6">
        <v>9</v>
      </c>
      <c r="DO1664" s="6" t="s">
        <v>384</v>
      </c>
      <c r="DP1664" s="6"/>
      <c r="DQ1664" s="6"/>
    </row>
    <row r="1665" spans="1:121" x14ac:dyDescent="0.2">
      <c r="A1665" s="6" t="s">
        <v>327</v>
      </c>
      <c r="B1665" s="6" t="s">
        <v>327</v>
      </c>
      <c r="C1665" s="6" t="s">
        <v>194</v>
      </c>
      <c r="D1665" s="6" t="s">
        <v>84</v>
      </c>
      <c r="E1665" s="6" t="s">
        <v>225</v>
      </c>
      <c r="F1665" s="11">
        <v>-79</v>
      </c>
      <c r="G1665" s="13">
        <v>-0.14389799635700001</v>
      </c>
      <c r="H1665" s="11">
        <v>-32.340637999999899</v>
      </c>
      <c r="I1665" s="13">
        <v>-5.8880089294973272E-2</v>
      </c>
      <c r="J1665" s="11">
        <v>1.3303339999999935</v>
      </c>
      <c r="K1665" s="13">
        <v>2.5735677509710125E-3</v>
      </c>
      <c r="L1665" s="11">
        <v>-48.544359641000028</v>
      </c>
      <c r="M1665" s="13">
        <v>-9.3669335911016796E-2</v>
      </c>
      <c r="N1665" s="11">
        <v>-47.214025641000035</v>
      </c>
      <c r="O1665" s="13">
        <v>-9.1336832542201263E-2</v>
      </c>
      <c r="P1665" s="7">
        <v>549.26271999999994</v>
      </c>
      <c r="Q1665" s="7">
        <v>540.72284100000002</v>
      </c>
      <c r="R1665" s="7">
        <v>537.43649200000004</v>
      </c>
      <c r="S1665" s="7">
        <v>531.39171499999998</v>
      </c>
      <c r="T1665" s="7">
        <v>534.396209</v>
      </c>
      <c r="U1665" s="7">
        <v>517.08513000000005</v>
      </c>
      <c r="V1665" s="7">
        <v>516.92208200000005</v>
      </c>
      <c r="W1665" s="7">
        <v>540.01287100000002</v>
      </c>
      <c r="X1665" s="7">
        <v>536.06745000000001</v>
      </c>
      <c r="Y1665" s="7">
        <v>518.25241600000004</v>
      </c>
      <c r="Z1665" s="7">
        <v>491.95446099999998</v>
      </c>
      <c r="AA1665" s="7">
        <v>492.88143200000002</v>
      </c>
      <c r="AB1665" s="7">
        <v>484.26106900000002</v>
      </c>
      <c r="AC1665" s="7">
        <v>495.38162</v>
      </c>
      <c r="AD1665" s="7">
        <v>479.66562499999998</v>
      </c>
      <c r="AE1665" s="7">
        <v>475.06180425000002</v>
      </c>
      <c r="AF1665" s="7">
        <v>469.70805635900001</v>
      </c>
      <c r="AG1665" s="9">
        <v>13591.0433601</v>
      </c>
      <c r="AH1665" s="13">
        <v>0.53468581685721661</v>
      </c>
      <c r="AI1665" s="9">
        <v>7173.0924006999994</v>
      </c>
      <c r="AJ1665" s="13">
        <v>0.28219693426335685</v>
      </c>
      <c r="AK1665" s="9">
        <v>4747.4358575000042</v>
      </c>
      <c r="AL1665" s="13">
        <v>0.14566333118276067</v>
      </c>
      <c r="AM1665" s="9">
        <v>1670.5151018999968</v>
      </c>
      <c r="AN1665" s="13">
        <v>4.4738819977638601E-2</v>
      </c>
      <c r="AO1665" s="9">
        <v>6417.950959400001</v>
      </c>
      <c r="AP1665" s="13">
        <v>0.19691895671152795</v>
      </c>
      <c r="AQ1665" s="9">
        <v>25418.746732399999</v>
      </c>
      <c r="AR1665" s="9">
        <v>26570.158774799998</v>
      </c>
      <c r="AS1665" s="9">
        <v>27531.939872399998</v>
      </c>
      <c r="AT1665" s="9">
        <v>28344.144019399999</v>
      </c>
      <c r="AU1665" s="9">
        <v>29279.9389763</v>
      </c>
      <c r="AV1665" s="9">
        <v>30696.622946</v>
      </c>
      <c r="AW1665" s="9">
        <v>32591.839133099998</v>
      </c>
      <c r="AX1665" s="9">
        <v>33056.543632200002</v>
      </c>
      <c r="AY1665" s="9">
        <v>35273.393029500003</v>
      </c>
      <c r="AZ1665" s="9">
        <v>37339.274990600003</v>
      </c>
      <c r="BA1665" s="9">
        <v>38218.325305099999</v>
      </c>
      <c r="BB1665" s="9">
        <v>36370.832836100002</v>
      </c>
      <c r="BC1665" s="9">
        <v>38592.276286499997</v>
      </c>
      <c r="BD1665" s="9">
        <v>37484.330671999996</v>
      </c>
      <c r="BE1665" s="9">
        <v>37510.019061699997</v>
      </c>
      <c r="BF1665" s="9">
        <v>39009.790092499999</v>
      </c>
      <c r="BG1665" s="11">
        <v>4.5</v>
      </c>
      <c r="BH1665" s="13">
        <v>0.17307692307692307</v>
      </c>
      <c r="BI1665" s="6">
        <v>7</v>
      </c>
      <c r="BJ1665" s="13">
        <v>0.26923076923076922</v>
      </c>
      <c r="BK1665" s="6">
        <v>-1</v>
      </c>
      <c r="BL1665" s="13">
        <v>-3.0303030303030304E-2</v>
      </c>
      <c r="BM1665" s="11">
        <v>-1.5</v>
      </c>
      <c r="BN1665" s="13">
        <v>-4.6875E-2</v>
      </c>
      <c r="BO1665" s="11">
        <v>-2.5</v>
      </c>
      <c r="BP1665" s="13">
        <v>-7.575757575757576E-2</v>
      </c>
      <c r="BQ1665" s="6">
        <v>26</v>
      </c>
      <c r="BR1665" s="6">
        <v>24</v>
      </c>
      <c r="BS1665" s="6">
        <v>24</v>
      </c>
      <c r="BT1665" s="6">
        <v>33</v>
      </c>
      <c r="BU1665" s="6">
        <v>32</v>
      </c>
      <c r="BV1665" s="6">
        <v>32</v>
      </c>
      <c r="BW1665" s="6">
        <v>32</v>
      </c>
      <c r="BX1665" s="6">
        <v>31</v>
      </c>
      <c r="BY1665" s="6">
        <v>31</v>
      </c>
      <c r="BZ1665" s="6">
        <v>31</v>
      </c>
      <c r="CA1665" s="6">
        <v>31</v>
      </c>
      <c r="CB1665" s="6">
        <v>31</v>
      </c>
      <c r="CC1665" s="11">
        <v>30.5</v>
      </c>
      <c r="CD1665" s="11">
        <v>-107.395</v>
      </c>
      <c r="CE1665" s="11">
        <v>-32.200299999999999</v>
      </c>
      <c r="CF1665" s="11">
        <v>60.040999999999997</v>
      </c>
      <c r="CG1665" s="11">
        <v>28</v>
      </c>
      <c r="CH1665" s="20">
        <v>1.6535599999999999</v>
      </c>
      <c r="CI1665" s="20">
        <v>1.5493300000000001</v>
      </c>
      <c r="CJ1665" s="20">
        <v>1.52153</v>
      </c>
      <c r="CK1665" s="20">
        <v>1.54884</v>
      </c>
      <c r="CL1665" s="20">
        <v>1.5288600000000001</v>
      </c>
      <c r="CM1665" s="20">
        <v>1.46939</v>
      </c>
      <c r="CN1665" s="20">
        <v>1.47844</v>
      </c>
      <c r="CO1665" s="20">
        <v>1.56257</v>
      </c>
      <c r="CP1665" s="20">
        <v>1.49888</v>
      </c>
      <c r="CQ1665" s="20">
        <v>1.5133799999999999</v>
      </c>
      <c r="CR1665" s="20">
        <v>1.51014</v>
      </c>
      <c r="CS1665" s="20">
        <v>1.5462899999999999</v>
      </c>
      <c r="CT1665" s="20">
        <v>1.4906999999999999</v>
      </c>
      <c r="CU1665" s="20">
        <v>1.56793</v>
      </c>
      <c r="CV1665" s="20">
        <v>1.5247900000000001</v>
      </c>
      <c r="CW1665" s="20">
        <v>1.5150699999999999</v>
      </c>
      <c r="CX1665" s="20">
        <v>1.4859199999999999</v>
      </c>
      <c r="CY1665" s="6" t="s">
        <v>631</v>
      </c>
      <c r="CZ1665" s="6" t="s">
        <v>632</v>
      </c>
      <c r="DA1665" s="6" t="s">
        <v>84</v>
      </c>
      <c r="DB1665" s="6" t="s">
        <v>345</v>
      </c>
      <c r="DC1665" s="6"/>
      <c r="DD1665" s="6"/>
      <c r="DE1665" s="6"/>
      <c r="DF1665" s="6"/>
      <c r="DG1665" s="6"/>
      <c r="DH1665" s="6" t="s">
        <v>333</v>
      </c>
      <c r="DI1665" s="6"/>
      <c r="DJ1665" s="6"/>
      <c r="DK1665" s="6"/>
      <c r="DL1665" s="6">
        <v>10</v>
      </c>
      <c r="DM1665" s="6" t="s">
        <v>383</v>
      </c>
      <c r="DN1665" s="6">
        <v>9</v>
      </c>
      <c r="DO1665" s="6" t="s">
        <v>384</v>
      </c>
      <c r="DP1665" s="6"/>
      <c r="DQ1665" s="6"/>
    </row>
    <row r="1666" spans="1:121" x14ac:dyDescent="0.2">
      <c r="A1666" s="6" t="s">
        <v>1</v>
      </c>
      <c r="B1666" s="6" t="s">
        <v>1</v>
      </c>
      <c r="C1666" s="6" t="s">
        <v>2</v>
      </c>
      <c r="D1666" s="6" t="s">
        <v>131</v>
      </c>
      <c r="E1666" s="6" t="s">
        <v>272</v>
      </c>
      <c r="F1666" s="11">
        <v>-43</v>
      </c>
      <c r="G1666" s="13">
        <v>-5.4430379746799998E-2</v>
      </c>
      <c r="H1666" s="11">
        <v>-81.101905534000025</v>
      </c>
      <c r="I1666" s="13">
        <v>-0.10263594854973077</v>
      </c>
      <c r="J1666" s="11">
        <v>-8.7402750269999387</v>
      </c>
      <c r="K1666" s="13">
        <v>-1.2326076904639908E-2</v>
      </c>
      <c r="L1666" s="11">
        <v>46.241652412999997</v>
      </c>
      <c r="M1666" s="13">
        <v>6.6026690864353393E-2</v>
      </c>
      <c r="N1666" s="11">
        <v>37.501377386000058</v>
      </c>
      <c r="O1666" s="13">
        <v>5.288676389036058E-2</v>
      </c>
      <c r="P1666" s="7">
        <v>790.19005212100001</v>
      </c>
      <c r="Q1666" s="7">
        <v>783.60863122399996</v>
      </c>
      <c r="R1666" s="7">
        <v>793.59876177199999</v>
      </c>
      <c r="S1666" s="7">
        <v>854.40192116399999</v>
      </c>
      <c r="T1666" s="7">
        <v>805.683594212</v>
      </c>
      <c r="U1666" s="7">
        <v>770.76383815999998</v>
      </c>
      <c r="V1666" s="7">
        <v>709.08814658699998</v>
      </c>
      <c r="W1666" s="7">
        <v>691.53022576499995</v>
      </c>
      <c r="X1666" s="7">
        <v>729.06070960399995</v>
      </c>
      <c r="Y1666" s="7">
        <v>700.34787156000004</v>
      </c>
      <c r="Z1666" s="7">
        <v>717.06706335299998</v>
      </c>
      <c r="AA1666" s="7">
        <v>736.26866780299997</v>
      </c>
      <c r="AB1666" s="7">
        <v>728.82384852600001</v>
      </c>
      <c r="AC1666" s="7">
        <v>760.91371154399997</v>
      </c>
      <c r="AD1666" s="7">
        <v>761.27969517600002</v>
      </c>
      <c r="AE1666" s="7">
        <v>746.15096820799999</v>
      </c>
      <c r="AF1666" s="7">
        <v>746.58952397300004</v>
      </c>
      <c r="AG1666" s="9">
        <v>11330.505873500002</v>
      </c>
      <c r="AH1666" s="13">
        <v>0.58680233099085799</v>
      </c>
      <c r="AI1666" s="9">
        <v>2274.0695488999991</v>
      </c>
      <c r="AJ1666" s="13">
        <v>0.11777314508532548</v>
      </c>
      <c r="AK1666" s="9">
        <v>3600.7434796000016</v>
      </c>
      <c r="AL1666" s="13">
        <v>0.16683264747590845</v>
      </c>
      <c r="AM1666" s="9">
        <v>5455.6928450000014</v>
      </c>
      <c r="AN1666" s="13">
        <v>0.21663578559505631</v>
      </c>
      <c r="AO1666" s="9">
        <v>9056.436324600003</v>
      </c>
      <c r="AP1666" s="13">
        <v>0.41961035471981128</v>
      </c>
      <c r="AQ1666" s="9">
        <v>19308.897179</v>
      </c>
      <c r="AR1666" s="9">
        <v>19138.137721200001</v>
      </c>
      <c r="AS1666" s="9">
        <v>19131.704863999999</v>
      </c>
      <c r="AT1666" s="9">
        <v>20028.559521200001</v>
      </c>
      <c r="AU1666" s="9">
        <v>19920.809707600001</v>
      </c>
      <c r="AV1666" s="9">
        <v>21708.4890796</v>
      </c>
      <c r="AW1666" s="9">
        <v>21582.966727899999</v>
      </c>
      <c r="AX1666" s="9">
        <v>23689.794360299999</v>
      </c>
      <c r="AY1666" s="9">
        <v>24146.002450700002</v>
      </c>
      <c r="AZ1666" s="9">
        <v>25183.7102075</v>
      </c>
      <c r="BA1666" s="9">
        <v>26622.029024799998</v>
      </c>
      <c r="BB1666" s="9">
        <v>29499.600704299999</v>
      </c>
      <c r="BC1666" s="9">
        <v>30028.249400000001</v>
      </c>
      <c r="BD1666" s="9">
        <v>29168.655305200002</v>
      </c>
      <c r="BE1666" s="9">
        <v>30472.014073400002</v>
      </c>
      <c r="BF1666" s="9">
        <v>30639.403052500002</v>
      </c>
      <c r="BG1666" s="11">
        <v>-2.25</v>
      </c>
      <c r="BH1666" s="13">
        <v>-5.4878048780487805E-2</v>
      </c>
      <c r="BI1666" s="6">
        <v>0</v>
      </c>
      <c r="BJ1666" s="13">
        <v>0</v>
      </c>
      <c r="BK1666" s="6">
        <v>-7</v>
      </c>
      <c r="BL1666" s="13">
        <v>-0.17073170731707318</v>
      </c>
      <c r="BM1666" s="11">
        <v>4.75</v>
      </c>
      <c r="BN1666" s="13">
        <v>0.13970588235294118</v>
      </c>
      <c r="BO1666" s="11">
        <v>-2.25</v>
      </c>
      <c r="BP1666" s="13">
        <v>-5.4878048780487805E-2</v>
      </c>
      <c r="BQ1666" s="6">
        <v>41</v>
      </c>
      <c r="BR1666" s="6">
        <v>40</v>
      </c>
      <c r="BS1666" s="6">
        <v>40</v>
      </c>
      <c r="BT1666" s="6">
        <v>41</v>
      </c>
      <c r="BU1666" s="6">
        <v>41</v>
      </c>
      <c r="BV1666" s="6">
        <v>37</v>
      </c>
      <c r="BW1666" s="6">
        <v>34</v>
      </c>
      <c r="BX1666" s="6">
        <v>35</v>
      </c>
      <c r="BY1666" s="6">
        <v>38</v>
      </c>
      <c r="BZ1666" s="6">
        <v>40</v>
      </c>
      <c r="CA1666" s="6">
        <v>40</v>
      </c>
      <c r="CB1666" s="6">
        <v>41</v>
      </c>
      <c r="CC1666" s="11">
        <v>38.75</v>
      </c>
      <c r="CD1666" s="11">
        <v>-57.933300000000003</v>
      </c>
      <c r="CE1666" s="11">
        <v>-72.044499999999999</v>
      </c>
      <c r="CF1666" s="11">
        <v>86.377300000000005</v>
      </c>
      <c r="CG1666" s="11">
        <v>14</v>
      </c>
      <c r="CH1666" s="20">
        <v>8.3083799999999997</v>
      </c>
      <c r="CI1666" s="20">
        <v>8.1806099999999997</v>
      </c>
      <c r="CJ1666" s="20">
        <v>8.5205900000000003</v>
      </c>
      <c r="CK1666" s="20">
        <v>9.2888500000000001</v>
      </c>
      <c r="CL1666" s="20">
        <v>8.6092399999999998</v>
      </c>
      <c r="CM1666" s="20">
        <v>8.2621800000000007</v>
      </c>
      <c r="CN1666" s="20">
        <v>7.7996299999999996</v>
      </c>
      <c r="CO1666" s="20">
        <v>7.8561899999999998</v>
      </c>
      <c r="CP1666" s="20">
        <v>7.9259700000000004</v>
      </c>
      <c r="CQ1666" s="20">
        <v>7.4067299999999996</v>
      </c>
      <c r="CR1666" s="20">
        <v>7.65015</v>
      </c>
      <c r="CS1666" s="20">
        <v>7.7125899999999996</v>
      </c>
      <c r="CT1666" s="20">
        <v>8.2463800000000003</v>
      </c>
      <c r="CU1666" s="20">
        <v>8.6227099999999997</v>
      </c>
      <c r="CV1666" s="20">
        <v>8.7588799999999996</v>
      </c>
      <c r="CW1666" s="20">
        <v>8.7061700000000002</v>
      </c>
      <c r="CX1666" s="20">
        <v>8.7763799999999996</v>
      </c>
      <c r="CY1666" s="6" t="s">
        <v>633</v>
      </c>
      <c r="CZ1666" s="6" t="s">
        <v>634</v>
      </c>
      <c r="DA1666" s="6" t="s">
        <v>131</v>
      </c>
      <c r="DB1666" s="6" t="s">
        <v>345</v>
      </c>
      <c r="DC1666" s="6"/>
      <c r="DD1666" s="6"/>
      <c r="DE1666" s="6"/>
      <c r="DF1666" s="6"/>
      <c r="DG1666" s="6"/>
      <c r="DH1666" s="6" t="s">
        <v>333</v>
      </c>
      <c r="DI1666" s="6"/>
      <c r="DJ1666" s="6"/>
      <c r="DK1666" s="6"/>
      <c r="DL1666" s="6">
        <v>9</v>
      </c>
      <c r="DM1666" s="6" t="s">
        <v>440</v>
      </c>
      <c r="DN1666" s="6">
        <v>7</v>
      </c>
      <c r="DO1666" s="6" t="s">
        <v>369</v>
      </c>
      <c r="DP1666" s="6"/>
      <c r="DQ1666" s="6"/>
    </row>
    <row r="1667" spans="1:121" x14ac:dyDescent="0.2">
      <c r="A1667" s="6" t="s">
        <v>310</v>
      </c>
      <c r="B1667" s="6" t="s">
        <v>310</v>
      </c>
      <c r="C1667" s="6" t="s">
        <v>173</v>
      </c>
      <c r="D1667" s="6" t="s">
        <v>131</v>
      </c>
      <c r="E1667" s="6" t="s">
        <v>272</v>
      </c>
      <c r="F1667" s="11">
        <v>1</v>
      </c>
      <c r="G1667" s="13">
        <v>1</v>
      </c>
      <c r="H1667" s="11">
        <v>0</v>
      </c>
      <c r="I1667" s="13">
        <v>0</v>
      </c>
      <c r="J1667" s="11">
        <v>0</v>
      </c>
      <c r="K1667" s="13">
        <v>0</v>
      </c>
      <c r="L1667" s="11">
        <v>0</v>
      </c>
      <c r="M1667" s="13">
        <v>0</v>
      </c>
      <c r="N1667" s="11">
        <v>0</v>
      </c>
      <c r="O1667" s="13">
        <v>0</v>
      </c>
      <c r="P1667" s="7">
        <v>5</v>
      </c>
      <c r="Q1667" s="7">
        <v>5</v>
      </c>
      <c r="R1667" s="7">
        <v>5</v>
      </c>
      <c r="S1667" s="7">
        <v>5</v>
      </c>
      <c r="T1667" s="7">
        <v>5</v>
      </c>
      <c r="U1667" s="7">
        <v>5</v>
      </c>
      <c r="V1667" s="7">
        <v>5</v>
      </c>
      <c r="W1667" s="7">
        <v>5</v>
      </c>
      <c r="X1667" s="7">
        <v>5</v>
      </c>
      <c r="Y1667" s="7">
        <v>5</v>
      </c>
      <c r="Z1667" s="7">
        <v>5</v>
      </c>
      <c r="AA1667" s="7">
        <v>5</v>
      </c>
      <c r="AB1667" s="7">
        <v>5</v>
      </c>
      <c r="AC1667" s="7">
        <v>5</v>
      </c>
      <c r="AD1667" s="7">
        <v>5</v>
      </c>
      <c r="AE1667" s="7">
        <v>5</v>
      </c>
      <c r="AF1667" s="7">
        <v>5</v>
      </c>
      <c r="AG1667" s="9">
        <v>0</v>
      </c>
      <c r="AH1667" s="13">
        <v>0</v>
      </c>
      <c r="AI1667" s="9">
        <v>0</v>
      </c>
      <c r="AJ1667" s="13">
        <v>0</v>
      </c>
      <c r="AK1667" s="9">
        <v>0</v>
      </c>
      <c r="AL1667" s="13">
        <v>0</v>
      </c>
      <c r="AM1667" s="9">
        <v>0</v>
      </c>
      <c r="AN1667" s="13">
        <v>0</v>
      </c>
      <c r="AO1667" s="9">
        <v>0</v>
      </c>
      <c r="AP1667" s="13">
        <v>0</v>
      </c>
      <c r="AQ1667" s="9">
        <v>1</v>
      </c>
      <c r="AR1667" s="9">
        <v>1</v>
      </c>
      <c r="AS1667" s="9">
        <v>1</v>
      </c>
      <c r="AT1667" s="9">
        <v>1</v>
      </c>
      <c r="AU1667" s="9">
        <v>1</v>
      </c>
      <c r="AV1667" s="9">
        <v>1</v>
      </c>
      <c r="AW1667" s="9">
        <v>1</v>
      </c>
      <c r="AX1667" s="9">
        <v>1</v>
      </c>
      <c r="AY1667" s="9">
        <v>1</v>
      </c>
      <c r="AZ1667" s="9">
        <v>1</v>
      </c>
      <c r="BA1667" s="9">
        <v>1</v>
      </c>
      <c r="BB1667" s="9">
        <v>1</v>
      </c>
      <c r="BC1667" s="9">
        <v>1</v>
      </c>
      <c r="BD1667" s="9">
        <v>1</v>
      </c>
      <c r="BE1667" s="9">
        <v>1</v>
      </c>
      <c r="BF1667" s="9">
        <v>1</v>
      </c>
      <c r="BG1667" s="11">
        <v>0</v>
      </c>
      <c r="BH1667" s="13">
        <v>0</v>
      </c>
      <c r="BI1667" s="6">
        <v>0</v>
      </c>
      <c r="BJ1667" s="13">
        <v>0</v>
      </c>
      <c r="BK1667" s="6">
        <v>0</v>
      </c>
      <c r="BL1667" s="13">
        <v>0</v>
      </c>
      <c r="BM1667" s="11">
        <v>0</v>
      </c>
      <c r="BN1667" s="13">
        <v>0</v>
      </c>
      <c r="BO1667" s="11">
        <v>0</v>
      </c>
      <c r="BP1667" s="13">
        <v>0</v>
      </c>
      <c r="BQ1667" s="6">
        <v>1</v>
      </c>
      <c r="BR1667" s="6">
        <v>1</v>
      </c>
      <c r="BS1667" s="6">
        <v>1</v>
      </c>
      <c r="BT1667" s="6">
        <v>1</v>
      </c>
      <c r="BU1667" s="6">
        <v>1</v>
      </c>
      <c r="BV1667" s="6">
        <v>1</v>
      </c>
      <c r="BW1667" s="6">
        <v>1</v>
      </c>
      <c r="BX1667" s="6">
        <v>1</v>
      </c>
      <c r="BY1667" s="6">
        <v>1</v>
      </c>
      <c r="BZ1667" s="6">
        <v>1</v>
      </c>
      <c r="CA1667" s="6">
        <v>1</v>
      </c>
      <c r="CB1667" s="6">
        <v>1</v>
      </c>
      <c r="CC1667" s="11">
        <v>1</v>
      </c>
      <c r="CD1667" s="11">
        <v>0.98215600000000003</v>
      </c>
      <c r="CE1667" s="11">
        <v>0.34197300000000003</v>
      </c>
      <c r="CF1667" s="11">
        <v>0.36031299999999999</v>
      </c>
      <c r="CG1667" s="11">
        <v>0</v>
      </c>
      <c r="CH1667" s="20">
        <v>0.122153</v>
      </c>
      <c r="CI1667" s="20">
        <v>1.82176E-2</v>
      </c>
      <c r="CJ1667" s="20">
        <v>0.147124</v>
      </c>
      <c r="CK1667" s="20">
        <v>0.15627199999999999</v>
      </c>
      <c r="CL1667" s="20">
        <v>0.16365499999999999</v>
      </c>
      <c r="CM1667" s="20">
        <v>0.22569900000000001</v>
      </c>
      <c r="CN1667" s="20">
        <v>0.15671499999999999</v>
      </c>
      <c r="CO1667" s="20">
        <v>4.4020799999999999E-2</v>
      </c>
      <c r="CP1667" s="20">
        <v>9.7278100000000006E-2</v>
      </c>
      <c r="CQ1667" s="20">
        <v>7.1881100000000003E-2</v>
      </c>
      <c r="CR1667" s="20">
        <v>3.7375899999999997E-2</v>
      </c>
      <c r="CS1667" s="20">
        <v>1.6945399999999999E-2</v>
      </c>
      <c r="CT1667" s="20">
        <v>2.4865100000000001E-2</v>
      </c>
      <c r="CU1667" s="20">
        <v>0.109317</v>
      </c>
      <c r="CV1667" s="20">
        <v>0.14511499999999999</v>
      </c>
      <c r="CW1667" s="20">
        <v>0.14451</v>
      </c>
      <c r="CX1667" s="20">
        <v>0.17320099999999999</v>
      </c>
      <c r="CY1667" s="6" t="s">
        <v>633</v>
      </c>
      <c r="CZ1667" s="6" t="s">
        <v>634</v>
      </c>
      <c r="DA1667" s="6" t="s">
        <v>131</v>
      </c>
      <c r="DB1667" s="6" t="s">
        <v>345</v>
      </c>
      <c r="DC1667" s="6"/>
      <c r="DD1667" s="6"/>
      <c r="DE1667" s="6"/>
      <c r="DF1667" s="6"/>
      <c r="DG1667" s="6"/>
      <c r="DH1667" s="6" t="s">
        <v>333</v>
      </c>
      <c r="DI1667" s="6"/>
      <c r="DJ1667" s="6"/>
      <c r="DK1667" s="6"/>
      <c r="DL1667" s="6">
        <v>9</v>
      </c>
      <c r="DM1667" s="6" t="s">
        <v>440</v>
      </c>
      <c r="DN1667" s="6">
        <v>7</v>
      </c>
      <c r="DO1667" s="6" t="s">
        <v>369</v>
      </c>
      <c r="DP1667" s="6"/>
      <c r="DQ1667" s="6"/>
    </row>
    <row r="1668" spans="1:121" x14ac:dyDescent="0.2">
      <c r="A1668" s="6" t="s">
        <v>311</v>
      </c>
      <c r="B1668" s="6" t="s">
        <v>311</v>
      </c>
      <c r="C1668" s="6" t="s">
        <v>174</v>
      </c>
      <c r="D1668" s="6" t="s">
        <v>131</v>
      </c>
      <c r="E1668" s="6" t="s">
        <v>272</v>
      </c>
      <c r="F1668" s="11">
        <v>-7</v>
      </c>
      <c r="G1668" s="13">
        <v>-0.111111111111</v>
      </c>
      <c r="H1668" s="11">
        <v>-7.6612459999999984</v>
      </c>
      <c r="I1668" s="13">
        <v>-0.1220590290757385</v>
      </c>
      <c r="J1668" s="11">
        <v>-0.2514630000000011</v>
      </c>
      <c r="K1668" s="13">
        <v>-4.5633027116376264E-3</v>
      </c>
      <c r="L1668" s="11">
        <v>0.93696244250000404</v>
      </c>
      <c r="M1668" s="13">
        <v>1.7081016897211983E-2</v>
      </c>
      <c r="N1668" s="11">
        <v>0.68549944250000294</v>
      </c>
      <c r="O1668" s="13">
        <v>1.2439768334849782E-2</v>
      </c>
      <c r="P1668" s="7">
        <v>62.766728999999998</v>
      </c>
      <c r="Q1668" s="7">
        <v>58.592965999999997</v>
      </c>
      <c r="R1668" s="7">
        <v>54.099477</v>
      </c>
      <c r="S1668" s="7">
        <v>60.967899000000003</v>
      </c>
      <c r="T1668" s="7">
        <v>60.783755999999997</v>
      </c>
      <c r="U1668" s="7">
        <v>55.751894999999998</v>
      </c>
      <c r="V1668" s="7">
        <v>55.105483</v>
      </c>
      <c r="W1668" s="7">
        <v>54.473329</v>
      </c>
      <c r="X1668" s="7">
        <v>55.041924000000002</v>
      </c>
      <c r="Y1668" s="7">
        <v>54.854019999999998</v>
      </c>
      <c r="Z1668" s="7">
        <v>51.90681</v>
      </c>
      <c r="AA1668" s="7">
        <v>50.765324999999997</v>
      </c>
      <c r="AB1668" s="7">
        <v>55.066460999999997</v>
      </c>
      <c r="AC1668" s="7">
        <v>54.044336999999999</v>
      </c>
      <c r="AD1668" s="7">
        <v>54.841486000000003</v>
      </c>
      <c r="AE1668" s="7">
        <v>55.378679750000003</v>
      </c>
      <c r="AF1668" s="7">
        <v>55.790982442500002</v>
      </c>
      <c r="AG1668" s="9">
        <v>16967.201427699998</v>
      </c>
      <c r="AH1668" s="13">
        <v>0.2723981382288565</v>
      </c>
      <c r="AI1668" s="9">
        <v>8476.9813492999965</v>
      </c>
      <c r="AJ1668" s="13">
        <v>0.13609279922735454</v>
      </c>
      <c r="AK1668" s="9">
        <v>10809.027429599999</v>
      </c>
      <c r="AL1668" s="13">
        <v>0.1527449044139477</v>
      </c>
      <c r="AM1668" s="9">
        <v>-2318.8073511999974</v>
      </c>
      <c r="AN1668" s="13">
        <v>-2.8425726262073913E-2</v>
      </c>
      <c r="AO1668" s="9">
        <v>8490.2200784000015</v>
      </c>
      <c r="AP1668" s="13">
        <v>0.11997729331107626</v>
      </c>
      <c r="AQ1668" s="9">
        <v>62288.2430035</v>
      </c>
      <c r="AR1668" s="9">
        <v>72264.291832300005</v>
      </c>
      <c r="AS1668" s="9">
        <v>68509.784428500003</v>
      </c>
      <c r="AT1668" s="9">
        <v>60770.6610249</v>
      </c>
      <c r="AU1668" s="9">
        <v>61821.464101400001</v>
      </c>
      <c r="AV1668" s="9">
        <v>73574.336922899995</v>
      </c>
      <c r="AW1668" s="9">
        <v>70765.224352799996</v>
      </c>
      <c r="AX1668" s="9">
        <v>77145.245492700007</v>
      </c>
      <c r="AY1668" s="9">
        <v>95884.300474999996</v>
      </c>
      <c r="AZ1668" s="9">
        <v>81574.251782399995</v>
      </c>
      <c r="BA1668" s="9">
        <v>85688.901098200004</v>
      </c>
      <c r="BB1668" s="9">
        <v>84420.243580499999</v>
      </c>
      <c r="BC1668" s="9">
        <v>86812.656359800007</v>
      </c>
      <c r="BD1668" s="9">
        <v>79382.647136300002</v>
      </c>
      <c r="BE1668" s="9">
        <v>78166.250219099995</v>
      </c>
      <c r="BF1668" s="9">
        <v>79255.444431199998</v>
      </c>
      <c r="BG1668" s="11">
        <v>0</v>
      </c>
      <c r="BH1668" s="13">
        <v>0</v>
      </c>
      <c r="BI1668" s="6">
        <v>0</v>
      </c>
      <c r="BJ1668" s="13">
        <v>0</v>
      </c>
      <c r="BK1668" s="6">
        <v>0</v>
      </c>
      <c r="BL1668" s="13">
        <v>0</v>
      </c>
      <c r="BM1668" s="11">
        <v>0</v>
      </c>
      <c r="BN1668" s="13">
        <v>0</v>
      </c>
      <c r="BO1668" s="11">
        <v>0</v>
      </c>
      <c r="BP1668" s="13">
        <v>0</v>
      </c>
      <c r="BQ1668" s="6">
        <v>3</v>
      </c>
      <c r="BR1668" s="6">
        <v>3</v>
      </c>
      <c r="BS1668" s="6">
        <v>3</v>
      </c>
      <c r="BT1668" s="6">
        <v>3</v>
      </c>
      <c r="BU1668" s="6">
        <v>3</v>
      </c>
      <c r="BV1668" s="6">
        <v>3</v>
      </c>
      <c r="BW1668" s="6">
        <v>3</v>
      </c>
      <c r="BX1668" s="6">
        <v>3</v>
      </c>
      <c r="BY1668" s="6">
        <v>3</v>
      </c>
      <c r="BZ1668" s="6">
        <v>3</v>
      </c>
      <c r="CA1668" s="6">
        <v>3</v>
      </c>
      <c r="CB1668" s="6">
        <v>3</v>
      </c>
      <c r="CC1668" s="11">
        <v>3</v>
      </c>
      <c r="CD1668" s="11">
        <v>-3.6157300000000001</v>
      </c>
      <c r="CE1668" s="11">
        <v>-10.2212</v>
      </c>
      <c r="CF1668" s="11">
        <v>6.8611599999999999</v>
      </c>
      <c r="CG1668" s="11">
        <v>-3</v>
      </c>
      <c r="CH1668" s="20">
        <v>2.1230099999999998</v>
      </c>
      <c r="CI1668" s="20">
        <v>1.97431</v>
      </c>
      <c r="CJ1668" s="20">
        <v>1.9358500000000001</v>
      </c>
      <c r="CK1668" s="20">
        <v>2.26918</v>
      </c>
      <c r="CL1668" s="20">
        <v>2.2917900000000002</v>
      </c>
      <c r="CM1668" s="20">
        <v>2.11978</v>
      </c>
      <c r="CN1668" s="20">
        <v>2.1209500000000001</v>
      </c>
      <c r="CO1668" s="20">
        <v>2.07382</v>
      </c>
      <c r="CP1668" s="20">
        <v>1.9777</v>
      </c>
      <c r="CQ1668" s="20">
        <v>1.9374800000000001</v>
      </c>
      <c r="CR1668" s="20">
        <v>1.8653500000000001</v>
      </c>
      <c r="CS1668" s="20">
        <v>1.8147899999999999</v>
      </c>
      <c r="CT1668" s="20">
        <v>2.1526299999999998</v>
      </c>
      <c r="CU1668" s="20">
        <v>2.1317599999999999</v>
      </c>
      <c r="CV1668" s="20">
        <v>2.1995399999999998</v>
      </c>
      <c r="CW1668" s="20">
        <v>2.2496100000000001</v>
      </c>
      <c r="CX1668" s="20">
        <v>2.26953</v>
      </c>
      <c r="CY1668" s="6" t="s">
        <v>633</v>
      </c>
      <c r="CZ1668" s="6" t="s">
        <v>634</v>
      </c>
      <c r="DA1668" s="6" t="s">
        <v>131</v>
      </c>
      <c r="DB1668" s="6" t="s">
        <v>345</v>
      </c>
      <c r="DC1668" s="6"/>
      <c r="DD1668" s="6"/>
      <c r="DE1668" s="6"/>
      <c r="DF1668" s="6"/>
      <c r="DG1668" s="6"/>
      <c r="DH1668" s="6" t="s">
        <v>333</v>
      </c>
      <c r="DI1668" s="6"/>
      <c r="DJ1668" s="6"/>
      <c r="DK1668" s="6"/>
      <c r="DL1668" s="6">
        <v>9</v>
      </c>
      <c r="DM1668" s="6" t="s">
        <v>440</v>
      </c>
      <c r="DN1668" s="6">
        <v>7</v>
      </c>
      <c r="DO1668" s="6" t="s">
        <v>369</v>
      </c>
      <c r="DP1668" s="6"/>
      <c r="DQ1668" s="6"/>
    </row>
    <row r="1669" spans="1:121" x14ac:dyDescent="0.2">
      <c r="A1669" s="6" t="s">
        <v>312</v>
      </c>
      <c r="B1669" s="6" t="s">
        <v>312</v>
      </c>
      <c r="C1669" s="6" t="s">
        <v>175</v>
      </c>
      <c r="D1669" s="6" t="s">
        <v>131</v>
      </c>
      <c r="E1669" s="6" t="s">
        <v>272</v>
      </c>
      <c r="F1669" s="11">
        <v>-33</v>
      </c>
      <c r="G1669" s="13">
        <v>-0.2</v>
      </c>
      <c r="H1669" s="11">
        <v>-38.247674919000005</v>
      </c>
      <c r="I1669" s="13">
        <v>-0.2320537825510828</v>
      </c>
      <c r="J1669" s="11">
        <v>19.722126802000005</v>
      </c>
      <c r="K1669" s="13">
        <v>0.15581402757337365</v>
      </c>
      <c r="L1669" s="11">
        <v>-13.844148251999997</v>
      </c>
      <c r="M1669" s="13">
        <v>-9.4630489639673465E-2</v>
      </c>
      <c r="N1669" s="11">
        <v>5.8779785500000088</v>
      </c>
      <c r="O1669" s="13">
        <v>4.6438780211702238E-2</v>
      </c>
      <c r="P1669" s="7">
        <v>164.822458391</v>
      </c>
      <c r="Q1669" s="7">
        <v>148.961846291</v>
      </c>
      <c r="R1669" s="7">
        <v>151.701170244</v>
      </c>
      <c r="S1669" s="7">
        <v>150.65579206999999</v>
      </c>
      <c r="T1669" s="7">
        <v>138.39418891899999</v>
      </c>
      <c r="U1669" s="7">
        <v>172.81558581300001</v>
      </c>
      <c r="V1669" s="7">
        <v>126.57478347199999</v>
      </c>
      <c r="W1669" s="7">
        <v>122.276151453</v>
      </c>
      <c r="X1669" s="7">
        <v>122.18964681</v>
      </c>
      <c r="Y1669" s="7">
        <v>146.296910274</v>
      </c>
      <c r="Z1669" s="7">
        <v>136.104606131</v>
      </c>
      <c r="AA1669" s="7">
        <v>104.54534899399999</v>
      </c>
      <c r="AB1669" s="7">
        <v>140.836159877</v>
      </c>
      <c r="AC1669" s="7">
        <v>131.531341524</v>
      </c>
      <c r="AD1669" s="7">
        <v>129.86861531599999</v>
      </c>
      <c r="AE1669" s="7">
        <v>128.463183759</v>
      </c>
      <c r="AF1669" s="7">
        <v>132.452762022</v>
      </c>
      <c r="AG1669" s="9">
        <v>14777.935239399998</v>
      </c>
      <c r="AH1669" s="13">
        <v>0.56403314995939713</v>
      </c>
      <c r="AI1669" s="9">
        <v>-925.46811099999832</v>
      </c>
      <c r="AJ1669" s="13">
        <v>-3.5322572834301826E-2</v>
      </c>
      <c r="AK1669" s="9">
        <v>2455.376428399999</v>
      </c>
      <c r="AL1669" s="13">
        <v>9.71464279624316E-2</v>
      </c>
      <c r="AM1669" s="9">
        <v>13248.026921999997</v>
      </c>
      <c r="AN1669" s="13">
        <v>0.47774413325829101</v>
      </c>
      <c r="AO1669" s="9">
        <v>15703.403350399996</v>
      </c>
      <c r="AP1669" s="13">
        <v>0.62130169724677353</v>
      </c>
      <c r="AQ1669" s="9">
        <v>26200.4728631</v>
      </c>
      <c r="AR1669" s="9">
        <v>27390.409653999999</v>
      </c>
      <c r="AS1669" s="9">
        <v>25333.1791103</v>
      </c>
      <c r="AT1669" s="9">
        <v>26854.9503544</v>
      </c>
      <c r="AU1669" s="9">
        <v>27054.009482900001</v>
      </c>
      <c r="AV1669" s="9">
        <v>30205.268305900001</v>
      </c>
      <c r="AW1669" s="9">
        <v>25275.004752100001</v>
      </c>
      <c r="AX1669" s="9">
        <v>26667.227714100001</v>
      </c>
      <c r="AY1669" s="9">
        <v>23671.6268026</v>
      </c>
      <c r="AZ1669" s="9">
        <v>27730.3811805</v>
      </c>
      <c r="BA1669" s="9">
        <v>25519.924281</v>
      </c>
      <c r="BB1669" s="9">
        <v>28940.726757100001</v>
      </c>
      <c r="BC1669" s="9">
        <v>31851.287032299999</v>
      </c>
      <c r="BD1669" s="9">
        <v>36614.154393299999</v>
      </c>
      <c r="BE1669" s="9">
        <v>36910.370637100001</v>
      </c>
      <c r="BF1669" s="9">
        <v>40978.408102499998</v>
      </c>
      <c r="BG1669" s="11">
        <v>-6</v>
      </c>
      <c r="BH1669" s="13">
        <v>-0.5</v>
      </c>
      <c r="BI1669" s="6">
        <v>0</v>
      </c>
      <c r="BJ1669" s="13">
        <v>0</v>
      </c>
      <c r="BK1669" s="6">
        <v>-1</v>
      </c>
      <c r="BL1669" s="13">
        <v>-8.3333333333333329E-2</v>
      </c>
      <c r="BM1669" s="11">
        <v>-5</v>
      </c>
      <c r="BN1669" s="13">
        <v>-0.45454545454545453</v>
      </c>
      <c r="BO1669" s="11">
        <v>-6</v>
      </c>
      <c r="BP1669" s="13">
        <v>-0.5</v>
      </c>
      <c r="BQ1669" s="6">
        <v>12</v>
      </c>
      <c r="BR1669" s="6">
        <v>13</v>
      </c>
      <c r="BS1669" s="6">
        <v>14</v>
      </c>
      <c r="BT1669" s="6">
        <v>12</v>
      </c>
      <c r="BU1669" s="6">
        <v>10</v>
      </c>
      <c r="BV1669" s="6">
        <v>9</v>
      </c>
      <c r="BW1669" s="6">
        <v>11</v>
      </c>
      <c r="BX1669" s="6">
        <v>12</v>
      </c>
      <c r="BY1669" s="6">
        <v>12</v>
      </c>
      <c r="BZ1669" s="6">
        <v>10</v>
      </c>
      <c r="CA1669" s="6">
        <v>8</v>
      </c>
      <c r="CB1669" s="6">
        <v>7</v>
      </c>
      <c r="CC1669" s="11">
        <v>6</v>
      </c>
      <c r="CD1669" s="11">
        <v>-30.422599999999999</v>
      </c>
      <c r="CE1669" s="11">
        <v>-19.964200000000002</v>
      </c>
      <c r="CF1669" s="11">
        <v>18.017099999999999</v>
      </c>
      <c r="CG1669" s="11">
        <v>-2</v>
      </c>
      <c r="CH1669" s="20">
        <v>0.38436100000000001</v>
      </c>
      <c r="CI1669" s="20">
        <v>0.343663</v>
      </c>
      <c r="CJ1669" s="20">
        <v>0.35517500000000002</v>
      </c>
      <c r="CK1669" s="20">
        <v>0.34399099999999999</v>
      </c>
      <c r="CL1669" s="20">
        <v>0.29843999999999998</v>
      </c>
      <c r="CM1669" s="20">
        <v>0.35790899999999998</v>
      </c>
      <c r="CN1669" s="20">
        <v>0.26893800000000001</v>
      </c>
      <c r="CO1669" s="20">
        <v>0.27579199999999998</v>
      </c>
      <c r="CP1669" s="20">
        <v>0.30003200000000002</v>
      </c>
      <c r="CQ1669" s="20">
        <v>0.37778899999999999</v>
      </c>
      <c r="CR1669" s="20">
        <v>0.36136099999999999</v>
      </c>
      <c r="CS1669" s="20">
        <v>0.27351900000000001</v>
      </c>
      <c r="CT1669" s="20">
        <v>0.39316499999999999</v>
      </c>
      <c r="CU1669" s="20">
        <v>0.359261</v>
      </c>
      <c r="CV1669" s="20">
        <v>0.35069099999999997</v>
      </c>
      <c r="CW1669" s="20">
        <v>0.34410400000000002</v>
      </c>
      <c r="CX1669" s="20">
        <v>0.355796</v>
      </c>
      <c r="CY1669" s="6" t="s">
        <v>633</v>
      </c>
      <c r="CZ1669" s="6" t="s">
        <v>634</v>
      </c>
      <c r="DA1669" s="6" t="s">
        <v>131</v>
      </c>
      <c r="DB1669" s="6" t="s">
        <v>345</v>
      </c>
      <c r="DC1669" s="6"/>
      <c r="DD1669" s="6"/>
      <c r="DE1669" s="6"/>
      <c r="DF1669" s="6"/>
      <c r="DG1669" s="6"/>
      <c r="DH1669" s="6" t="s">
        <v>333</v>
      </c>
      <c r="DI1669" s="6"/>
      <c r="DJ1669" s="6"/>
      <c r="DK1669" s="6"/>
      <c r="DL1669" s="6">
        <v>9</v>
      </c>
      <c r="DM1669" s="6" t="s">
        <v>440</v>
      </c>
      <c r="DN1669" s="6">
        <v>7</v>
      </c>
      <c r="DO1669" s="6" t="s">
        <v>369</v>
      </c>
      <c r="DP1669" s="6"/>
      <c r="DQ1669" s="6"/>
    </row>
    <row r="1670" spans="1:121" x14ac:dyDescent="0.2">
      <c r="A1670" s="6" t="s">
        <v>792</v>
      </c>
      <c r="B1670" s="6" t="s">
        <v>176</v>
      </c>
      <c r="C1670" s="6" t="s">
        <v>177</v>
      </c>
      <c r="D1670" s="6" t="s">
        <v>131</v>
      </c>
      <c r="E1670" s="6" t="s">
        <v>272</v>
      </c>
      <c r="F1670" s="11">
        <v>-188</v>
      </c>
      <c r="G1670" s="13">
        <v>-0.20042643923199999</v>
      </c>
      <c r="H1670" s="11">
        <v>-55.993051081999965</v>
      </c>
      <c r="I1670" s="13">
        <v>-5.9690274898605955E-2</v>
      </c>
      <c r="J1670" s="11">
        <v>-96.389083568000046</v>
      </c>
      <c r="K1670" s="13">
        <v>-0.10927639753279532</v>
      </c>
      <c r="L1670" s="11">
        <v>-36.11002986699998</v>
      </c>
      <c r="M1670" s="13">
        <v>-4.596035826538538E-2</v>
      </c>
      <c r="N1670" s="11">
        <v>-132.49911343500003</v>
      </c>
      <c r="O1670" s="13">
        <v>-0.15021437341762275</v>
      </c>
      <c r="P1670" s="7">
        <v>938.059862802</v>
      </c>
      <c r="Q1670" s="7">
        <v>922.16798893500004</v>
      </c>
      <c r="R1670" s="7">
        <v>810.90553013600004</v>
      </c>
      <c r="S1670" s="7">
        <v>769.78632927900003</v>
      </c>
      <c r="T1670" s="7">
        <v>753.64373706100002</v>
      </c>
      <c r="U1670" s="7">
        <v>827.10347876599997</v>
      </c>
      <c r="V1670" s="7">
        <v>882.06681172000003</v>
      </c>
      <c r="W1670" s="7">
        <v>824.88495473199998</v>
      </c>
      <c r="X1670" s="7">
        <v>720.07730848899996</v>
      </c>
      <c r="Y1670" s="7">
        <v>785.67772815199999</v>
      </c>
      <c r="Z1670" s="7">
        <v>786.21039139300001</v>
      </c>
      <c r="AA1670" s="7">
        <v>848.69484263499999</v>
      </c>
      <c r="AB1670" s="7">
        <v>698.47877300000005</v>
      </c>
      <c r="AC1670" s="7">
        <v>747.94858604199999</v>
      </c>
      <c r="AD1670" s="7">
        <v>753.492021722</v>
      </c>
      <c r="AE1670" s="7">
        <v>758.24031773199999</v>
      </c>
      <c r="AF1670" s="7">
        <v>749.56769828500001</v>
      </c>
      <c r="AG1670" s="9">
        <v>28335.772137100001</v>
      </c>
      <c r="AH1670" s="13">
        <v>0.83289366355469052</v>
      </c>
      <c r="AI1670" s="9">
        <v>13365.666889100001</v>
      </c>
      <c r="AJ1670" s="13">
        <v>0.39286662834709807</v>
      </c>
      <c r="AK1670" s="9">
        <v>7667.4662272999994</v>
      </c>
      <c r="AL1670" s="13">
        <v>0.16180682832518958</v>
      </c>
      <c r="AM1670" s="9">
        <v>7302.6390207000004</v>
      </c>
      <c r="AN1670" s="13">
        <v>0.13264499940824076</v>
      </c>
      <c r="AO1670" s="9">
        <v>14970.105248</v>
      </c>
      <c r="AP1670" s="13">
        <v>0.31591469438087444</v>
      </c>
      <c r="AQ1670" s="9">
        <v>34020.876105800002</v>
      </c>
      <c r="AR1670" s="9">
        <v>35733.2448831</v>
      </c>
      <c r="AS1670" s="9">
        <v>35672.0501659</v>
      </c>
      <c r="AT1670" s="9">
        <v>38085.930559400003</v>
      </c>
      <c r="AU1670" s="9">
        <v>40111.715199500002</v>
      </c>
      <c r="AV1670" s="9">
        <v>43078.796567999998</v>
      </c>
      <c r="AW1670" s="9">
        <v>47386.542994900003</v>
      </c>
      <c r="AX1670" s="9">
        <v>51685.130092200001</v>
      </c>
      <c r="AY1670" s="9">
        <v>50531.219519500002</v>
      </c>
      <c r="AZ1670" s="9">
        <v>55054.009222200002</v>
      </c>
      <c r="BA1670" s="9">
        <v>54907.172716699999</v>
      </c>
      <c r="BB1670" s="9">
        <v>54278.402208599997</v>
      </c>
      <c r="BC1670" s="9">
        <v>57066.683882600002</v>
      </c>
      <c r="BD1670" s="9">
        <v>55450.939679900002</v>
      </c>
      <c r="BE1670" s="9">
        <v>62582.679257399999</v>
      </c>
      <c r="BF1670" s="9">
        <v>62356.648242900003</v>
      </c>
      <c r="BG1670" s="11">
        <v>-7</v>
      </c>
      <c r="BH1670" s="13">
        <v>-0.4375</v>
      </c>
      <c r="BI1670" s="6">
        <v>-1</v>
      </c>
      <c r="BJ1670" s="13">
        <v>-6.25E-2</v>
      </c>
      <c r="BK1670" s="6">
        <v>-3</v>
      </c>
      <c r="BL1670" s="13">
        <v>-0.2</v>
      </c>
      <c r="BM1670" s="11">
        <v>-3</v>
      </c>
      <c r="BN1670" s="13">
        <v>-0.25</v>
      </c>
      <c r="BO1670" s="11">
        <v>-6</v>
      </c>
      <c r="BP1670" s="13">
        <v>-0.4</v>
      </c>
      <c r="BQ1670" s="6">
        <v>16</v>
      </c>
      <c r="BR1670" s="6">
        <v>15</v>
      </c>
      <c r="BS1670" s="6">
        <v>14</v>
      </c>
      <c r="BT1670" s="6">
        <v>15</v>
      </c>
      <c r="BU1670" s="6">
        <v>13</v>
      </c>
      <c r="BV1670" s="6">
        <v>13</v>
      </c>
      <c r="BW1670" s="6">
        <v>12</v>
      </c>
      <c r="BX1670" s="6">
        <v>11</v>
      </c>
      <c r="BY1670" s="6">
        <v>10</v>
      </c>
      <c r="BZ1670" s="6">
        <v>11</v>
      </c>
      <c r="CA1670" s="6">
        <v>10</v>
      </c>
      <c r="CB1670" s="6">
        <v>9</v>
      </c>
      <c r="CC1670" s="11">
        <v>9</v>
      </c>
      <c r="CD1670" s="11">
        <v>40.080800000000004</v>
      </c>
      <c r="CE1670" s="11">
        <v>-331.11399999999998</v>
      </c>
      <c r="CF1670" s="11">
        <v>102.541</v>
      </c>
      <c r="CG1670" s="11">
        <v>-228</v>
      </c>
      <c r="CH1670" s="20">
        <v>1.1426400000000001</v>
      </c>
      <c r="CI1670" s="20">
        <v>1.1875599999999999</v>
      </c>
      <c r="CJ1670" s="20">
        <v>1.1328499999999999</v>
      </c>
      <c r="CK1670" s="20">
        <v>1.11083</v>
      </c>
      <c r="CL1670" s="20">
        <v>1.0815699999999999</v>
      </c>
      <c r="CM1670" s="20">
        <v>1.1948799999999999</v>
      </c>
      <c r="CN1670" s="20">
        <v>1.32355</v>
      </c>
      <c r="CO1670" s="20">
        <v>1.2855300000000001</v>
      </c>
      <c r="CP1670" s="20">
        <v>1.2036500000000001</v>
      </c>
      <c r="CQ1670" s="20">
        <v>1.3065899999999999</v>
      </c>
      <c r="CR1670" s="20">
        <v>1.3042400000000001</v>
      </c>
      <c r="CS1670" s="20">
        <v>1.3773899999999999</v>
      </c>
      <c r="CT1670" s="20">
        <v>1.2286300000000001</v>
      </c>
      <c r="CU1670" s="20">
        <v>1.3187899999999999</v>
      </c>
      <c r="CV1670" s="20">
        <v>1.3502700000000001</v>
      </c>
      <c r="CW1670" s="20">
        <v>1.3772500000000001</v>
      </c>
      <c r="CX1670" s="20">
        <v>1.3741399999999999</v>
      </c>
      <c r="CY1670" s="6" t="s">
        <v>633</v>
      </c>
      <c r="CZ1670" s="6" t="s">
        <v>634</v>
      </c>
      <c r="DA1670" s="6" t="s">
        <v>131</v>
      </c>
      <c r="DB1670" s="6" t="s">
        <v>345</v>
      </c>
      <c r="DC1670" s="6"/>
      <c r="DD1670" s="6"/>
      <c r="DE1670" s="6"/>
      <c r="DF1670" s="6"/>
      <c r="DG1670" s="6"/>
      <c r="DH1670" s="6" t="s">
        <v>333</v>
      </c>
      <c r="DI1670" s="6"/>
      <c r="DJ1670" s="6"/>
      <c r="DK1670" s="6"/>
      <c r="DL1670" s="6">
        <v>9</v>
      </c>
      <c r="DM1670" s="6" t="s">
        <v>440</v>
      </c>
      <c r="DN1670" s="6">
        <v>7</v>
      </c>
      <c r="DO1670" s="6" t="s">
        <v>369</v>
      </c>
      <c r="DP1670" s="6"/>
      <c r="DQ1670" s="6"/>
    </row>
    <row r="1671" spans="1:121" x14ac:dyDescent="0.2">
      <c r="A1671" s="6" t="s">
        <v>313</v>
      </c>
      <c r="B1671" s="6" t="s">
        <v>313</v>
      </c>
      <c r="C1671" s="6" t="s">
        <v>178</v>
      </c>
      <c r="D1671" s="6" t="s">
        <v>131</v>
      </c>
      <c r="E1671" s="6" t="s">
        <v>272</v>
      </c>
      <c r="F1671" s="11">
        <v>57</v>
      </c>
      <c r="G1671" s="13">
        <v>0.216730038023</v>
      </c>
      <c r="H1671" s="11">
        <v>5.584583326000029</v>
      </c>
      <c r="I1671" s="13">
        <v>2.1244846248946656E-2</v>
      </c>
      <c r="J1671" s="11">
        <v>12.750857870000004</v>
      </c>
      <c r="K1671" s="13">
        <v>4.7497674182393416E-2</v>
      </c>
      <c r="L1671" s="11">
        <v>38.937427938999974</v>
      </c>
      <c r="M1671" s="13">
        <v>0.13846727074620524</v>
      </c>
      <c r="N1671" s="11">
        <v>51.688285808999979</v>
      </c>
      <c r="O1671" s="13">
        <v>0.1925418182394272</v>
      </c>
      <c r="P1671" s="7">
        <v>262.86767437899999</v>
      </c>
      <c r="Q1671" s="7">
        <v>251.048803975</v>
      </c>
      <c r="R1671" s="7">
        <v>242.19317127799999</v>
      </c>
      <c r="S1671" s="7">
        <v>264.30198992999999</v>
      </c>
      <c r="T1671" s="7">
        <v>272.44846113199998</v>
      </c>
      <c r="U1671" s="7">
        <v>267.99952859400003</v>
      </c>
      <c r="V1671" s="7">
        <v>268.45225770500002</v>
      </c>
      <c r="W1671" s="7">
        <v>267.21576434600001</v>
      </c>
      <c r="X1671" s="7">
        <v>281.12573758100001</v>
      </c>
      <c r="Y1671" s="7">
        <v>281.20311557500003</v>
      </c>
      <c r="Z1671" s="7">
        <v>290.85739136400002</v>
      </c>
      <c r="AA1671" s="7">
        <v>295.01788195699999</v>
      </c>
      <c r="AB1671" s="7">
        <v>272.83444736000001</v>
      </c>
      <c r="AC1671" s="7">
        <v>290.16851996299999</v>
      </c>
      <c r="AD1671" s="7">
        <v>302.44077345900001</v>
      </c>
      <c r="AE1671" s="7">
        <v>305.54674428599998</v>
      </c>
      <c r="AF1671" s="7">
        <v>320.140543514</v>
      </c>
      <c r="AG1671" s="9">
        <v>28627.158132800003</v>
      </c>
      <c r="AH1671" s="13">
        <v>0.84391524365989867</v>
      </c>
      <c r="AI1671" s="9">
        <v>7140.607926100005</v>
      </c>
      <c r="AJ1671" s="13">
        <v>0.21050178469968456</v>
      </c>
      <c r="AK1671" s="9">
        <v>6753.4207220999961</v>
      </c>
      <c r="AL1671" s="13">
        <v>0.16446707421928924</v>
      </c>
      <c r="AM1671" s="9">
        <v>14733.129484600002</v>
      </c>
      <c r="AN1671" s="13">
        <v>0.30812217376365975</v>
      </c>
      <c r="AO1671" s="9">
        <v>21486.550206699998</v>
      </c>
      <c r="AP1671" s="13">
        <v>0.52326520040394553</v>
      </c>
      <c r="AQ1671" s="9">
        <v>33921.840312599998</v>
      </c>
      <c r="AR1671" s="9">
        <v>32743.235722500001</v>
      </c>
      <c r="AS1671" s="9">
        <v>34055.681900800002</v>
      </c>
      <c r="AT1671" s="9">
        <v>37080.7049176</v>
      </c>
      <c r="AU1671" s="9">
        <v>37656.719999000001</v>
      </c>
      <c r="AV1671" s="9">
        <v>38826.705595699998</v>
      </c>
      <c r="AW1671" s="9">
        <v>41062.448238700003</v>
      </c>
      <c r="AX1671" s="9">
        <v>44452.172353800001</v>
      </c>
      <c r="AY1671" s="9">
        <v>46271.465683299997</v>
      </c>
      <c r="AZ1671" s="9">
        <v>47815.868960799999</v>
      </c>
      <c r="BA1671" s="9">
        <v>50637.773189200001</v>
      </c>
      <c r="BB1671" s="9">
        <v>52961.627855300001</v>
      </c>
      <c r="BC1671" s="9">
        <v>57385.241617400003</v>
      </c>
      <c r="BD1671" s="9">
        <v>58346.3667145</v>
      </c>
      <c r="BE1671" s="9">
        <v>59171.258116199999</v>
      </c>
      <c r="BF1671" s="9">
        <v>62548.9984454</v>
      </c>
      <c r="BG1671" s="11">
        <v>-2</v>
      </c>
      <c r="BH1671" s="13">
        <v>-0.08</v>
      </c>
      <c r="BI1671" s="6">
        <v>-4</v>
      </c>
      <c r="BJ1671" s="13">
        <v>-0.16</v>
      </c>
      <c r="BK1671" s="6">
        <v>-1</v>
      </c>
      <c r="BL1671" s="13">
        <v>-4.7619047619047616E-2</v>
      </c>
      <c r="BM1671" s="11">
        <v>3</v>
      </c>
      <c r="BN1671" s="13">
        <v>0.15</v>
      </c>
      <c r="BO1671" s="11">
        <v>2</v>
      </c>
      <c r="BP1671" s="13">
        <v>9.5238095238095233E-2</v>
      </c>
      <c r="BQ1671" s="6">
        <v>25</v>
      </c>
      <c r="BR1671" s="6">
        <v>25</v>
      </c>
      <c r="BS1671" s="6">
        <v>24</v>
      </c>
      <c r="BT1671" s="6">
        <v>21</v>
      </c>
      <c r="BU1671" s="6">
        <v>20</v>
      </c>
      <c r="BV1671" s="6">
        <v>21</v>
      </c>
      <c r="BW1671" s="6">
        <v>20</v>
      </c>
      <c r="BX1671" s="6">
        <v>21</v>
      </c>
      <c r="BY1671" s="6">
        <v>21</v>
      </c>
      <c r="BZ1671" s="6">
        <v>19</v>
      </c>
      <c r="CA1671" s="6">
        <v>20</v>
      </c>
      <c r="CB1671" s="6">
        <v>23</v>
      </c>
      <c r="CC1671" s="11">
        <v>23</v>
      </c>
      <c r="CD1671" s="11">
        <v>50.032299999999999</v>
      </c>
      <c r="CE1671" s="11">
        <v>-21.494</v>
      </c>
      <c r="CF1671" s="11">
        <v>28.7346</v>
      </c>
      <c r="CG1671" s="11">
        <v>8</v>
      </c>
      <c r="CH1671" s="20">
        <v>0.89922599999999997</v>
      </c>
      <c r="CI1671" s="20">
        <v>0.86232399999999998</v>
      </c>
      <c r="CJ1671" s="20">
        <v>0.86267899999999997</v>
      </c>
      <c r="CK1671" s="20">
        <v>0.94942199999999999</v>
      </c>
      <c r="CL1671" s="20">
        <v>0.95023999999999997</v>
      </c>
      <c r="CM1671" s="20">
        <v>0.915493</v>
      </c>
      <c r="CN1671" s="20">
        <v>0.91876999999999998</v>
      </c>
      <c r="CO1671" s="20">
        <v>0.92550600000000005</v>
      </c>
      <c r="CP1671" s="20">
        <v>0.98722699999999997</v>
      </c>
      <c r="CQ1671" s="20">
        <v>0.97265999999999997</v>
      </c>
      <c r="CR1671" s="20">
        <v>1.00797</v>
      </c>
      <c r="CS1671" s="20">
        <v>0.99906399999999995</v>
      </c>
      <c r="CT1671" s="20">
        <v>0.99572099999999997</v>
      </c>
      <c r="CU1671" s="20">
        <v>1.06284</v>
      </c>
      <c r="CV1671" s="20">
        <v>1.12662</v>
      </c>
      <c r="CW1671" s="20">
        <v>1.1566399999999999</v>
      </c>
      <c r="CX1671" s="20">
        <v>1.21319</v>
      </c>
      <c r="CY1671" s="6" t="s">
        <v>633</v>
      </c>
      <c r="CZ1671" s="6" t="s">
        <v>634</v>
      </c>
      <c r="DA1671" s="6" t="s">
        <v>131</v>
      </c>
      <c r="DB1671" s="6" t="s">
        <v>345</v>
      </c>
      <c r="DC1671" s="6"/>
      <c r="DD1671" s="6"/>
      <c r="DE1671" s="6"/>
      <c r="DF1671" s="6"/>
      <c r="DG1671" s="6"/>
      <c r="DH1671" s="6" t="s">
        <v>333</v>
      </c>
      <c r="DI1671" s="6"/>
      <c r="DJ1671" s="6"/>
      <c r="DK1671" s="6"/>
      <c r="DL1671" s="6">
        <v>9</v>
      </c>
      <c r="DM1671" s="6" t="s">
        <v>440</v>
      </c>
      <c r="DN1671" s="6">
        <v>7</v>
      </c>
      <c r="DO1671" s="6" t="s">
        <v>369</v>
      </c>
      <c r="DP1671" s="6"/>
      <c r="DQ1671" s="6"/>
    </row>
    <row r="1672" spans="1:121" x14ac:dyDescent="0.2">
      <c r="A1672" s="6" t="s">
        <v>793</v>
      </c>
      <c r="B1672" s="6" t="s">
        <v>179</v>
      </c>
      <c r="C1672" s="6" t="s">
        <v>180</v>
      </c>
      <c r="D1672" s="6" t="s">
        <v>131</v>
      </c>
      <c r="E1672" s="6" t="s">
        <v>272</v>
      </c>
      <c r="F1672" s="11">
        <v>104</v>
      </c>
      <c r="G1672" s="13">
        <v>0.15</v>
      </c>
      <c r="H1672" s="11">
        <v>123</v>
      </c>
      <c r="I1672" s="13">
        <v>0.17446808510638298</v>
      </c>
      <c r="J1672" s="11">
        <v>-25</v>
      </c>
      <c r="K1672" s="13">
        <v>-3.0193236714975844E-2</v>
      </c>
      <c r="L1672" s="11">
        <v>6</v>
      </c>
      <c r="M1672" s="13">
        <v>7.471980074719802E-3</v>
      </c>
      <c r="N1672" s="11">
        <v>-19</v>
      </c>
      <c r="O1672" s="13">
        <v>-2.2946859903381644E-2</v>
      </c>
      <c r="P1672" s="7">
        <v>705</v>
      </c>
      <c r="Q1672" s="7">
        <v>828</v>
      </c>
      <c r="R1672" s="7">
        <v>744</v>
      </c>
      <c r="S1672" s="7">
        <v>748</v>
      </c>
      <c r="T1672" s="7">
        <v>781</v>
      </c>
      <c r="U1672" s="7">
        <v>814</v>
      </c>
      <c r="V1672" s="7">
        <v>828</v>
      </c>
      <c r="W1672" s="7">
        <v>772</v>
      </c>
      <c r="X1672" s="7">
        <v>743</v>
      </c>
      <c r="Y1672" s="7">
        <v>803</v>
      </c>
      <c r="Z1672" s="7">
        <v>820</v>
      </c>
      <c r="AA1672" s="7">
        <v>799</v>
      </c>
      <c r="AB1672" s="7">
        <v>778</v>
      </c>
      <c r="AC1672" s="7">
        <v>783</v>
      </c>
      <c r="AD1672" s="7">
        <v>797</v>
      </c>
      <c r="AE1672" s="7">
        <v>800</v>
      </c>
      <c r="AF1672" s="7">
        <v>809</v>
      </c>
      <c r="AG1672" s="9">
        <v>7127</v>
      </c>
      <c r="AH1672" s="13">
        <v>0.40602745969349968</v>
      </c>
      <c r="AI1672" s="9">
        <v>2087</v>
      </c>
      <c r="AJ1672" s="13">
        <v>0.1188970546345354</v>
      </c>
      <c r="AK1672" s="9">
        <v>2596</v>
      </c>
      <c r="AL1672" s="13">
        <v>0.13217922606924642</v>
      </c>
      <c r="AM1672" s="9">
        <v>2444</v>
      </c>
      <c r="AN1672" s="13">
        <v>0.10991185465011692</v>
      </c>
      <c r="AO1672" s="9">
        <v>5040</v>
      </c>
      <c r="AP1672" s="13">
        <v>0.25661914460285135</v>
      </c>
      <c r="AQ1672" s="9">
        <v>17553</v>
      </c>
      <c r="AR1672" s="9">
        <v>16250</v>
      </c>
      <c r="AS1672" s="9">
        <v>18210</v>
      </c>
      <c r="AT1672" s="9">
        <v>18895</v>
      </c>
      <c r="AU1672" s="9">
        <v>19346</v>
      </c>
      <c r="AV1672" s="9">
        <v>19368</v>
      </c>
      <c r="AW1672" s="9">
        <v>19640</v>
      </c>
      <c r="AX1672" s="9">
        <v>20423</v>
      </c>
      <c r="AY1672" s="9">
        <v>21563</v>
      </c>
      <c r="AZ1672" s="9">
        <v>22236</v>
      </c>
      <c r="BA1672" s="9">
        <v>22045</v>
      </c>
      <c r="BB1672" s="9">
        <v>23125</v>
      </c>
      <c r="BC1672" s="9">
        <v>23802</v>
      </c>
      <c r="BD1672" s="9">
        <v>24115</v>
      </c>
      <c r="BE1672" s="9">
        <v>24680</v>
      </c>
      <c r="BF1672" s="9">
        <v>24680</v>
      </c>
      <c r="BG1672" s="11">
        <v>-17</v>
      </c>
      <c r="BH1672" s="13">
        <v>-0.22666666666666666</v>
      </c>
      <c r="BI1672" s="6">
        <v>-11</v>
      </c>
      <c r="BJ1672" s="13">
        <v>-0.14666666666666667</v>
      </c>
      <c r="BK1672" s="6">
        <v>2</v>
      </c>
      <c r="BL1672" s="13">
        <v>3.125E-2</v>
      </c>
      <c r="BM1672" s="11">
        <v>-8</v>
      </c>
      <c r="BN1672" s="13">
        <v>-0.12121212121212122</v>
      </c>
      <c r="BO1672" s="11">
        <v>-6</v>
      </c>
      <c r="BP1672" s="13">
        <v>-9.375E-2</v>
      </c>
      <c r="BQ1672" s="6">
        <v>75</v>
      </c>
      <c r="BR1672" s="6">
        <v>70</v>
      </c>
      <c r="BS1672" s="6">
        <v>69</v>
      </c>
      <c r="BT1672" s="6">
        <v>64</v>
      </c>
      <c r="BU1672" s="6">
        <v>63</v>
      </c>
      <c r="BV1672" s="6">
        <v>62</v>
      </c>
      <c r="BW1672" s="6">
        <v>66</v>
      </c>
      <c r="BX1672" s="6">
        <v>64</v>
      </c>
      <c r="BY1672" s="6">
        <v>62</v>
      </c>
      <c r="BZ1672" s="6">
        <v>62</v>
      </c>
      <c r="CA1672" s="6">
        <v>60</v>
      </c>
      <c r="CB1672" s="6">
        <v>58</v>
      </c>
      <c r="CC1672" s="11">
        <v>58</v>
      </c>
      <c r="CD1672" s="11">
        <v>73</v>
      </c>
      <c r="CE1672" s="11">
        <v>-45</v>
      </c>
      <c r="CF1672" s="11">
        <v>77</v>
      </c>
      <c r="CG1672" s="11">
        <v>32</v>
      </c>
      <c r="CH1672" s="20">
        <v>0.9</v>
      </c>
      <c r="CI1672" s="20">
        <v>1.04</v>
      </c>
      <c r="CJ1672" s="20">
        <v>0.98</v>
      </c>
      <c r="CK1672" s="20">
        <v>0.99</v>
      </c>
      <c r="CL1672" s="20">
        <v>1.01</v>
      </c>
      <c r="CM1672" s="20">
        <v>1.05</v>
      </c>
      <c r="CN1672" s="20">
        <v>1.08</v>
      </c>
      <c r="CO1672" s="20">
        <v>1.02</v>
      </c>
      <c r="CP1672" s="20">
        <v>0.98</v>
      </c>
      <c r="CQ1672" s="20">
        <v>1.03</v>
      </c>
      <c r="CR1672" s="20">
        <v>1.06</v>
      </c>
      <c r="CS1672" s="20">
        <v>1.01</v>
      </c>
      <c r="CT1672" s="20">
        <v>1.06</v>
      </c>
      <c r="CU1672" s="20">
        <v>1.07</v>
      </c>
      <c r="CV1672" s="20">
        <v>1.1000000000000001</v>
      </c>
      <c r="CW1672" s="20">
        <v>1.1100000000000001</v>
      </c>
      <c r="CX1672" s="20">
        <v>1.1200000000000001</v>
      </c>
      <c r="CY1672" s="6" t="s">
        <v>633</v>
      </c>
      <c r="CZ1672" s="6" t="s">
        <v>634</v>
      </c>
      <c r="DA1672" s="6" t="s">
        <v>131</v>
      </c>
      <c r="DB1672" s="6" t="s">
        <v>345</v>
      </c>
      <c r="DC1672" s="6"/>
      <c r="DD1672" s="6"/>
      <c r="DE1672" s="6"/>
      <c r="DF1672" s="6"/>
      <c r="DG1672" s="6"/>
      <c r="DH1672" s="6" t="s">
        <v>333</v>
      </c>
      <c r="DI1672" s="6"/>
      <c r="DJ1672" s="6"/>
      <c r="DK1672" s="6"/>
      <c r="DL1672" s="6">
        <v>9</v>
      </c>
      <c r="DM1672" s="6" t="s">
        <v>440</v>
      </c>
      <c r="DN1672" s="6">
        <v>7</v>
      </c>
      <c r="DO1672" s="6" t="s">
        <v>369</v>
      </c>
      <c r="DP1672" s="6"/>
      <c r="DQ1672" s="6"/>
    </row>
    <row r="1673" spans="1:121" x14ac:dyDescent="0.2">
      <c r="A1673" s="6" t="s">
        <v>794</v>
      </c>
      <c r="B1673" s="6" t="s">
        <v>181</v>
      </c>
      <c r="C1673" s="6" t="s">
        <v>182</v>
      </c>
      <c r="D1673" s="6" t="s">
        <v>131</v>
      </c>
      <c r="E1673" s="6" t="s">
        <v>272</v>
      </c>
      <c r="F1673" s="11">
        <v>-13</v>
      </c>
      <c r="G1673" s="13">
        <v>-5.6034482758599999E-2</v>
      </c>
      <c r="H1673" s="11">
        <v>24.978629774999973</v>
      </c>
      <c r="I1673" s="13">
        <v>0.107580104932568</v>
      </c>
      <c r="J1673" s="11">
        <v>-24.100684026999971</v>
      </c>
      <c r="K1673" s="13">
        <v>-9.3716826826720154E-2</v>
      </c>
      <c r="L1673" s="11">
        <v>-14.354759000000001</v>
      </c>
      <c r="M1673" s="13">
        <v>-6.1591416946807441E-2</v>
      </c>
      <c r="N1673" s="11">
        <v>-38.455443026999973</v>
      </c>
      <c r="O1673" s="13">
        <v>-0.14953609161751133</v>
      </c>
      <c r="P1673" s="7">
        <v>232.18633027600001</v>
      </c>
      <c r="Q1673" s="7">
        <v>255.06610868800001</v>
      </c>
      <c r="R1673" s="7">
        <v>257.62933222999999</v>
      </c>
      <c r="S1673" s="7">
        <v>247.47283912</v>
      </c>
      <c r="T1673" s="7">
        <v>258.97902370399999</v>
      </c>
      <c r="U1673" s="7">
        <v>255.56217499100001</v>
      </c>
      <c r="V1673" s="7">
        <v>257.16496005099998</v>
      </c>
      <c r="W1673" s="7">
        <v>243.56957972199999</v>
      </c>
      <c r="X1673" s="7">
        <v>230.70199394299999</v>
      </c>
      <c r="Y1673" s="7">
        <v>233.06427602400001</v>
      </c>
      <c r="Z1673" s="7">
        <v>227.619267573</v>
      </c>
      <c r="AA1673" s="7">
        <v>226.20994855999999</v>
      </c>
      <c r="AB1673" s="7">
        <v>249.55949088899999</v>
      </c>
      <c r="AC1673" s="7">
        <v>241.76137523700001</v>
      </c>
      <c r="AD1673" s="7">
        <v>227.511499152</v>
      </c>
      <c r="AE1673" s="7">
        <v>219.65233982199999</v>
      </c>
      <c r="AF1673" s="7">
        <v>218.70951702400001</v>
      </c>
      <c r="AG1673" s="9">
        <v>22909.487308999996</v>
      </c>
      <c r="AH1673" s="13">
        <v>0.68379266531727301</v>
      </c>
      <c r="AI1673" s="9">
        <v>7250.7865447000004</v>
      </c>
      <c r="AJ1673" s="13">
        <v>0.21641840300368784</v>
      </c>
      <c r="AK1673" s="9">
        <v>5991.3916232999982</v>
      </c>
      <c r="AL1673" s="13">
        <v>0.14701234117792727</v>
      </c>
      <c r="AM1673" s="9">
        <v>9667.3091409999979</v>
      </c>
      <c r="AN1673" s="13">
        <v>0.20680622249855868</v>
      </c>
      <c r="AO1673" s="9">
        <v>15658.700764299996</v>
      </c>
      <c r="AP1673" s="13">
        <v>0.38422163061616238</v>
      </c>
      <c r="AQ1673" s="9">
        <v>33503.558126600001</v>
      </c>
      <c r="AR1673" s="9">
        <v>32476.738866600001</v>
      </c>
      <c r="AS1673" s="9">
        <v>33976.080731399998</v>
      </c>
      <c r="AT1673" s="9">
        <v>37372.753059800001</v>
      </c>
      <c r="AU1673" s="9">
        <v>37030.765511999998</v>
      </c>
      <c r="AV1673" s="9">
        <v>39768.923879800001</v>
      </c>
      <c r="AW1673" s="9">
        <v>40754.344671300001</v>
      </c>
      <c r="AX1673" s="9">
        <v>45342.770680599999</v>
      </c>
      <c r="AY1673" s="9">
        <v>44674.901573199997</v>
      </c>
      <c r="AZ1673" s="9">
        <v>46745.736294599999</v>
      </c>
      <c r="BA1673" s="9">
        <v>51391.648573099999</v>
      </c>
      <c r="BB1673" s="9">
        <v>52729.056076499997</v>
      </c>
      <c r="BC1673" s="9">
        <v>54976.179128600001</v>
      </c>
      <c r="BD1673" s="9">
        <v>55086.598183499998</v>
      </c>
      <c r="BE1673" s="9">
        <v>56733.751767000002</v>
      </c>
      <c r="BF1673" s="9">
        <v>56413.045435599997</v>
      </c>
      <c r="BG1673" s="11">
        <v>-1.25</v>
      </c>
      <c r="BH1673" s="13">
        <v>-4.6296296296296294E-2</v>
      </c>
      <c r="BI1673" s="6">
        <v>4</v>
      </c>
      <c r="BJ1673" s="13">
        <v>0.14814814814814814</v>
      </c>
      <c r="BK1673" s="6">
        <v>-7</v>
      </c>
      <c r="BL1673" s="13">
        <v>-0.22580645161290322</v>
      </c>
      <c r="BM1673" s="11">
        <v>1.75</v>
      </c>
      <c r="BN1673" s="13">
        <v>7.2916666666666671E-2</v>
      </c>
      <c r="BO1673" s="11">
        <v>-5.25</v>
      </c>
      <c r="BP1673" s="13">
        <v>-0.16935483870967741</v>
      </c>
      <c r="BQ1673" s="6">
        <v>27</v>
      </c>
      <c r="BR1673" s="6">
        <v>29</v>
      </c>
      <c r="BS1673" s="6">
        <v>28</v>
      </c>
      <c r="BT1673" s="6">
        <v>31</v>
      </c>
      <c r="BU1673" s="6">
        <v>29</v>
      </c>
      <c r="BV1673" s="6">
        <v>24</v>
      </c>
      <c r="BW1673" s="6">
        <v>24</v>
      </c>
      <c r="BX1673" s="6">
        <v>26</v>
      </c>
      <c r="BY1673" s="6">
        <v>25</v>
      </c>
      <c r="BZ1673" s="6">
        <v>24</v>
      </c>
      <c r="CA1673" s="6">
        <v>27</v>
      </c>
      <c r="CB1673" s="6">
        <v>27</v>
      </c>
      <c r="CC1673" s="11">
        <v>25.75</v>
      </c>
      <c r="CD1673" s="11">
        <v>-53.492400000000004</v>
      </c>
      <c r="CE1673" s="11">
        <v>14.6348</v>
      </c>
      <c r="CF1673" s="11">
        <v>25.380800000000001</v>
      </c>
      <c r="CG1673" s="11">
        <v>40</v>
      </c>
      <c r="CH1673" s="20">
        <v>1.0033700000000001</v>
      </c>
      <c r="CI1673" s="20">
        <v>1.11616</v>
      </c>
      <c r="CJ1673" s="20">
        <v>1.17154</v>
      </c>
      <c r="CK1673" s="20">
        <v>1.12398</v>
      </c>
      <c r="CL1673" s="20">
        <v>1.1352100000000001</v>
      </c>
      <c r="CM1673" s="20">
        <v>1.0940300000000001</v>
      </c>
      <c r="CN1673" s="20">
        <v>1.10059</v>
      </c>
      <c r="CO1673" s="20">
        <v>1.0550299999999999</v>
      </c>
      <c r="CP1673" s="20">
        <v>1.01023</v>
      </c>
      <c r="CQ1673" s="20">
        <v>0.99917599999999995</v>
      </c>
      <c r="CR1673" s="20">
        <v>0.96501800000000004</v>
      </c>
      <c r="CS1673" s="20">
        <v>0.93350900000000003</v>
      </c>
      <c r="CT1673" s="20">
        <v>1.1032200000000001</v>
      </c>
      <c r="CU1673" s="20">
        <v>1.0487299999999999</v>
      </c>
      <c r="CV1673" s="20">
        <v>0.96933199999999997</v>
      </c>
      <c r="CW1673" s="20">
        <v>0.92670300000000005</v>
      </c>
      <c r="CX1673" s="20">
        <v>0.917682</v>
      </c>
      <c r="CY1673" s="6" t="s">
        <v>633</v>
      </c>
      <c r="CZ1673" s="6" t="s">
        <v>634</v>
      </c>
      <c r="DA1673" s="6" t="s">
        <v>131</v>
      </c>
      <c r="DB1673" s="6" t="s">
        <v>345</v>
      </c>
      <c r="DC1673" s="6"/>
      <c r="DD1673" s="6"/>
      <c r="DE1673" s="6"/>
      <c r="DF1673" s="6"/>
      <c r="DG1673" s="6"/>
      <c r="DH1673" s="6" t="s">
        <v>333</v>
      </c>
      <c r="DI1673" s="6"/>
      <c r="DJ1673" s="6"/>
      <c r="DK1673" s="6"/>
      <c r="DL1673" s="6">
        <v>9</v>
      </c>
      <c r="DM1673" s="6" t="s">
        <v>440</v>
      </c>
      <c r="DN1673" s="6">
        <v>7</v>
      </c>
      <c r="DO1673" s="6" t="s">
        <v>369</v>
      </c>
      <c r="DP1673" s="6"/>
      <c r="DQ1673" s="6"/>
    </row>
    <row r="1674" spans="1:121" x14ac:dyDescent="0.2">
      <c r="A1674" s="6" t="s">
        <v>314</v>
      </c>
      <c r="B1674" s="6" t="s">
        <v>314</v>
      </c>
      <c r="C1674" s="6" t="s">
        <v>183</v>
      </c>
      <c r="D1674" s="6" t="s">
        <v>131</v>
      </c>
      <c r="E1674" s="6" t="s">
        <v>272</v>
      </c>
      <c r="F1674" s="11">
        <v>1</v>
      </c>
      <c r="G1674" s="13">
        <v>1</v>
      </c>
      <c r="H1674" s="11">
        <v>-4.6908059931999979</v>
      </c>
      <c r="I1674" s="13">
        <v>-0.22151404599715377</v>
      </c>
      <c r="J1674" s="11">
        <v>1.6962040541000007</v>
      </c>
      <c r="K1674" s="13">
        <v>0.10289188272099184</v>
      </c>
      <c r="L1674" s="11">
        <v>-13.181508912400002</v>
      </c>
      <c r="M1674" s="13">
        <v>-0.7249953222204818</v>
      </c>
      <c r="N1674" s="11">
        <v>-11.485304858300001</v>
      </c>
      <c r="O1674" s="13">
        <v>-0.69669957316666753</v>
      </c>
      <c r="P1674" s="7">
        <v>21.176110851499999</v>
      </c>
      <c r="Q1674" s="7">
        <v>16.0133538561</v>
      </c>
      <c r="R1674" s="7">
        <v>16.898439638100001</v>
      </c>
      <c r="S1674" s="7">
        <v>13.447634000000001</v>
      </c>
      <c r="T1674" s="7">
        <v>16.114560999999998</v>
      </c>
      <c r="U1674" s="7">
        <v>15.965299</v>
      </c>
      <c r="V1674" s="7">
        <v>16.485304858300001</v>
      </c>
      <c r="W1674" s="7">
        <v>14.904413</v>
      </c>
      <c r="X1674" s="7">
        <v>15.530626</v>
      </c>
      <c r="Y1674" s="7">
        <v>18.181508912400002</v>
      </c>
      <c r="Z1674" s="7">
        <v>14.053998</v>
      </c>
      <c r="AA1674" s="7">
        <v>13.761364</v>
      </c>
      <c r="AB1674" s="7">
        <v>13.160741</v>
      </c>
      <c r="AC1674" s="7">
        <v>11.540139527499999</v>
      </c>
      <c r="AD1674" s="7">
        <v>5</v>
      </c>
      <c r="AE1674" s="7">
        <v>5</v>
      </c>
      <c r="AF1674" s="7">
        <v>5</v>
      </c>
      <c r="AG1674" s="9">
        <v>-44888.118001900002</v>
      </c>
      <c r="AH1674" s="13">
        <v>-0.99997772288597964</v>
      </c>
      <c r="AI1674" s="9">
        <v>7030.2307858999993</v>
      </c>
      <c r="AJ1674" s="13">
        <v>0.15661325280666985</v>
      </c>
      <c r="AK1674" s="9">
        <v>-11620.818546300005</v>
      </c>
      <c r="AL1674" s="13">
        <v>-0.22382442803347841</v>
      </c>
      <c r="AM1674" s="9">
        <v>-40297.530241499997</v>
      </c>
      <c r="AN1674" s="13">
        <v>-0.9999751851992118</v>
      </c>
      <c r="AO1674" s="9">
        <v>-51918.348787800001</v>
      </c>
      <c r="AP1674" s="13">
        <v>-0.99998073935780496</v>
      </c>
      <c r="AQ1674" s="9">
        <v>44889.118001900002</v>
      </c>
      <c r="AR1674" s="9">
        <v>61854.037754700003</v>
      </c>
      <c r="AS1674" s="9">
        <v>54697.129410200003</v>
      </c>
      <c r="AT1674" s="9">
        <v>57118.029274400003</v>
      </c>
      <c r="AU1674" s="9">
        <v>50255.184684300002</v>
      </c>
      <c r="AV1674" s="9">
        <v>50137.272261700004</v>
      </c>
      <c r="AW1674" s="9">
        <v>51919.348787800001</v>
      </c>
      <c r="AX1674" s="9">
        <v>54189.449371199997</v>
      </c>
      <c r="AY1674" s="9">
        <v>72353.742046800005</v>
      </c>
      <c r="AZ1674" s="9">
        <v>40298.530241499997</v>
      </c>
      <c r="BA1674" s="9">
        <v>42184.500616700003</v>
      </c>
      <c r="BB1674" s="9">
        <v>39232.6061577</v>
      </c>
      <c r="BC1674" s="9">
        <v>49619.148847199998</v>
      </c>
      <c r="BD1674" s="9">
        <v>49588.591597099999</v>
      </c>
      <c r="BE1674" s="9">
        <v>1</v>
      </c>
      <c r="BF1674" s="9">
        <v>1</v>
      </c>
      <c r="BG1674" s="11">
        <v>-1</v>
      </c>
      <c r="BH1674" s="13">
        <v>-0.33333333333333331</v>
      </c>
      <c r="BI1674" s="6">
        <v>0</v>
      </c>
      <c r="BJ1674" s="13">
        <v>0</v>
      </c>
      <c r="BK1674" s="6">
        <v>1</v>
      </c>
      <c r="BL1674" s="13">
        <v>0.33333333333333331</v>
      </c>
      <c r="BM1674" s="11">
        <v>-2</v>
      </c>
      <c r="BN1674" s="13">
        <v>-0.5</v>
      </c>
      <c r="BO1674" s="11">
        <v>-1</v>
      </c>
      <c r="BP1674" s="13">
        <v>-0.33333333333333331</v>
      </c>
      <c r="BQ1674" s="6">
        <v>3</v>
      </c>
      <c r="BR1674" s="6">
        <v>3</v>
      </c>
      <c r="BS1674" s="6">
        <v>3</v>
      </c>
      <c r="BT1674" s="6">
        <v>3</v>
      </c>
      <c r="BU1674" s="6">
        <v>3</v>
      </c>
      <c r="BV1674" s="6">
        <v>4</v>
      </c>
      <c r="BW1674" s="6">
        <v>4</v>
      </c>
      <c r="BX1674" s="6">
        <v>4</v>
      </c>
      <c r="BY1674" s="6">
        <v>4</v>
      </c>
      <c r="BZ1674" s="6">
        <v>4</v>
      </c>
      <c r="CA1674" s="6">
        <v>4</v>
      </c>
      <c r="CB1674" s="6">
        <v>2</v>
      </c>
      <c r="CC1674" s="11">
        <v>2</v>
      </c>
      <c r="CD1674" s="11">
        <v>-9.4084299999999992</v>
      </c>
      <c r="CE1674" s="11">
        <v>-6.48604</v>
      </c>
      <c r="CF1674" s="11">
        <v>2.3148</v>
      </c>
      <c r="CG1674" s="11">
        <v>-4</v>
      </c>
      <c r="CH1674" s="20">
        <v>0.116206</v>
      </c>
      <c r="CI1674" s="20">
        <v>9.1495099999999996E-2</v>
      </c>
      <c r="CJ1674" s="20">
        <v>0.104766</v>
      </c>
      <c r="CK1674" s="20">
        <v>8.6792099999999997E-2</v>
      </c>
      <c r="CL1674" s="20">
        <v>0.104183</v>
      </c>
      <c r="CM1674" s="20">
        <v>0.103808</v>
      </c>
      <c r="CN1674" s="20">
        <v>0.109614</v>
      </c>
      <c r="CO1674" s="20">
        <v>0.101174</v>
      </c>
      <c r="CP1674" s="20">
        <v>0.106074</v>
      </c>
      <c r="CQ1674" s="20">
        <v>0.124704</v>
      </c>
      <c r="CR1674" s="20">
        <v>9.8873600000000006E-2</v>
      </c>
      <c r="CS1674" s="20">
        <v>9.6140799999999998E-2</v>
      </c>
      <c r="CT1674" s="20">
        <v>9.9515400000000004E-2</v>
      </c>
      <c r="CU1674" s="20">
        <v>8.7465600000000004E-2</v>
      </c>
      <c r="CV1674" s="20">
        <v>7.6558600000000004E-2</v>
      </c>
      <c r="CW1674" s="20">
        <v>6.5840099999999999E-2</v>
      </c>
      <c r="CX1674" s="20">
        <v>5.9091100000000001E-2</v>
      </c>
      <c r="CY1674" s="6" t="s">
        <v>633</v>
      </c>
      <c r="CZ1674" s="6" t="s">
        <v>634</v>
      </c>
      <c r="DA1674" s="6" t="s">
        <v>131</v>
      </c>
      <c r="DB1674" s="6" t="s">
        <v>345</v>
      </c>
      <c r="DC1674" s="6"/>
      <c r="DD1674" s="6"/>
      <c r="DE1674" s="6"/>
      <c r="DF1674" s="6"/>
      <c r="DG1674" s="6"/>
      <c r="DH1674" s="6" t="s">
        <v>333</v>
      </c>
      <c r="DI1674" s="6"/>
      <c r="DJ1674" s="6"/>
      <c r="DK1674" s="6"/>
      <c r="DL1674" s="6">
        <v>9</v>
      </c>
      <c r="DM1674" s="6" t="s">
        <v>440</v>
      </c>
      <c r="DN1674" s="6">
        <v>7</v>
      </c>
      <c r="DO1674" s="6" t="s">
        <v>369</v>
      </c>
      <c r="DP1674" s="6"/>
      <c r="DQ1674" s="6"/>
    </row>
    <row r="1675" spans="1:121" x14ac:dyDescent="0.2">
      <c r="A1675" s="6" t="s">
        <v>315</v>
      </c>
      <c r="B1675" s="6" t="s">
        <v>315</v>
      </c>
      <c r="C1675" s="6" t="s">
        <v>184</v>
      </c>
      <c r="D1675" s="6" t="s">
        <v>131</v>
      </c>
      <c r="E1675" s="6" t="s">
        <v>272</v>
      </c>
      <c r="F1675" s="11">
        <v>2</v>
      </c>
      <c r="G1675" s="13">
        <v>0.01</v>
      </c>
      <c r="H1675" s="11">
        <v>27</v>
      </c>
      <c r="I1675" s="13">
        <v>0.16770186335403728</v>
      </c>
      <c r="J1675" s="11">
        <v>22</v>
      </c>
      <c r="K1675" s="13">
        <v>0.11702127659574468</v>
      </c>
      <c r="L1675" s="11">
        <v>-47</v>
      </c>
      <c r="M1675" s="13">
        <v>-0.22380952380952385</v>
      </c>
      <c r="N1675" s="11">
        <v>-25</v>
      </c>
      <c r="O1675" s="13">
        <v>-0.13297872340425532</v>
      </c>
      <c r="P1675" s="7">
        <v>161</v>
      </c>
      <c r="Q1675" s="7">
        <v>158</v>
      </c>
      <c r="R1675" s="7">
        <v>158</v>
      </c>
      <c r="S1675" s="7">
        <v>172</v>
      </c>
      <c r="T1675" s="7">
        <v>181</v>
      </c>
      <c r="U1675" s="7">
        <v>179</v>
      </c>
      <c r="V1675" s="7">
        <v>188</v>
      </c>
      <c r="W1675" s="7">
        <v>195</v>
      </c>
      <c r="X1675" s="7">
        <v>211</v>
      </c>
      <c r="Y1675" s="7">
        <v>210</v>
      </c>
      <c r="Z1675" s="7">
        <v>210</v>
      </c>
      <c r="AA1675" s="7">
        <v>212</v>
      </c>
      <c r="AB1675" s="7">
        <v>192</v>
      </c>
      <c r="AC1675" s="7">
        <v>182</v>
      </c>
      <c r="AD1675" s="7">
        <v>165</v>
      </c>
      <c r="AE1675" s="7">
        <v>168</v>
      </c>
      <c r="AF1675" s="7">
        <v>163</v>
      </c>
      <c r="AG1675" s="9">
        <v>18950</v>
      </c>
      <c r="AH1675" s="13">
        <v>0.56166454251756126</v>
      </c>
      <c r="AI1675" s="9">
        <v>7033</v>
      </c>
      <c r="AJ1675" s="13">
        <v>0.2084531254631139</v>
      </c>
      <c r="AK1675" s="9">
        <v>4270</v>
      </c>
      <c r="AL1675" s="13">
        <v>0.10472873540665162</v>
      </c>
      <c r="AM1675" s="9">
        <v>7647</v>
      </c>
      <c r="AN1675" s="13">
        <v>0.16977487678167044</v>
      </c>
      <c r="AO1675" s="9">
        <v>11917</v>
      </c>
      <c r="AP1675" s="13">
        <v>0.29228392033748651</v>
      </c>
      <c r="AQ1675" s="9">
        <v>33739</v>
      </c>
      <c r="AR1675" s="9">
        <v>35780</v>
      </c>
      <c r="AS1675" s="9">
        <v>35324</v>
      </c>
      <c r="AT1675" s="9">
        <v>38290</v>
      </c>
      <c r="AU1675" s="9">
        <v>38971</v>
      </c>
      <c r="AV1675" s="9">
        <v>40252</v>
      </c>
      <c r="AW1675" s="9">
        <v>40772</v>
      </c>
      <c r="AX1675" s="9">
        <v>45026</v>
      </c>
      <c r="AY1675" s="9">
        <v>40780</v>
      </c>
      <c r="AZ1675" s="9">
        <v>45042</v>
      </c>
      <c r="BA1675" s="9">
        <v>44411</v>
      </c>
      <c r="BB1675" s="9">
        <v>43507</v>
      </c>
      <c r="BC1675" s="9">
        <v>46734</v>
      </c>
      <c r="BD1675" s="9">
        <v>50621</v>
      </c>
      <c r="BE1675" s="9">
        <v>57031</v>
      </c>
      <c r="BF1675" s="9">
        <v>52689</v>
      </c>
      <c r="BG1675" s="11">
        <v>1</v>
      </c>
      <c r="BH1675" s="13">
        <v>4.3478260869565216E-2</v>
      </c>
      <c r="BI1675" s="6">
        <v>-1</v>
      </c>
      <c r="BJ1675" s="13">
        <v>-4.3478260869565216E-2</v>
      </c>
      <c r="BK1675" s="6">
        <v>3</v>
      </c>
      <c r="BL1675" s="13">
        <v>0.13636363636363635</v>
      </c>
      <c r="BM1675" s="11">
        <v>-1</v>
      </c>
      <c r="BN1675" s="13">
        <v>-0.04</v>
      </c>
      <c r="BO1675" s="11">
        <v>2</v>
      </c>
      <c r="BP1675" s="13">
        <v>9.0909090909090912E-2</v>
      </c>
      <c r="BQ1675" s="6">
        <v>23</v>
      </c>
      <c r="BR1675" s="6">
        <v>24</v>
      </c>
      <c r="BS1675" s="6">
        <v>23</v>
      </c>
      <c r="BT1675" s="6">
        <v>22</v>
      </c>
      <c r="BU1675" s="6">
        <v>26</v>
      </c>
      <c r="BV1675" s="6">
        <v>27</v>
      </c>
      <c r="BW1675" s="6">
        <v>25</v>
      </c>
      <c r="BX1675" s="6">
        <v>25</v>
      </c>
      <c r="BY1675" s="6">
        <v>26</v>
      </c>
      <c r="BZ1675" s="6">
        <v>25</v>
      </c>
      <c r="CA1675" s="6">
        <v>24</v>
      </c>
      <c r="CB1675" s="6">
        <v>25</v>
      </c>
      <c r="CC1675" s="11">
        <v>24</v>
      </c>
      <c r="CD1675" s="11">
        <v>-3</v>
      </c>
      <c r="CE1675" s="11">
        <v>-13</v>
      </c>
      <c r="CF1675" s="11">
        <v>18</v>
      </c>
      <c r="CG1675" s="11">
        <v>5</v>
      </c>
      <c r="CH1675" s="20">
        <v>0.54</v>
      </c>
      <c r="CI1675" s="20">
        <v>0.53</v>
      </c>
      <c r="CJ1675" s="20">
        <v>0.53</v>
      </c>
      <c r="CK1675" s="20">
        <v>0.57999999999999996</v>
      </c>
      <c r="CL1675" s="20">
        <v>0.6</v>
      </c>
      <c r="CM1675" s="20">
        <v>0.57999999999999996</v>
      </c>
      <c r="CN1675" s="20">
        <v>0.62</v>
      </c>
      <c r="CO1675" s="20">
        <v>0.67</v>
      </c>
      <c r="CP1675" s="20">
        <v>0.71</v>
      </c>
      <c r="CQ1675" s="20">
        <v>0.7</v>
      </c>
      <c r="CR1675" s="20">
        <v>0.71</v>
      </c>
      <c r="CS1675" s="20">
        <v>0.71</v>
      </c>
      <c r="CT1675" s="20">
        <v>0.7</v>
      </c>
      <c r="CU1675" s="20">
        <v>0.67</v>
      </c>
      <c r="CV1675" s="20">
        <v>0.61</v>
      </c>
      <c r="CW1675" s="20">
        <v>0.62</v>
      </c>
      <c r="CX1675" s="20">
        <v>0.61</v>
      </c>
      <c r="CY1675" s="6" t="s">
        <v>633</v>
      </c>
      <c r="CZ1675" s="6" t="s">
        <v>634</v>
      </c>
      <c r="DA1675" s="6" t="s">
        <v>131</v>
      </c>
      <c r="DB1675" s="6" t="s">
        <v>345</v>
      </c>
      <c r="DC1675" s="6"/>
      <c r="DD1675" s="6"/>
      <c r="DE1675" s="6"/>
      <c r="DF1675" s="6"/>
      <c r="DG1675" s="6"/>
      <c r="DH1675" s="6" t="s">
        <v>333</v>
      </c>
      <c r="DI1675" s="6"/>
      <c r="DJ1675" s="6"/>
      <c r="DK1675" s="6"/>
      <c r="DL1675" s="6">
        <v>9</v>
      </c>
      <c r="DM1675" s="6" t="s">
        <v>440</v>
      </c>
      <c r="DN1675" s="6">
        <v>7</v>
      </c>
      <c r="DO1675" s="6" t="s">
        <v>369</v>
      </c>
      <c r="DP1675" s="6"/>
      <c r="DQ1675" s="6"/>
    </row>
    <row r="1676" spans="1:121" x14ac:dyDescent="0.2">
      <c r="A1676" s="6" t="s">
        <v>316</v>
      </c>
      <c r="B1676" s="6" t="s">
        <v>316</v>
      </c>
      <c r="C1676" s="6" t="s">
        <v>185</v>
      </c>
      <c r="D1676" s="6" t="s">
        <v>131</v>
      </c>
      <c r="E1676" s="6" t="s">
        <v>272</v>
      </c>
      <c r="F1676" s="11">
        <v>-34</v>
      </c>
      <c r="G1676" s="13">
        <v>-0.49</v>
      </c>
      <c r="H1676" s="11">
        <v>-9</v>
      </c>
      <c r="I1676" s="13">
        <v>-0.12857142857142856</v>
      </c>
      <c r="J1676" s="11">
        <v>-22</v>
      </c>
      <c r="K1676" s="13">
        <v>-0.3606557377049181</v>
      </c>
      <c r="L1676" s="11">
        <v>-3</v>
      </c>
      <c r="M1676" s="13">
        <v>-7.6923076923076927E-2</v>
      </c>
      <c r="N1676" s="11">
        <v>-25</v>
      </c>
      <c r="O1676" s="13">
        <v>-0.4098360655737705</v>
      </c>
      <c r="P1676" s="7">
        <v>70</v>
      </c>
      <c r="Q1676" s="7">
        <v>60</v>
      </c>
      <c r="R1676" s="7">
        <v>64</v>
      </c>
      <c r="S1676" s="7">
        <v>59</v>
      </c>
      <c r="T1676" s="7">
        <v>73</v>
      </c>
      <c r="U1676" s="7">
        <v>70</v>
      </c>
      <c r="V1676" s="7">
        <v>61</v>
      </c>
      <c r="W1676" s="7">
        <v>48</v>
      </c>
      <c r="X1676" s="7">
        <v>44</v>
      </c>
      <c r="Y1676" s="7">
        <v>39</v>
      </c>
      <c r="Z1676" s="7">
        <v>33</v>
      </c>
      <c r="AA1676" s="7">
        <v>37</v>
      </c>
      <c r="AB1676" s="7">
        <v>32</v>
      </c>
      <c r="AC1676" s="7">
        <v>36</v>
      </c>
      <c r="AD1676" s="7">
        <v>36</v>
      </c>
      <c r="AE1676" s="7">
        <v>36</v>
      </c>
      <c r="AF1676" s="7">
        <v>36</v>
      </c>
      <c r="AG1676" s="9">
        <v>7108</v>
      </c>
      <c r="AH1676" s="13">
        <v>0.35828418771107412</v>
      </c>
      <c r="AI1676" s="9">
        <v>956</v>
      </c>
      <c r="AJ1676" s="13">
        <v>4.8187912697212558E-2</v>
      </c>
      <c r="AK1676" s="9">
        <v>4197</v>
      </c>
      <c r="AL1676" s="13">
        <v>0.20182736234671797</v>
      </c>
      <c r="AM1676" s="9">
        <v>1955</v>
      </c>
      <c r="AN1676" s="13">
        <v>7.8225032010243278E-2</v>
      </c>
      <c r="AO1676" s="9">
        <v>6152</v>
      </c>
      <c r="AP1676" s="13">
        <v>0.29584034623707622</v>
      </c>
      <c r="AQ1676" s="9">
        <v>19839</v>
      </c>
      <c r="AR1676" s="9">
        <v>25071</v>
      </c>
      <c r="AS1676" s="9">
        <v>14677</v>
      </c>
      <c r="AT1676" s="9">
        <v>16512</v>
      </c>
      <c r="AU1676" s="9">
        <v>24507</v>
      </c>
      <c r="AV1676" s="9">
        <v>23906</v>
      </c>
      <c r="AW1676" s="9">
        <v>20795</v>
      </c>
      <c r="AX1676" s="9">
        <v>20035</v>
      </c>
      <c r="AY1676" s="9">
        <v>22257</v>
      </c>
      <c r="AZ1676" s="9">
        <v>24992</v>
      </c>
      <c r="BA1676" s="9">
        <v>27260</v>
      </c>
      <c r="BB1676" s="9">
        <v>24234</v>
      </c>
      <c r="BC1676" s="9">
        <v>25643</v>
      </c>
      <c r="BD1676" s="9">
        <v>26420</v>
      </c>
      <c r="BE1676" s="9">
        <v>28894</v>
      </c>
      <c r="BF1676" s="9">
        <v>26947</v>
      </c>
      <c r="BG1676" s="11">
        <v>-5</v>
      </c>
      <c r="BH1676" s="13">
        <v>-0.27777777777777779</v>
      </c>
      <c r="BI1676" s="6">
        <v>0</v>
      </c>
      <c r="BJ1676" s="13">
        <v>0</v>
      </c>
      <c r="BK1676" s="6">
        <v>-3</v>
      </c>
      <c r="BL1676" s="13">
        <v>-0.16666666666666666</v>
      </c>
      <c r="BM1676" s="11">
        <v>-2</v>
      </c>
      <c r="BN1676" s="13">
        <v>-0.13333333333333333</v>
      </c>
      <c r="BO1676" s="11">
        <v>-5</v>
      </c>
      <c r="BP1676" s="13">
        <v>-0.27777777777777779</v>
      </c>
      <c r="BQ1676" s="6">
        <v>18</v>
      </c>
      <c r="BR1676" s="6">
        <v>18</v>
      </c>
      <c r="BS1676" s="6">
        <v>20</v>
      </c>
      <c r="BT1676" s="6">
        <v>18</v>
      </c>
      <c r="BU1676" s="6">
        <v>17</v>
      </c>
      <c r="BV1676" s="6">
        <v>16</v>
      </c>
      <c r="BW1676" s="6">
        <v>15</v>
      </c>
      <c r="BX1676" s="6">
        <v>13</v>
      </c>
      <c r="BY1676" s="6">
        <v>13</v>
      </c>
      <c r="BZ1676" s="6">
        <v>13</v>
      </c>
      <c r="CA1676" s="6">
        <v>13</v>
      </c>
      <c r="CB1676" s="6">
        <v>14</v>
      </c>
      <c r="CC1676" s="11">
        <v>13</v>
      </c>
      <c r="CD1676" s="11">
        <v>-38</v>
      </c>
      <c r="CE1676" s="11">
        <v>-4</v>
      </c>
      <c r="CF1676" s="11">
        <v>8</v>
      </c>
      <c r="CG1676" s="11">
        <v>4</v>
      </c>
      <c r="CH1676" s="20">
        <v>0.56999999999999995</v>
      </c>
      <c r="CI1676" s="20">
        <v>0.48</v>
      </c>
      <c r="CJ1676" s="20">
        <v>0.52</v>
      </c>
      <c r="CK1676" s="20">
        <v>0.47</v>
      </c>
      <c r="CL1676" s="20">
        <v>0.55000000000000004</v>
      </c>
      <c r="CM1676" s="20">
        <v>0.53</v>
      </c>
      <c r="CN1676" s="20">
        <v>0.47</v>
      </c>
      <c r="CO1676" s="20">
        <v>0.38</v>
      </c>
      <c r="CP1676" s="20">
        <v>0.35</v>
      </c>
      <c r="CQ1676" s="20">
        <v>0.32</v>
      </c>
      <c r="CR1676" s="20">
        <v>0.27</v>
      </c>
      <c r="CS1676" s="20">
        <v>0.3</v>
      </c>
      <c r="CT1676" s="20">
        <v>0.28000000000000003</v>
      </c>
      <c r="CU1676" s="20">
        <v>0.31</v>
      </c>
      <c r="CV1676" s="20">
        <v>0.31</v>
      </c>
      <c r="CW1676" s="20">
        <v>0.31</v>
      </c>
      <c r="CX1676" s="20">
        <v>0.32</v>
      </c>
      <c r="CY1676" s="6" t="s">
        <v>633</v>
      </c>
      <c r="CZ1676" s="6" t="s">
        <v>634</v>
      </c>
      <c r="DA1676" s="6" t="s">
        <v>131</v>
      </c>
      <c r="DB1676" s="6" t="s">
        <v>345</v>
      </c>
      <c r="DC1676" s="6"/>
      <c r="DD1676" s="6"/>
      <c r="DE1676" s="6"/>
      <c r="DF1676" s="6"/>
      <c r="DG1676" s="6"/>
      <c r="DH1676" s="6" t="s">
        <v>333</v>
      </c>
      <c r="DI1676" s="6"/>
      <c r="DJ1676" s="6"/>
      <c r="DK1676" s="6"/>
      <c r="DL1676" s="6">
        <v>9</v>
      </c>
      <c r="DM1676" s="6" t="s">
        <v>440</v>
      </c>
      <c r="DN1676" s="6">
        <v>7</v>
      </c>
      <c r="DO1676" s="6" t="s">
        <v>369</v>
      </c>
      <c r="DP1676" s="6"/>
      <c r="DQ1676" s="6"/>
    </row>
    <row r="1677" spans="1:121" x14ac:dyDescent="0.2">
      <c r="A1677" s="6" t="s">
        <v>317</v>
      </c>
      <c r="B1677" s="6" t="s">
        <v>317</v>
      </c>
      <c r="C1677" s="6" t="s">
        <v>186</v>
      </c>
      <c r="D1677" s="6" t="s">
        <v>131</v>
      </c>
      <c r="E1677" s="6" t="s">
        <v>272</v>
      </c>
      <c r="F1677" s="11">
        <v>-10</v>
      </c>
      <c r="G1677" s="13">
        <v>-0.22</v>
      </c>
      <c r="H1677" s="11">
        <v>5</v>
      </c>
      <c r="I1677" s="13">
        <v>0.10869565217391304</v>
      </c>
      <c r="J1677" s="11">
        <v>-8</v>
      </c>
      <c r="K1677" s="13">
        <v>-0.15686274509803921</v>
      </c>
      <c r="L1677" s="11">
        <v>-7</v>
      </c>
      <c r="M1677" s="13">
        <v>-0.16279069767441862</v>
      </c>
      <c r="N1677" s="11">
        <v>-15</v>
      </c>
      <c r="O1677" s="13">
        <v>-0.29411764705882354</v>
      </c>
      <c r="P1677" s="7">
        <v>46</v>
      </c>
      <c r="Q1677" s="7">
        <v>48</v>
      </c>
      <c r="R1677" s="7">
        <v>44</v>
      </c>
      <c r="S1677" s="7">
        <v>49</v>
      </c>
      <c r="T1677" s="7">
        <v>49</v>
      </c>
      <c r="U1677" s="7">
        <v>42</v>
      </c>
      <c r="V1677" s="7">
        <v>51</v>
      </c>
      <c r="W1677" s="7">
        <v>52</v>
      </c>
      <c r="X1677" s="7">
        <v>46</v>
      </c>
      <c r="Y1677" s="7">
        <v>43</v>
      </c>
      <c r="Z1677" s="7">
        <v>42</v>
      </c>
      <c r="AA1677" s="7">
        <v>45</v>
      </c>
      <c r="AB1677" s="7">
        <v>47</v>
      </c>
      <c r="AC1677" s="7">
        <v>45</v>
      </c>
      <c r="AD1677" s="7">
        <v>38</v>
      </c>
      <c r="AE1677" s="7">
        <v>37</v>
      </c>
      <c r="AF1677" s="7">
        <v>36</v>
      </c>
      <c r="AG1677" s="9">
        <v>11560</v>
      </c>
      <c r="AH1677" s="13">
        <v>0.43028362986674606</v>
      </c>
      <c r="AI1677" s="9">
        <v>999</v>
      </c>
      <c r="AJ1677" s="13">
        <v>3.7184545522221397E-2</v>
      </c>
      <c r="AK1677" s="9">
        <v>2606</v>
      </c>
      <c r="AL1677" s="13">
        <v>9.3522339852862013E-2</v>
      </c>
      <c r="AM1677" s="9">
        <v>7955</v>
      </c>
      <c r="AN1677" s="13">
        <v>0.2610679006268255</v>
      </c>
      <c r="AO1677" s="9">
        <v>10561</v>
      </c>
      <c r="AP1677" s="13">
        <v>0.37900592140678274</v>
      </c>
      <c r="AQ1677" s="9">
        <v>26866</v>
      </c>
      <c r="AR1677" s="9">
        <v>25366</v>
      </c>
      <c r="AS1677" s="9">
        <v>26561</v>
      </c>
      <c r="AT1677" s="9">
        <v>25969</v>
      </c>
      <c r="AU1677" s="9">
        <v>30296</v>
      </c>
      <c r="AV1677" s="9">
        <v>27612</v>
      </c>
      <c r="AW1677" s="9">
        <v>27865</v>
      </c>
      <c r="AX1677" s="9">
        <v>29045</v>
      </c>
      <c r="AY1677" s="9">
        <v>30706</v>
      </c>
      <c r="AZ1677" s="9">
        <v>30471</v>
      </c>
      <c r="BA1677" s="9">
        <v>28862</v>
      </c>
      <c r="BB1677" s="9">
        <v>36406</v>
      </c>
      <c r="BC1677" s="9">
        <v>37101</v>
      </c>
      <c r="BD1677" s="9">
        <v>35203</v>
      </c>
      <c r="BE1677" s="9">
        <v>35509</v>
      </c>
      <c r="BF1677" s="9">
        <v>38426</v>
      </c>
      <c r="BG1677" s="11">
        <v>-6</v>
      </c>
      <c r="BH1677" s="13">
        <v>-0.46153846153846156</v>
      </c>
      <c r="BI1677" s="6">
        <v>1</v>
      </c>
      <c r="BJ1677" s="13">
        <v>7.6923076923076927E-2</v>
      </c>
      <c r="BK1677" s="6">
        <v>-3</v>
      </c>
      <c r="BL1677" s="13">
        <v>-0.21428571428571427</v>
      </c>
      <c r="BM1677" s="11">
        <v>-4</v>
      </c>
      <c r="BN1677" s="13">
        <v>-0.36363636363636365</v>
      </c>
      <c r="BO1677" s="11">
        <v>-7</v>
      </c>
      <c r="BP1677" s="13">
        <v>-0.5</v>
      </c>
      <c r="BQ1677" s="6">
        <v>13</v>
      </c>
      <c r="BR1677" s="6">
        <v>15</v>
      </c>
      <c r="BS1677" s="6">
        <v>14</v>
      </c>
      <c r="BT1677" s="6">
        <v>14</v>
      </c>
      <c r="BU1677" s="6">
        <v>14</v>
      </c>
      <c r="BV1677" s="6">
        <v>12</v>
      </c>
      <c r="BW1677" s="6">
        <v>11</v>
      </c>
      <c r="BX1677" s="6">
        <v>10</v>
      </c>
      <c r="BY1677" s="6">
        <v>10</v>
      </c>
      <c r="BZ1677" s="6">
        <v>9</v>
      </c>
      <c r="CA1677" s="6">
        <v>9</v>
      </c>
      <c r="CB1677" s="6">
        <v>8</v>
      </c>
      <c r="CC1677" s="11">
        <v>7</v>
      </c>
      <c r="CD1677" s="11">
        <v>-24</v>
      </c>
      <c r="CE1677" s="11">
        <v>9</v>
      </c>
      <c r="CF1677" s="11">
        <v>5</v>
      </c>
      <c r="CG1677" s="11">
        <v>14</v>
      </c>
      <c r="CH1677" s="20">
        <v>0.12</v>
      </c>
      <c r="CI1677" s="20">
        <v>0.12</v>
      </c>
      <c r="CJ1677" s="20">
        <v>0.12</v>
      </c>
      <c r="CK1677" s="20">
        <v>0.13</v>
      </c>
      <c r="CL1677" s="20">
        <v>0.12</v>
      </c>
      <c r="CM1677" s="20">
        <v>0.1</v>
      </c>
      <c r="CN1677" s="20">
        <v>0.12</v>
      </c>
      <c r="CO1677" s="20">
        <v>0.12</v>
      </c>
      <c r="CP1677" s="20">
        <v>0.11</v>
      </c>
      <c r="CQ1677" s="20">
        <v>0.1</v>
      </c>
      <c r="CR1677" s="20">
        <v>0.09</v>
      </c>
      <c r="CS1677" s="20">
        <v>0.1</v>
      </c>
      <c r="CT1677" s="20">
        <v>0.11</v>
      </c>
      <c r="CU1677" s="20">
        <v>0.1</v>
      </c>
      <c r="CV1677" s="20">
        <v>0.09</v>
      </c>
      <c r="CW1677" s="20">
        <v>0.08</v>
      </c>
      <c r="CX1677" s="20">
        <v>0.08</v>
      </c>
      <c r="CY1677" s="6" t="s">
        <v>633</v>
      </c>
      <c r="CZ1677" s="6" t="s">
        <v>634</v>
      </c>
      <c r="DA1677" s="6" t="s">
        <v>131</v>
      </c>
      <c r="DB1677" s="6" t="s">
        <v>345</v>
      </c>
      <c r="DC1677" s="6"/>
      <c r="DD1677" s="6"/>
      <c r="DE1677" s="6"/>
      <c r="DF1677" s="6"/>
      <c r="DG1677" s="6"/>
      <c r="DH1677" s="6" t="s">
        <v>333</v>
      </c>
      <c r="DI1677" s="6"/>
      <c r="DJ1677" s="6"/>
      <c r="DK1677" s="6"/>
      <c r="DL1677" s="6">
        <v>9</v>
      </c>
      <c r="DM1677" s="6" t="s">
        <v>440</v>
      </c>
      <c r="DN1677" s="6">
        <v>7</v>
      </c>
      <c r="DO1677" s="6" t="s">
        <v>369</v>
      </c>
      <c r="DP1677" s="6"/>
      <c r="DQ1677" s="6"/>
    </row>
    <row r="1678" spans="1:121" x14ac:dyDescent="0.2">
      <c r="A1678" s="6" t="s">
        <v>318</v>
      </c>
      <c r="B1678" s="6" t="s">
        <v>318</v>
      </c>
      <c r="C1678" s="6" t="s">
        <v>187</v>
      </c>
      <c r="D1678" s="6" t="s">
        <v>131</v>
      </c>
      <c r="E1678" s="6" t="s">
        <v>272</v>
      </c>
      <c r="F1678" s="11">
        <v>1</v>
      </c>
      <c r="G1678" s="13">
        <v>1</v>
      </c>
      <c r="H1678" s="11">
        <v>0</v>
      </c>
      <c r="I1678" s="13">
        <v>0</v>
      </c>
      <c r="J1678" s="11">
        <v>-5</v>
      </c>
      <c r="K1678" s="13">
        <v>-1</v>
      </c>
      <c r="L1678" s="11">
        <v>5</v>
      </c>
      <c r="M1678" s="13"/>
      <c r="N1678" s="11">
        <v>0</v>
      </c>
      <c r="O1678" s="13">
        <v>0</v>
      </c>
      <c r="P1678" s="7">
        <v>5</v>
      </c>
      <c r="Q1678" s="7">
        <v>5</v>
      </c>
      <c r="R1678" s="7">
        <v>5</v>
      </c>
      <c r="S1678" s="7">
        <v>5</v>
      </c>
      <c r="T1678" s="7">
        <v>5</v>
      </c>
      <c r="U1678" s="7">
        <v>5</v>
      </c>
      <c r="V1678" s="7">
        <v>5</v>
      </c>
      <c r="W1678" s="7">
        <v>5</v>
      </c>
      <c r="X1678" s="7">
        <v>0</v>
      </c>
      <c r="Y1678" s="7">
        <v>0</v>
      </c>
      <c r="Z1678" s="7">
        <v>0</v>
      </c>
      <c r="AA1678" s="7">
        <v>5</v>
      </c>
      <c r="AB1678" s="7">
        <v>5</v>
      </c>
      <c r="AC1678" s="7">
        <v>5</v>
      </c>
      <c r="AD1678" s="7">
        <v>5</v>
      </c>
      <c r="AE1678" s="7">
        <v>5</v>
      </c>
      <c r="AF1678" s="7">
        <v>5</v>
      </c>
      <c r="AG1678" s="9">
        <v>0</v>
      </c>
      <c r="AH1678" s="13">
        <v>0</v>
      </c>
      <c r="AI1678" s="9">
        <v>0</v>
      </c>
      <c r="AJ1678" s="13">
        <v>0</v>
      </c>
      <c r="AK1678" s="9">
        <v>-1</v>
      </c>
      <c r="AL1678" s="13">
        <v>-1</v>
      </c>
      <c r="AM1678" s="9">
        <v>1</v>
      </c>
      <c r="AN1678" s="13"/>
      <c r="AO1678" s="9">
        <v>0</v>
      </c>
      <c r="AP1678" s="13">
        <v>0</v>
      </c>
      <c r="AQ1678" s="9">
        <v>1</v>
      </c>
      <c r="AR1678" s="9">
        <v>1</v>
      </c>
      <c r="AS1678" s="9">
        <v>1</v>
      </c>
      <c r="AT1678" s="9">
        <v>1</v>
      </c>
      <c r="AU1678" s="9">
        <v>1</v>
      </c>
      <c r="AV1678" s="9">
        <v>1</v>
      </c>
      <c r="AW1678" s="9">
        <v>1</v>
      </c>
      <c r="AX1678" s="9">
        <v>1</v>
      </c>
      <c r="AY1678" s="9">
        <v>0</v>
      </c>
      <c r="AZ1678" s="9">
        <v>0</v>
      </c>
      <c r="BA1678" s="9">
        <v>0</v>
      </c>
      <c r="BB1678" s="9">
        <v>1</v>
      </c>
      <c r="BC1678" s="9">
        <v>1</v>
      </c>
      <c r="BD1678" s="9">
        <v>1</v>
      </c>
      <c r="BE1678" s="9">
        <v>1</v>
      </c>
      <c r="BF1678" s="9">
        <v>1</v>
      </c>
      <c r="BG1678" s="11">
        <v>-1</v>
      </c>
      <c r="BH1678" s="13">
        <v>-0.5</v>
      </c>
      <c r="BI1678" s="6">
        <v>-1</v>
      </c>
      <c r="BJ1678" s="13">
        <v>-0.5</v>
      </c>
      <c r="BK1678" s="6">
        <v>-1</v>
      </c>
      <c r="BL1678" s="13">
        <v>-1</v>
      </c>
      <c r="BM1678" s="11">
        <v>1</v>
      </c>
      <c r="BN1678" s="13" t="e">
        <v>#DIV/0!</v>
      </c>
      <c r="BO1678" s="11">
        <v>0</v>
      </c>
      <c r="BP1678" s="13">
        <v>0</v>
      </c>
      <c r="BQ1678" s="6">
        <v>2</v>
      </c>
      <c r="BR1678" s="6">
        <v>2</v>
      </c>
      <c r="BS1678" s="6">
        <v>1</v>
      </c>
      <c r="BT1678" s="6">
        <v>1</v>
      </c>
      <c r="BU1678" s="6">
        <v>1</v>
      </c>
      <c r="BV1678" s="6">
        <v>0</v>
      </c>
      <c r="BW1678" s="6">
        <v>0</v>
      </c>
      <c r="BX1678" s="6">
        <v>0</v>
      </c>
      <c r="BY1678" s="6">
        <v>1</v>
      </c>
      <c r="BZ1678" s="6">
        <v>1</v>
      </c>
      <c r="CA1678" s="6">
        <v>1</v>
      </c>
      <c r="CB1678" s="6">
        <v>1</v>
      </c>
      <c r="CC1678" s="11">
        <v>1</v>
      </c>
      <c r="CD1678" s="11">
        <v>-0.76500599999999996</v>
      </c>
      <c r="CE1678" s="11">
        <v>0.23582</v>
      </c>
      <c r="CF1678" s="11">
        <v>0.120397</v>
      </c>
      <c r="CG1678" s="11">
        <v>0</v>
      </c>
      <c r="CH1678" s="20">
        <v>1.30226E-2</v>
      </c>
      <c r="CI1678" s="20">
        <v>3.8049800000000002E-2</v>
      </c>
      <c r="CJ1678" s="20">
        <v>2.64227E-2</v>
      </c>
      <c r="CK1678" s="20">
        <v>1.6349800000000001E-2</v>
      </c>
      <c r="CL1678" s="20">
        <v>3.6287399999999997E-2</v>
      </c>
      <c r="CM1678" s="20">
        <v>0.107687</v>
      </c>
      <c r="CN1678" s="20">
        <v>7.0725099999999999E-2</v>
      </c>
      <c r="CO1678" s="20">
        <v>7.7322199999999994E-2</v>
      </c>
      <c r="CP1678" s="20">
        <v>0</v>
      </c>
      <c r="CQ1678" s="20">
        <v>0</v>
      </c>
      <c r="CR1678" s="20">
        <v>0</v>
      </c>
      <c r="CS1678" s="20">
        <v>2.2928500000000001E-2</v>
      </c>
      <c r="CT1678" s="20">
        <v>2.85019E-2</v>
      </c>
      <c r="CU1678" s="20">
        <v>2.6279299999999998E-2</v>
      </c>
      <c r="CV1678" s="20">
        <v>1.2783600000000001E-2</v>
      </c>
      <c r="CW1678" s="20">
        <v>7.5330700000000002E-3</v>
      </c>
      <c r="CX1678" s="20">
        <v>7.0436800000000001E-3</v>
      </c>
      <c r="CY1678" s="6" t="s">
        <v>633</v>
      </c>
      <c r="CZ1678" s="6" t="s">
        <v>634</v>
      </c>
      <c r="DA1678" s="6" t="s">
        <v>131</v>
      </c>
      <c r="DB1678" s="6" t="s">
        <v>345</v>
      </c>
      <c r="DC1678" s="6"/>
      <c r="DD1678" s="6"/>
      <c r="DE1678" s="6"/>
      <c r="DF1678" s="6"/>
      <c r="DG1678" s="6"/>
      <c r="DH1678" s="6" t="s">
        <v>333</v>
      </c>
      <c r="DI1678" s="6"/>
      <c r="DJ1678" s="6"/>
      <c r="DK1678" s="6"/>
      <c r="DL1678" s="6">
        <v>9</v>
      </c>
      <c r="DM1678" s="6" t="s">
        <v>440</v>
      </c>
      <c r="DN1678" s="6">
        <v>7</v>
      </c>
      <c r="DO1678" s="6" t="s">
        <v>369</v>
      </c>
      <c r="DP1678" s="6"/>
      <c r="DQ1678" s="6"/>
    </row>
    <row r="1679" spans="1:121" x14ac:dyDescent="0.2">
      <c r="A1679" s="6" t="s">
        <v>319</v>
      </c>
      <c r="B1679" s="6" t="s">
        <v>319</v>
      </c>
      <c r="C1679" s="6" t="s">
        <v>188</v>
      </c>
      <c r="D1679" s="6" t="s">
        <v>131</v>
      </c>
      <c r="E1679" s="6" t="s">
        <v>272</v>
      </c>
      <c r="F1679" s="11">
        <v>19</v>
      </c>
      <c r="G1679" s="13">
        <v>0.43181818181800002</v>
      </c>
      <c r="H1679" s="11">
        <v>13.780574674500002</v>
      </c>
      <c r="I1679" s="13">
        <v>0.31455242058523319</v>
      </c>
      <c r="J1679" s="11">
        <v>-2.5753885733999979</v>
      </c>
      <c r="K1679" s="13">
        <v>-4.4718842938578807E-2</v>
      </c>
      <c r="L1679" s="11">
        <v>7.7858104346999966</v>
      </c>
      <c r="M1679" s="13">
        <v>0.14152084327074757</v>
      </c>
      <c r="N1679" s="11">
        <v>5.2104218612999986</v>
      </c>
      <c r="O1679" s="13">
        <v>9.0473351969408977E-2</v>
      </c>
      <c r="P1679" s="7">
        <v>43.810105319999998</v>
      </c>
      <c r="Q1679" s="7">
        <v>56.8098535691</v>
      </c>
      <c r="R1679" s="7">
        <v>57.849365212000002</v>
      </c>
      <c r="S1679" s="7">
        <v>52.376186758899998</v>
      </c>
      <c r="T1679" s="7">
        <v>57.843786106400003</v>
      </c>
      <c r="U1679" s="7">
        <v>49.769734661299999</v>
      </c>
      <c r="V1679" s="7">
        <v>57.5906799945</v>
      </c>
      <c r="W1679" s="7">
        <v>67.798887694800001</v>
      </c>
      <c r="X1679" s="7">
        <v>69.172400421299997</v>
      </c>
      <c r="Y1679" s="7">
        <v>55.015291421100002</v>
      </c>
      <c r="Z1679" s="7">
        <v>61.250025456000003</v>
      </c>
      <c r="AA1679" s="7">
        <v>59.359171521599997</v>
      </c>
      <c r="AB1679" s="7">
        <v>56.617935609100002</v>
      </c>
      <c r="AC1679" s="7">
        <v>57.148355110300002</v>
      </c>
      <c r="AD1679" s="7">
        <v>55.274916191400003</v>
      </c>
      <c r="AE1679" s="7">
        <v>60.904326763599997</v>
      </c>
      <c r="AF1679" s="7">
        <v>62.801101855799999</v>
      </c>
      <c r="AG1679" s="9">
        <v>2768.0152110999989</v>
      </c>
      <c r="AH1679" s="13">
        <v>0.15763049600465101</v>
      </c>
      <c r="AI1679" s="9">
        <v>-1477.7684963000011</v>
      </c>
      <c r="AJ1679" s="13">
        <v>-8.4154660753922098E-2</v>
      </c>
      <c r="AK1679" s="9">
        <v>4711.2233649999998</v>
      </c>
      <c r="AL1679" s="13">
        <v>0.29294313522992593</v>
      </c>
      <c r="AM1679" s="9">
        <v>-465.43965759999992</v>
      </c>
      <c r="AN1679" s="13">
        <v>-2.2383788308462195E-2</v>
      </c>
      <c r="AO1679" s="9">
        <v>4245.7837073999999</v>
      </c>
      <c r="AP1679" s="13">
        <v>0.26400216979605984</v>
      </c>
      <c r="AQ1679" s="9">
        <v>17560.1503596</v>
      </c>
      <c r="AR1679" s="9">
        <v>15447.872650699999</v>
      </c>
      <c r="AS1679" s="9">
        <v>16089.0845574</v>
      </c>
      <c r="AT1679" s="9">
        <v>17618.492892999999</v>
      </c>
      <c r="AU1679" s="9">
        <v>17177.280849399998</v>
      </c>
      <c r="AV1679" s="9">
        <v>19460.726685900001</v>
      </c>
      <c r="AW1679" s="9">
        <v>16082.381863299999</v>
      </c>
      <c r="AX1679" s="9">
        <v>15780.89258</v>
      </c>
      <c r="AY1679" s="9">
        <v>18670.697673400002</v>
      </c>
      <c r="AZ1679" s="9">
        <v>20793.605228299999</v>
      </c>
      <c r="BA1679" s="9">
        <v>18091.1649674</v>
      </c>
      <c r="BB1679" s="9">
        <v>17359.8406531</v>
      </c>
      <c r="BC1679" s="9">
        <v>18081.286958000001</v>
      </c>
      <c r="BD1679" s="9">
        <v>19556.5012608</v>
      </c>
      <c r="BE1679" s="9">
        <v>20509.0387759</v>
      </c>
      <c r="BF1679" s="9">
        <v>20328.165570699999</v>
      </c>
      <c r="BG1679" s="11">
        <v>0</v>
      </c>
      <c r="BH1679" s="13">
        <v>0</v>
      </c>
      <c r="BI1679" s="6">
        <v>4</v>
      </c>
      <c r="BJ1679" s="13">
        <v>0.44444444444444442</v>
      </c>
      <c r="BK1679" s="6">
        <v>-2</v>
      </c>
      <c r="BL1679" s="13">
        <v>-0.15384615384615385</v>
      </c>
      <c r="BM1679" s="11">
        <v>-2</v>
      </c>
      <c r="BN1679" s="13">
        <v>-0.18181818181818182</v>
      </c>
      <c r="BO1679" s="11">
        <v>-4</v>
      </c>
      <c r="BP1679" s="13">
        <v>-0.30769230769230771</v>
      </c>
      <c r="BQ1679" s="6">
        <v>9</v>
      </c>
      <c r="BR1679" s="6">
        <v>11</v>
      </c>
      <c r="BS1679" s="6">
        <v>11</v>
      </c>
      <c r="BT1679" s="6">
        <v>13</v>
      </c>
      <c r="BU1679" s="6">
        <v>12</v>
      </c>
      <c r="BV1679" s="6">
        <v>11</v>
      </c>
      <c r="BW1679" s="6">
        <v>11</v>
      </c>
      <c r="BX1679" s="6">
        <v>9</v>
      </c>
      <c r="BY1679" s="6">
        <v>10</v>
      </c>
      <c r="BZ1679" s="6">
        <v>9</v>
      </c>
      <c r="CA1679" s="6">
        <v>10</v>
      </c>
      <c r="CB1679" s="6">
        <v>9</v>
      </c>
      <c r="CC1679" s="11">
        <v>9</v>
      </c>
      <c r="CD1679" s="11">
        <v>10.260300000000001</v>
      </c>
      <c r="CE1679" s="11">
        <v>3.94171</v>
      </c>
      <c r="CF1679" s="11">
        <v>4.7889699999999999</v>
      </c>
      <c r="CG1679" s="11">
        <v>9</v>
      </c>
      <c r="CH1679" s="20">
        <v>0.1056</v>
      </c>
      <c r="CI1679" s="20">
        <v>0.13495699999999999</v>
      </c>
      <c r="CJ1679" s="20">
        <v>0.14238400000000001</v>
      </c>
      <c r="CK1679" s="20">
        <v>0.12698499999999999</v>
      </c>
      <c r="CL1679" s="20">
        <v>0.13404199999999999</v>
      </c>
      <c r="CM1679" s="20">
        <v>0.11221100000000001</v>
      </c>
      <c r="CN1679" s="20">
        <v>0.13095300000000001</v>
      </c>
      <c r="CO1679" s="20">
        <v>0.16192699999999999</v>
      </c>
      <c r="CP1679" s="20">
        <v>0.17233799999999999</v>
      </c>
      <c r="CQ1679" s="20">
        <v>0.12883700000000001</v>
      </c>
      <c r="CR1679" s="20">
        <v>0.14030999999999999</v>
      </c>
      <c r="CS1679" s="20">
        <v>0.130991</v>
      </c>
      <c r="CT1679" s="20">
        <v>0.13240299999999999</v>
      </c>
      <c r="CU1679" s="20">
        <v>0.13139600000000001</v>
      </c>
      <c r="CV1679" s="20">
        <v>0.127608</v>
      </c>
      <c r="CW1679" s="20">
        <v>0.140458</v>
      </c>
      <c r="CX1679" s="20">
        <v>0.143678</v>
      </c>
      <c r="CY1679" s="6" t="s">
        <v>633</v>
      </c>
      <c r="CZ1679" s="6" t="s">
        <v>634</v>
      </c>
      <c r="DA1679" s="6" t="s">
        <v>131</v>
      </c>
      <c r="DB1679" s="6" t="s">
        <v>345</v>
      </c>
      <c r="DC1679" s="6"/>
      <c r="DD1679" s="6"/>
      <c r="DE1679" s="6"/>
      <c r="DF1679" s="6"/>
      <c r="DG1679" s="6"/>
      <c r="DH1679" s="6" t="s">
        <v>333</v>
      </c>
      <c r="DI1679" s="6"/>
      <c r="DJ1679" s="6"/>
      <c r="DK1679" s="6"/>
      <c r="DL1679" s="6">
        <v>9</v>
      </c>
      <c r="DM1679" s="6" t="s">
        <v>440</v>
      </c>
      <c r="DN1679" s="6">
        <v>7</v>
      </c>
      <c r="DO1679" s="6" t="s">
        <v>369</v>
      </c>
      <c r="DP1679" s="6"/>
      <c r="DQ1679" s="6"/>
    </row>
    <row r="1680" spans="1:121" x14ac:dyDescent="0.2">
      <c r="A1680" s="6" t="s">
        <v>320</v>
      </c>
      <c r="B1680" s="6" t="s">
        <v>320</v>
      </c>
      <c r="C1680" s="6" t="s">
        <v>189</v>
      </c>
      <c r="D1680" s="6" t="s">
        <v>131</v>
      </c>
      <c r="E1680" s="6" t="s">
        <v>272</v>
      </c>
      <c r="F1680" s="11">
        <v>1</v>
      </c>
      <c r="G1680" s="13">
        <v>1</v>
      </c>
      <c r="H1680" s="11">
        <v>5.7667937610000006</v>
      </c>
      <c r="I1680" s="13">
        <v>1.1533587522000002</v>
      </c>
      <c r="J1680" s="11">
        <v>-5.7667937610000006</v>
      </c>
      <c r="K1680" s="13">
        <v>-0.53560919703772525</v>
      </c>
      <c r="L1680" s="11">
        <v>0</v>
      </c>
      <c r="M1680" s="13">
        <v>0</v>
      </c>
      <c r="N1680" s="11">
        <v>-5.7667937610000006</v>
      </c>
      <c r="O1680" s="13">
        <v>-0.53560919703772525</v>
      </c>
      <c r="P1680" s="7">
        <v>5</v>
      </c>
      <c r="Q1680" s="7">
        <v>5</v>
      </c>
      <c r="R1680" s="7">
        <v>5</v>
      </c>
      <c r="S1680" s="7">
        <v>5</v>
      </c>
      <c r="T1680" s="7">
        <v>5</v>
      </c>
      <c r="U1680" s="7">
        <v>5</v>
      </c>
      <c r="V1680" s="7">
        <v>10.766793761000001</v>
      </c>
      <c r="W1680" s="7">
        <v>5</v>
      </c>
      <c r="X1680" s="7">
        <v>5</v>
      </c>
      <c r="Y1680" s="7">
        <v>5</v>
      </c>
      <c r="Z1680" s="7">
        <v>5</v>
      </c>
      <c r="AA1680" s="7">
        <v>5</v>
      </c>
      <c r="AB1680" s="7">
        <v>5</v>
      </c>
      <c r="AC1680" s="7">
        <v>5</v>
      </c>
      <c r="AD1680" s="7">
        <v>5</v>
      </c>
      <c r="AE1680" s="7">
        <v>5</v>
      </c>
      <c r="AF1680" s="7">
        <v>5</v>
      </c>
      <c r="AG1680" s="9">
        <v>0</v>
      </c>
      <c r="AH1680" s="13">
        <v>0</v>
      </c>
      <c r="AI1680" s="9">
        <v>24591.6115202</v>
      </c>
      <c r="AJ1680" s="13">
        <v>24591.6115202</v>
      </c>
      <c r="AK1680" s="9">
        <v>-24591.6115202</v>
      </c>
      <c r="AL1680" s="13">
        <v>-0.99995933738069342</v>
      </c>
      <c r="AM1680" s="9">
        <v>0</v>
      </c>
      <c r="AN1680" s="13">
        <v>0</v>
      </c>
      <c r="AO1680" s="9">
        <v>-24591.6115202</v>
      </c>
      <c r="AP1680" s="13">
        <v>-0.99995933738069342</v>
      </c>
      <c r="AQ1680" s="9">
        <v>1</v>
      </c>
      <c r="AR1680" s="9">
        <v>1</v>
      </c>
      <c r="AS1680" s="9">
        <v>1</v>
      </c>
      <c r="AT1680" s="9">
        <v>1</v>
      </c>
      <c r="AU1680" s="9">
        <v>1</v>
      </c>
      <c r="AV1680" s="9">
        <v>1</v>
      </c>
      <c r="AW1680" s="9">
        <v>24592.6115202</v>
      </c>
      <c r="AX1680" s="9">
        <v>1</v>
      </c>
      <c r="AY1680" s="9">
        <v>1</v>
      </c>
      <c r="AZ1680" s="9">
        <v>1</v>
      </c>
      <c r="BA1680" s="9">
        <v>1</v>
      </c>
      <c r="BB1680" s="9">
        <v>1</v>
      </c>
      <c r="BC1680" s="9">
        <v>1</v>
      </c>
      <c r="BD1680" s="9">
        <v>1</v>
      </c>
      <c r="BE1680" s="9">
        <v>1</v>
      </c>
      <c r="BF1680" s="9">
        <v>1</v>
      </c>
      <c r="BG1680" s="11">
        <v>0</v>
      </c>
      <c r="BH1680" s="13" t="e">
        <v>#DIV/0!</v>
      </c>
      <c r="BI1680" s="6">
        <v>1</v>
      </c>
      <c r="BJ1680" s="13" t="e">
        <v>#DIV/0!</v>
      </c>
      <c r="BK1680" s="6">
        <v>-1</v>
      </c>
      <c r="BL1680" s="13">
        <v>-1</v>
      </c>
      <c r="BM1680" s="11">
        <v>0</v>
      </c>
      <c r="BN1680" s="13" t="e">
        <v>#DIV/0!</v>
      </c>
      <c r="BO1680" s="11">
        <v>-1</v>
      </c>
      <c r="BP1680" s="13">
        <v>-1</v>
      </c>
      <c r="BQ1680" s="6">
        <v>0</v>
      </c>
      <c r="BR1680" s="6">
        <v>1</v>
      </c>
      <c r="BS1680" s="6">
        <v>1</v>
      </c>
      <c r="BT1680" s="6">
        <v>1</v>
      </c>
      <c r="BU1680" s="6">
        <v>1</v>
      </c>
      <c r="BV1680" s="6">
        <v>0</v>
      </c>
      <c r="BW1680" s="6">
        <v>0</v>
      </c>
      <c r="BX1680" s="6">
        <v>0</v>
      </c>
      <c r="BY1680" s="6">
        <v>0</v>
      </c>
      <c r="BZ1680" s="6">
        <v>0</v>
      </c>
      <c r="CA1680" s="6">
        <v>0</v>
      </c>
      <c r="CB1680" s="6">
        <v>0</v>
      </c>
      <c r="CC1680" s="11">
        <v>0</v>
      </c>
      <c r="CD1680" s="11">
        <v>-0.61122799999999999</v>
      </c>
      <c r="CE1680" s="11">
        <v>0.70978600000000003</v>
      </c>
      <c r="CF1680" s="11">
        <v>0.21426999999999999</v>
      </c>
      <c r="CG1680" s="11">
        <v>1</v>
      </c>
      <c r="CH1680" s="20">
        <v>1.41619E-2</v>
      </c>
      <c r="CI1680" s="20">
        <v>1.52712E-2</v>
      </c>
      <c r="CJ1680" s="20">
        <v>1.5191400000000001E-2</v>
      </c>
      <c r="CK1680" s="20">
        <v>3.0633899999999999E-2</v>
      </c>
      <c r="CL1680" s="20">
        <v>2.90417E-2</v>
      </c>
      <c r="CM1680" s="20">
        <v>4.1965700000000002E-2</v>
      </c>
      <c r="CN1680" s="20">
        <v>6.8613199999999999E-2</v>
      </c>
      <c r="CO1680" s="20">
        <v>3.5308899999999997E-2</v>
      </c>
      <c r="CP1680" s="20">
        <v>2.19338E-2</v>
      </c>
      <c r="CQ1680" s="20">
        <v>3.0784099999999998E-2</v>
      </c>
      <c r="CR1680" s="20">
        <v>4.5973800000000002E-2</v>
      </c>
      <c r="CS1680" s="20">
        <v>2.79749E-2</v>
      </c>
      <c r="CT1680" s="20">
        <v>2.2521200000000002E-2</v>
      </c>
      <c r="CU1680" s="20">
        <v>1.4696000000000001E-2</v>
      </c>
      <c r="CV1680" s="20">
        <v>1.3537199999999999E-2</v>
      </c>
      <c r="CW1680" s="20">
        <v>1.31634E-2</v>
      </c>
      <c r="CX1680" s="20">
        <v>1.2704200000000001E-2</v>
      </c>
      <c r="CY1680" s="6" t="s">
        <v>633</v>
      </c>
      <c r="CZ1680" s="6" t="s">
        <v>634</v>
      </c>
      <c r="DA1680" s="6" t="s">
        <v>131</v>
      </c>
      <c r="DB1680" s="6" t="s">
        <v>345</v>
      </c>
      <c r="DC1680" s="6"/>
      <c r="DD1680" s="6"/>
      <c r="DE1680" s="6"/>
      <c r="DF1680" s="6"/>
      <c r="DG1680" s="6"/>
      <c r="DH1680" s="6" t="s">
        <v>333</v>
      </c>
      <c r="DI1680" s="6"/>
      <c r="DJ1680" s="6"/>
      <c r="DK1680" s="6"/>
      <c r="DL1680" s="6">
        <v>9</v>
      </c>
      <c r="DM1680" s="6" t="s">
        <v>440</v>
      </c>
      <c r="DN1680" s="6">
        <v>7</v>
      </c>
      <c r="DO1680" s="6" t="s">
        <v>369</v>
      </c>
      <c r="DP1680" s="6"/>
      <c r="DQ1680" s="6"/>
    </row>
    <row r="1681" spans="1:121" x14ac:dyDescent="0.2">
      <c r="A1681" s="6" t="s">
        <v>321</v>
      </c>
      <c r="B1681" s="6" t="s">
        <v>321</v>
      </c>
      <c r="C1681" s="6" t="s">
        <v>190</v>
      </c>
      <c r="D1681" s="6" t="s">
        <v>131</v>
      </c>
      <c r="E1681" s="6" t="s">
        <v>272</v>
      </c>
      <c r="F1681" s="11">
        <v>748</v>
      </c>
      <c r="G1681" s="13">
        <v>1.29188255613</v>
      </c>
      <c r="H1681" s="11">
        <v>67.106176023999978</v>
      </c>
      <c r="I1681" s="13">
        <v>0.11581643219909817</v>
      </c>
      <c r="J1681" s="11">
        <v>198.88829474499994</v>
      </c>
      <c r="K1681" s="13">
        <v>0.30762679564448936</v>
      </c>
      <c r="L1681" s="11">
        <v>481.57182265200004</v>
      </c>
      <c r="M1681" s="13">
        <v>0.56962913473049914</v>
      </c>
      <c r="N1681" s="11">
        <v>680.46011739699998</v>
      </c>
      <c r="O1681" s="13">
        <v>1.0524891157978753</v>
      </c>
      <c r="P1681" s="7">
        <v>579.41843613900005</v>
      </c>
      <c r="Q1681" s="7">
        <v>583.76846895200003</v>
      </c>
      <c r="R1681" s="7">
        <v>613.73061363800002</v>
      </c>
      <c r="S1681" s="7">
        <v>630.321435361</v>
      </c>
      <c r="T1681" s="7">
        <v>725.13886223899999</v>
      </c>
      <c r="U1681" s="7">
        <v>697.21942467300005</v>
      </c>
      <c r="V1681" s="7">
        <v>646.52461216300003</v>
      </c>
      <c r="W1681" s="7">
        <v>746.635186299</v>
      </c>
      <c r="X1681" s="7">
        <v>806.82154839400005</v>
      </c>
      <c r="Y1681" s="7">
        <v>845.41290690799997</v>
      </c>
      <c r="Z1681" s="7">
        <v>846.861291499</v>
      </c>
      <c r="AA1681" s="7">
        <v>982.03286198800004</v>
      </c>
      <c r="AB1681" s="7">
        <v>1216.1004169600001</v>
      </c>
      <c r="AC1681" s="7">
        <v>1238.7835783800001</v>
      </c>
      <c r="AD1681" s="7">
        <v>1227.5141550000001</v>
      </c>
      <c r="AE1681" s="7">
        <v>1251.48715846</v>
      </c>
      <c r="AF1681" s="7">
        <v>1326.98472956</v>
      </c>
      <c r="AG1681" s="9">
        <v>2246.4536047000001</v>
      </c>
      <c r="AH1681" s="13">
        <v>0.129851733794692</v>
      </c>
      <c r="AI1681" s="9">
        <v>3037.7284575000012</v>
      </c>
      <c r="AJ1681" s="13">
        <v>0.17558978568646089</v>
      </c>
      <c r="AK1681" s="9">
        <v>3187.0811775000002</v>
      </c>
      <c r="AL1681" s="13">
        <v>0.15670671999153454</v>
      </c>
      <c r="AM1681" s="9">
        <v>-3978.3560303000013</v>
      </c>
      <c r="AN1681" s="13">
        <v>-0.16911217796265127</v>
      </c>
      <c r="AO1681" s="9">
        <v>-791.2748528000011</v>
      </c>
      <c r="AP1681" s="13">
        <v>-3.8906472690268486E-2</v>
      </c>
      <c r="AQ1681" s="9">
        <v>17300.1433177</v>
      </c>
      <c r="AR1681" s="9">
        <v>17093.0140016</v>
      </c>
      <c r="AS1681" s="9">
        <v>17982.063921299999</v>
      </c>
      <c r="AT1681" s="9">
        <v>18373.659643499999</v>
      </c>
      <c r="AU1681" s="9">
        <v>19061.929324699999</v>
      </c>
      <c r="AV1681" s="9">
        <v>19055.591942700001</v>
      </c>
      <c r="AW1681" s="9">
        <v>20337.871775200001</v>
      </c>
      <c r="AX1681" s="9">
        <v>20500.959575699999</v>
      </c>
      <c r="AY1681" s="9">
        <v>22500.012901099999</v>
      </c>
      <c r="AZ1681" s="9">
        <v>23524.952952700001</v>
      </c>
      <c r="BA1681" s="9">
        <v>22320.0669896</v>
      </c>
      <c r="BB1681" s="9">
        <v>19385.9337185</v>
      </c>
      <c r="BC1681" s="9">
        <v>18404.737091700001</v>
      </c>
      <c r="BD1681" s="9">
        <v>18562.0990943</v>
      </c>
      <c r="BE1681" s="9">
        <v>19009.405933099999</v>
      </c>
      <c r="BF1681" s="9">
        <v>19546.5969224</v>
      </c>
      <c r="BG1681" s="11">
        <v>375.5</v>
      </c>
      <c r="BH1681" s="13">
        <v>13.907407407407407</v>
      </c>
      <c r="BI1681" s="6">
        <v>5</v>
      </c>
      <c r="BJ1681" s="13">
        <v>0.18518518518518517</v>
      </c>
      <c r="BK1681" s="6">
        <v>-1</v>
      </c>
      <c r="BL1681" s="13">
        <v>-3.125E-2</v>
      </c>
      <c r="BM1681" s="11">
        <v>371.5</v>
      </c>
      <c r="BN1681" s="13">
        <v>11.983870967741936</v>
      </c>
      <c r="BO1681" s="11">
        <v>370.5</v>
      </c>
      <c r="BP1681" s="13">
        <v>11.578125</v>
      </c>
      <c r="BQ1681" s="6">
        <v>27</v>
      </c>
      <c r="BR1681" s="6">
        <v>32</v>
      </c>
      <c r="BS1681" s="6">
        <v>32</v>
      </c>
      <c r="BT1681" s="6">
        <v>32</v>
      </c>
      <c r="BU1681" s="6">
        <v>32</v>
      </c>
      <c r="BV1681" s="6">
        <v>30</v>
      </c>
      <c r="BW1681" s="6">
        <v>31</v>
      </c>
      <c r="BX1681" s="6">
        <v>32</v>
      </c>
      <c r="BY1681" s="6">
        <v>35</v>
      </c>
      <c r="BZ1681" s="6">
        <v>421</v>
      </c>
      <c r="CA1681" s="6">
        <v>422</v>
      </c>
      <c r="CB1681" s="6">
        <v>412</v>
      </c>
      <c r="CC1681" s="11">
        <v>402.5</v>
      </c>
      <c r="CD1681" s="11">
        <v>473.22399999999999</v>
      </c>
      <c r="CE1681" s="11">
        <v>211.005</v>
      </c>
      <c r="CF1681" s="11">
        <v>63.337400000000002</v>
      </c>
      <c r="CG1681" s="11">
        <v>274</v>
      </c>
      <c r="CH1681" s="20">
        <v>0.84762899999999997</v>
      </c>
      <c r="CI1681" s="20">
        <v>0.81015599999999999</v>
      </c>
      <c r="CJ1681" s="20">
        <v>0.85550400000000004</v>
      </c>
      <c r="CK1681" s="20">
        <v>0.87619000000000002</v>
      </c>
      <c r="CL1681" s="20">
        <v>0.97434799999999999</v>
      </c>
      <c r="CM1681" s="20">
        <v>0.91305099999999995</v>
      </c>
      <c r="CN1681" s="20">
        <v>0.83871899999999999</v>
      </c>
      <c r="CO1681" s="20">
        <v>0.94873499999999999</v>
      </c>
      <c r="CP1681" s="20">
        <v>0.95407699999999995</v>
      </c>
      <c r="CQ1681" s="20">
        <v>0.95269599999999999</v>
      </c>
      <c r="CR1681" s="20">
        <v>0.95713899999999996</v>
      </c>
      <c r="CS1681" s="20">
        <v>1.0617399999999999</v>
      </c>
      <c r="CT1681" s="20">
        <v>1.4040999999999999</v>
      </c>
      <c r="CU1681" s="20">
        <v>1.42601</v>
      </c>
      <c r="CV1681" s="20">
        <v>1.4198599999999999</v>
      </c>
      <c r="CW1681" s="20">
        <v>1.43926</v>
      </c>
      <c r="CX1681" s="20">
        <v>1.4996499999999999</v>
      </c>
      <c r="CY1681" s="6" t="s">
        <v>633</v>
      </c>
      <c r="CZ1681" s="6" t="s">
        <v>634</v>
      </c>
      <c r="DA1681" s="6" t="s">
        <v>131</v>
      </c>
      <c r="DB1681" s="6" t="s">
        <v>345</v>
      </c>
      <c r="DC1681" s="6"/>
      <c r="DD1681" s="6"/>
      <c r="DE1681" s="6"/>
      <c r="DF1681" s="6"/>
      <c r="DG1681" s="6"/>
      <c r="DH1681" s="6" t="s">
        <v>333</v>
      </c>
      <c r="DI1681" s="6"/>
      <c r="DJ1681" s="6"/>
      <c r="DK1681" s="6"/>
      <c r="DL1681" s="6">
        <v>9</v>
      </c>
      <c r="DM1681" s="6" t="s">
        <v>440</v>
      </c>
      <c r="DN1681" s="6">
        <v>7</v>
      </c>
      <c r="DO1681" s="6" t="s">
        <v>369</v>
      </c>
      <c r="DP1681" s="6"/>
      <c r="DQ1681" s="6"/>
    </row>
    <row r="1682" spans="1:121" x14ac:dyDescent="0.2">
      <c r="A1682" s="6" t="s">
        <v>322</v>
      </c>
      <c r="B1682" s="6" t="s">
        <v>322</v>
      </c>
      <c r="C1682" s="6" t="s">
        <v>191</v>
      </c>
      <c r="D1682" s="6" t="s">
        <v>131</v>
      </c>
      <c r="E1682" s="6" t="s">
        <v>272</v>
      </c>
      <c r="F1682" s="11">
        <v>-111</v>
      </c>
      <c r="G1682" s="13">
        <v>-0.28000000000000003</v>
      </c>
      <c r="H1682" s="11">
        <v>-97</v>
      </c>
      <c r="I1682" s="13">
        <v>-0.24808184143222503</v>
      </c>
      <c r="J1682" s="11">
        <v>42</v>
      </c>
      <c r="K1682" s="13">
        <v>0.14285714285714285</v>
      </c>
      <c r="L1682" s="11">
        <v>-56</v>
      </c>
      <c r="M1682" s="13">
        <v>-0.16666666666666666</v>
      </c>
      <c r="N1682" s="11">
        <v>-14</v>
      </c>
      <c r="O1682" s="13">
        <v>-4.7619047619047616E-2</v>
      </c>
      <c r="P1682" s="7">
        <v>391</v>
      </c>
      <c r="Q1682" s="7">
        <v>369</v>
      </c>
      <c r="R1682" s="7">
        <v>313</v>
      </c>
      <c r="S1682" s="7">
        <v>324</v>
      </c>
      <c r="T1682" s="7">
        <v>314</v>
      </c>
      <c r="U1682" s="7">
        <v>297</v>
      </c>
      <c r="V1682" s="7">
        <v>294</v>
      </c>
      <c r="W1682" s="7">
        <v>331</v>
      </c>
      <c r="X1682" s="7">
        <v>391</v>
      </c>
      <c r="Y1682" s="7">
        <v>336</v>
      </c>
      <c r="Z1682" s="7">
        <v>300</v>
      </c>
      <c r="AA1682" s="7">
        <v>309</v>
      </c>
      <c r="AB1682" s="7">
        <v>306</v>
      </c>
      <c r="AC1682" s="7">
        <v>293</v>
      </c>
      <c r="AD1682" s="7">
        <v>276</v>
      </c>
      <c r="AE1682" s="7">
        <v>287</v>
      </c>
      <c r="AF1682" s="7">
        <v>280</v>
      </c>
      <c r="AG1682" s="9">
        <v>15792</v>
      </c>
      <c r="AH1682" s="13">
        <v>1.0455508474576272</v>
      </c>
      <c r="AI1682" s="9">
        <v>13463</v>
      </c>
      <c r="AJ1682" s="13">
        <v>0.89135328389830493</v>
      </c>
      <c r="AK1682" s="9">
        <v>-640</v>
      </c>
      <c r="AL1682" s="13">
        <v>-2.2403472538243423E-2</v>
      </c>
      <c r="AM1682" s="9">
        <v>2969</v>
      </c>
      <c r="AN1682" s="13">
        <v>0.10631288717012212</v>
      </c>
      <c r="AO1682" s="9">
        <v>2329</v>
      </c>
      <c r="AP1682" s="13">
        <v>8.1527636783701465E-2</v>
      </c>
      <c r="AQ1682" s="9">
        <v>15104</v>
      </c>
      <c r="AR1682" s="9">
        <v>23744</v>
      </c>
      <c r="AS1682" s="9">
        <v>24687</v>
      </c>
      <c r="AT1682" s="9">
        <v>24544</v>
      </c>
      <c r="AU1682" s="9">
        <v>26758</v>
      </c>
      <c r="AV1682" s="9">
        <v>28596</v>
      </c>
      <c r="AW1682" s="9">
        <v>28567</v>
      </c>
      <c r="AX1682" s="9">
        <v>26450</v>
      </c>
      <c r="AY1682" s="9">
        <v>27531</v>
      </c>
      <c r="AZ1682" s="9">
        <v>27927</v>
      </c>
      <c r="BA1682" s="9">
        <v>26593</v>
      </c>
      <c r="BB1682" s="9">
        <v>23199</v>
      </c>
      <c r="BC1682" s="9">
        <v>20818</v>
      </c>
      <c r="BD1682" s="9">
        <v>28715</v>
      </c>
      <c r="BE1682" s="9">
        <v>30376</v>
      </c>
      <c r="BF1682" s="9">
        <v>30896</v>
      </c>
      <c r="BG1682" s="11">
        <v>0</v>
      </c>
      <c r="BH1682" s="13">
        <v>0</v>
      </c>
      <c r="BI1682" s="6">
        <v>0</v>
      </c>
      <c r="BJ1682" s="13">
        <v>0</v>
      </c>
      <c r="BK1682" s="6">
        <v>0</v>
      </c>
      <c r="BL1682" s="13">
        <v>0</v>
      </c>
      <c r="BM1682" s="11">
        <v>0</v>
      </c>
      <c r="BN1682" s="13">
        <v>0</v>
      </c>
      <c r="BO1682" s="11">
        <v>0</v>
      </c>
      <c r="BP1682" s="13">
        <v>0</v>
      </c>
      <c r="BQ1682" s="6">
        <v>4</v>
      </c>
      <c r="BR1682" s="6">
        <v>4</v>
      </c>
      <c r="BS1682" s="6">
        <v>4</v>
      </c>
      <c r="BT1682" s="6">
        <v>4</v>
      </c>
      <c r="BU1682" s="6">
        <v>4</v>
      </c>
      <c r="BV1682" s="6">
        <v>4</v>
      </c>
      <c r="BW1682" s="6">
        <v>4</v>
      </c>
      <c r="BX1682" s="6">
        <v>4</v>
      </c>
      <c r="BY1682" s="6">
        <v>4</v>
      </c>
      <c r="BZ1682" s="6">
        <v>4</v>
      </c>
      <c r="CA1682" s="6">
        <v>4</v>
      </c>
      <c r="CB1682" s="6">
        <v>4</v>
      </c>
      <c r="CC1682" s="11">
        <v>4</v>
      </c>
      <c r="CD1682" s="11">
        <v>-225</v>
      </c>
      <c r="CE1682" s="11">
        <v>71</v>
      </c>
      <c r="CF1682" s="11">
        <v>43</v>
      </c>
      <c r="CG1682" s="11">
        <v>114</v>
      </c>
      <c r="CH1682" s="20">
        <v>3.74</v>
      </c>
      <c r="CI1682" s="20">
        <v>3.4</v>
      </c>
      <c r="CJ1682" s="20">
        <v>2.94</v>
      </c>
      <c r="CK1682" s="20">
        <v>3.04</v>
      </c>
      <c r="CL1682" s="20">
        <v>2.86</v>
      </c>
      <c r="CM1682" s="20">
        <v>2.66</v>
      </c>
      <c r="CN1682" s="20">
        <v>2.61</v>
      </c>
      <c r="CO1682" s="20">
        <v>2.94</v>
      </c>
      <c r="CP1682" s="20">
        <v>3.36</v>
      </c>
      <c r="CQ1682" s="20">
        <v>2.83</v>
      </c>
      <c r="CR1682" s="20">
        <v>2.5299999999999998</v>
      </c>
      <c r="CS1682" s="20">
        <v>2.5299999999999998</v>
      </c>
      <c r="CT1682" s="20">
        <v>2.68</v>
      </c>
      <c r="CU1682" s="20">
        <v>2.52</v>
      </c>
      <c r="CV1682" s="20">
        <v>2.37</v>
      </c>
      <c r="CW1682" s="20">
        <v>2.4300000000000002</v>
      </c>
      <c r="CX1682" s="20">
        <v>2.36</v>
      </c>
      <c r="CY1682" s="6" t="s">
        <v>633</v>
      </c>
      <c r="CZ1682" s="6" t="s">
        <v>634</v>
      </c>
      <c r="DA1682" s="6" t="s">
        <v>131</v>
      </c>
      <c r="DB1682" s="6" t="s">
        <v>345</v>
      </c>
      <c r="DC1682" s="6"/>
      <c r="DD1682" s="6"/>
      <c r="DE1682" s="6"/>
      <c r="DF1682" s="6"/>
      <c r="DG1682" s="6"/>
      <c r="DH1682" s="6" t="s">
        <v>333</v>
      </c>
      <c r="DI1682" s="6"/>
      <c r="DJ1682" s="6"/>
      <c r="DK1682" s="6"/>
      <c r="DL1682" s="6">
        <v>9</v>
      </c>
      <c r="DM1682" s="6" t="s">
        <v>440</v>
      </c>
      <c r="DN1682" s="6">
        <v>7</v>
      </c>
      <c r="DO1682" s="6" t="s">
        <v>369</v>
      </c>
      <c r="DP1682" s="6"/>
      <c r="DQ1682" s="6"/>
    </row>
    <row r="1683" spans="1:121" x14ac:dyDescent="0.2">
      <c r="A1683" s="6" t="s">
        <v>323</v>
      </c>
      <c r="B1683" s="6" t="s">
        <v>323</v>
      </c>
      <c r="C1683" s="6" t="s">
        <v>192</v>
      </c>
      <c r="D1683" s="6" t="s">
        <v>131</v>
      </c>
      <c r="E1683" s="6" t="s">
        <v>272</v>
      </c>
      <c r="F1683" s="11">
        <v>-139</v>
      </c>
      <c r="G1683" s="13">
        <v>-0.39942528735600002</v>
      </c>
      <c r="H1683" s="11">
        <v>19.994133761000001</v>
      </c>
      <c r="I1683" s="13">
        <v>5.7524334818508077E-2</v>
      </c>
      <c r="J1683" s="11">
        <v>-108.31364775600002</v>
      </c>
      <c r="K1683" s="13">
        <v>-0.29467400418350603</v>
      </c>
      <c r="L1683" s="11">
        <v>-50.598352775999984</v>
      </c>
      <c r="M1683" s="13">
        <v>-0.19516643555027929</v>
      </c>
      <c r="N1683" s="11">
        <v>-158.91200053200001</v>
      </c>
      <c r="O1683" s="13">
        <v>-0.43232996468796242</v>
      </c>
      <c r="P1683" s="7">
        <v>347.57696588900001</v>
      </c>
      <c r="Q1683" s="7">
        <v>360.683341687</v>
      </c>
      <c r="R1683" s="7">
        <v>409.56291905500001</v>
      </c>
      <c r="S1683" s="7">
        <v>347.10981429399999</v>
      </c>
      <c r="T1683" s="7">
        <v>359.23217568600001</v>
      </c>
      <c r="U1683" s="7">
        <v>374.41960678800001</v>
      </c>
      <c r="V1683" s="7">
        <v>367.57109965000001</v>
      </c>
      <c r="W1683" s="7">
        <v>297.43644936800001</v>
      </c>
      <c r="X1683" s="7">
        <v>262.03614879499997</v>
      </c>
      <c r="Y1683" s="7">
        <v>259.25745189399998</v>
      </c>
      <c r="Z1683" s="7">
        <v>290.65726208199999</v>
      </c>
      <c r="AA1683" s="7">
        <v>285.82459392099997</v>
      </c>
      <c r="AB1683" s="7">
        <v>255.01054124699999</v>
      </c>
      <c r="AC1683" s="7">
        <v>228.91576587500001</v>
      </c>
      <c r="AD1683" s="7">
        <v>234.65467694899999</v>
      </c>
      <c r="AE1683" s="7">
        <v>216.844441184</v>
      </c>
      <c r="AF1683" s="7">
        <v>208.659099118</v>
      </c>
      <c r="AG1683" s="9">
        <v>-3190.5071595999998</v>
      </c>
      <c r="AH1683" s="13">
        <v>-0.16982235244989269</v>
      </c>
      <c r="AI1683" s="9">
        <v>-5928.4014100000004</v>
      </c>
      <c r="AJ1683" s="13">
        <v>-0.31555330339383481</v>
      </c>
      <c r="AK1683" s="9">
        <v>857.73544200000106</v>
      </c>
      <c r="AL1683" s="13">
        <v>6.6703535420625265E-2</v>
      </c>
      <c r="AM1683" s="9">
        <v>1880.1588083999995</v>
      </c>
      <c r="AN1683" s="13">
        <v>0.13707122576900876</v>
      </c>
      <c r="AO1683" s="9">
        <v>2737.8942504000006</v>
      </c>
      <c r="AP1683" s="13">
        <v>0.21291789655286564</v>
      </c>
      <c r="AQ1683" s="9">
        <v>18787.3216545</v>
      </c>
      <c r="AR1683" s="9">
        <v>10668.125970200001</v>
      </c>
      <c r="AS1683" s="9">
        <v>11012.7489891</v>
      </c>
      <c r="AT1683" s="9">
        <v>12061.968048299999</v>
      </c>
      <c r="AU1683" s="9">
        <v>11732.8954202</v>
      </c>
      <c r="AV1683" s="9">
        <v>12136.441208599999</v>
      </c>
      <c r="AW1683" s="9">
        <v>12858.920244499999</v>
      </c>
      <c r="AX1683" s="9">
        <v>12850.5360642</v>
      </c>
      <c r="AY1683" s="9">
        <v>12835.9832651</v>
      </c>
      <c r="AZ1683" s="9">
        <v>13716.6556865</v>
      </c>
      <c r="BA1683" s="9">
        <v>16089.2042655</v>
      </c>
      <c r="BB1683" s="9">
        <v>20623.599742499999</v>
      </c>
      <c r="BC1683" s="9">
        <v>22988.2432859</v>
      </c>
      <c r="BD1683" s="9">
        <v>14429.3431272</v>
      </c>
      <c r="BE1683" s="9">
        <v>15408.8252226</v>
      </c>
      <c r="BF1683" s="9">
        <v>15596.8144949</v>
      </c>
      <c r="BG1683" s="11">
        <v>-5.75</v>
      </c>
      <c r="BH1683" s="13">
        <v>-0.19166666666666668</v>
      </c>
      <c r="BI1683" s="6">
        <v>-2</v>
      </c>
      <c r="BJ1683" s="13">
        <v>-6.6666666666666666E-2</v>
      </c>
      <c r="BK1683" s="6">
        <v>-4</v>
      </c>
      <c r="BL1683" s="13">
        <v>-0.14285714285714285</v>
      </c>
      <c r="BM1683" s="11">
        <v>0.25</v>
      </c>
      <c r="BN1683" s="13">
        <v>1.0416666666666666E-2</v>
      </c>
      <c r="BO1683" s="11">
        <v>-3.75</v>
      </c>
      <c r="BP1683" s="13">
        <v>-0.13392857142857142</v>
      </c>
      <c r="BQ1683" s="6">
        <v>30</v>
      </c>
      <c r="BR1683" s="6">
        <v>29</v>
      </c>
      <c r="BS1683" s="6">
        <v>27</v>
      </c>
      <c r="BT1683" s="6">
        <v>28</v>
      </c>
      <c r="BU1683" s="6">
        <v>28</v>
      </c>
      <c r="BV1683" s="6">
        <v>25</v>
      </c>
      <c r="BW1683" s="6">
        <v>24</v>
      </c>
      <c r="BX1683" s="6">
        <v>24</v>
      </c>
      <c r="BY1683" s="6">
        <v>23</v>
      </c>
      <c r="BZ1683" s="6">
        <v>24</v>
      </c>
      <c r="CA1683" s="6">
        <v>23</v>
      </c>
      <c r="CB1683" s="6">
        <v>23</v>
      </c>
      <c r="CC1683" s="11">
        <v>24.25</v>
      </c>
      <c r="CD1683" s="11">
        <v>-255.953</v>
      </c>
      <c r="CE1683" s="11">
        <v>79.040899999999993</v>
      </c>
      <c r="CF1683" s="11">
        <v>37.994300000000003</v>
      </c>
      <c r="CG1683" s="11">
        <v>117</v>
      </c>
      <c r="CH1683" s="20">
        <v>0.68515499999999996</v>
      </c>
      <c r="CI1683" s="20">
        <v>0.69164700000000001</v>
      </c>
      <c r="CJ1683" s="20">
        <v>0.798508</v>
      </c>
      <c r="CK1683" s="20">
        <v>0.67134199999999999</v>
      </c>
      <c r="CL1683" s="20">
        <v>0.67109200000000002</v>
      </c>
      <c r="CM1683" s="20">
        <v>0.68440500000000004</v>
      </c>
      <c r="CN1683" s="20">
        <v>0.66931300000000005</v>
      </c>
      <c r="CO1683" s="20">
        <v>0.54265099999999999</v>
      </c>
      <c r="CP1683" s="20">
        <v>0.46694799999999997</v>
      </c>
      <c r="CQ1683" s="20">
        <v>0.44602900000000001</v>
      </c>
      <c r="CR1683" s="20">
        <v>0.49603199999999997</v>
      </c>
      <c r="CS1683" s="20">
        <v>0.46950700000000001</v>
      </c>
      <c r="CT1683" s="20">
        <v>0.44256600000000001</v>
      </c>
      <c r="CU1683" s="20">
        <v>0.39191900000000002</v>
      </c>
      <c r="CV1683" s="20">
        <v>0.399816</v>
      </c>
      <c r="CW1683" s="20">
        <v>0.366481</v>
      </c>
      <c r="CX1683" s="20">
        <v>0.35026000000000002</v>
      </c>
      <c r="CY1683" s="6" t="s">
        <v>633</v>
      </c>
      <c r="CZ1683" s="6" t="s">
        <v>634</v>
      </c>
      <c r="DA1683" s="6" t="s">
        <v>131</v>
      </c>
      <c r="DB1683" s="6" t="s">
        <v>345</v>
      </c>
      <c r="DC1683" s="6"/>
      <c r="DD1683" s="6"/>
      <c r="DE1683" s="6"/>
      <c r="DF1683" s="6"/>
      <c r="DG1683" s="6"/>
      <c r="DH1683" s="6" t="s">
        <v>333</v>
      </c>
      <c r="DI1683" s="6"/>
      <c r="DJ1683" s="6"/>
      <c r="DK1683" s="6"/>
      <c r="DL1683" s="6">
        <v>9</v>
      </c>
      <c r="DM1683" s="6" t="s">
        <v>440</v>
      </c>
      <c r="DN1683" s="6">
        <v>7</v>
      </c>
      <c r="DO1683" s="6" t="s">
        <v>369</v>
      </c>
      <c r="DP1683" s="6"/>
      <c r="DQ1683" s="6"/>
    </row>
    <row r="1684" spans="1:121" x14ac:dyDescent="0.2">
      <c r="A1684" s="6" t="s">
        <v>325</v>
      </c>
      <c r="B1684" s="6" t="s">
        <v>325</v>
      </c>
      <c r="C1684" s="6" t="s">
        <v>193</v>
      </c>
      <c r="D1684" s="6" t="s">
        <v>131</v>
      </c>
      <c r="E1684" s="6" t="s">
        <v>272</v>
      </c>
      <c r="F1684" s="11">
        <v>-93</v>
      </c>
      <c r="G1684" s="13">
        <v>-0.27761194029899999</v>
      </c>
      <c r="H1684" s="11">
        <v>88.96312124100001</v>
      </c>
      <c r="I1684" s="13">
        <v>0.26531564950446995</v>
      </c>
      <c r="J1684" s="11">
        <v>248.55290267800007</v>
      </c>
      <c r="K1684" s="13">
        <v>0.5858316292223722</v>
      </c>
      <c r="L1684" s="11">
        <v>-430.91399976000002</v>
      </c>
      <c r="M1684" s="13">
        <v>-0.64045335448589058</v>
      </c>
      <c r="N1684" s="11">
        <v>-182.36109708199999</v>
      </c>
      <c r="O1684" s="13">
        <v>-0.42981955736292127</v>
      </c>
      <c r="P1684" s="7">
        <v>335.31049301899998</v>
      </c>
      <c r="Q1684" s="7">
        <v>387.65060043300002</v>
      </c>
      <c r="R1684" s="7">
        <v>344.47337371499998</v>
      </c>
      <c r="S1684" s="7">
        <v>325.33161048099998</v>
      </c>
      <c r="T1684" s="7">
        <v>345.40179320300001</v>
      </c>
      <c r="U1684" s="7">
        <v>377.63035431499998</v>
      </c>
      <c r="V1684" s="7">
        <v>424.27361425999999</v>
      </c>
      <c r="W1684" s="7">
        <v>451.15604489899999</v>
      </c>
      <c r="X1684" s="7">
        <v>526.50916709099999</v>
      </c>
      <c r="Y1684" s="7">
        <v>672.82651693800005</v>
      </c>
      <c r="Z1684" s="7">
        <v>722.13412632300003</v>
      </c>
      <c r="AA1684" s="7">
        <v>755.66954601199996</v>
      </c>
      <c r="AB1684" s="7">
        <v>263.671254111</v>
      </c>
      <c r="AC1684" s="7">
        <v>278.89381105199999</v>
      </c>
      <c r="AD1684" s="7">
        <v>262.21750928500001</v>
      </c>
      <c r="AE1684" s="7">
        <v>256.91191598400002</v>
      </c>
      <c r="AF1684" s="7">
        <v>241.912517178</v>
      </c>
      <c r="AG1684" s="9">
        <v>726.77415089999704</v>
      </c>
      <c r="AH1684" s="13">
        <v>4.2649652413163069E-2</v>
      </c>
      <c r="AI1684" s="9">
        <v>-4159.4202812000021</v>
      </c>
      <c r="AJ1684" s="13">
        <v>-0.24408934882144809</v>
      </c>
      <c r="AK1684" s="9">
        <v>-2491.9331767000003</v>
      </c>
      <c r="AL1684" s="13">
        <v>-0.1934558873973295</v>
      </c>
      <c r="AM1684" s="9">
        <v>7378.1276087999995</v>
      </c>
      <c r="AN1684" s="13">
        <v>0.7101720824956409</v>
      </c>
      <c r="AO1684" s="9">
        <v>4886.1944320999992</v>
      </c>
      <c r="AP1684" s="13">
        <v>0.37932922467430769</v>
      </c>
      <c r="AQ1684" s="9">
        <v>17040.564454300002</v>
      </c>
      <c r="AR1684" s="9">
        <v>12857.2838809</v>
      </c>
      <c r="AS1684" s="9">
        <v>13993.100830900001</v>
      </c>
      <c r="AT1684" s="9">
        <v>13469.509488199999</v>
      </c>
      <c r="AU1684" s="9">
        <v>13904.5798302</v>
      </c>
      <c r="AV1684" s="9">
        <v>13134.5168937</v>
      </c>
      <c r="AW1684" s="9">
        <v>12881.1441731</v>
      </c>
      <c r="AX1684" s="9">
        <v>12363.9667164</v>
      </c>
      <c r="AY1684" s="9">
        <v>11463.760343800001</v>
      </c>
      <c r="AZ1684" s="9">
        <v>10389.210996399999</v>
      </c>
      <c r="BA1684" s="9">
        <v>10711.386845000001</v>
      </c>
      <c r="BB1684" s="9">
        <v>10959.611720700001</v>
      </c>
      <c r="BC1684" s="9">
        <v>16352.4750575</v>
      </c>
      <c r="BD1684" s="9">
        <v>16533.826969000002</v>
      </c>
      <c r="BE1684" s="9">
        <v>17245.350884899999</v>
      </c>
      <c r="BF1684" s="9">
        <v>17767.338605199999</v>
      </c>
      <c r="BG1684" s="11">
        <v>-34.75</v>
      </c>
      <c r="BH1684" s="13">
        <v>-0.51102941176470584</v>
      </c>
      <c r="BI1684" s="6">
        <v>45</v>
      </c>
      <c r="BJ1684" s="13">
        <v>0.66176470588235292</v>
      </c>
      <c r="BK1684" s="6">
        <v>223</v>
      </c>
      <c r="BL1684" s="13">
        <v>1.9734513274336283</v>
      </c>
      <c r="BM1684" s="11">
        <v>-302.75</v>
      </c>
      <c r="BN1684" s="13">
        <v>-0.90104166666666663</v>
      </c>
      <c r="BO1684" s="11">
        <v>-79.75</v>
      </c>
      <c r="BP1684" s="13">
        <v>-0.70575221238938057</v>
      </c>
      <c r="BQ1684" s="6">
        <v>68</v>
      </c>
      <c r="BR1684" s="6">
        <v>85</v>
      </c>
      <c r="BS1684" s="6">
        <v>102</v>
      </c>
      <c r="BT1684" s="6">
        <v>113</v>
      </c>
      <c r="BU1684" s="6">
        <v>158</v>
      </c>
      <c r="BV1684" s="6">
        <v>226</v>
      </c>
      <c r="BW1684" s="6">
        <v>336</v>
      </c>
      <c r="BX1684" s="6">
        <v>397</v>
      </c>
      <c r="BY1684" s="6">
        <v>406</v>
      </c>
      <c r="BZ1684" s="6">
        <v>35</v>
      </c>
      <c r="CA1684" s="6">
        <v>36</v>
      </c>
      <c r="CB1684" s="6">
        <v>35</v>
      </c>
      <c r="CC1684" s="11">
        <v>33.25</v>
      </c>
      <c r="CD1684" s="11">
        <v>-126.964</v>
      </c>
      <c r="CE1684" s="11">
        <v>-3.0878899999999998</v>
      </c>
      <c r="CF1684" s="11">
        <v>36.653500000000001</v>
      </c>
      <c r="CG1684" s="11">
        <v>34</v>
      </c>
      <c r="CH1684" s="20">
        <v>0.97308799999999995</v>
      </c>
      <c r="CI1684" s="20">
        <v>1.0898399999999999</v>
      </c>
      <c r="CJ1684" s="20">
        <v>0.99029100000000003</v>
      </c>
      <c r="CK1684" s="20">
        <v>0.94459199999999999</v>
      </c>
      <c r="CL1684" s="20">
        <v>0.98472300000000001</v>
      </c>
      <c r="CM1684" s="20">
        <v>1.06328</v>
      </c>
      <c r="CN1684" s="20">
        <v>1.1959200000000001</v>
      </c>
      <c r="CO1684" s="20">
        <v>1.27294</v>
      </c>
      <c r="CP1684" s="20">
        <v>1.42143</v>
      </c>
      <c r="CQ1684" s="20">
        <v>1.7666599999999999</v>
      </c>
      <c r="CR1684" s="20">
        <v>1.90835</v>
      </c>
      <c r="CS1684" s="20">
        <v>1.9370000000000001</v>
      </c>
      <c r="CT1684" s="20">
        <v>0.77893400000000002</v>
      </c>
      <c r="CU1684" s="20">
        <v>0.82143999999999995</v>
      </c>
      <c r="CV1684" s="20">
        <v>0.78382700000000005</v>
      </c>
      <c r="CW1684" s="20">
        <v>0.76984600000000003</v>
      </c>
      <c r="CX1684" s="20">
        <v>0.72641599999999995</v>
      </c>
      <c r="CY1684" s="6" t="s">
        <v>633</v>
      </c>
      <c r="CZ1684" s="6" t="s">
        <v>634</v>
      </c>
      <c r="DA1684" s="6" t="s">
        <v>131</v>
      </c>
      <c r="DB1684" s="6" t="s">
        <v>345</v>
      </c>
      <c r="DC1684" s="6"/>
      <c r="DD1684" s="6"/>
      <c r="DE1684" s="6"/>
      <c r="DF1684" s="6"/>
      <c r="DG1684" s="6"/>
      <c r="DH1684" s="6" t="s">
        <v>333</v>
      </c>
      <c r="DI1684" s="6"/>
      <c r="DJ1684" s="6"/>
      <c r="DK1684" s="6"/>
      <c r="DL1684" s="6">
        <v>9</v>
      </c>
      <c r="DM1684" s="6" t="s">
        <v>440</v>
      </c>
      <c r="DN1684" s="6">
        <v>7</v>
      </c>
      <c r="DO1684" s="6" t="s">
        <v>369</v>
      </c>
      <c r="DP1684" s="6"/>
      <c r="DQ1684" s="6"/>
    </row>
    <row r="1685" spans="1:121" x14ac:dyDescent="0.2">
      <c r="A1685" s="6" t="s">
        <v>327</v>
      </c>
      <c r="B1685" s="6" t="s">
        <v>327</v>
      </c>
      <c r="C1685" s="6" t="s">
        <v>194</v>
      </c>
      <c r="D1685" s="6" t="s">
        <v>131</v>
      </c>
      <c r="E1685" s="6" t="s">
        <v>272</v>
      </c>
      <c r="F1685" s="11">
        <v>-428</v>
      </c>
      <c r="G1685" s="13">
        <v>-0.21638018200199999</v>
      </c>
      <c r="H1685" s="11">
        <v>-23.228031999999985</v>
      </c>
      <c r="I1685" s="13">
        <v>-1.1745514594119804E-2</v>
      </c>
      <c r="J1685" s="11">
        <v>-42.544150000000172</v>
      </c>
      <c r="K1685" s="13">
        <v>-2.1768609572128783E-2</v>
      </c>
      <c r="L1685" s="11">
        <v>-362.06795345</v>
      </c>
      <c r="M1685" s="13">
        <v>-0.18938227593162357</v>
      </c>
      <c r="N1685" s="11">
        <v>-404.61210345000018</v>
      </c>
      <c r="O1685" s="13">
        <v>-0.20702829667911568</v>
      </c>
      <c r="P1685" s="7">
        <v>1977.6087130000001</v>
      </c>
      <c r="Q1685" s="7">
        <v>1924.8727389999999</v>
      </c>
      <c r="R1685" s="7">
        <v>1905.011319</v>
      </c>
      <c r="S1685" s="7">
        <v>1872.5242370000001</v>
      </c>
      <c r="T1685" s="7">
        <v>1947.2857530000001</v>
      </c>
      <c r="U1685" s="7">
        <v>1975.2553600000001</v>
      </c>
      <c r="V1685" s="7">
        <v>1954.3806810000001</v>
      </c>
      <c r="W1685" s="7">
        <v>1939.1900840000001</v>
      </c>
      <c r="X1685" s="7">
        <v>1957.5844440000001</v>
      </c>
      <c r="Y1685" s="7">
        <v>1911.8365309999999</v>
      </c>
      <c r="Z1685" s="7">
        <v>1807.354319</v>
      </c>
      <c r="AA1685" s="7">
        <v>1773.7539730000001</v>
      </c>
      <c r="AB1685" s="7">
        <v>1677.1827579999999</v>
      </c>
      <c r="AC1685" s="7">
        <v>1622.5882819999999</v>
      </c>
      <c r="AD1685" s="7">
        <v>1616.4269059999999</v>
      </c>
      <c r="AE1685" s="7">
        <v>1598.9170570000001</v>
      </c>
      <c r="AF1685" s="7">
        <v>1549.7685775499999</v>
      </c>
      <c r="AG1685" s="9">
        <v>14228.182884099999</v>
      </c>
      <c r="AH1685" s="13">
        <v>0.45793537225524383</v>
      </c>
      <c r="AI1685" s="9">
        <v>10076.352172000003</v>
      </c>
      <c r="AJ1685" s="13">
        <v>0.32430831965312018</v>
      </c>
      <c r="AK1685" s="9">
        <v>2979.1393246000007</v>
      </c>
      <c r="AL1685" s="13">
        <v>7.2402982916288522E-2</v>
      </c>
      <c r="AM1685" s="9">
        <v>1172.6913874999955</v>
      </c>
      <c r="AN1685" s="13">
        <v>2.6576107207953545E-2</v>
      </c>
      <c r="AO1685" s="9">
        <v>4151.8307120999962</v>
      </c>
      <c r="AP1685" s="13">
        <v>0.10090327956040096</v>
      </c>
      <c r="AQ1685" s="9">
        <v>31070.285778599999</v>
      </c>
      <c r="AR1685" s="9">
        <v>32764.9366672</v>
      </c>
      <c r="AS1685" s="9">
        <v>34905.759527200004</v>
      </c>
      <c r="AT1685" s="9">
        <v>37906.715150600001</v>
      </c>
      <c r="AU1685" s="9">
        <v>38511.266067600001</v>
      </c>
      <c r="AV1685" s="9">
        <v>39980.684494599998</v>
      </c>
      <c r="AW1685" s="9">
        <v>41146.637950600001</v>
      </c>
      <c r="AX1685" s="9">
        <v>42581.2739468</v>
      </c>
      <c r="AY1685" s="9">
        <v>42850.105388600001</v>
      </c>
      <c r="AZ1685" s="9">
        <v>44125.777275200002</v>
      </c>
      <c r="BA1685" s="9">
        <v>44986.146812699997</v>
      </c>
      <c r="BB1685" s="9">
        <v>44881.295205800001</v>
      </c>
      <c r="BC1685" s="9">
        <v>45601.068150200001</v>
      </c>
      <c r="BD1685" s="9">
        <v>45294.877176299997</v>
      </c>
      <c r="BE1685" s="9">
        <v>45900.486326999999</v>
      </c>
      <c r="BF1685" s="9">
        <v>45298.468662699997</v>
      </c>
      <c r="BG1685" s="11">
        <v>-4</v>
      </c>
      <c r="BH1685" s="13">
        <v>-4.7619047619047616E-2</v>
      </c>
      <c r="BI1685" s="6">
        <v>4</v>
      </c>
      <c r="BJ1685" s="13">
        <v>4.7619047619047616E-2</v>
      </c>
      <c r="BK1685" s="6">
        <v>-3</v>
      </c>
      <c r="BL1685" s="13">
        <v>-3.4090909090909088E-2</v>
      </c>
      <c r="BM1685" s="11">
        <v>-5</v>
      </c>
      <c r="BN1685" s="13">
        <v>-5.8823529411764705E-2</v>
      </c>
      <c r="BO1685" s="11">
        <v>-8</v>
      </c>
      <c r="BP1685" s="13">
        <v>-9.0909090909090912E-2</v>
      </c>
      <c r="BQ1685" s="6">
        <v>84</v>
      </c>
      <c r="BR1685" s="6">
        <v>83</v>
      </c>
      <c r="BS1685" s="6">
        <v>85</v>
      </c>
      <c r="BT1685" s="6">
        <v>88</v>
      </c>
      <c r="BU1685" s="6">
        <v>86</v>
      </c>
      <c r="BV1685" s="6">
        <v>87</v>
      </c>
      <c r="BW1685" s="6">
        <v>85</v>
      </c>
      <c r="BX1685" s="6">
        <v>84</v>
      </c>
      <c r="BY1685" s="6">
        <v>83</v>
      </c>
      <c r="BZ1685" s="6">
        <v>84</v>
      </c>
      <c r="CA1685" s="6">
        <v>83</v>
      </c>
      <c r="CB1685" s="6">
        <v>81</v>
      </c>
      <c r="CC1685" s="11">
        <v>80</v>
      </c>
      <c r="CD1685" s="11">
        <v>-528.08000000000004</v>
      </c>
      <c r="CE1685" s="11">
        <v>-115.937</v>
      </c>
      <c r="CF1685" s="11">
        <v>216.17599999999999</v>
      </c>
      <c r="CG1685" s="11">
        <v>100</v>
      </c>
      <c r="CH1685" s="20">
        <v>1.7277199999999999</v>
      </c>
      <c r="CI1685" s="20">
        <v>1.6258999999999999</v>
      </c>
      <c r="CJ1685" s="20">
        <v>1.6575500000000001</v>
      </c>
      <c r="CK1685" s="20">
        <v>1.6574599999999999</v>
      </c>
      <c r="CL1685" s="20">
        <v>1.6963600000000001</v>
      </c>
      <c r="CM1685" s="20">
        <v>1.7106300000000001</v>
      </c>
      <c r="CN1685" s="20">
        <v>1.7065699999999999</v>
      </c>
      <c r="CO1685" s="20">
        <v>1.6779999999999999</v>
      </c>
      <c r="CP1685" s="20">
        <v>1.6026800000000001</v>
      </c>
      <c r="CQ1685" s="20">
        <v>1.5136099999999999</v>
      </c>
      <c r="CR1685" s="20">
        <v>1.4739199999999999</v>
      </c>
      <c r="CS1685" s="20">
        <v>1.4506600000000001</v>
      </c>
      <c r="CT1685" s="20">
        <v>1.5015499999999999</v>
      </c>
      <c r="CU1685" s="20">
        <v>1.4757199999999999</v>
      </c>
      <c r="CV1685" s="20">
        <v>1.5048299999999999</v>
      </c>
      <c r="CW1685" s="20">
        <v>1.4997100000000001</v>
      </c>
      <c r="CX1685" s="20">
        <v>1.4668300000000001</v>
      </c>
      <c r="CY1685" s="6" t="s">
        <v>633</v>
      </c>
      <c r="CZ1685" s="6" t="s">
        <v>634</v>
      </c>
      <c r="DA1685" s="6" t="s">
        <v>131</v>
      </c>
      <c r="DB1685" s="6" t="s">
        <v>345</v>
      </c>
      <c r="DC1685" s="6"/>
      <c r="DD1685" s="6"/>
      <c r="DE1685" s="6"/>
      <c r="DF1685" s="6"/>
      <c r="DG1685" s="6"/>
      <c r="DH1685" s="6" t="s">
        <v>333</v>
      </c>
      <c r="DI1685" s="6"/>
      <c r="DJ1685" s="6"/>
      <c r="DK1685" s="6"/>
      <c r="DL1685" s="6">
        <v>9</v>
      </c>
      <c r="DM1685" s="6" t="s">
        <v>440</v>
      </c>
      <c r="DN1685" s="6">
        <v>7</v>
      </c>
      <c r="DO1685" s="6" t="s">
        <v>369</v>
      </c>
      <c r="DP1685" s="6"/>
      <c r="DQ1685" s="6"/>
    </row>
    <row r="1686" spans="1:121" x14ac:dyDescent="0.2">
      <c r="A1686" s="6" t="s">
        <v>1</v>
      </c>
      <c r="B1686" s="6" t="s">
        <v>1</v>
      </c>
      <c r="C1686" s="6" t="s">
        <v>2</v>
      </c>
      <c r="D1686" s="6" t="s">
        <v>125</v>
      </c>
      <c r="E1686" s="6" t="s">
        <v>266</v>
      </c>
      <c r="F1686" s="11">
        <v>-24</v>
      </c>
      <c r="G1686" s="13">
        <v>-8.1911262798600004E-2</v>
      </c>
      <c r="H1686" s="11">
        <v>-150.36724819800003</v>
      </c>
      <c r="I1686" s="13">
        <v>-0.51382855345702139</v>
      </c>
      <c r="J1686" s="11">
        <v>112.99642854800001</v>
      </c>
      <c r="K1686" s="13">
        <v>0.79421896051192675</v>
      </c>
      <c r="L1686" s="11">
        <v>13.808694658000007</v>
      </c>
      <c r="M1686" s="13">
        <v>5.4094451114093479E-2</v>
      </c>
      <c r="N1686" s="11">
        <v>126.80512320600002</v>
      </c>
      <c r="O1686" s="13">
        <v>0.89127625035931868</v>
      </c>
      <c r="P1686" s="7">
        <v>292.64089585200003</v>
      </c>
      <c r="Q1686" s="7">
        <v>151.28616201899999</v>
      </c>
      <c r="R1686" s="7">
        <v>241.54971204399999</v>
      </c>
      <c r="S1686" s="7">
        <v>277.90231931300002</v>
      </c>
      <c r="T1686" s="7">
        <v>124.53315618800001</v>
      </c>
      <c r="U1686" s="7">
        <v>102.518233462</v>
      </c>
      <c r="V1686" s="7">
        <v>142.273647654</v>
      </c>
      <c r="W1686" s="7">
        <v>155.341135326</v>
      </c>
      <c r="X1686" s="7">
        <v>158.407131456</v>
      </c>
      <c r="Y1686" s="7">
        <v>255.27007620200001</v>
      </c>
      <c r="Z1686" s="7">
        <v>256.87689949100002</v>
      </c>
      <c r="AA1686" s="7">
        <v>235.992059176</v>
      </c>
      <c r="AB1686" s="7">
        <v>222.86994841500001</v>
      </c>
      <c r="AC1686" s="7">
        <v>242.07947473900001</v>
      </c>
      <c r="AD1686" s="7">
        <v>257.06498122199997</v>
      </c>
      <c r="AE1686" s="7">
        <v>261.82920648100003</v>
      </c>
      <c r="AF1686" s="7">
        <v>269.07877086000002</v>
      </c>
      <c r="AG1686" s="9">
        <v>8979.3080825999969</v>
      </c>
      <c r="AH1686" s="13">
        <v>0.45941601324641174</v>
      </c>
      <c r="AI1686" s="9">
        <v>2502.5259683999975</v>
      </c>
      <c r="AJ1686" s="13">
        <v>0.12803887480771703</v>
      </c>
      <c r="AK1686" s="9">
        <v>2021.2676066000022</v>
      </c>
      <c r="AL1686" s="13">
        <v>9.1677551424665618E-2</v>
      </c>
      <c r="AM1686" s="9">
        <v>4455.5145075999972</v>
      </c>
      <c r="AN1686" s="13">
        <v>0.1851154519785399</v>
      </c>
      <c r="AO1686" s="9">
        <v>6476.7821141999993</v>
      </c>
      <c r="AP1686" s="13">
        <v>0.29376393477146834</v>
      </c>
      <c r="AQ1686" s="9">
        <v>19545.048112600001</v>
      </c>
      <c r="AR1686" s="9">
        <v>20375.228893300002</v>
      </c>
      <c r="AS1686" s="9">
        <v>20379.816369</v>
      </c>
      <c r="AT1686" s="9">
        <v>21152.508101399999</v>
      </c>
      <c r="AU1686" s="9">
        <v>20326.417346999999</v>
      </c>
      <c r="AV1686" s="9">
        <v>19434.7318165</v>
      </c>
      <c r="AW1686" s="9">
        <v>22047.574080999999</v>
      </c>
      <c r="AX1686" s="9">
        <v>22293.9675986</v>
      </c>
      <c r="AY1686" s="9">
        <v>23571.116579900001</v>
      </c>
      <c r="AZ1686" s="9">
        <v>24068.841687600001</v>
      </c>
      <c r="BA1686" s="9">
        <v>24435.7825877</v>
      </c>
      <c r="BB1686" s="9">
        <v>26883.316594</v>
      </c>
      <c r="BC1686" s="9">
        <v>30601.4489565</v>
      </c>
      <c r="BD1686" s="9">
        <v>27403.719545700002</v>
      </c>
      <c r="BE1686" s="9">
        <v>28450.901012800001</v>
      </c>
      <c r="BF1686" s="9">
        <v>28524.356195199998</v>
      </c>
      <c r="BG1686" s="11">
        <v>2</v>
      </c>
      <c r="BH1686" s="13">
        <v>0.2857142857142857</v>
      </c>
      <c r="BI1686" s="6">
        <v>-1</v>
      </c>
      <c r="BJ1686" s="13">
        <v>-0.14285714285714285</v>
      </c>
      <c r="BK1686" s="6">
        <v>2</v>
      </c>
      <c r="BL1686" s="13">
        <v>0.33333333333333331</v>
      </c>
      <c r="BM1686" s="11">
        <v>1</v>
      </c>
      <c r="BN1686" s="13">
        <v>0.125</v>
      </c>
      <c r="BO1686" s="11">
        <v>3</v>
      </c>
      <c r="BP1686" s="13">
        <v>0.5</v>
      </c>
      <c r="BQ1686" s="6">
        <v>7</v>
      </c>
      <c r="BR1686" s="6">
        <v>6</v>
      </c>
      <c r="BS1686" s="6">
        <v>5</v>
      </c>
      <c r="BT1686" s="6">
        <v>6</v>
      </c>
      <c r="BU1686" s="6">
        <v>7</v>
      </c>
      <c r="BV1686" s="6">
        <v>9</v>
      </c>
      <c r="BW1686" s="6">
        <v>8</v>
      </c>
      <c r="BX1686" s="6">
        <v>8</v>
      </c>
      <c r="BY1686" s="6">
        <v>8</v>
      </c>
      <c r="BZ1686" s="6">
        <v>7</v>
      </c>
      <c r="CA1686" s="6">
        <v>8</v>
      </c>
      <c r="CB1686" s="6">
        <v>9</v>
      </c>
      <c r="CC1686" s="11">
        <v>9</v>
      </c>
      <c r="CD1686" s="11">
        <v>-28.870100000000001</v>
      </c>
      <c r="CE1686" s="11">
        <v>-26.6812</v>
      </c>
      <c r="CF1686" s="11">
        <v>31.9892</v>
      </c>
      <c r="CG1686" s="11">
        <v>5</v>
      </c>
      <c r="CH1686" s="20">
        <v>2.2700300000000002</v>
      </c>
      <c r="CI1686" s="20">
        <v>1.21211</v>
      </c>
      <c r="CJ1686" s="20">
        <v>1.85747</v>
      </c>
      <c r="CK1686" s="20">
        <v>2.0773299999999999</v>
      </c>
      <c r="CL1686" s="20">
        <v>0.94101699999999999</v>
      </c>
      <c r="CM1686" s="20">
        <v>0.78281100000000003</v>
      </c>
      <c r="CN1686" s="20">
        <v>1.1166700000000001</v>
      </c>
      <c r="CO1686" s="20">
        <v>1.25952</v>
      </c>
      <c r="CP1686" s="20">
        <v>1.2621199999999999</v>
      </c>
      <c r="CQ1686" s="20">
        <v>1.9479900000000001</v>
      </c>
      <c r="CR1686" s="20">
        <v>1.94977</v>
      </c>
      <c r="CS1686" s="20">
        <v>1.74651</v>
      </c>
      <c r="CT1686" s="20">
        <v>1.65655</v>
      </c>
      <c r="CU1686" s="20">
        <v>1.7835799999999999</v>
      </c>
      <c r="CV1686" s="20">
        <v>1.9074199999999999</v>
      </c>
      <c r="CW1686" s="20">
        <v>1.9716800000000001</v>
      </c>
      <c r="CX1686" s="20">
        <v>2.0073500000000002</v>
      </c>
      <c r="CY1686" s="6" t="s">
        <v>635</v>
      </c>
      <c r="CZ1686" s="6" t="s">
        <v>636</v>
      </c>
      <c r="DA1686" s="6" t="s">
        <v>125</v>
      </c>
      <c r="DB1686" s="6" t="s">
        <v>345</v>
      </c>
      <c r="DC1686" s="6"/>
      <c r="DD1686" s="6"/>
      <c r="DE1686" s="6"/>
      <c r="DF1686" s="6"/>
      <c r="DG1686" s="6"/>
      <c r="DH1686" s="6" t="s">
        <v>333</v>
      </c>
      <c r="DI1686" s="6"/>
      <c r="DJ1686" s="6"/>
      <c r="DK1686" s="6"/>
      <c r="DL1686" s="6">
        <v>6</v>
      </c>
      <c r="DM1686" s="6" t="s">
        <v>396</v>
      </c>
      <c r="DN1686" s="6">
        <v>6</v>
      </c>
      <c r="DO1686" s="6" t="s">
        <v>393</v>
      </c>
      <c r="DP1686" s="6"/>
      <c r="DQ1686" s="6"/>
    </row>
    <row r="1687" spans="1:121" x14ac:dyDescent="0.2">
      <c r="A1687" s="6" t="s">
        <v>310</v>
      </c>
      <c r="B1687" s="6" t="s">
        <v>310</v>
      </c>
      <c r="C1687" s="6" t="s">
        <v>173</v>
      </c>
      <c r="D1687" s="6" t="s">
        <v>125</v>
      </c>
      <c r="E1687" s="6" t="s">
        <v>266</v>
      </c>
      <c r="F1687" s="11">
        <v>1</v>
      </c>
      <c r="G1687" s="13">
        <v>1</v>
      </c>
      <c r="H1687" s="11">
        <v>10.545992886800001</v>
      </c>
      <c r="I1687" s="13">
        <v>0.57101114341559056</v>
      </c>
      <c r="J1687" s="11">
        <v>35.893736734299999</v>
      </c>
      <c r="K1687" s="13">
        <v>1.2370763867031456</v>
      </c>
      <c r="L1687" s="11">
        <v>-59.908708744199998</v>
      </c>
      <c r="M1687" s="13">
        <v>-0.92296873413851765</v>
      </c>
      <c r="N1687" s="11">
        <v>-24.014972009899999</v>
      </c>
      <c r="O1687" s="13">
        <v>-0.8276751741034255</v>
      </c>
      <c r="P1687" s="7">
        <v>18.468979123099999</v>
      </c>
      <c r="Q1687" s="7">
        <v>10.225486</v>
      </c>
      <c r="R1687" s="7">
        <v>16.4817</v>
      </c>
      <c r="S1687" s="7">
        <v>5</v>
      </c>
      <c r="T1687" s="7">
        <v>12.188954964600001</v>
      </c>
      <c r="U1687" s="7">
        <v>24.392656047900001</v>
      </c>
      <c r="V1687" s="7">
        <v>29.014972009899999</v>
      </c>
      <c r="W1687" s="7">
        <v>40.746617158100001</v>
      </c>
      <c r="X1687" s="7">
        <v>47.615040999999998</v>
      </c>
      <c r="Y1687" s="7">
        <v>64.908708744199998</v>
      </c>
      <c r="Z1687" s="7">
        <v>91.989290999999994</v>
      </c>
      <c r="AA1687" s="7">
        <v>69.265798000000004</v>
      </c>
      <c r="AB1687" s="7">
        <v>40.908344</v>
      </c>
      <c r="AC1687" s="7">
        <v>5</v>
      </c>
      <c r="AD1687" s="7">
        <v>5</v>
      </c>
      <c r="AE1687" s="7">
        <v>5</v>
      </c>
      <c r="AF1687" s="7">
        <v>5</v>
      </c>
      <c r="AG1687" s="9">
        <v>-58949.483099099998</v>
      </c>
      <c r="AH1687" s="13">
        <v>-0.99998303661060228</v>
      </c>
      <c r="AI1687" s="9">
        <v>-14577.276743899994</v>
      </c>
      <c r="AJ1687" s="13">
        <v>-0.24728002176665023</v>
      </c>
      <c r="AK1687" s="9">
        <v>8280.6595698999954</v>
      </c>
      <c r="AL1687" s="13">
        <v>0.1866139558096099</v>
      </c>
      <c r="AM1687" s="9">
        <v>-52652.865925099999</v>
      </c>
      <c r="AN1687" s="13">
        <v>-0.99998100804219348</v>
      </c>
      <c r="AO1687" s="9">
        <v>-44372.206355200004</v>
      </c>
      <c r="AP1687" s="13">
        <v>-0.99997746387781861</v>
      </c>
      <c r="AQ1687" s="9">
        <v>58950.483099099998</v>
      </c>
      <c r="AR1687" s="9">
        <v>48703.566873600001</v>
      </c>
      <c r="AS1687" s="9">
        <v>43370.430467799997</v>
      </c>
      <c r="AT1687" s="9">
        <v>1</v>
      </c>
      <c r="AU1687" s="9">
        <v>54207.443665500003</v>
      </c>
      <c r="AV1687" s="9">
        <v>41634.582324399998</v>
      </c>
      <c r="AW1687" s="9">
        <v>44373.206355200004</v>
      </c>
      <c r="AX1687" s="9">
        <v>51684.659202800001</v>
      </c>
      <c r="AY1687" s="9">
        <v>50132.689270499999</v>
      </c>
      <c r="AZ1687" s="9">
        <v>52653.865925099999</v>
      </c>
      <c r="BA1687" s="9">
        <v>52186.530688899998</v>
      </c>
      <c r="BB1687" s="9">
        <v>43749.242105899997</v>
      </c>
      <c r="BC1687" s="9">
        <v>59090.838651899998</v>
      </c>
      <c r="BD1687" s="9">
        <v>1</v>
      </c>
      <c r="BE1687" s="9">
        <v>1</v>
      </c>
      <c r="BF1687" s="9">
        <v>1</v>
      </c>
      <c r="BG1687" s="11">
        <v>-0.75</v>
      </c>
      <c r="BH1687" s="13">
        <v>-0.75</v>
      </c>
      <c r="BI1687" s="6">
        <v>1</v>
      </c>
      <c r="BJ1687" s="13">
        <v>1</v>
      </c>
      <c r="BK1687" s="6">
        <v>0</v>
      </c>
      <c r="BL1687" s="13">
        <v>0</v>
      </c>
      <c r="BM1687" s="11">
        <v>-1.75</v>
      </c>
      <c r="BN1687" s="13">
        <v>-0.875</v>
      </c>
      <c r="BO1687" s="11">
        <v>-1.75</v>
      </c>
      <c r="BP1687" s="13">
        <v>-0.875</v>
      </c>
      <c r="BQ1687" s="6">
        <v>1</v>
      </c>
      <c r="BR1687" s="6">
        <v>1</v>
      </c>
      <c r="BS1687" s="6">
        <v>1</v>
      </c>
      <c r="BT1687" s="6">
        <v>2</v>
      </c>
      <c r="BU1687" s="6">
        <v>2</v>
      </c>
      <c r="BV1687" s="6">
        <v>2</v>
      </c>
      <c r="BW1687" s="6">
        <v>2</v>
      </c>
      <c r="BX1687" s="6">
        <v>2</v>
      </c>
      <c r="BY1687" s="6">
        <v>2</v>
      </c>
      <c r="BZ1687" s="6">
        <v>1</v>
      </c>
      <c r="CA1687" s="6">
        <v>1</v>
      </c>
      <c r="CB1687" s="6">
        <v>1</v>
      </c>
      <c r="CC1687" s="11">
        <v>0.25</v>
      </c>
      <c r="CD1687" s="11">
        <v>-21.514700000000001</v>
      </c>
      <c r="CE1687" s="11">
        <v>1.91612</v>
      </c>
      <c r="CF1687" s="11">
        <v>2.0188799999999998</v>
      </c>
      <c r="CG1687" s="11">
        <v>4</v>
      </c>
      <c r="CH1687" s="20">
        <v>0.50494899999999998</v>
      </c>
      <c r="CI1687" s="20">
        <v>0.30163200000000001</v>
      </c>
      <c r="CJ1687" s="20">
        <v>0.47323500000000002</v>
      </c>
      <c r="CK1687" s="20">
        <v>0.24587200000000001</v>
      </c>
      <c r="CL1687" s="20">
        <v>0.31046699999999999</v>
      </c>
      <c r="CM1687" s="20">
        <v>0.56993000000000005</v>
      </c>
      <c r="CN1687" s="20">
        <v>0.64663899999999996</v>
      </c>
      <c r="CO1687" s="20">
        <v>0.846391</v>
      </c>
      <c r="CP1687" s="20">
        <v>1.0676699999999999</v>
      </c>
      <c r="CQ1687" s="20">
        <v>1.3669800000000001</v>
      </c>
      <c r="CR1687" s="20">
        <v>1.73465</v>
      </c>
      <c r="CS1687" s="20">
        <v>1.1818299999999999</v>
      </c>
      <c r="CT1687" s="20">
        <v>0.69571499999999997</v>
      </c>
      <c r="CU1687" s="20">
        <v>3.6617299999999998E-2</v>
      </c>
      <c r="CV1687" s="20">
        <v>4.7356599999999999E-2</v>
      </c>
      <c r="CW1687" s="20">
        <v>1.8874599999999998E-2</v>
      </c>
      <c r="CX1687" s="20">
        <v>1.9624800000000001E-2</v>
      </c>
      <c r="CY1687" s="6" t="s">
        <v>635</v>
      </c>
      <c r="CZ1687" s="6" t="s">
        <v>636</v>
      </c>
      <c r="DA1687" s="6" t="s">
        <v>125</v>
      </c>
      <c r="DB1687" s="6" t="s">
        <v>345</v>
      </c>
      <c r="DC1687" s="6"/>
      <c r="DD1687" s="6"/>
      <c r="DE1687" s="6"/>
      <c r="DF1687" s="6"/>
      <c r="DG1687" s="6"/>
      <c r="DH1687" s="6" t="s">
        <v>333</v>
      </c>
      <c r="DI1687" s="6"/>
      <c r="DJ1687" s="6"/>
      <c r="DK1687" s="6"/>
      <c r="DL1687" s="6">
        <v>6</v>
      </c>
      <c r="DM1687" s="6" t="s">
        <v>396</v>
      </c>
      <c r="DN1687" s="6">
        <v>6</v>
      </c>
      <c r="DO1687" s="6" t="s">
        <v>393</v>
      </c>
      <c r="DP1687" s="6"/>
      <c r="DQ1687" s="6"/>
    </row>
    <row r="1688" spans="1:121" x14ac:dyDescent="0.2">
      <c r="A1688" s="6" t="s">
        <v>311</v>
      </c>
      <c r="B1688" s="6" t="s">
        <v>311</v>
      </c>
      <c r="C1688" s="6" t="s">
        <v>174</v>
      </c>
      <c r="D1688" s="6" t="s">
        <v>125</v>
      </c>
      <c r="E1688" s="6" t="s">
        <v>266</v>
      </c>
      <c r="F1688" s="11">
        <v>12</v>
      </c>
      <c r="G1688" s="13">
        <v>0.32432432432399999</v>
      </c>
      <c r="H1688" s="11">
        <v>-4.4350049999999968</v>
      </c>
      <c r="I1688" s="13">
        <v>-0.11861199252812142</v>
      </c>
      <c r="J1688" s="11">
        <v>22.514226000000001</v>
      </c>
      <c r="K1688" s="13">
        <v>0.6831630550682033</v>
      </c>
      <c r="L1688" s="11">
        <v>-6.3211861151999997</v>
      </c>
      <c r="M1688" s="13">
        <v>-0.11395666693576063</v>
      </c>
      <c r="N1688" s="11">
        <v>16.193039884800001</v>
      </c>
      <c r="O1688" s="13">
        <v>0.4913554034032187</v>
      </c>
      <c r="P1688" s="7">
        <v>37.390864999999998</v>
      </c>
      <c r="Q1688" s="7">
        <v>28.071455</v>
      </c>
      <c r="R1688" s="7">
        <v>27.124316</v>
      </c>
      <c r="S1688" s="7">
        <v>34.245086000000001</v>
      </c>
      <c r="T1688" s="7">
        <v>32.456983000000001</v>
      </c>
      <c r="U1688" s="7">
        <v>29.403345000000002</v>
      </c>
      <c r="V1688" s="7">
        <v>32.955860000000001</v>
      </c>
      <c r="W1688" s="7">
        <v>37.948166000000001</v>
      </c>
      <c r="X1688" s="7">
        <v>50.135376999999998</v>
      </c>
      <c r="Y1688" s="7">
        <v>55.470086000000002</v>
      </c>
      <c r="Z1688" s="7">
        <v>49.494298999999998</v>
      </c>
      <c r="AA1688" s="7">
        <v>50.707768000000002</v>
      </c>
      <c r="AB1688" s="7">
        <v>49.267149000000003</v>
      </c>
      <c r="AC1688" s="7">
        <v>48.660012000000002</v>
      </c>
      <c r="AD1688" s="7">
        <v>47.896932256200003</v>
      </c>
      <c r="AE1688" s="7">
        <v>48.980474513799997</v>
      </c>
      <c r="AF1688" s="7">
        <v>49.148899884800002</v>
      </c>
      <c r="AG1688" s="9">
        <v>24034.771512299994</v>
      </c>
      <c r="AH1688" s="13">
        <v>0.35725154972016537</v>
      </c>
      <c r="AI1688" s="9">
        <v>25088.3976883</v>
      </c>
      <c r="AJ1688" s="13">
        <v>0.3729125924727083</v>
      </c>
      <c r="AK1688" s="9">
        <v>-18168.189370499997</v>
      </c>
      <c r="AL1688" s="13">
        <v>-0.19669933111798085</v>
      </c>
      <c r="AM1688" s="9">
        <v>17114.563194499991</v>
      </c>
      <c r="AN1688" s="13">
        <v>0.23066352567018955</v>
      </c>
      <c r="AO1688" s="9">
        <v>-1053.6261760000052</v>
      </c>
      <c r="AP1688" s="13">
        <v>-1.1407166660432792E-2</v>
      </c>
      <c r="AQ1688" s="9">
        <v>67276.885239900002</v>
      </c>
      <c r="AR1688" s="9">
        <v>76040.043480499997</v>
      </c>
      <c r="AS1688" s="9">
        <v>79503.593187799997</v>
      </c>
      <c r="AT1688" s="9">
        <v>77522.089715399998</v>
      </c>
      <c r="AU1688" s="9">
        <v>87159.683945900004</v>
      </c>
      <c r="AV1688" s="9">
        <v>83755.921810600004</v>
      </c>
      <c r="AW1688" s="9">
        <v>92365.282928200002</v>
      </c>
      <c r="AX1688" s="9">
        <v>87692.136801200002</v>
      </c>
      <c r="AY1688" s="9">
        <v>89160.290901300003</v>
      </c>
      <c r="AZ1688" s="9">
        <v>74197.093557700005</v>
      </c>
      <c r="BA1688" s="9">
        <v>74133.536568199997</v>
      </c>
      <c r="BB1688" s="9">
        <v>78373.097643000001</v>
      </c>
      <c r="BC1688" s="9">
        <v>85384.179457799997</v>
      </c>
      <c r="BD1688" s="9">
        <v>92190.334162700005</v>
      </c>
      <c r="BE1688" s="9">
        <v>80936.073545899999</v>
      </c>
      <c r="BF1688" s="9">
        <v>91311.656752199997</v>
      </c>
      <c r="BG1688" s="11">
        <v>-2</v>
      </c>
      <c r="BH1688" s="13">
        <v>-0.5</v>
      </c>
      <c r="BI1688" s="6">
        <v>0</v>
      </c>
      <c r="BJ1688" s="13">
        <v>0</v>
      </c>
      <c r="BK1688" s="6">
        <v>0</v>
      </c>
      <c r="BL1688" s="13">
        <v>0</v>
      </c>
      <c r="BM1688" s="11">
        <v>-2</v>
      </c>
      <c r="BN1688" s="13">
        <v>-0.5</v>
      </c>
      <c r="BO1688" s="11">
        <v>-2</v>
      </c>
      <c r="BP1688" s="13">
        <v>-0.5</v>
      </c>
      <c r="BQ1688" s="6">
        <v>4</v>
      </c>
      <c r="BR1688" s="6">
        <v>4</v>
      </c>
      <c r="BS1688" s="6">
        <v>4</v>
      </c>
      <c r="BT1688" s="6">
        <v>4</v>
      </c>
      <c r="BU1688" s="6">
        <v>4</v>
      </c>
      <c r="BV1688" s="6">
        <v>4</v>
      </c>
      <c r="BW1688" s="6">
        <v>4</v>
      </c>
      <c r="BX1688" s="6">
        <v>4</v>
      </c>
      <c r="BY1688" s="6">
        <v>4</v>
      </c>
      <c r="BZ1688" s="6">
        <v>3</v>
      </c>
      <c r="CA1688" s="6">
        <v>2</v>
      </c>
      <c r="CB1688" s="6">
        <v>2</v>
      </c>
      <c r="CC1688" s="11">
        <v>2</v>
      </c>
      <c r="CD1688" s="11">
        <v>13.759600000000001</v>
      </c>
      <c r="CE1688" s="11">
        <v>-6.08887</v>
      </c>
      <c r="CF1688" s="11">
        <v>4.0872700000000002</v>
      </c>
      <c r="CG1688" s="11">
        <v>-2</v>
      </c>
      <c r="CH1688" s="20">
        <v>0.93303800000000003</v>
      </c>
      <c r="CI1688" s="20">
        <v>0.72592500000000004</v>
      </c>
      <c r="CJ1688" s="20">
        <v>0.69516</v>
      </c>
      <c r="CK1688" s="20">
        <v>0.87635399999999997</v>
      </c>
      <c r="CL1688" s="20">
        <v>0.86538400000000004</v>
      </c>
      <c r="CM1688" s="20">
        <v>0.79636200000000001</v>
      </c>
      <c r="CN1688" s="20">
        <v>0.90509600000000001</v>
      </c>
      <c r="CO1688" s="20">
        <v>1.0310900000000001</v>
      </c>
      <c r="CP1688" s="20">
        <v>1.32023</v>
      </c>
      <c r="CQ1688" s="20">
        <v>1.41371</v>
      </c>
      <c r="CR1688" s="20">
        <v>1.2654300000000001</v>
      </c>
      <c r="CS1688" s="20">
        <v>1.2806900000000001</v>
      </c>
      <c r="CT1688" s="20">
        <v>1.26518</v>
      </c>
      <c r="CU1688" s="20">
        <v>1.2479199999999999</v>
      </c>
      <c r="CV1688" s="20">
        <v>1.23888</v>
      </c>
      <c r="CW1688" s="20">
        <v>1.2841199999999999</v>
      </c>
      <c r="CX1688" s="20">
        <v>1.2687999999999999</v>
      </c>
      <c r="CY1688" s="6" t="s">
        <v>635</v>
      </c>
      <c r="CZ1688" s="6" t="s">
        <v>636</v>
      </c>
      <c r="DA1688" s="6" t="s">
        <v>125</v>
      </c>
      <c r="DB1688" s="6" t="s">
        <v>345</v>
      </c>
      <c r="DC1688" s="6"/>
      <c r="DD1688" s="6"/>
      <c r="DE1688" s="6"/>
      <c r="DF1688" s="6"/>
      <c r="DG1688" s="6"/>
      <c r="DH1688" s="6" t="s">
        <v>333</v>
      </c>
      <c r="DI1688" s="6"/>
      <c r="DJ1688" s="6"/>
      <c r="DK1688" s="6"/>
      <c r="DL1688" s="6">
        <v>6</v>
      </c>
      <c r="DM1688" s="6" t="s">
        <v>396</v>
      </c>
      <c r="DN1688" s="6">
        <v>6</v>
      </c>
      <c r="DO1688" s="6" t="s">
        <v>393</v>
      </c>
      <c r="DP1688" s="6"/>
      <c r="DQ1688" s="6"/>
    </row>
    <row r="1689" spans="1:121" x14ac:dyDescent="0.2">
      <c r="A1689" s="6" t="s">
        <v>312</v>
      </c>
      <c r="B1689" s="6" t="s">
        <v>312</v>
      </c>
      <c r="C1689" s="6" t="s">
        <v>175</v>
      </c>
      <c r="D1689" s="6" t="s">
        <v>125</v>
      </c>
      <c r="E1689" s="6" t="s">
        <v>266</v>
      </c>
      <c r="F1689" s="11">
        <v>174</v>
      </c>
      <c r="G1689" s="13">
        <v>0.27187499999999998</v>
      </c>
      <c r="H1689" s="11">
        <v>27.463421175000008</v>
      </c>
      <c r="I1689" s="13">
        <v>4.2931480624014771E-2</v>
      </c>
      <c r="J1689" s="11">
        <v>-26.543523687000061</v>
      </c>
      <c r="K1689" s="13">
        <v>-3.9785427435228511E-2</v>
      </c>
      <c r="L1689" s="11">
        <v>173.27649727699998</v>
      </c>
      <c r="M1689" s="13">
        <v>0.27048103545691177</v>
      </c>
      <c r="N1689" s="11">
        <v>146.73297358999992</v>
      </c>
      <c r="O1689" s="13">
        <v>0.21993440441290685</v>
      </c>
      <c r="P1689" s="7">
        <v>639.70356428000002</v>
      </c>
      <c r="Q1689" s="7">
        <v>653.23116812800004</v>
      </c>
      <c r="R1689" s="7">
        <v>646.85395607600003</v>
      </c>
      <c r="S1689" s="7">
        <v>660.15376986199999</v>
      </c>
      <c r="T1689" s="7">
        <v>670.718747044</v>
      </c>
      <c r="U1689" s="7">
        <v>697.75118595200001</v>
      </c>
      <c r="V1689" s="7">
        <v>667.16698545500003</v>
      </c>
      <c r="W1689" s="7">
        <v>674.53979185100002</v>
      </c>
      <c r="X1689" s="7">
        <v>649.03080981899996</v>
      </c>
      <c r="Y1689" s="7">
        <v>640.62346176799997</v>
      </c>
      <c r="Z1689" s="7">
        <v>694.62400601900003</v>
      </c>
      <c r="AA1689" s="7">
        <v>693.09465806499998</v>
      </c>
      <c r="AB1689" s="7">
        <v>672.70867930500003</v>
      </c>
      <c r="AC1689" s="7">
        <v>732.14089500700004</v>
      </c>
      <c r="AD1689" s="7">
        <v>784.90282525700002</v>
      </c>
      <c r="AE1689" s="7">
        <v>768.17333384799997</v>
      </c>
      <c r="AF1689" s="7">
        <v>813.89995904499995</v>
      </c>
      <c r="AG1689" s="9">
        <v>20795.436145999996</v>
      </c>
      <c r="AH1689" s="13">
        <v>0.63963950208774123</v>
      </c>
      <c r="AI1689" s="9">
        <v>4507.4991840999974</v>
      </c>
      <c r="AJ1689" s="13">
        <v>0.13864458112522929</v>
      </c>
      <c r="AK1689" s="9">
        <v>7178.7224443000014</v>
      </c>
      <c r="AL1689" s="13">
        <v>0.19392161609462619</v>
      </c>
      <c r="AM1689" s="9">
        <v>9109.2145175999976</v>
      </c>
      <c r="AN1689" s="13">
        <v>0.20610293385331144</v>
      </c>
      <c r="AO1689" s="9">
        <v>16287.936961899999</v>
      </c>
      <c r="AP1689" s="13">
        <v>0.43999236396261571</v>
      </c>
      <c r="AQ1689" s="9">
        <v>32511.1818112</v>
      </c>
      <c r="AR1689" s="9">
        <v>33699.996017700003</v>
      </c>
      <c r="AS1689" s="9">
        <v>34346.390304200002</v>
      </c>
      <c r="AT1689" s="9">
        <v>35123.528719900001</v>
      </c>
      <c r="AU1689" s="9">
        <v>37086.530665600003</v>
      </c>
      <c r="AV1689" s="9">
        <v>37087.897046600003</v>
      </c>
      <c r="AW1689" s="9">
        <v>37018.680995299997</v>
      </c>
      <c r="AX1689" s="9">
        <v>39947.105468299997</v>
      </c>
      <c r="AY1689" s="9">
        <v>42211.6879348</v>
      </c>
      <c r="AZ1689" s="9">
        <v>44197.403439599999</v>
      </c>
      <c r="BA1689" s="9">
        <v>46331.019321599997</v>
      </c>
      <c r="BB1689" s="9">
        <v>60754.253643800002</v>
      </c>
      <c r="BC1689" s="9">
        <v>54442.1472507</v>
      </c>
      <c r="BD1689" s="9">
        <v>55632.227743800002</v>
      </c>
      <c r="BE1689" s="9">
        <v>60239.701828500001</v>
      </c>
      <c r="BF1689" s="9">
        <v>53306.617957199996</v>
      </c>
      <c r="BG1689" s="11">
        <v>-20</v>
      </c>
      <c r="BH1689" s="13">
        <v>-0.22222222222222221</v>
      </c>
      <c r="BI1689" s="6">
        <v>-5</v>
      </c>
      <c r="BJ1689" s="13">
        <v>-5.5555555555555552E-2</v>
      </c>
      <c r="BK1689" s="6">
        <v>-3</v>
      </c>
      <c r="BL1689" s="13">
        <v>-3.5294117647058823E-2</v>
      </c>
      <c r="BM1689" s="11">
        <v>-12</v>
      </c>
      <c r="BN1689" s="13">
        <v>-0.14634146341463414</v>
      </c>
      <c r="BO1689" s="11">
        <v>-15</v>
      </c>
      <c r="BP1689" s="13">
        <v>-0.17647058823529413</v>
      </c>
      <c r="BQ1689" s="6">
        <v>90</v>
      </c>
      <c r="BR1689" s="6">
        <v>90</v>
      </c>
      <c r="BS1689" s="6">
        <v>91</v>
      </c>
      <c r="BT1689" s="6">
        <v>85</v>
      </c>
      <c r="BU1689" s="6">
        <v>79</v>
      </c>
      <c r="BV1689" s="6">
        <v>77</v>
      </c>
      <c r="BW1689" s="6">
        <v>82</v>
      </c>
      <c r="BX1689" s="6">
        <v>79</v>
      </c>
      <c r="BY1689" s="6">
        <v>77</v>
      </c>
      <c r="BZ1689" s="6">
        <v>73</v>
      </c>
      <c r="CA1689" s="6">
        <v>72</v>
      </c>
      <c r="CB1689" s="6">
        <v>67</v>
      </c>
      <c r="CC1689" s="11">
        <v>70</v>
      </c>
      <c r="CD1689" s="11">
        <v>181.75299999999999</v>
      </c>
      <c r="CE1689" s="11">
        <v>-77.484399999999994</v>
      </c>
      <c r="CF1689" s="11">
        <v>69.927300000000002</v>
      </c>
      <c r="CG1689" s="11">
        <v>-7</v>
      </c>
      <c r="CH1689" s="20">
        <v>1.10056</v>
      </c>
      <c r="CI1689" s="20">
        <v>1.1566000000000001</v>
      </c>
      <c r="CJ1689" s="20">
        <v>1.0846899999999999</v>
      </c>
      <c r="CK1689" s="20">
        <v>1.0363800000000001</v>
      </c>
      <c r="CL1689" s="20">
        <v>1.02281</v>
      </c>
      <c r="CM1689" s="20">
        <v>1.0293699999999999</v>
      </c>
      <c r="CN1689" s="20">
        <v>1.0115000000000001</v>
      </c>
      <c r="CO1689" s="20">
        <v>1.0858399999999999</v>
      </c>
      <c r="CP1689" s="20">
        <v>1.16798</v>
      </c>
      <c r="CQ1689" s="20">
        <v>1.1936899999999999</v>
      </c>
      <c r="CR1689" s="20">
        <v>1.3121</v>
      </c>
      <c r="CS1689" s="20">
        <v>1.28111</v>
      </c>
      <c r="CT1689" s="20">
        <v>1.2336800000000001</v>
      </c>
      <c r="CU1689" s="20">
        <v>1.3001799999999999</v>
      </c>
      <c r="CV1689" s="20">
        <v>1.3668899999999999</v>
      </c>
      <c r="CW1689" s="20">
        <v>1.3279700000000001</v>
      </c>
      <c r="CX1689" s="20">
        <v>1.3874599999999999</v>
      </c>
      <c r="CY1689" s="6" t="s">
        <v>635</v>
      </c>
      <c r="CZ1689" s="6" t="s">
        <v>636</v>
      </c>
      <c r="DA1689" s="6" t="s">
        <v>125</v>
      </c>
      <c r="DB1689" s="6" t="s">
        <v>345</v>
      </c>
      <c r="DC1689" s="6"/>
      <c r="DD1689" s="6"/>
      <c r="DE1689" s="6"/>
      <c r="DF1689" s="6"/>
      <c r="DG1689" s="6"/>
      <c r="DH1689" s="6" t="s">
        <v>333</v>
      </c>
      <c r="DI1689" s="6"/>
      <c r="DJ1689" s="6"/>
      <c r="DK1689" s="6"/>
      <c r="DL1689" s="6">
        <v>6</v>
      </c>
      <c r="DM1689" s="6" t="s">
        <v>396</v>
      </c>
      <c r="DN1689" s="6">
        <v>6</v>
      </c>
      <c r="DO1689" s="6" t="s">
        <v>393</v>
      </c>
      <c r="DP1689" s="6"/>
      <c r="DQ1689" s="6"/>
    </row>
    <row r="1690" spans="1:121" x14ac:dyDescent="0.2">
      <c r="A1690" s="6" t="s">
        <v>792</v>
      </c>
      <c r="B1690" s="6" t="s">
        <v>176</v>
      </c>
      <c r="C1690" s="6" t="s">
        <v>177</v>
      </c>
      <c r="D1690" s="6" t="s">
        <v>125</v>
      </c>
      <c r="E1690" s="6" t="s">
        <v>266</v>
      </c>
      <c r="F1690" s="11">
        <v>392</v>
      </c>
      <c r="G1690" s="13">
        <v>0.12727272727300001</v>
      </c>
      <c r="H1690" s="11">
        <v>41.476536459999807</v>
      </c>
      <c r="I1690" s="13">
        <v>1.3468214347616915E-2</v>
      </c>
      <c r="J1690" s="11">
        <v>63.906758750000336</v>
      </c>
      <c r="K1690" s="13">
        <v>2.0475956374563481E-2</v>
      </c>
      <c r="L1690" s="11">
        <v>286.86025702999996</v>
      </c>
      <c r="M1690" s="13">
        <v>9.0066857623056051E-2</v>
      </c>
      <c r="N1690" s="11">
        <v>350.76701578000029</v>
      </c>
      <c r="O1690" s="13">
        <v>0.11238701904510325</v>
      </c>
      <c r="P1690" s="7">
        <v>3079.58689916</v>
      </c>
      <c r="Q1690" s="7">
        <v>2944.4676488</v>
      </c>
      <c r="R1690" s="7">
        <v>3100.1021502499998</v>
      </c>
      <c r="S1690" s="7">
        <v>3165.4039686800002</v>
      </c>
      <c r="T1690" s="7">
        <v>3169.8755593199999</v>
      </c>
      <c r="U1690" s="7">
        <v>3207.0008896300001</v>
      </c>
      <c r="V1690" s="7">
        <v>3121.0634356199998</v>
      </c>
      <c r="W1690" s="7">
        <v>3097.8487646499998</v>
      </c>
      <c r="X1690" s="7">
        <v>3017.3490400699998</v>
      </c>
      <c r="Y1690" s="7">
        <v>3184.9701943700002</v>
      </c>
      <c r="Z1690" s="7">
        <v>3275.2357074500001</v>
      </c>
      <c r="AA1690" s="7">
        <v>3329.4127546999998</v>
      </c>
      <c r="AB1690" s="7">
        <v>3421.2721907499999</v>
      </c>
      <c r="AC1690" s="7">
        <v>3386.0793756899998</v>
      </c>
      <c r="AD1690" s="7">
        <v>3473.5532935900001</v>
      </c>
      <c r="AE1690" s="7">
        <v>3421.4641639800002</v>
      </c>
      <c r="AF1690" s="7">
        <v>3471.8304514000001</v>
      </c>
      <c r="AG1690" s="9">
        <v>12377.719269900001</v>
      </c>
      <c r="AH1690" s="13">
        <v>0.35477876275183207</v>
      </c>
      <c r="AI1690" s="9">
        <v>6198.6082119999992</v>
      </c>
      <c r="AJ1690" s="13">
        <v>0.17766880184336839</v>
      </c>
      <c r="AK1690" s="9">
        <v>2095.8150717000026</v>
      </c>
      <c r="AL1690" s="13">
        <v>5.1008995985484744E-2</v>
      </c>
      <c r="AM1690" s="9">
        <v>4083.2959861999989</v>
      </c>
      <c r="AN1690" s="13">
        <v>9.4557992767861157E-2</v>
      </c>
      <c r="AO1690" s="9">
        <v>6179.1110579000015</v>
      </c>
      <c r="AP1690" s="13">
        <v>0.15039029702683723</v>
      </c>
      <c r="AQ1690" s="9">
        <v>34888.557516499997</v>
      </c>
      <c r="AR1690" s="9">
        <v>36538.746309399998</v>
      </c>
      <c r="AS1690" s="9">
        <v>37916.334171299997</v>
      </c>
      <c r="AT1690" s="9">
        <v>39039.163531300001</v>
      </c>
      <c r="AU1690" s="9">
        <v>40009.540322100002</v>
      </c>
      <c r="AV1690" s="9">
        <v>39338.2031221</v>
      </c>
      <c r="AW1690" s="9">
        <v>41087.165728499996</v>
      </c>
      <c r="AX1690" s="9">
        <v>41674.2403529</v>
      </c>
      <c r="AY1690" s="9">
        <v>42607.195874700003</v>
      </c>
      <c r="AZ1690" s="9">
        <v>43182.980800199999</v>
      </c>
      <c r="BA1690" s="9">
        <v>41151.428503800002</v>
      </c>
      <c r="BB1690" s="9">
        <v>42960.343083799999</v>
      </c>
      <c r="BC1690" s="9">
        <v>42567.542252300002</v>
      </c>
      <c r="BD1690" s="9">
        <v>45032.937503900001</v>
      </c>
      <c r="BE1690" s="9">
        <v>44855.348376299997</v>
      </c>
      <c r="BF1690" s="9">
        <v>47266.276786399998</v>
      </c>
      <c r="BG1690" s="11">
        <v>-2.25</v>
      </c>
      <c r="BH1690" s="13">
        <v>-5.7692307692307696E-2</v>
      </c>
      <c r="BI1690" s="6">
        <v>-2</v>
      </c>
      <c r="BJ1690" s="13">
        <v>-5.128205128205128E-2</v>
      </c>
      <c r="BK1690" s="6">
        <v>-2</v>
      </c>
      <c r="BL1690" s="13">
        <v>-5.4054054054054057E-2</v>
      </c>
      <c r="BM1690" s="11">
        <v>1.75</v>
      </c>
      <c r="BN1690" s="13">
        <v>0.05</v>
      </c>
      <c r="BO1690" s="11">
        <v>-0.25</v>
      </c>
      <c r="BP1690" s="13">
        <v>-6.7567567567567571E-3</v>
      </c>
      <c r="BQ1690" s="6">
        <v>39</v>
      </c>
      <c r="BR1690" s="6">
        <v>38</v>
      </c>
      <c r="BS1690" s="6">
        <v>36</v>
      </c>
      <c r="BT1690" s="6">
        <v>37</v>
      </c>
      <c r="BU1690" s="6">
        <v>35</v>
      </c>
      <c r="BV1690" s="6">
        <v>34</v>
      </c>
      <c r="BW1690" s="6">
        <v>35</v>
      </c>
      <c r="BX1690" s="6">
        <v>34</v>
      </c>
      <c r="BY1690" s="6">
        <v>34</v>
      </c>
      <c r="BZ1690" s="6">
        <v>35</v>
      </c>
      <c r="CA1690" s="6">
        <v>35</v>
      </c>
      <c r="CB1690" s="6">
        <v>36</v>
      </c>
      <c r="CC1690" s="11">
        <v>36.75</v>
      </c>
      <c r="CD1690" s="11">
        <v>1142.6300000000001</v>
      </c>
      <c r="CE1690" s="11">
        <v>-1087.03</v>
      </c>
      <c r="CF1690" s="11">
        <v>336.63600000000002</v>
      </c>
      <c r="CG1690" s="11">
        <v>-750</v>
      </c>
      <c r="CH1690" s="20">
        <v>2.7674699999999999</v>
      </c>
      <c r="CI1690" s="20">
        <v>2.91012</v>
      </c>
      <c r="CJ1690" s="20">
        <v>3.10188</v>
      </c>
      <c r="CK1690" s="20">
        <v>3.1406399999999999</v>
      </c>
      <c r="CL1690" s="20">
        <v>3.2169500000000002</v>
      </c>
      <c r="CM1690" s="20">
        <v>3.3002500000000001</v>
      </c>
      <c r="CN1690" s="20">
        <v>3.3416899999999998</v>
      </c>
      <c r="CO1690" s="20">
        <v>3.4456099999999998</v>
      </c>
      <c r="CP1690" s="20">
        <v>3.6964600000000001</v>
      </c>
      <c r="CQ1690" s="20">
        <v>3.82185</v>
      </c>
      <c r="CR1690" s="20">
        <v>3.8655300000000001</v>
      </c>
      <c r="CS1690" s="20">
        <v>3.8175500000000002</v>
      </c>
      <c r="CT1690" s="20">
        <v>3.9533900000000002</v>
      </c>
      <c r="CU1690" s="20">
        <v>3.8817599999999999</v>
      </c>
      <c r="CV1690" s="20">
        <v>4.0143599999999999</v>
      </c>
      <c r="CW1690" s="20">
        <v>4.01084</v>
      </c>
      <c r="CX1690" s="20">
        <v>4.0391300000000001</v>
      </c>
      <c r="CY1690" s="6" t="s">
        <v>635</v>
      </c>
      <c r="CZ1690" s="6" t="s">
        <v>636</v>
      </c>
      <c r="DA1690" s="6" t="s">
        <v>125</v>
      </c>
      <c r="DB1690" s="6" t="s">
        <v>345</v>
      </c>
      <c r="DC1690" s="6"/>
      <c r="DD1690" s="6"/>
      <c r="DE1690" s="6"/>
      <c r="DF1690" s="6"/>
      <c r="DG1690" s="6"/>
      <c r="DH1690" s="6" t="s">
        <v>333</v>
      </c>
      <c r="DI1690" s="6"/>
      <c r="DJ1690" s="6"/>
      <c r="DK1690" s="6"/>
      <c r="DL1690" s="6">
        <v>6</v>
      </c>
      <c r="DM1690" s="6" t="s">
        <v>396</v>
      </c>
      <c r="DN1690" s="6">
        <v>6</v>
      </c>
      <c r="DO1690" s="6" t="s">
        <v>393</v>
      </c>
      <c r="DP1690" s="6"/>
      <c r="DQ1690" s="6"/>
    </row>
    <row r="1691" spans="1:121" x14ac:dyDescent="0.2">
      <c r="A1691" s="6" t="s">
        <v>313</v>
      </c>
      <c r="B1691" s="6" t="s">
        <v>313</v>
      </c>
      <c r="C1691" s="6" t="s">
        <v>178</v>
      </c>
      <c r="D1691" s="6" t="s">
        <v>125</v>
      </c>
      <c r="E1691" s="6" t="s">
        <v>266</v>
      </c>
      <c r="F1691" s="11">
        <v>186</v>
      </c>
      <c r="G1691" s="13">
        <v>0.95384615384600002</v>
      </c>
      <c r="H1691" s="11">
        <v>90.730191611999999</v>
      </c>
      <c r="I1691" s="13">
        <v>0.46641959545484202</v>
      </c>
      <c r="J1691" s="11">
        <v>-15.283680205999985</v>
      </c>
      <c r="K1691" s="13">
        <v>-5.3579005282031501E-2</v>
      </c>
      <c r="L1691" s="11">
        <v>110.675374616</v>
      </c>
      <c r="M1691" s="13">
        <v>0.40995231135595639</v>
      </c>
      <c r="N1691" s="11">
        <v>95.391694410000014</v>
      </c>
      <c r="O1691" s="13">
        <v>0.33440846901840304</v>
      </c>
      <c r="P1691" s="7">
        <v>194.52482806500001</v>
      </c>
      <c r="Q1691" s="7">
        <v>135.063404209</v>
      </c>
      <c r="R1691" s="7">
        <v>143.93595126299999</v>
      </c>
      <c r="S1691" s="7">
        <v>265.881473008</v>
      </c>
      <c r="T1691" s="7">
        <v>294.082489141</v>
      </c>
      <c r="U1691" s="7">
        <v>292.791053035</v>
      </c>
      <c r="V1691" s="7">
        <v>285.25501967700001</v>
      </c>
      <c r="W1691" s="7">
        <v>268.19573210599998</v>
      </c>
      <c r="X1691" s="7">
        <v>294.25762014100002</v>
      </c>
      <c r="Y1691" s="7">
        <v>269.97133947100002</v>
      </c>
      <c r="Z1691" s="7">
        <v>283.13368903700001</v>
      </c>
      <c r="AA1691" s="7">
        <v>321.87088292800001</v>
      </c>
      <c r="AB1691" s="7">
        <v>335.06137481000002</v>
      </c>
      <c r="AC1691" s="7">
        <v>345.35621291199999</v>
      </c>
      <c r="AD1691" s="7">
        <v>349.59325407799997</v>
      </c>
      <c r="AE1691" s="7">
        <v>362.21474734200001</v>
      </c>
      <c r="AF1691" s="7">
        <v>380.64671408700002</v>
      </c>
      <c r="AG1691" s="9">
        <v>28602.681843799997</v>
      </c>
      <c r="AH1691" s="13">
        <v>0.86410593693547388</v>
      </c>
      <c r="AI1691" s="9">
        <v>9331.0323187999966</v>
      </c>
      <c r="AJ1691" s="13">
        <v>0.28189665809815029</v>
      </c>
      <c r="AK1691" s="9">
        <v>3912.1154180000012</v>
      </c>
      <c r="AL1691" s="13">
        <v>9.2197443209761018E-2</v>
      </c>
      <c r="AM1691" s="9">
        <v>15359.534106999999</v>
      </c>
      <c r="AN1691" s="13">
        <v>0.33142411515226428</v>
      </c>
      <c r="AO1691" s="9">
        <v>19271.649525000001</v>
      </c>
      <c r="AP1691" s="13">
        <v>0.45417801439712152</v>
      </c>
      <c r="AQ1691" s="9">
        <v>33100.8972641</v>
      </c>
      <c r="AR1691" s="9">
        <v>38241.203784899997</v>
      </c>
      <c r="AS1691" s="9">
        <v>38391.338322900003</v>
      </c>
      <c r="AT1691" s="9">
        <v>39161.942284299999</v>
      </c>
      <c r="AU1691" s="9">
        <v>38748.057648200003</v>
      </c>
      <c r="AV1691" s="9">
        <v>40008.038671800001</v>
      </c>
      <c r="AW1691" s="9">
        <v>42431.929582899997</v>
      </c>
      <c r="AX1691" s="9">
        <v>42360.293283799998</v>
      </c>
      <c r="AY1691" s="9">
        <v>44660.933644299999</v>
      </c>
      <c r="AZ1691" s="9">
        <v>46344.045000899998</v>
      </c>
      <c r="BA1691" s="9">
        <v>49248.535097200001</v>
      </c>
      <c r="BB1691" s="9">
        <v>53122.856274500002</v>
      </c>
      <c r="BC1691" s="9">
        <v>52577.523442999998</v>
      </c>
      <c r="BD1691" s="9">
        <v>55296.318637099997</v>
      </c>
      <c r="BE1691" s="9">
        <v>60590.075940800001</v>
      </c>
      <c r="BF1691" s="9">
        <v>61703.579107899997</v>
      </c>
      <c r="BG1691" s="11">
        <v>-4.25</v>
      </c>
      <c r="BH1691" s="13">
        <v>-0.18478260869565216</v>
      </c>
      <c r="BI1691" s="6">
        <v>-4</v>
      </c>
      <c r="BJ1691" s="13">
        <v>-0.17391304347826086</v>
      </c>
      <c r="BK1691" s="6">
        <v>-3</v>
      </c>
      <c r="BL1691" s="13">
        <v>-0.15789473684210525</v>
      </c>
      <c r="BM1691" s="11">
        <v>2.75</v>
      </c>
      <c r="BN1691" s="13">
        <v>0.171875</v>
      </c>
      <c r="BO1691" s="11">
        <v>-0.25</v>
      </c>
      <c r="BP1691" s="13">
        <v>-1.3157894736842105E-2</v>
      </c>
      <c r="BQ1691" s="6">
        <v>23</v>
      </c>
      <c r="BR1691" s="6">
        <v>22</v>
      </c>
      <c r="BS1691" s="6">
        <v>20</v>
      </c>
      <c r="BT1691" s="6">
        <v>19</v>
      </c>
      <c r="BU1691" s="6">
        <v>18</v>
      </c>
      <c r="BV1691" s="6">
        <v>18</v>
      </c>
      <c r="BW1691" s="6">
        <v>16</v>
      </c>
      <c r="BX1691" s="6">
        <v>15</v>
      </c>
      <c r="BY1691" s="6">
        <v>17</v>
      </c>
      <c r="BZ1691" s="6">
        <v>16</v>
      </c>
      <c r="CA1691" s="6">
        <v>15</v>
      </c>
      <c r="CB1691" s="6">
        <v>19</v>
      </c>
      <c r="CC1691" s="11">
        <v>18.75</v>
      </c>
      <c r="CD1691" s="11">
        <v>180.76400000000001</v>
      </c>
      <c r="CE1691" s="11">
        <v>-15.905799999999999</v>
      </c>
      <c r="CF1691" s="11">
        <v>21.2639</v>
      </c>
      <c r="CG1691" s="11">
        <v>5</v>
      </c>
      <c r="CH1691" s="20">
        <v>0.49092999999999998</v>
      </c>
      <c r="CI1691" s="20">
        <v>0.356047</v>
      </c>
      <c r="CJ1691" s="20">
        <v>0.367201</v>
      </c>
      <c r="CK1691" s="20">
        <v>0.65669</v>
      </c>
      <c r="CL1691" s="20">
        <v>0.72532200000000002</v>
      </c>
      <c r="CM1691" s="20">
        <v>0.71246200000000004</v>
      </c>
      <c r="CN1691" s="20">
        <v>0.69662400000000002</v>
      </c>
      <c r="CO1691" s="20">
        <v>0.66295999999999999</v>
      </c>
      <c r="CP1691" s="20">
        <v>0.75732500000000003</v>
      </c>
      <c r="CQ1691" s="20">
        <v>0.67380300000000004</v>
      </c>
      <c r="CR1691" s="20">
        <v>0.69808099999999995</v>
      </c>
      <c r="CS1691" s="20">
        <v>0.77008299999999996</v>
      </c>
      <c r="CT1691" s="20">
        <v>0.80329700000000004</v>
      </c>
      <c r="CU1691" s="20">
        <v>0.82245400000000002</v>
      </c>
      <c r="CV1691" s="20">
        <v>0.83984800000000004</v>
      </c>
      <c r="CW1691" s="20">
        <v>0.88492000000000004</v>
      </c>
      <c r="CX1691" s="20">
        <v>0.91541600000000001</v>
      </c>
      <c r="CY1691" s="6" t="s">
        <v>635</v>
      </c>
      <c r="CZ1691" s="6" t="s">
        <v>636</v>
      </c>
      <c r="DA1691" s="6" t="s">
        <v>125</v>
      </c>
      <c r="DB1691" s="6" t="s">
        <v>345</v>
      </c>
      <c r="DC1691" s="6"/>
      <c r="DD1691" s="6"/>
      <c r="DE1691" s="6"/>
      <c r="DF1691" s="6"/>
      <c r="DG1691" s="6"/>
      <c r="DH1691" s="6" t="s">
        <v>333</v>
      </c>
      <c r="DI1691" s="6"/>
      <c r="DJ1691" s="6"/>
      <c r="DK1691" s="6"/>
      <c r="DL1691" s="6">
        <v>6</v>
      </c>
      <c r="DM1691" s="6" t="s">
        <v>396</v>
      </c>
      <c r="DN1691" s="6">
        <v>6</v>
      </c>
      <c r="DO1691" s="6" t="s">
        <v>393</v>
      </c>
      <c r="DP1691" s="6"/>
      <c r="DQ1691" s="6"/>
    </row>
    <row r="1692" spans="1:121" x14ac:dyDescent="0.2">
      <c r="A1692" s="6" t="s">
        <v>793</v>
      </c>
      <c r="B1692" s="6" t="s">
        <v>179</v>
      </c>
      <c r="C1692" s="6" t="s">
        <v>180</v>
      </c>
      <c r="D1692" s="6" t="s">
        <v>125</v>
      </c>
      <c r="E1692" s="6" t="s">
        <v>266</v>
      </c>
      <c r="F1692" s="11">
        <v>82</v>
      </c>
      <c r="G1692" s="13">
        <v>0.08</v>
      </c>
      <c r="H1692" s="11">
        <v>125</v>
      </c>
      <c r="I1692" s="13">
        <v>0.11531365313653136</v>
      </c>
      <c r="J1692" s="11">
        <v>-158</v>
      </c>
      <c r="K1692" s="13">
        <v>-0.13068651778329199</v>
      </c>
      <c r="L1692" s="11">
        <v>115</v>
      </c>
      <c r="M1692" s="13">
        <v>0.10941960038058993</v>
      </c>
      <c r="N1692" s="11">
        <v>-43</v>
      </c>
      <c r="O1692" s="13">
        <v>-3.556658395368073E-2</v>
      </c>
      <c r="P1692" s="7">
        <v>1084</v>
      </c>
      <c r="Q1692" s="7">
        <v>1086</v>
      </c>
      <c r="R1692" s="7">
        <v>1080</v>
      </c>
      <c r="S1692" s="7">
        <v>1102</v>
      </c>
      <c r="T1692" s="7">
        <v>1125</v>
      </c>
      <c r="U1692" s="7">
        <v>1173</v>
      </c>
      <c r="V1692" s="7">
        <v>1209</v>
      </c>
      <c r="W1692" s="7">
        <v>1202</v>
      </c>
      <c r="X1692" s="7">
        <v>1080</v>
      </c>
      <c r="Y1692" s="7">
        <v>1051</v>
      </c>
      <c r="Z1692" s="7">
        <v>1055</v>
      </c>
      <c r="AA1692" s="7">
        <v>1068</v>
      </c>
      <c r="AB1692" s="7">
        <v>1066</v>
      </c>
      <c r="AC1692" s="7">
        <v>1106</v>
      </c>
      <c r="AD1692" s="7">
        <v>1124</v>
      </c>
      <c r="AE1692" s="7">
        <v>1148</v>
      </c>
      <c r="AF1692" s="7">
        <v>1166</v>
      </c>
      <c r="AG1692" s="9">
        <v>6040</v>
      </c>
      <c r="AH1692" s="13">
        <v>0.27381114284419056</v>
      </c>
      <c r="AI1692" s="9">
        <v>5307</v>
      </c>
      <c r="AJ1692" s="13">
        <v>0.24058207534339729</v>
      </c>
      <c r="AK1692" s="9">
        <v>-1849</v>
      </c>
      <c r="AL1692" s="13">
        <v>-6.7565592340860917E-2</v>
      </c>
      <c r="AM1692" s="9">
        <v>2582</v>
      </c>
      <c r="AN1692" s="13">
        <v>0.10118744366500763</v>
      </c>
      <c r="AO1692" s="9">
        <v>733</v>
      </c>
      <c r="AP1692" s="13">
        <v>2.6785061755462983E-2</v>
      </c>
      <c r="AQ1692" s="9">
        <v>22059</v>
      </c>
      <c r="AR1692" s="9">
        <v>22939</v>
      </c>
      <c r="AS1692" s="9">
        <v>24353</v>
      </c>
      <c r="AT1692" s="9">
        <v>24906</v>
      </c>
      <c r="AU1692" s="9">
        <v>26422</v>
      </c>
      <c r="AV1692" s="9">
        <v>26831</v>
      </c>
      <c r="AW1692" s="9">
        <v>27366</v>
      </c>
      <c r="AX1692" s="9">
        <v>27212</v>
      </c>
      <c r="AY1692" s="9">
        <v>25809</v>
      </c>
      <c r="AZ1692" s="9">
        <v>25517</v>
      </c>
      <c r="BA1692" s="9">
        <v>25057</v>
      </c>
      <c r="BB1692" s="9">
        <v>25542</v>
      </c>
      <c r="BC1692" s="9">
        <v>26841</v>
      </c>
      <c r="BD1692" s="9">
        <v>27086</v>
      </c>
      <c r="BE1692" s="9">
        <v>27162</v>
      </c>
      <c r="BF1692" s="9">
        <v>28099</v>
      </c>
      <c r="BG1692" s="11">
        <v>-9</v>
      </c>
      <c r="BH1692" s="13">
        <v>-0.10344827586206896</v>
      </c>
      <c r="BI1692" s="6">
        <v>1</v>
      </c>
      <c r="BJ1692" s="13">
        <v>1.1494252873563218E-2</v>
      </c>
      <c r="BK1692" s="6">
        <v>-7</v>
      </c>
      <c r="BL1692" s="13">
        <v>-7.9545454545454544E-2</v>
      </c>
      <c r="BM1692" s="11">
        <v>-3</v>
      </c>
      <c r="BN1692" s="13">
        <v>-3.7037037037037035E-2</v>
      </c>
      <c r="BO1692" s="11">
        <v>-10</v>
      </c>
      <c r="BP1692" s="13">
        <v>-0.11363636363636363</v>
      </c>
      <c r="BQ1692" s="6">
        <v>87</v>
      </c>
      <c r="BR1692" s="6">
        <v>85</v>
      </c>
      <c r="BS1692" s="6">
        <v>88</v>
      </c>
      <c r="BT1692" s="6">
        <v>88</v>
      </c>
      <c r="BU1692" s="6">
        <v>87</v>
      </c>
      <c r="BV1692" s="6">
        <v>87</v>
      </c>
      <c r="BW1692" s="6">
        <v>81</v>
      </c>
      <c r="BX1692" s="6">
        <v>76</v>
      </c>
      <c r="BY1692" s="6">
        <v>77</v>
      </c>
      <c r="BZ1692" s="6">
        <v>72</v>
      </c>
      <c r="CA1692" s="6">
        <v>75</v>
      </c>
      <c r="CB1692" s="6">
        <v>76</v>
      </c>
      <c r="CC1692" s="11">
        <v>78</v>
      </c>
      <c r="CD1692" s="11">
        <v>33</v>
      </c>
      <c r="CE1692" s="11">
        <v>-69</v>
      </c>
      <c r="CF1692" s="11">
        <v>119</v>
      </c>
      <c r="CG1692" s="11">
        <v>50</v>
      </c>
      <c r="CH1692" s="20">
        <v>1.02</v>
      </c>
      <c r="CI1692" s="20">
        <v>1.05</v>
      </c>
      <c r="CJ1692" s="20">
        <v>1.01</v>
      </c>
      <c r="CK1692" s="20">
        <v>1</v>
      </c>
      <c r="CL1692" s="20">
        <v>1.03</v>
      </c>
      <c r="CM1692" s="20">
        <v>1.07</v>
      </c>
      <c r="CN1692" s="20">
        <v>1.1200000000000001</v>
      </c>
      <c r="CO1692" s="20">
        <v>1.1399999999999999</v>
      </c>
      <c r="CP1692" s="20">
        <v>1.04</v>
      </c>
      <c r="CQ1692" s="20">
        <v>0.98</v>
      </c>
      <c r="CR1692" s="20">
        <v>0.97</v>
      </c>
      <c r="CS1692" s="20">
        <v>0.96</v>
      </c>
      <c r="CT1692" s="20">
        <v>0.96</v>
      </c>
      <c r="CU1692" s="20">
        <v>0.98</v>
      </c>
      <c r="CV1692" s="20">
        <v>1</v>
      </c>
      <c r="CW1692" s="20">
        <v>1.03</v>
      </c>
      <c r="CX1692" s="20">
        <v>1.03</v>
      </c>
      <c r="CY1692" s="6" t="s">
        <v>635</v>
      </c>
      <c r="CZ1692" s="6" t="s">
        <v>636</v>
      </c>
      <c r="DA1692" s="6" t="s">
        <v>125</v>
      </c>
      <c r="DB1692" s="6" t="s">
        <v>345</v>
      </c>
      <c r="DC1692" s="6"/>
      <c r="DD1692" s="6"/>
      <c r="DE1692" s="6"/>
      <c r="DF1692" s="6"/>
      <c r="DG1692" s="6"/>
      <c r="DH1692" s="6" t="s">
        <v>333</v>
      </c>
      <c r="DI1692" s="6"/>
      <c r="DJ1692" s="6"/>
      <c r="DK1692" s="6"/>
      <c r="DL1692" s="6">
        <v>6</v>
      </c>
      <c r="DM1692" s="6" t="s">
        <v>396</v>
      </c>
      <c r="DN1692" s="6">
        <v>6</v>
      </c>
      <c r="DO1692" s="6" t="s">
        <v>393</v>
      </c>
      <c r="DP1692" s="6"/>
      <c r="DQ1692" s="6"/>
    </row>
    <row r="1693" spans="1:121" x14ac:dyDescent="0.2">
      <c r="A1693" s="6" t="s">
        <v>794</v>
      </c>
      <c r="B1693" s="6" t="s">
        <v>181</v>
      </c>
      <c r="C1693" s="6" t="s">
        <v>182</v>
      </c>
      <c r="D1693" s="6" t="s">
        <v>125</v>
      </c>
      <c r="E1693" s="6" t="s">
        <v>266</v>
      </c>
      <c r="F1693" s="11">
        <v>51</v>
      </c>
      <c r="G1693" s="13">
        <v>0.111111111111</v>
      </c>
      <c r="H1693" s="11">
        <v>-4.3766630090000262</v>
      </c>
      <c r="I1693" s="13">
        <v>-9.5371657090473818E-3</v>
      </c>
      <c r="J1693" s="11">
        <v>70.836784236999961</v>
      </c>
      <c r="K1693" s="13">
        <v>0.15584643552650052</v>
      </c>
      <c r="L1693" s="11">
        <v>-15.200514475999967</v>
      </c>
      <c r="M1693" s="13">
        <v>-2.8933181110319051E-2</v>
      </c>
      <c r="N1693" s="11">
        <v>55.636269760999994</v>
      </c>
      <c r="O1693" s="13">
        <v>0.12240412127169556</v>
      </c>
      <c r="P1693" s="7">
        <v>458.90604635800003</v>
      </c>
      <c r="Q1693" s="7">
        <v>531.77269325899999</v>
      </c>
      <c r="R1693" s="7">
        <v>539.83447069199997</v>
      </c>
      <c r="S1693" s="7">
        <v>560.24132632099997</v>
      </c>
      <c r="T1693" s="7">
        <v>566.49342914299996</v>
      </c>
      <c r="U1693" s="7">
        <v>515.25837202800005</v>
      </c>
      <c r="V1693" s="7">
        <v>454.529383349</v>
      </c>
      <c r="W1693" s="7">
        <v>446.296648484</v>
      </c>
      <c r="X1693" s="7">
        <v>460.25422973399998</v>
      </c>
      <c r="Y1693" s="7">
        <v>525.36616758599996</v>
      </c>
      <c r="Z1693" s="7">
        <v>544.05415291300005</v>
      </c>
      <c r="AA1693" s="7">
        <v>560.36813148500005</v>
      </c>
      <c r="AB1693" s="7">
        <v>573.97752535899997</v>
      </c>
      <c r="AC1693" s="7">
        <v>560.55312584499995</v>
      </c>
      <c r="AD1693" s="7">
        <v>520.11885257400002</v>
      </c>
      <c r="AE1693" s="7">
        <v>506.96238959099998</v>
      </c>
      <c r="AF1693" s="7">
        <v>510.16565310999999</v>
      </c>
      <c r="AG1693" s="9">
        <v>19687.14011049999</v>
      </c>
      <c r="AH1693" s="13">
        <v>0.41819427777013846</v>
      </c>
      <c r="AI1693" s="9">
        <v>10194.151424799995</v>
      </c>
      <c r="AJ1693" s="13">
        <v>0.21654418918367679</v>
      </c>
      <c r="AK1693" s="9">
        <v>6790.7547734000036</v>
      </c>
      <c r="AL1693" s="13">
        <v>0.11857294669460083</v>
      </c>
      <c r="AM1693" s="9">
        <v>2702.2339122999911</v>
      </c>
      <c r="AN1693" s="13">
        <v>4.2181905431980873E-2</v>
      </c>
      <c r="AO1693" s="9">
        <v>9492.9886856999947</v>
      </c>
      <c r="AP1693" s="13">
        <v>0.16575648495084466</v>
      </c>
      <c r="AQ1693" s="9">
        <v>47076.541112600004</v>
      </c>
      <c r="AR1693" s="9">
        <v>48580.2983121</v>
      </c>
      <c r="AS1693" s="9">
        <v>49419.222964000001</v>
      </c>
      <c r="AT1693" s="9">
        <v>48086.9448548</v>
      </c>
      <c r="AU1693" s="9">
        <v>50821.432071199997</v>
      </c>
      <c r="AV1693" s="9">
        <v>52442.439922400001</v>
      </c>
      <c r="AW1693" s="9">
        <v>57270.692537399998</v>
      </c>
      <c r="AX1693" s="9">
        <v>60472.252622499997</v>
      </c>
      <c r="AY1693" s="9">
        <v>63374.035721599997</v>
      </c>
      <c r="AZ1693" s="9">
        <v>64061.447310800002</v>
      </c>
      <c r="BA1693" s="9">
        <v>62965.547673499997</v>
      </c>
      <c r="BB1693" s="9">
        <v>60853.379025599999</v>
      </c>
      <c r="BC1693" s="9">
        <v>61051.315608999997</v>
      </c>
      <c r="BD1693" s="9">
        <v>61179.224840900002</v>
      </c>
      <c r="BE1693" s="9">
        <v>65274.080788400002</v>
      </c>
      <c r="BF1693" s="9">
        <v>66763.681223099993</v>
      </c>
      <c r="BG1693" s="11">
        <v>-5.5</v>
      </c>
      <c r="BH1693" s="13">
        <v>-0.16666666666666666</v>
      </c>
      <c r="BI1693" s="6">
        <v>-5</v>
      </c>
      <c r="BJ1693" s="13">
        <v>-0.15151515151515152</v>
      </c>
      <c r="BK1693" s="6">
        <v>-1</v>
      </c>
      <c r="BL1693" s="13">
        <v>-3.5714285714285712E-2</v>
      </c>
      <c r="BM1693" s="11">
        <v>0.5</v>
      </c>
      <c r="BN1693" s="13">
        <v>1.8518518518518517E-2</v>
      </c>
      <c r="BO1693" s="11">
        <v>-0.5</v>
      </c>
      <c r="BP1693" s="13">
        <v>-1.7857142857142856E-2</v>
      </c>
      <c r="BQ1693" s="6">
        <v>33</v>
      </c>
      <c r="BR1693" s="6">
        <v>30</v>
      </c>
      <c r="BS1693" s="6">
        <v>31</v>
      </c>
      <c r="BT1693" s="6">
        <v>28</v>
      </c>
      <c r="BU1693" s="6">
        <v>26</v>
      </c>
      <c r="BV1693" s="6">
        <v>26</v>
      </c>
      <c r="BW1693" s="6">
        <v>27</v>
      </c>
      <c r="BX1693" s="6">
        <v>25</v>
      </c>
      <c r="BY1693" s="6">
        <v>26</v>
      </c>
      <c r="BZ1693" s="6">
        <v>24</v>
      </c>
      <c r="CA1693" s="6">
        <v>25</v>
      </c>
      <c r="CB1693" s="6">
        <v>26</v>
      </c>
      <c r="CC1693" s="11">
        <v>27.5</v>
      </c>
      <c r="CD1693" s="11">
        <v>-27.8294</v>
      </c>
      <c r="CE1693" s="11">
        <v>28.925000000000001</v>
      </c>
      <c r="CF1693" s="11">
        <v>50.164000000000001</v>
      </c>
      <c r="CG1693" s="11">
        <v>79</v>
      </c>
      <c r="CH1693" s="20">
        <v>1.46305</v>
      </c>
      <c r="CI1693" s="20">
        <v>1.7859</v>
      </c>
      <c r="CJ1693" s="20">
        <v>1.7582</v>
      </c>
      <c r="CK1693" s="20">
        <v>1.74952</v>
      </c>
      <c r="CL1693" s="20">
        <v>1.75597</v>
      </c>
      <c r="CM1693" s="20">
        <v>1.5712299999999999</v>
      </c>
      <c r="CN1693" s="20">
        <v>1.3880399999999999</v>
      </c>
      <c r="CO1693" s="20">
        <v>1.3796900000000001</v>
      </c>
      <c r="CP1693" s="20">
        <v>1.47709</v>
      </c>
      <c r="CQ1693" s="20">
        <v>1.6251800000000001</v>
      </c>
      <c r="CR1693" s="20">
        <v>1.64103</v>
      </c>
      <c r="CS1693" s="20">
        <v>1.6337699999999999</v>
      </c>
      <c r="CT1693" s="20">
        <v>1.6668499999999999</v>
      </c>
      <c r="CU1693" s="20">
        <v>1.5809599999999999</v>
      </c>
      <c r="CV1693" s="20">
        <v>1.42913</v>
      </c>
      <c r="CW1693" s="20">
        <v>1.3803799999999999</v>
      </c>
      <c r="CX1693" s="20">
        <v>1.35846</v>
      </c>
      <c r="CY1693" s="6" t="s">
        <v>635</v>
      </c>
      <c r="CZ1693" s="6" t="s">
        <v>636</v>
      </c>
      <c r="DA1693" s="6" t="s">
        <v>125</v>
      </c>
      <c r="DB1693" s="6" t="s">
        <v>345</v>
      </c>
      <c r="DC1693" s="6"/>
      <c r="DD1693" s="6"/>
      <c r="DE1693" s="6"/>
      <c r="DF1693" s="6"/>
      <c r="DG1693" s="6"/>
      <c r="DH1693" s="6" t="s">
        <v>333</v>
      </c>
      <c r="DI1693" s="6"/>
      <c r="DJ1693" s="6"/>
      <c r="DK1693" s="6"/>
      <c r="DL1693" s="6">
        <v>6</v>
      </c>
      <c r="DM1693" s="6" t="s">
        <v>396</v>
      </c>
      <c r="DN1693" s="6">
        <v>6</v>
      </c>
      <c r="DO1693" s="6" t="s">
        <v>393</v>
      </c>
      <c r="DP1693" s="6"/>
      <c r="DQ1693" s="6"/>
    </row>
    <row r="1694" spans="1:121" x14ac:dyDescent="0.2">
      <c r="A1694" s="6" t="s">
        <v>314</v>
      </c>
      <c r="B1694" s="6" t="s">
        <v>314</v>
      </c>
      <c r="C1694" s="6" t="s">
        <v>183</v>
      </c>
      <c r="D1694" s="6" t="s">
        <v>125</v>
      </c>
      <c r="E1694" s="6" t="s">
        <v>266</v>
      </c>
      <c r="F1694" s="11">
        <v>11</v>
      </c>
      <c r="G1694" s="13">
        <v>0.289473684211</v>
      </c>
      <c r="H1694" s="11">
        <v>9.072316553099995</v>
      </c>
      <c r="I1694" s="13">
        <v>0.24119056709350908</v>
      </c>
      <c r="J1694" s="11">
        <v>-2.6386460645000014</v>
      </c>
      <c r="K1694" s="13">
        <v>-5.6517741265854883E-2</v>
      </c>
      <c r="L1694" s="11">
        <v>4.4732845202000036</v>
      </c>
      <c r="M1694" s="13">
        <v>0.10155386131999002</v>
      </c>
      <c r="N1694" s="11">
        <v>1.8346384557000022</v>
      </c>
      <c r="O1694" s="13">
        <v>3.9296525195503432E-2</v>
      </c>
      <c r="P1694" s="7">
        <v>37.614723753200003</v>
      </c>
      <c r="Q1694" s="7">
        <v>29.654071378000001</v>
      </c>
      <c r="R1694" s="7">
        <v>29.022239797600001</v>
      </c>
      <c r="S1694" s="7">
        <v>41.962682368199999</v>
      </c>
      <c r="T1694" s="7">
        <v>41.883390154499999</v>
      </c>
      <c r="U1694" s="7">
        <v>46.661897486100003</v>
      </c>
      <c r="V1694" s="7">
        <v>46.687040306299998</v>
      </c>
      <c r="W1694" s="7">
        <v>48.325236260700002</v>
      </c>
      <c r="X1694" s="7">
        <v>45.412588999999997</v>
      </c>
      <c r="Y1694" s="7">
        <v>44.048394241799997</v>
      </c>
      <c r="Z1694" s="7">
        <v>44.382793042199999</v>
      </c>
      <c r="AA1694" s="7">
        <v>40.3194956448</v>
      </c>
      <c r="AB1694" s="7">
        <v>37.933525268099999</v>
      </c>
      <c r="AC1694" s="7">
        <v>37.155769999999997</v>
      </c>
      <c r="AD1694" s="7">
        <v>44.004568999999996</v>
      </c>
      <c r="AE1694" s="7">
        <v>45.730710500000001</v>
      </c>
      <c r="AF1694" s="7">
        <v>48.521678762000001</v>
      </c>
      <c r="AG1694" s="9">
        <v>14852.283301199997</v>
      </c>
      <c r="AH1694" s="13">
        <v>0.4462652659888014</v>
      </c>
      <c r="AI1694" s="9">
        <v>8351.1261902999977</v>
      </c>
      <c r="AJ1694" s="13">
        <v>0.25092556309636005</v>
      </c>
      <c r="AK1694" s="9">
        <v>-3361.9881328000047</v>
      </c>
      <c r="AL1694" s="13">
        <v>-8.0754097859810761E-2</v>
      </c>
      <c r="AM1694" s="9">
        <v>9863.1452437000044</v>
      </c>
      <c r="AN1694" s="13">
        <v>0.25772237193167868</v>
      </c>
      <c r="AO1694" s="9">
        <v>6501.1571108999997</v>
      </c>
      <c r="AP1694" s="13">
        <v>0.15615613642823462</v>
      </c>
      <c r="AQ1694" s="9">
        <v>33281.289029500003</v>
      </c>
      <c r="AR1694" s="9">
        <v>39272.333665600003</v>
      </c>
      <c r="AS1694" s="9">
        <v>37421.6436015</v>
      </c>
      <c r="AT1694" s="9">
        <v>39958.098402199998</v>
      </c>
      <c r="AU1694" s="9">
        <v>42036.073851200003</v>
      </c>
      <c r="AV1694" s="9">
        <v>40977.081165199997</v>
      </c>
      <c r="AW1694" s="9">
        <v>41632.415219800001</v>
      </c>
      <c r="AX1694" s="9">
        <v>39848.974054899998</v>
      </c>
      <c r="AY1694" s="9">
        <v>41949.387562900003</v>
      </c>
      <c r="AZ1694" s="9">
        <v>38270.427086999996</v>
      </c>
      <c r="BA1694" s="9">
        <v>38253.724551400002</v>
      </c>
      <c r="BB1694" s="9">
        <v>45074.792201600001</v>
      </c>
      <c r="BC1694" s="9">
        <v>42967.660807599997</v>
      </c>
      <c r="BD1694" s="9">
        <v>44819.261487999996</v>
      </c>
      <c r="BE1694" s="9">
        <v>45803.621778000001</v>
      </c>
      <c r="BF1694" s="9">
        <v>48133.572330700001</v>
      </c>
      <c r="BG1694" s="11">
        <v>2</v>
      </c>
      <c r="BH1694" s="13">
        <v>0.4</v>
      </c>
      <c r="BI1694" s="6">
        <v>0</v>
      </c>
      <c r="BJ1694" s="13">
        <v>0</v>
      </c>
      <c r="BK1694" s="6">
        <v>0</v>
      </c>
      <c r="BL1694" s="13">
        <v>0</v>
      </c>
      <c r="BM1694" s="11">
        <v>2</v>
      </c>
      <c r="BN1694" s="13">
        <v>0.4</v>
      </c>
      <c r="BO1694" s="11">
        <v>2</v>
      </c>
      <c r="BP1694" s="13">
        <v>0.4</v>
      </c>
      <c r="BQ1694" s="6">
        <v>5</v>
      </c>
      <c r="BR1694" s="6">
        <v>4</v>
      </c>
      <c r="BS1694" s="6">
        <v>5</v>
      </c>
      <c r="BT1694" s="6">
        <v>5</v>
      </c>
      <c r="BU1694" s="6">
        <v>6</v>
      </c>
      <c r="BV1694" s="6">
        <v>6</v>
      </c>
      <c r="BW1694" s="6">
        <v>5</v>
      </c>
      <c r="BX1694" s="6">
        <v>5</v>
      </c>
      <c r="BY1694" s="6">
        <v>5</v>
      </c>
      <c r="BZ1694" s="6">
        <v>5</v>
      </c>
      <c r="CA1694" s="6">
        <v>5</v>
      </c>
      <c r="CB1694" s="6">
        <v>6</v>
      </c>
      <c r="CC1694" s="11">
        <v>7</v>
      </c>
      <c r="CD1694" s="11">
        <v>18.316199999999998</v>
      </c>
      <c r="CE1694" s="11">
        <v>-11.521000000000001</v>
      </c>
      <c r="CF1694" s="11">
        <v>4.1117400000000002</v>
      </c>
      <c r="CG1694" s="11">
        <v>-8</v>
      </c>
      <c r="CH1694" s="20">
        <v>0.152284</v>
      </c>
      <c r="CI1694" s="20">
        <v>0.13003400000000001</v>
      </c>
      <c r="CJ1694" s="20">
        <v>0.12887000000000001</v>
      </c>
      <c r="CK1694" s="20">
        <v>0.18621299999999999</v>
      </c>
      <c r="CL1694" s="20">
        <v>0.19148299999999999</v>
      </c>
      <c r="CM1694" s="20">
        <v>0.21612100000000001</v>
      </c>
      <c r="CN1694" s="20">
        <v>0.22150800000000001</v>
      </c>
      <c r="CO1694" s="20">
        <v>0.234123</v>
      </c>
      <c r="CP1694" s="20">
        <v>0.22731899999999999</v>
      </c>
      <c r="CQ1694" s="20">
        <v>0.217999</v>
      </c>
      <c r="CR1694" s="20">
        <v>0.22214800000000001</v>
      </c>
      <c r="CS1694" s="20">
        <v>0.19900899999999999</v>
      </c>
      <c r="CT1694" s="20">
        <v>0.18842800000000001</v>
      </c>
      <c r="CU1694" s="20">
        <v>0.18309600000000001</v>
      </c>
      <c r="CV1694" s="20">
        <v>0.218973</v>
      </c>
      <c r="CW1694" s="20">
        <v>0.227962</v>
      </c>
      <c r="CX1694" s="20">
        <v>0.23952799999999999</v>
      </c>
      <c r="CY1694" s="6" t="s">
        <v>635</v>
      </c>
      <c r="CZ1694" s="6" t="s">
        <v>636</v>
      </c>
      <c r="DA1694" s="6" t="s">
        <v>125</v>
      </c>
      <c r="DB1694" s="6" t="s">
        <v>345</v>
      </c>
      <c r="DC1694" s="6"/>
      <c r="DD1694" s="6"/>
      <c r="DE1694" s="6"/>
      <c r="DF1694" s="6"/>
      <c r="DG1694" s="6"/>
      <c r="DH1694" s="6" t="s">
        <v>333</v>
      </c>
      <c r="DI1694" s="6"/>
      <c r="DJ1694" s="6"/>
      <c r="DK1694" s="6"/>
      <c r="DL1694" s="6">
        <v>6</v>
      </c>
      <c r="DM1694" s="6" t="s">
        <v>396</v>
      </c>
      <c r="DN1694" s="6">
        <v>6</v>
      </c>
      <c r="DO1694" s="6" t="s">
        <v>393</v>
      </c>
      <c r="DP1694" s="6"/>
      <c r="DQ1694" s="6"/>
    </row>
    <row r="1695" spans="1:121" x14ac:dyDescent="0.2">
      <c r="A1695" s="6" t="s">
        <v>315</v>
      </c>
      <c r="B1695" s="6" t="s">
        <v>315</v>
      </c>
      <c r="C1695" s="6" t="s">
        <v>184</v>
      </c>
      <c r="D1695" s="6" t="s">
        <v>125</v>
      </c>
      <c r="E1695" s="6" t="s">
        <v>266</v>
      </c>
      <c r="F1695" s="11">
        <v>61</v>
      </c>
      <c r="G1695" s="13">
        <v>0.27</v>
      </c>
      <c r="H1695" s="11">
        <v>80</v>
      </c>
      <c r="I1695" s="13">
        <v>0.35714285714285715</v>
      </c>
      <c r="J1695" s="11">
        <v>-11</v>
      </c>
      <c r="K1695" s="13">
        <v>-3.6184210526315791E-2</v>
      </c>
      <c r="L1695" s="11">
        <v>-8</v>
      </c>
      <c r="M1695" s="13">
        <v>-2.7303754266211604E-2</v>
      </c>
      <c r="N1695" s="11">
        <v>-19</v>
      </c>
      <c r="O1695" s="13">
        <v>-6.25E-2</v>
      </c>
      <c r="P1695" s="7">
        <v>224</v>
      </c>
      <c r="Q1695" s="7">
        <v>236</v>
      </c>
      <c r="R1695" s="7">
        <v>261</v>
      </c>
      <c r="S1695" s="7">
        <v>274</v>
      </c>
      <c r="T1695" s="7">
        <v>290</v>
      </c>
      <c r="U1695" s="7">
        <v>315</v>
      </c>
      <c r="V1695" s="7">
        <v>304</v>
      </c>
      <c r="W1695" s="7">
        <v>280</v>
      </c>
      <c r="X1695" s="7">
        <v>294</v>
      </c>
      <c r="Y1695" s="7">
        <v>293</v>
      </c>
      <c r="Z1695" s="7">
        <v>305</v>
      </c>
      <c r="AA1695" s="7">
        <v>331</v>
      </c>
      <c r="AB1695" s="7">
        <v>347</v>
      </c>
      <c r="AC1695" s="7">
        <v>369</v>
      </c>
      <c r="AD1695" s="7">
        <v>280</v>
      </c>
      <c r="AE1695" s="7">
        <v>287</v>
      </c>
      <c r="AF1695" s="7">
        <v>285</v>
      </c>
      <c r="AG1695" s="9">
        <v>17168</v>
      </c>
      <c r="AH1695" s="13">
        <v>0.44344569288389513</v>
      </c>
      <c r="AI1695" s="9">
        <v>5096</v>
      </c>
      <c r="AJ1695" s="13">
        <v>0.1316285677386026</v>
      </c>
      <c r="AK1695" s="9">
        <v>1717</v>
      </c>
      <c r="AL1695" s="13">
        <v>3.9191070735659993E-2</v>
      </c>
      <c r="AM1695" s="9">
        <v>10355</v>
      </c>
      <c r="AN1695" s="13">
        <v>0.22744245299595853</v>
      </c>
      <c r="AO1695" s="9">
        <v>12072</v>
      </c>
      <c r="AP1695" s="13">
        <v>0.27554723699527517</v>
      </c>
      <c r="AQ1695" s="9">
        <v>38715</v>
      </c>
      <c r="AR1695" s="9">
        <v>37600</v>
      </c>
      <c r="AS1695" s="9">
        <v>38186</v>
      </c>
      <c r="AT1695" s="9">
        <v>39544</v>
      </c>
      <c r="AU1695" s="9">
        <v>42992</v>
      </c>
      <c r="AV1695" s="9">
        <v>42351</v>
      </c>
      <c r="AW1695" s="9">
        <v>43811</v>
      </c>
      <c r="AX1695" s="9">
        <v>45828</v>
      </c>
      <c r="AY1695" s="9">
        <v>45528</v>
      </c>
      <c r="AZ1695" s="9">
        <v>45528</v>
      </c>
      <c r="BA1695" s="9">
        <v>48642</v>
      </c>
      <c r="BB1695" s="9">
        <v>48706</v>
      </c>
      <c r="BC1695" s="9">
        <v>49270</v>
      </c>
      <c r="BD1695" s="9">
        <v>53759</v>
      </c>
      <c r="BE1695" s="9">
        <v>53346</v>
      </c>
      <c r="BF1695" s="9">
        <v>55883</v>
      </c>
      <c r="BG1695" s="11">
        <v>7</v>
      </c>
      <c r="BH1695" s="13">
        <v>0.23333333333333334</v>
      </c>
      <c r="BI1695" s="6">
        <v>1</v>
      </c>
      <c r="BJ1695" s="13">
        <v>3.3333333333333333E-2</v>
      </c>
      <c r="BK1695" s="6">
        <v>1</v>
      </c>
      <c r="BL1695" s="13">
        <v>3.2258064516129031E-2</v>
      </c>
      <c r="BM1695" s="11">
        <v>5</v>
      </c>
      <c r="BN1695" s="13">
        <v>0.15625</v>
      </c>
      <c r="BO1695" s="11">
        <v>6</v>
      </c>
      <c r="BP1695" s="13">
        <v>0.19354838709677419</v>
      </c>
      <c r="BQ1695" s="6">
        <v>30</v>
      </c>
      <c r="BR1695" s="6">
        <v>31</v>
      </c>
      <c r="BS1695" s="6">
        <v>32</v>
      </c>
      <c r="BT1695" s="6">
        <v>31</v>
      </c>
      <c r="BU1695" s="6">
        <v>32</v>
      </c>
      <c r="BV1695" s="6">
        <v>33</v>
      </c>
      <c r="BW1695" s="6">
        <v>32</v>
      </c>
      <c r="BX1695" s="6">
        <v>34</v>
      </c>
      <c r="BY1695" s="6">
        <v>36</v>
      </c>
      <c r="BZ1695" s="6">
        <v>34</v>
      </c>
      <c r="CA1695" s="6">
        <v>34</v>
      </c>
      <c r="CB1695" s="6">
        <v>36</v>
      </c>
      <c r="CC1695" s="11">
        <v>37</v>
      </c>
      <c r="CD1695" s="11">
        <v>54</v>
      </c>
      <c r="CE1695" s="11">
        <v>-18</v>
      </c>
      <c r="CF1695" s="11">
        <v>24</v>
      </c>
      <c r="CG1695" s="11">
        <v>6</v>
      </c>
      <c r="CH1695" s="20">
        <v>0.55000000000000004</v>
      </c>
      <c r="CI1695" s="20">
        <v>0.6</v>
      </c>
      <c r="CJ1695" s="20">
        <v>0.63</v>
      </c>
      <c r="CK1695" s="20">
        <v>0.64</v>
      </c>
      <c r="CL1695" s="20">
        <v>0.68</v>
      </c>
      <c r="CM1695" s="20">
        <v>0.73</v>
      </c>
      <c r="CN1695" s="20">
        <v>0.72</v>
      </c>
      <c r="CO1695" s="20">
        <v>0.68</v>
      </c>
      <c r="CP1695" s="20">
        <v>0.73</v>
      </c>
      <c r="CQ1695" s="20">
        <v>0.71</v>
      </c>
      <c r="CR1695" s="20">
        <v>0.73</v>
      </c>
      <c r="CS1695" s="20">
        <v>0.78</v>
      </c>
      <c r="CT1695" s="20">
        <v>0.83</v>
      </c>
      <c r="CU1695" s="20">
        <v>0.88</v>
      </c>
      <c r="CV1695" s="20">
        <v>0.67</v>
      </c>
      <c r="CW1695" s="20">
        <v>0.69</v>
      </c>
      <c r="CX1695" s="20">
        <v>0.67</v>
      </c>
      <c r="CY1695" s="6" t="s">
        <v>635</v>
      </c>
      <c r="CZ1695" s="6" t="s">
        <v>636</v>
      </c>
      <c r="DA1695" s="6" t="s">
        <v>125</v>
      </c>
      <c r="DB1695" s="6" t="s">
        <v>345</v>
      </c>
      <c r="DC1695" s="6"/>
      <c r="DD1695" s="6"/>
      <c r="DE1695" s="6"/>
      <c r="DF1695" s="6"/>
      <c r="DG1695" s="6"/>
      <c r="DH1695" s="6" t="s">
        <v>333</v>
      </c>
      <c r="DI1695" s="6"/>
      <c r="DJ1695" s="6"/>
      <c r="DK1695" s="6"/>
      <c r="DL1695" s="6">
        <v>6</v>
      </c>
      <c r="DM1695" s="6" t="s">
        <v>396</v>
      </c>
      <c r="DN1695" s="6">
        <v>6</v>
      </c>
      <c r="DO1695" s="6" t="s">
        <v>393</v>
      </c>
      <c r="DP1695" s="6"/>
      <c r="DQ1695" s="6"/>
    </row>
    <row r="1696" spans="1:121" x14ac:dyDescent="0.2">
      <c r="A1696" s="6" t="s">
        <v>316</v>
      </c>
      <c r="B1696" s="6" t="s">
        <v>316</v>
      </c>
      <c r="C1696" s="6" t="s">
        <v>185</v>
      </c>
      <c r="D1696" s="6" t="s">
        <v>125</v>
      </c>
      <c r="E1696" s="6" t="s">
        <v>266</v>
      </c>
      <c r="F1696" s="11">
        <v>-6</v>
      </c>
      <c r="G1696" s="13">
        <v>-0.1</v>
      </c>
      <c r="H1696" s="11">
        <v>3</v>
      </c>
      <c r="I1696" s="13">
        <v>5.0847457627118647E-2</v>
      </c>
      <c r="J1696" s="11">
        <v>-18</v>
      </c>
      <c r="K1696" s="13">
        <v>-0.29032258064516131</v>
      </c>
      <c r="L1696" s="11">
        <v>9</v>
      </c>
      <c r="M1696" s="13">
        <v>0.20454545454545456</v>
      </c>
      <c r="N1696" s="11">
        <v>-9</v>
      </c>
      <c r="O1696" s="13">
        <v>-0.14516129032258066</v>
      </c>
      <c r="P1696" s="7">
        <v>59</v>
      </c>
      <c r="Q1696" s="7">
        <v>55</v>
      </c>
      <c r="R1696" s="7">
        <v>64</v>
      </c>
      <c r="S1696" s="7">
        <v>60</v>
      </c>
      <c r="T1696" s="7">
        <v>58</v>
      </c>
      <c r="U1696" s="7">
        <v>79</v>
      </c>
      <c r="V1696" s="7">
        <v>62</v>
      </c>
      <c r="W1696" s="7">
        <v>52</v>
      </c>
      <c r="X1696" s="7">
        <v>46</v>
      </c>
      <c r="Y1696" s="7">
        <v>44</v>
      </c>
      <c r="Z1696" s="7">
        <v>40</v>
      </c>
      <c r="AA1696" s="7">
        <v>40</v>
      </c>
      <c r="AB1696" s="7">
        <v>42</v>
      </c>
      <c r="AC1696" s="7">
        <v>45</v>
      </c>
      <c r="AD1696" s="7">
        <v>45</v>
      </c>
      <c r="AE1696" s="7">
        <v>51</v>
      </c>
      <c r="AF1696" s="7">
        <v>53</v>
      </c>
      <c r="AG1696" s="9">
        <v>19219</v>
      </c>
      <c r="AH1696" s="13">
        <v>1.1612688821752266</v>
      </c>
      <c r="AI1696" s="9">
        <v>3872</v>
      </c>
      <c r="AJ1696" s="13">
        <v>0.23395770392749249</v>
      </c>
      <c r="AK1696" s="9">
        <v>7983</v>
      </c>
      <c r="AL1696" s="13">
        <v>0.3909019684653805</v>
      </c>
      <c r="AM1696" s="9">
        <v>7364</v>
      </c>
      <c r="AN1696" s="13">
        <v>0.25925013201901076</v>
      </c>
      <c r="AO1696" s="9">
        <v>15347</v>
      </c>
      <c r="AP1696" s="13">
        <v>0.75149348741553212</v>
      </c>
      <c r="AQ1696" s="9">
        <v>16550</v>
      </c>
      <c r="AR1696" s="9">
        <v>17609</v>
      </c>
      <c r="AS1696" s="9">
        <v>16504</v>
      </c>
      <c r="AT1696" s="9">
        <v>16748</v>
      </c>
      <c r="AU1696" s="9">
        <v>19482</v>
      </c>
      <c r="AV1696" s="9">
        <v>16430</v>
      </c>
      <c r="AW1696" s="9">
        <v>20422</v>
      </c>
      <c r="AX1696" s="9">
        <v>24502</v>
      </c>
      <c r="AY1696" s="9">
        <v>27446</v>
      </c>
      <c r="AZ1696" s="9">
        <v>28405</v>
      </c>
      <c r="BA1696" s="9">
        <v>28946</v>
      </c>
      <c r="BB1696" s="9">
        <v>31209</v>
      </c>
      <c r="BC1696" s="9">
        <v>32917</v>
      </c>
      <c r="BD1696" s="9">
        <v>33188</v>
      </c>
      <c r="BE1696" s="9">
        <v>35560</v>
      </c>
      <c r="BF1696" s="9">
        <v>35769</v>
      </c>
      <c r="BG1696" s="11">
        <v>-4</v>
      </c>
      <c r="BH1696" s="13">
        <v>-0.2857142857142857</v>
      </c>
      <c r="BI1696" s="6">
        <v>-2</v>
      </c>
      <c r="BJ1696" s="13">
        <v>-0.14285714285714285</v>
      </c>
      <c r="BK1696" s="6">
        <v>-5</v>
      </c>
      <c r="BL1696" s="13">
        <v>-0.41666666666666669</v>
      </c>
      <c r="BM1696" s="11">
        <v>3</v>
      </c>
      <c r="BN1696" s="13">
        <v>0.42857142857142855</v>
      </c>
      <c r="BO1696" s="11">
        <v>-2</v>
      </c>
      <c r="BP1696" s="13">
        <v>-0.16666666666666666</v>
      </c>
      <c r="BQ1696" s="6">
        <v>14</v>
      </c>
      <c r="BR1696" s="6">
        <v>13</v>
      </c>
      <c r="BS1696" s="6">
        <v>12</v>
      </c>
      <c r="BT1696" s="6">
        <v>12</v>
      </c>
      <c r="BU1696" s="6">
        <v>11</v>
      </c>
      <c r="BV1696" s="6">
        <v>9</v>
      </c>
      <c r="BW1696" s="6">
        <v>7</v>
      </c>
      <c r="BX1696" s="6">
        <v>6</v>
      </c>
      <c r="BY1696" s="6">
        <v>7</v>
      </c>
      <c r="BZ1696" s="6">
        <v>7</v>
      </c>
      <c r="CA1696" s="6">
        <v>7</v>
      </c>
      <c r="CB1696" s="6">
        <v>9</v>
      </c>
      <c r="CC1696" s="11">
        <v>10</v>
      </c>
      <c r="CD1696" s="11">
        <v>-10</v>
      </c>
      <c r="CE1696" s="11">
        <v>-3</v>
      </c>
      <c r="CF1696" s="11">
        <v>6</v>
      </c>
      <c r="CG1696" s="11">
        <v>3</v>
      </c>
      <c r="CH1696" s="20">
        <v>0.36</v>
      </c>
      <c r="CI1696" s="20">
        <v>0.34</v>
      </c>
      <c r="CJ1696" s="20">
        <v>0.37</v>
      </c>
      <c r="CK1696" s="20">
        <v>0.33</v>
      </c>
      <c r="CL1696" s="20">
        <v>0.31</v>
      </c>
      <c r="CM1696" s="20">
        <v>0.42</v>
      </c>
      <c r="CN1696" s="20">
        <v>0.34</v>
      </c>
      <c r="CO1696" s="20">
        <v>0.28999999999999998</v>
      </c>
      <c r="CP1696" s="20">
        <v>0.27</v>
      </c>
      <c r="CQ1696" s="20">
        <v>0.26</v>
      </c>
      <c r="CR1696" s="20">
        <v>0.23</v>
      </c>
      <c r="CS1696" s="20">
        <v>0.23</v>
      </c>
      <c r="CT1696" s="20">
        <v>0.24</v>
      </c>
      <c r="CU1696" s="20">
        <v>0.25</v>
      </c>
      <c r="CV1696" s="20">
        <v>0.25</v>
      </c>
      <c r="CW1696" s="20">
        <v>0.28999999999999998</v>
      </c>
      <c r="CX1696" s="20">
        <v>0.28999999999999998</v>
      </c>
      <c r="CY1696" s="6" t="s">
        <v>635</v>
      </c>
      <c r="CZ1696" s="6" t="s">
        <v>636</v>
      </c>
      <c r="DA1696" s="6" t="s">
        <v>125</v>
      </c>
      <c r="DB1696" s="6" t="s">
        <v>345</v>
      </c>
      <c r="DC1696" s="6"/>
      <c r="DD1696" s="6"/>
      <c r="DE1696" s="6"/>
      <c r="DF1696" s="6"/>
      <c r="DG1696" s="6"/>
      <c r="DH1696" s="6" t="s">
        <v>333</v>
      </c>
      <c r="DI1696" s="6"/>
      <c r="DJ1696" s="6"/>
      <c r="DK1696" s="6"/>
      <c r="DL1696" s="6">
        <v>6</v>
      </c>
      <c r="DM1696" s="6" t="s">
        <v>396</v>
      </c>
      <c r="DN1696" s="6">
        <v>6</v>
      </c>
      <c r="DO1696" s="6" t="s">
        <v>393</v>
      </c>
      <c r="DP1696" s="6"/>
      <c r="DQ1696" s="6"/>
    </row>
    <row r="1697" spans="1:121" x14ac:dyDescent="0.2">
      <c r="A1697" s="6" t="s">
        <v>317</v>
      </c>
      <c r="B1697" s="6" t="s">
        <v>317</v>
      </c>
      <c r="C1697" s="6" t="s">
        <v>186</v>
      </c>
      <c r="D1697" s="6" t="s">
        <v>125</v>
      </c>
      <c r="E1697" s="6" t="s">
        <v>266</v>
      </c>
      <c r="F1697" s="11">
        <v>-11</v>
      </c>
      <c r="G1697" s="13">
        <v>-0.04</v>
      </c>
      <c r="H1697" s="11">
        <v>-209</v>
      </c>
      <c r="I1697" s="13">
        <v>-0.70370370370370372</v>
      </c>
      <c r="J1697" s="11">
        <v>11</v>
      </c>
      <c r="K1697" s="13">
        <v>0.125</v>
      </c>
      <c r="L1697" s="11">
        <v>187</v>
      </c>
      <c r="M1697" s="13">
        <v>1.8888888888888888</v>
      </c>
      <c r="N1697" s="11">
        <v>198</v>
      </c>
      <c r="O1697" s="13">
        <v>2.25</v>
      </c>
      <c r="P1697" s="7">
        <v>297</v>
      </c>
      <c r="Q1697" s="7">
        <v>183</v>
      </c>
      <c r="R1697" s="7">
        <v>97</v>
      </c>
      <c r="S1697" s="7">
        <v>142</v>
      </c>
      <c r="T1697" s="7">
        <v>137</v>
      </c>
      <c r="U1697" s="7">
        <v>90</v>
      </c>
      <c r="V1697" s="7">
        <v>88</v>
      </c>
      <c r="W1697" s="7">
        <v>98</v>
      </c>
      <c r="X1697" s="7">
        <v>96</v>
      </c>
      <c r="Y1697" s="7">
        <v>99</v>
      </c>
      <c r="Z1697" s="7">
        <v>86</v>
      </c>
      <c r="AA1697" s="7">
        <v>115</v>
      </c>
      <c r="AB1697" s="7">
        <v>145</v>
      </c>
      <c r="AC1697" s="7">
        <v>161</v>
      </c>
      <c r="AD1697" s="7">
        <v>155</v>
      </c>
      <c r="AE1697" s="7">
        <v>262</v>
      </c>
      <c r="AF1697" s="7">
        <v>286</v>
      </c>
      <c r="AG1697" s="9">
        <v>22334</v>
      </c>
      <c r="AH1697" s="13">
        <v>1.0451099672437998</v>
      </c>
      <c r="AI1697" s="9">
        <v>8188</v>
      </c>
      <c r="AJ1697" s="13">
        <v>0.38315395414131959</v>
      </c>
      <c r="AK1697" s="9">
        <v>2659</v>
      </c>
      <c r="AL1697" s="13">
        <v>8.9958725218215047E-2</v>
      </c>
      <c r="AM1697" s="9">
        <v>11487</v>
      </c>
      <c r="AN1697" s="13">
        <v>0.35655088928205608</v>
      </c>
      <c r="AO1697" s="9">
        <v>14146</v>
      </c>
      <c r="AP1697" s="13">
        <v>0.4785844779755058</v>
      </c>
      <c r="AQ1697" s="9">
        <v>21370</v>
      </c>
      <c r="AR1697" s="9">
        <v>19412</v>
      </c>
      <c r="AS1697" s="9">
        <v>23127</v>
      </c>
      <c r="AT1697" s="9">
        <v>22792</v>
      </c>
      <c r="AU1697" s="9">
        <v>26024</v>
      </c>
      <c r="AV1697" s="9">
        <v>30227</v>
      </c>
      <c r="AW1697" s="9">
        <v>29558</v>
      </c>
      <c r="AX1697" s="9">
        <v>33261</v>
      </c>
      <c r="AY1697" s="9">
        <v>32488</v>
      </c>
      <c r="AZ1697" s="9">
        <v>32217</v>
      </c>
      <c r="BA1697" s="9">
        <v>32868</v>
      </c>
      <c r="BB1697" s="9">
        <v>66160</v>
      </c>
      <c r="BC1697" s="9">
        <v>54387</v>
      </c>
      <c r="BD1697" s="9">
        <v>52532</v>
      </c>
      <c r="BE1697" s="9">
        <v>45712</v>
      </c>
      <c r="BF1697" s="9">
        <v>43704</v>
      </c>
      <c r="BG1697" s="11">
        <v>5</v>
      </c>
      <c r="BH1697" s="13">
        <v>0.23809523809523808</v>
      </c>
      <c r="BI1697" s="6">
        <v>5</v>
      </c>
      <c r="BJ1697" s="13">
        <v>0.23809523809523808</v>
      </c>
      <c r="BK1697" s="6">
        <v>-1</v>
      </c>
      <c r="BL1697" s="13">
        <v>-3.8461538461538464E-2</v>
      </c>
      <c r="BM1697" s="11">
        <v>1</v>
      </c>
      <c r="BN1697" s="13">
        <v>0.04</v>
      </c>
      <c r="BO1697" s="11">
        <v>0</v>
      </c>
      <c r="BP1697" s="13">
        <v>0</v>
      </c>
      <c r="BQ1697" s="6">
        <v>21</v>
      </c>
      <c r="BR1697" s="6">
        <v>25</v>
      </c>
      <c r="BS1697" s="6">
        <v>23</v>
      </c>
      <c r="BT1697" s="6">
        <v>26</v>
      </c>
      <c r="BU1697" s="6">
        <v>25</v>
      </c>
      <c r="BV1697" s="6">
        <v>26</v>
      </c>
      <c r="BW1697" s="6">
        <v>25</v>
      </c>
      <c r="BX1697" s="6">
        <v>22</v>
      </c>
      <c r="BY1697" s="6">
        <v>26</v>
      </c>
      <c r="BZ1697" s="6">
        <v>25</v>
      </c>
      <c r="CA1697" s="6">
        <v>27</v>
      </c>
      <c r="CB1697" s="6">
        <v>28</v>
      </c>
      <c r="CC1697" s="11">
        <v>26</v>
      </c>
      <c r="CD1697" s="11">
        <v>-103</v>
      </c>
      <c r="CE1697" s="11">
        <v>60</v>
      </c>
      <c r="CF1697" s="11">
        <v>33</v>
      </c>
      <c r="CG1697" s="11">
        <v>93</v>
      </c>
      <c r="CH1697" s="20">
        <v>0.56000000000000005</v>
      </c>
      <c r="CI1697" s="20">
        <v>0.36</v>
      </c>
      <c r="CJ1697" s="20">
        <v>0.18</v>
      </c>
      <c r="CK1697" s="20">
        <v>0.26</v>
      </c>
      <c r="CL1697" s="20">
        <v>0.24</v>
      </c>
      <c r="CM1697" s="20">
        <v>0.15</v>
      </c>
      <c r="CN1697" s="20">
        <v>0.15</v>
      </c>
      <c r="CO1697" s="20">
        <v>0.16</v>
      </c>
      <c r="CP1697" s="20">
        <v>0.16</v>
      </c>
      <c r="CQ1697" s="20">
        <v>0.16</v>
      </c>
      <c r="CR1697" s="20">
        <v>0.14000000000000001</v>
      </c>
      <c r="CS1697" s="20">
        <v>0.17</v>
      </c>
      <c r="CT1697" s="20">
        <v>0.22</v>
      </c>
      <c r="CU1697" s="20">
        <v>0.24</v>
      </c>
      <c r="CV1697" s="20">
        <v>0.23</v>
      </c>
      <c r="CW1697" s="20">
        <v>0.38</v>
      </c>
      <c r="CX1697" s="20">
        <v>0.41</v>
      </c>
      <c r="CY1697" s="6" t="s">
        <v>635</v>
      </c>
      <c r="CZ1697" s="6" t="s">
        <v>636</v>
      </c>
      <c r="DA1697" s="6" t="s">
        <v>125</v>
      </c>
      <c r="DB1697" s="6" t="s">
        <v>345</v>
      </c>
      <c r="DC1697" s="6"/>
      <c r="DD1697" s="6"/>
      <c r="DE1697" s="6"/>
      <c r="DF1697" s="6"/>
      <c r="DG1697" s="6"/>
      <c r="DH1697" s="6" t="s">
        <v>333</v>
      </c>
      <c r="DI1697" s="6"/>
      <c r="DJ1697" s="6"/>
      <c r="DK1697" s="6"/>
      <c r="DL1697" s="6">
        <v>6</v>
      </c>
      <c r="DM1697" s="6" t="s">
        <v>396</v>
      </c>
      <c r="DN1697" s="6">
        <v>6</v>
      </c>
      <c r="DO1697" s="6" t="s">
        <v>393</v>
      </c>
      <c r="DP1697" s="6"/>
      <c r="DQ1697" s="6"/>
    </row>
    <row r="1698" spans="1:121" x14ac:dyDescent="0.2">
      <c r="A1698" s="6" t="s">
        <v>318</v>
      </c>
      <c r="B1698" s="6" t="s">
        <v>318</v>
      </c>
      <c r="C1698" s="6" t="s">
        <v>187</v>
      </c>
      <c r="D1698" s="6" t="s">
        <v>125</v>
      </c>
      <c r="E1698" s="6" t="s">
        <v>266</v>
      </c>
      <c r="F1698" s="11">
        <v>-28</v>
      </c>
      <c r="G1698" s="13">
        <v>-0.25925925925900001</v>
      </c>
      <c r="H1698" s="11">
        <v>28.392337999999995</v>
      </c>
      <c r="I1698" s="13">
        <v>0.26303496584491048</v>
      </c>
      <c r="J1698" s="11">
        <v>-82.828327999999999</v>
      </c>
      <c r="K1698" s="13">
        <v>-0.60754135928809061</v>
      </c>
      <c r="L1698" s="11">
        <v>26.229482948499999</v>
      </c>
      <c r="M1698" s="13">
        <v>0.49022198949872592</v>
      </c>
      <c r="N1698" s="11">
        <v>-56.598845051499993</v>
      </c>
      <c r="O1698" s="13">
        <v>-0.41514950364233272</v>
      </c>
      <c r="P1698" s="7">
        <v>107.94130699999999</v>
      </c>
      <c r="Q1698" s="7">
        <v>107.004284</v>
      </c>
      <c r="R1698" s="7">
        <v>180.291484</v>
      </c>
      <c r="S1698" s="7">
        <v>126.902784</v>
      </c>
      <c r="T1698" s="7">
        <v>89.987415999999996</v>
      </c>
      <c r="U1698" s="7">
        <v>139.16195099999999</v>
      </c>
      <c r="V1698" s="7">
        <v>136.33364499999999</v>
      </c>
      <c r="W1698" s="7">
        <v>75.001019999999997</v>
      </c>
      <c r="X1698" s="7">
        <v>71.158895999999999</v>
      </c>
      <c r="Y1698" s="7">
        <v>53.505316999999998</v>
      </c>
      <c r="Z1698" s="7">
        <v>52.801240999999997</v>
      </c>
      <c r="AA1698" s="7">
        <v>56.868332000000002</v>
      </c>
      <c r="AB1698" s="7">
        <v>86.971365000000006</v>
      </c>
      <c r="AC1698" s="7">
        <v>98.427263999999994</v>
      </c>
      <c r="AD1698" s="7">
        <v>100.659964</v>
      </c>
      <c r="AE1698" s="7">
        <v>79.336402000000007</v>
      </c>
      <c r="AF1698" s="7">
        <v>79.734799948499997</v>
      </c>
      <c r="AG1698" s="9">
        <v>-5767.6909186999983</v>
      </c>
      <c r="AH1698" s="13">
        <v>-0.11661708219257376</v>
      </c>
      <c r="AI1698" s="9">
        <v>-3389.3924453</v>
      </c>
      <c r="AJ1698" s="13">
        <v>-6.853020783324637E-2</v>
      </c>
      <c r="AK1698" s="9">
        <v>-18642.987609899999</v>
      </c>
      <c r="AL1698" s="13">
        <v>-0.40467551453212081</v>
      </c>
      <c r="AM1698" s="9">
        <v>16264.689136500001</v>
      </c>
      <c r="AN1698" s="13">
        <v>0.59303925081853426</v>
      </c>
      <c r="AO1698" s="9">
        <v>-2378.2984733999983</v>
      </c>
      <c r="AP1698" s="13">
        <v>-5.1624727676320349E-2</v>
      </c>
      <c r="AQ1698" s="9">
        <v>49458.371023</v>
      </c>
      <c r="AR1698" s="9">
        <v>44275.3567119</v>
      </c>
      <c r="AS1698" s="9">
        <v>31642.051337000001</v>
      </c>
      <c r="AT1698" s="9">
        <v>37018.003082000003</v>
      </c>
      <c r="AU1698" s="9">
        <v>36245.599405300003</v>
      </c>
      <c r="AV1698" s="9">
        <v>36308.383535100002</v>
      </c>
      <c r="AW1698" s="9">
        <v>46068.9785777</v>
      </c>
      <c r="AX1698" s="9">
        <v>34953.0490823</v>
      </c>
      <c r="AY1698" s="9">
        <v>35786.203838399997</v>
      </c>
      <c r="AZ1698" s="9">
        <v>27425.9909678</v>
      </c>
      <c r="BA1698" s="9">
        <v>33312.6019935</v>
      </c>
      <c r="BB1698" s="9">
        <v>46678.628783100001</v>
      </c>
      <c r="BC1698" s="9">
        <v>49119.032722600001</v>
      </c>
      <c r="BD1698" s="9">
        <v>47038.406693299999</v>
      </c>
      <c r="BE1698" s="9">
        <v>59172.962689599997</v>
      </c>
      <c r="BF1698" s="9">
        <v>43690.680104300001</v>
      </c>
      <c r="BG1698" s="11">
        <v>1</v>
      </c>
      <c r="BH1698" s="13">
        <v>0.33333333333333331</v>
      </c>
      <c r="BI1698" s="6">
        <v>0</v>
      </c>
      <c r="BJ1698" s="13">
        <v>0</v>
      </c>
      <c r="BK1698" s="6">
        <v>0</v>
      </c>
      <c r="BL1698" s="13">
        <v>0</v>
      </c>
      <c r="BM1698" s="11">
        <v>1</v>
      </c>
      <c r="BN1698" s="13">
        <v>0.33333333333333331</v>
      </c>
      <c r="BO1698" s="11">
        <v>1</v>
      </c>
      <c r="BP1698" s="13">
        <v>0.33333333333333331</v>
      </c>
      <c r="BQ1698" s="6">
        <v>3</v>
      </c>
      <c r="BR1698" s="6">
        <v>3</v>
      </c>
      <c r="BS1698" s="6">
        <v>3</v>
      </c>
      <c r="BT1698" s="6">
        <v>3</v>
      </c>
      <c r="BU1698" s="6">
        <v>3</v>
      </c>
      <c r="BV1698" s="6">
        <v>2</v>
      </c>
      <c r="BW1698" s="6">
        <v>3</v>
      </c>
      <c r="BX1698" s="6">
        <v>3</v>
      </c>
      <c r="BY1698" s="6">
        <v>4</v>
      </c>
      <c r="BZ1698" s="6">
        <v>4</v>
      </c>
      <c r="CA1698" s="6">
        <v>4</v>
      </c>
      <c r="CB1698" s="6">
        <v>4</v>
      </c>
      <c r="CC1698" s="11">
        <v>4</v>
      </c>
      <c r="CD1698" s="11">
        <v>-63.116900000000001</v>
      </c>
      <c r="CE1698" s="11">
        <v>23.1111</v>
      </c>
      <c r="CF1698" s="11">
        <v>11.799300000000001</v>
      </c>
      <c r="CG1698" s="11">
        <v>35</v>
      </c>
      <c r="CH1698" s="20">
        <v>0.94156399999999996</v>
      </c>
      <c r="CI1698" s="20">
        <v>0.96638199999999996</v>
      </c>
      <c r="CJ1698" s="20">
        <v>1.60283</v>
      </c>
      <c r="CK1698" s="20">
        <v>1.07948</v>
      </c>
      <c r="CL1698" s="20">
        <v>0.75781399999999999</v>
      </c>
      <c r="CM1698" s="20">
        <v>1.1538299999999999</v>
      </c>
      <c r="CN1698" s="20">
        <v>1.1185</v>
      </c>
      <c r="CO1698" s="20">
        <v>0.59991300000000003</v>
      </c>
      <c r="CP1698" s="20">
        <v>0.56636900000000001</v>
      </c>
      <c r="CQ1698" s="20">
        <v>0.405449</v>
      </c>
      <c r="CR1698" s="20">
        <v>0.38802900000000001</v>
      </c>
      <c r="CS1698" s="20">
        <v>0.39470899999999998</v>
      </c>
      <c r="CT1698" s="20">
        <v>0.58810099999999998</v>
      </c>
      <c r="CU1698" s="20">
        <v>0.64847100000000002</v>
      </c>
      <c r="CV1698" s="20">
        <v>0.66230900000000004</v>
      </c>
      <c r="CW1698" s="20">
        <v>0.52420800000000001</v>
      </c>
      <c r="CX1698" s="20">
        <v>0.51459500000000002</v>
      </c>
      <c r="CY1698" s="6" t="s">
        <v>635</v>
      </c>
      <c r="CZ1698" s="6" t="s">
        <v>636</v>
      </c>
      <c r="DA1698" s="6" t="s">
        <v>125</v>
      </c>
      <c r="DB1698" s="6" t="s">
        <v>345</v>
      </c>
      <c r="DC1698" s="6"/>
      <c r="DD1698" s="6"/>
      <c r="DE1698" s="6"/>
      <c r="DF1698" s="6"/>
      <c r="DG1698" s="6"/>
      <c r="DH1698" s="6" t="s">
        <v>333</v>
      </c>
      <c r="DI1698" s="6"/>
      <c r="DJ1698" s="6"/>
      <c r="DK1698" s="6"/>
      <c r="DL1698" s="6">
        <v>6</v>
      </c>
      <c r="DM1698" s="6" t="s">
        <v>396</v>
      </c>
      <c r="DN1698" s="6">
        <v>6</v>
      </c>
      <c r="DO1698" s="6" t="s">
        <v>393</v>
      </c>
      <c r="DP1698" s="6"/>
      <c r="DQ1698" s="6"/>
    </row>
    <row r="1699" spans="1:121" x14ac:dyDescent="0.2">
      <c r="A1699" s="6" t="s">
        <v>319</v>
      </c>
      <c r="B1699" s="6" t="s">
        <v>319</v>
      </c>
      <c r="C1699" s="6" t="s">
        <v>188</v>
      </c>
      <c r="D1699" s="6" t="s">
        <v>125</v>
      </c>
      <c r="E1699" s="6" t="s">
        <v>266</v>
      </c>
      <c r="F1699" s="11">
        <v>-37</v>
      </c>
      <c r="G1699" s="13">
        <v>-0.16157205240200001</v>
      </c>
      <c r="H1699" s="11">
        <v>79.315130880999959</v>
      </c>
      <c r="I1699" s="13">
        <v>0.34595557354919459</v>
      </c>
      <c r="J1699" s="11">
        <v>158.35122543400001</v>
      </c>
      <c r="K1699" s="13">
        <v>0.51316259177692858</v>
      </c>
      <c r="L1699" s="11">
        <v>-275.213538836</v>
      </c>
      <c r="M1699" s="13">
        <v>-0.58941035287889332</v>
      </c>
      <c r="N1699" s="11">
        <v>-116.86231340199998</v>
      </c>
      <c r="O1699" s="13">
        <v>-0.37871110540545166</v>
      </c>
      <c r="P1699" s="7">
        <v>229.26391983600001</v>
      </c>
      <c r="Q1699" s="7">
        <v>278.301702514</v>
      </c>
      <c r="R1699" s="7">
        <v>323.68573300499997</v>
      </c>
      <c r="S1699" s="7">
        <v>350.19540847399998</v>
      </c>
      <c r="T1699" s="7">
        <v>376.95757870900002</v>
      </c>
      <c r="U1699" s="7">
        <v>367.68907482899999</v>
      </c>
      <c r="V1699" s="7">
        <v>308.57905071699997</v>
      </c>
      <c r="W1699" s="7">
        <v>310.943571867</v>
      </c>
      <c r="X1699" s="7">
        <v>321.45664941000001</v>
      </c>
      <c r="Y1699" s="7">
        <v>466.93027615099999</v>
      </c>
      <c r="Z1699" s="7">
        <v>411.42605695899999</v>
      </c>
      <c r="AA1699" s="7">
        <v>507.38962745399999</v>
      </c>
      <c r="AB1699" s="7">
        <v>474.35448135799999</v>
      </c>
      <c r="AC1699" s="7">
        <v>416.28694893199997</v>
      </c>
      <c r="AD1699" s="7">
        <v>333.497871132</v>
      </c>
      <c r="AE1699" s="7">
        <v>201.47670815999999</v>
      </c>
      <c r="AF1699" s="7">
        <v>191.71673731499999</v>
      </c>
      <c r="AG1699" s="9">
        <v>17676.926595299999</v>
      </c>
      <c r="AH1699" s="13">
        <v>1.4567962453333998</v>
      </c>
      <c r="AI1699" s="9">
        <v>5253.6589866999984</v>
      </c>
      <c r="AJ1699" s="13">
        <v>0.43296614062546218</v>
      </c>
      <c r="AK1699" s="9">
        <v>2514.0657987000013</v>
      </c>
      <c r="AL1699" s="13">
        <v>0.14458817174698163</v>
      </c>
      <c r="AM1699" s="9">
        <v>9909.2018098999979</v>
      </c>
      <c r="AN1699" s="13">
        <v>0.49790392067702283</v>
      </c>
      <c r="AO1699" s="9">
        <v>12423.267608599999</v>
      </c>
      <c r="AP1699" s="13">
        <v>0.71448311002034937</v>
      </c>
      <c r="AQ1699" s="9">
        <v>12134.110485200001</v>
      </c>
      <c r="AR1699" s="9">
        <v>15793.493267100001</v>
      </c>
      <c r="AS1699" s="9">
        <v>17445.1309707</v>
      </c>
      <c r="AT1699" s="9">
        <v>17761.667518400001</v>
      </c>
      <c r="AU1699" s="9">
        <v>18659.073404700001</v>
      </c>
      <c r="AV1699" s="9">
        <v>17593.356722500001</v>
      </c>
      <c r="AW1699" s="9">
        <v>17387.769471899999</v>
      </c>
      <c r="AX1699" s="9">
        <v>18735.6632971</v>
      </c>
      <c r="AY1699" s="9">
        <v>18251.4003791</v>
      </c>
      <c r="AZ1699" s="9">
        <v>19901.835270600001</v>
      </c>
      <c r="BA1699" s="9">
        <v>19087.2964594</v>
      </c>
      <c r="BB1699" s="9">
        <v>21009.529845000001</v>
      </c>
      <c r="BC1699" s="9">
        <v>22889.384259900002</v>
      </c>
      <c r="BD1699" s="9">
        <v>27056.535558299998</v>
      </c>
      <c r="BE1699" s="9">
        <v>28656.280632999998</v>
      </c>
      <c r="BF1699" s="9">
        <v>29811.037080499998</v>
      </c>
      <c r="BG1699" s="11">
        <v>2.25</v>
      </c>
      <c r="BH1699" s="13">
        <v>0.16071428571428573</v>
      </c>
      <c r="BI1699" s="6">
        <v>2</v>
      </c>
      <c r="BJ1699" s="13">
        <v>0.14285714285714285</v>
      </c>
      <c r="BK1699" s="6">
        <v>-1</v>
      </c>
      <c r="BL1699" s="13">
        <v>-6.25E-2</v>
      </c>
      <c r="BM1699" s="11">
        <v>1.25</v>
      </c>
      <c r="BN1699" s="13">
        <v>8.3333333333333329E-2</v>
      </c>
      <c r="BO1699" s="11">
        <v>0.25</v>
      </c>
      <c r="BP1699" s="13">
        <v>1.5625E-2</v>
      </c>
      <c r="BQ1699" s="6">
        <v>14</v>
      </c>
      <c r="BR1699" s="6">
        <v>14</v>
      </c>
      <c r="BS1699" s="6">
        <v>14</v>
      </c>
      <c r="BT1699" s="6">
        <v>16</v>
      </c>
      <c r="BU1699" s="6">
        <v>15</v>
      </c>
      <c r="BV1699" s="6">
        <v>15</v>
      </c>
      <c r="BW1699" s="6">
        <v>15</v>
      </c>
      <c r="BX1699" s="6">
        <v>15</v>
      </c>
      <c r="BY1699" s="6">
        <v>15</v>
      </c>
      <c r="BZ1699" s="6">
        <v>15</v>
      </c>
      <c r="CA1699" s="6">
        <v>17</v>
      </c>
      <c r="CB1699" s="6">
        <v>17</v>
      </c>
      <c r="CC1699" s="11">
        <v>16.25</v>
      </c>
      <c r="CD1699" s="11">
        <v>-83.235900000000001</v>
      </c>
      <c r="CE1699" s="11">
        <v>20.627500000000001</v>
      </c>
      <c r="CF1699" s="11">
        <v>25.061299999999999</v>
      </c>
      <c r="CG1699" s="11">
        <v>46</v>
      </c>
      <c r="CH1699" s="20">
        <v>0.407698</v>
      </c>
      <c r="CI1699" s="20">
        <v>0.50739500000000004</v>
      </c>
      <c r="CJ1699" s="20">
        <v>0.5706</v>
      </c>
      <c r="CK1699" s="20">
        <v>0.58377299999999999</v>
      </c>
      <c r="CL1699" s="20">
        <v>0.61771600000000004</v>
      </c>
      <c r="CM1699" s="20">
        <v>0.59051799999999999</v>
      </c>
      <c r="CN1699" s="20">
        <v>0.50067499999999998</v>
      </c>
      <c r="CO1699" s="20">
        <v>0.53002400000000005</v>
      </c>
      <c r="CP1699" s="20">
        <v>0.58696000000000004</v>
      </c>
      <c r="CQ1699" s="20">
        <v>0.78901299999999996</v>
      </c>
      <c r="CR1699" s="20">
        <v>0.670539</v>
      </c>
      <c r="CS1699" s="20">
        <v>0.79105300000000001</v>
      </c>
      <c r="CT1699" s="20">
        <v>0.72871799999999998</v>
      </c>
      <c r="CU1699" s="20">
        <v>0.62229699999999999</v>
      </c>
      <c r="CV1699" s="20">
        <v>0.496527</v>
      </c>
      <c r="CW1699" s="20">
        <v>0.299875</v>
      </c>
      <c r="CX1699" s="20">
        <v>0.27835100000000002</v>
      </c>
      <c r="CY1699" s="6" t="s">
        <v>635</v>
      </c>
      <c r="CZ1699" s="6" t="s">
        <v>636</v>
      </c>
      <c r="DA1699" s="6" t="s">
        <v>125</v>
      </c>
      <c r="DB1699" s="6" t="s">
        <v>345</v>
      </c>
      <c r="DC1699" s="6"/>
      <c r="DD1699" s="6"/>
      <c r="DE1699" s="6"/>
      <c r="DF1699" s="6"/>
      <c r="DG1699" s="6"/>
      <c r="DH1699" s="6" t="s">
        <v>333</v>
      </c>
      <c r="DI1699" s="6"/>
      <c r="DJ1699" s="6"/>
      <c r="DK1699" s="6"/>
      <c r="DL1699" s="6">
        <v>6</v>
      </c>
      <c r="DM1699" s="6" t="s">
        <v>396</v>
      </c>
      <c r="DN1699" s="6">
        <v>6</v>
      </c>
      <c r="DO1699" s="6" t="s">
        <v>393</v>
      </c>
      <c r="DP1699" s="6"/>
      <c r="DQ1699" s="6"/>
    </row>
    <row r="1700" spans="1:121" x14ac:dyDescent="0.2">
      <c r="A1700" s="6" t="s">
        <v>320</v>
      </c>
      <c r="B1700" s="6" t="s">
        <v>320</v>
      </c>
      <c r="C1700" s="6" t="s">
        <v>189</v>
      </c>
      <c r="D1700" s="6" t="s">
        <v>125</v>
      </c>
      <c r="E1700" s="6" t="s">
        <v>266</v>
      </c>
      <c r="F1700" s="11">
        <v>1</v>
      </c>
      <c r="G1700" s="13">
        <v>1</v>
      </c>
      <c r="H1700" s="11">
        <v>12.028386481999998</v>
      </c>
      <c r="I1700" s="13">
        <v>2.4056772963999995</v>
      </c>
      <c r="J1700" s="11">
        <v>6.3985438028000026</v>
      </c>
      <c r="K1700" s="13">
        <v>0.37575749232398731</v>
      </c>
      <c r="L1700" s="11">
        <v>-18.426930284800001</v>
      </c>
      <c r="M1700" s="13">
        <v>-0.78657041536320571</v>
      </c>
      <c r="N1700" s="11">
        <v>-12.028386481999998</v>
      </c>
      <c r="O1700" s="13">
        <v>-0.70637264985233372</v>
      </c>
      <c r="P1700" s="7">
        <v>5</v>
      </c>
      <c r="Q1700" s="7">
        <v>12.5311472452</v>
      </c>
      <c r="R1700" s="7">
        <v>13.7975334402</v>
      </c>
      <c r="S1700" s="7">
        <v>10.3780604155</v>
      </c>
      <c r="T1700" s="7">
        <v>13.959499511900001</v>
      </c>
      <c r="U1700" s="7">
        <v>14.3709165455</v>
      </c>
      <c r="V1700" s="7">
        <v>17.028386481999998</v>
      </c>
      <c r="W1700" s="7">
        <v>20.048317766299999</v>
      </c>
      <c r="X1700" s="7">
        <v>26.8471566829</v>
      </c>
      <c r="Y1700" s="7">
        <v>23.426930284800001</v>
      </c>
      <c r="Z1700" s="7">
        <v>21.0380738309</v>
      </c>
      <c r="AA1700" s="7">
        <v>15.968086893200001</v>
      </c>
      <c r="AB1700" s="7">
        <v>13.0760702573</v>
      </c>
      <c r="AC1700" s="7">
        <v>5</v>
      </c>
      <c r="AD1700" s="7">
        <v>5</v>
      </c>
      <c r="AE1700" s="7">
        <v>5</v>
      </c>
      <c r="AF1700" s="7">
        <v>5</v>
      </c>
      <c r="AG1700" s="9">
        <v>0</v>
      </c>
      <c r="AH1700" s="13">
        <v>0</v>
      </c>
      <c r="AI1700" s="9">
        <v>21648.700618800001</v>
      </c>
      <c r="AJ1700" s="13">
        <v>21648.700618800001</v>
      </c>
      <c r="AK1700" s="9">
        <v>-7550.5593792000018</v>
      </c>
      <c r="AL1700" s="13">
        <v>-0.34876045226432856</v>
      </c>
      <c r="AM1700" s="9">
        <v>-14098.1412396</v>
      </c>
      <c r="AN1700" s="13">
        <v>-0.99992907369441841</v>
      </c>
      <c r="AO1700" s="9">
        <v>-21648.700618800001</v>
      </c>
      <c r="AP1700" s="13">
        <v>-0.99995380998483041</v>
      </c>
      <c r="AQ1700" s="9">
        <v>1</v>
      </c>
      <c r="AR1700" s="9">
        <v>16849.961269200001</v>
      </c>
      <c r="AS1700" s="9">
        <v>10911.4620423</v>
      </c>
      <c r="AT1700" s="9">
        <v>14789.7649353</v>
      </c>
      <c r="AU1700" s="9">
        <v>7116.7405227199997</v>
      </c>
      <c r="AV1700" s="9">
        <v>15933.093557100001</v>
      </c>
      <c r="AW1700" s="9">
        <v>21649.700618800001</v>
      </c>
      <c r="AX1700" s="9">
        <v>13733.597531199999</v>
      </c>
      <c r="AY1700" s="9">
        <v>19664.836694000001</v>
      </c>
      <c r="AZ1700" s="9">
        <v>14099.1412396</v>
      </c>
      <c r="BA1700" s="9">
        <v>12443.129574799999</v>
      </c>
      <c r="BB1700" s="9">
        <v>9856.2387094000005</v>
      </c>
      <c r="BC1700" s="9">
        <v>18347.009923699999</v>
      </c>
      <c r="BD1700" s="9">
        <v>1</v>
      </c>
      <c r="BE1700" s="9">
        <v>1</v>
      </c>
      <c r="BF1700" s="9">
        <v>1</v>
      </c>
      <c r="BG1700" s="11">
        <v>2</v>
      </c>
      <c r="BH1700" s="13" t="e">
        <v>#DIV/0!</v>
      </c>
      <c r="BI1700" s="6">
        <v>0</v>
      </c>
      <c r="BJ1700" s="13" t="e">
        <v>#DIV/0!</v>
      </c>
      <c r="BK1700" s="6">
        <v>2</v>
      </c>
      <c r="BL1700" s="13" t="e">
        <v>#DIV/0!</v>
      </c>
      <c r="BM1700" s="11">
        <v>0</v>
      </c>
      <c r="BN1700" s="13">
        <v>0</v>
      </c>
      <c r="BO1700" s="11">
        <v>2</v>
      </c>
      <c r="BP1700" s="13" t="e">
        <v>#DIV/0!</v>
      </c>
      <c r="BQ1700" s="6">
        <v>0</v>
      </c>
      <c r="BR1700" s="6">
        <v>0</v>
      </c>
      <c r="BS1700" s="6">
        <v>0</v>
      </c>
      <c r="BT1700" s="6">
        <v>0</v>
      </c>
      <c r="BU1700" s="6">
        <v>2</v>
      </c>
      <c r="BV1700" s="6">
        <v>2</v>
      </c>
      <c r="BW1700" s="6">
        <v>2</v>
      </c>
      <c r="BX1700" s="6">
        <v>2</v>
      </c>
      <c r="BY1700" s="6">
        <v>2</v>
      </c>
      <c r="BZ1700" s="6">
        <v>2</v>
      </c>
      <c r="CA1700" s="6">
        <v>2</v>
      </c>
      <c r="CB1700" s="6">
        <v>2</v>
      </c>
      <c r="CC1700" s="11">
        <v>2</v>
      </c>
      <c r="CD1700" s="11">
        <v>-1.4241299999999999</v>
      </c>
      <c r="CE1700" s="11">
        <v>2.2219899999999999</v>
      </c>
      <c r="CF1700" s="11">
        <v>0.67077399999999998</v>
      </c>
      <c r="CG1700" s="11">
        <v>3</v>
      </c>
      <c r="CH1700" s="20">
        <v>3.2707600000000003E-2</v>
      </c>
      <c r="CI1700" s="20">
        <v>6.5440200000000004E-2</v>
      </c>
      <c r="CJ1700" s="20">
        <v>6.7657200000000001E-2</v>
      </c>
      <c r="CK1700" s="20">
        <v>4.79394E-2</v>
      </c>
      <c r="CL1700" s="20">
        <v>6.4807699999999996E-2</v>
      </c>
      <c r="CM1700" s="20">
        <v>6.5708600000000006E-2</v>
      </c>
      <c r="CN1700" s="20">
        <v>7.7431899999999998E-2</v>
      </c>
      <c r="CO1700" s="20">
        <v>8.9014800000000005E-2</v>
      </c>
      <c r="CP1700" s="20">
        <v>0.11304400000000001</v>
      </c>
      <c r="CQ1700" s="20">
        <v>9.1972200000000004E-2</v>
      </c>
      <c r="CR1700" s="20">
        <v>8.0244599999999999E-2</v>
      </c>
      <c r="CS1700" s="20">
        <v>5.88254E-2</v>
      </c>
      <c r="CT1700" s="20">
        <v>4.80861E-2</v>
      </c>
      <c r="CU1700" s="20">
        <v>3.5295100000000003E-2</v>
      </c>
      <c r="CV1700" s="20">
        <v>2.5485600000000001E-2</v>
      </c>
      <c r="CW1700" s="20">
        <v>2.70701E-2</v>
      </c>
      <c r="CX1700" s="20">
        <v>2.6974499999999998E-2</v>
      </c>
      <c r="CY1700" s="6" t="s">
        <v>635</v>
      </c>
      <c r="CZ1700" s="6" t="s">
        <v>636</v>
      </c>
      <c r="DA1700" s="6" t="s">
        <v>125</v>
      </c>
      <c r="DB1700" s="6" t="s">
        <v>345</v>
      </c>
      <c r="DC1700" s="6"/>
      <c r="DD1700" s="6"/>
      <c r="DE1700" s="6"/>
      <c r="DF1700" s="6"/>
      <c r="DG1700" s="6"/>
      <c r="DH1700" s="6" t="s">
        <v>333</v>
      </c>
      <c r="DI1700" s="6"/>
      <c r="DJ1700" s="6"/>
      <c r="DK1700" s="6"/>
      <c r="DL1700" s="6">
        <v>6</v>
      </c>
      <c r="DM1700" s="6" t="s">
        <v>396</v>
      </c>
      <c r="DN1700" s="6">
        <v>6</v>
      </c>
      <c r="DO1700" s="6" t="s">
        <v>393</v>
      </c>
      <c r="DP1700" s="6"/>
      <c r="DQ1700" s="6"/>
    </row>
    <row r="1701" spans="1:121" x14ac:dyDescent="0.2">
      <c r="A1701" s="6" t="s">
        <v>321</v>
      </c>
      <c r="B1701" s="6" t="s">
        <v>321</v>
      </c>
      <c r="C1701" s="6" t="s">
        <v>190</v>
      </c>
      <c r="D1701" s="6" t="s">
        <v>125</v>
      </c>
      <c r="E1701" s="6" t="s">
        <v>266</v>
      </c>
      <c r="F1701" s="11">
        <v>355</v>
      </c>
      <c r="G1701" s="13">
        <v>0.673624288425</v>
      </c>
      <c r="H1701" s="11">
        <v>132.70369350399994</v>
      </c>
      <c r="I1701" s="13">
        <v>0.25174598798030595</v>
      </c>
      <c r="J1701" s="11">
        <v>101.50122423900007</v>
      </c>
      <c r="K1701" s="13">
        <v>0.15382772590544661</v>
      </c>
      <c r="L1701" s="11">
        <v>120.3148721199999</v>
      </c>
      <c r="M1701" s="13">
        <v>0.15803077955950165</v>
      </c>
      <c r="N1701" s="11">
        <v>221.81609635899997</v>
      </c>
      <c r="O1701" s="13">
        <v>0.3361680209076513</v>
      </c>
      <c r="P1701" s="7">
        <v>527.13330039000004</v>
      </c>
      <c r="Q1701" s="7">
        <v>570.34645770400004</v>
      </c>
      <c r="R1701" s="7">
        <v>581.56578039299995</v>
      </c>
      <c r="S1701" s="7">
        <v>588.040858394</v>
      </c>
      <c r="T1701" s="7">
        <v>617.34617368600004</v>
      </c>
      <c r="U1701" s="7">
        <v>646.75997729899996</v>
      </c>
      <c r="V1701" s="7">
        <v>659.83699389399999</v>
      </c>
      <c r="W1701" s="7">
        <v>657.32673458099998</v>
      </c>
      <c r="X1701" s="7">
        <v>707.20594438299997</v>
      </c>
      <c r="Y1701" s="7">
        <v>761.33821813300005</v>
      </c>
      <c r="Z1701" s="7">
        <v>765.78569895500004</v>
      </c>
      <c r="AA1701" s="7">
        <v>862.61213397400002</v>
      </c>
      <c r="AB1701" s="7">
        <v>853.84363078800004</v>
      </c>
      <c r="AC1701" s="7">
        <v>862.20846394</v>
      </c>
      <c r="AD1701" s="7">
        <v>865.87300079199997</v>
      </c>
      <c r="AE1701" s="7">
        <v>854.03828080400001</v>
      </c>
      <c r="AF1701" s="7">
        <v>881.65309025299996</v>
      </c>
      <c r="AG1701" s="9">
        <v>8801.7221661000003</v>
      </c>
      <c r="AH1701" s="13">
        <v>0.41843410223571681</v>
      </c>
      <c r="AI1701" s="9">
        <v>1117.1203153999995</v>
      </c>
      <c r="AJ1701" s="13">
        <v>5.310792904416347E-2</v>
      </c>
      <c r="AK1701" s="9">
        <v>1553.0664051000022</v>
      </c>
      <c r="AL1701" s="13">
        <v>7.0109449873842461E-2</v>
      </c>
      <c r="AM1701" s="9">
        <v>6131.5354455999986</v>
      </c>
      <c r="AN1701" s="13">
        <v>0.25865899028503109</v>
      </c>
      <c r="AO1701" s="9">
        <v>7684.6018507000008</v>
      </c>
      <c r="AP1701" s="13">
        <v>0.34690287967268063</v>
      </c>
      <c r="AQ1701" s="9">
        <v>21034.9063785</v>
      </c>
      <c r="AR1701" s="9">
        <v>22901.0382666</v>
      </c>
      <c r="AS1701" s="9">
        <v>22990.669142700001</v>
      </c>
      <c r="AT1701" s="9">
        <v>23610.3729871</v>
      </c>
      <c r="AU1701" s="9">
        <v>23839.500368599998</v>
      </c>
      <c r="AV1701" s="9">
        <v>22407.595539000002</v>
      </c>
      <c r="AW1701" s="9">
        <v>22152.026693899999</v>
      </c>
      <c r="AX1701" s="9">
        <v>22205.207705699999</v>
      </c>
      <c r="AY1701" s="9">
        <v>22110.940796399998</v>
      </c>
      <c r="AZ1701" s="9">
        <v>23705.093099000002</v>
      </c>
      <c r="BA1701" s="9">
        <v>24200.8000455</v>
      </c>
      <c r="BB1701" s="9">
        <v>23448.9402563</v>
      </c>
      <c r="BC1701" s="9">
        <v>26036.0709914</v>
      </c>
      <c r="BD1701" s="9">
        <v>26018.333207299998</v>
      </c>
      <c r="BE1701" s="9">
        <v>27701.804282599998</v>
      </c>
      <c r="BF1701" s="9">
        <v>29836.6285446</v>
      </c>
      <c r="BG1701" s="11">
        <v>60.5</v>
      </c>
      <c r="BH1701" s="13">
        <v>1.6351351351351351</v>
      </c>
      <c r="BI1701" s="6">
        <v>6</v>
      </c>
      <c r="BJ1701" s="13">
        <v>0.16216216216216217</v>
      </c>
      <c r="BK1701" s="6">
        <v>2</v>
      </c>
      <c r="BL1701" s="13">
        <v>4.6511627906976744E-2</v>
      </c>
      <c r="BM1701" s="11">
        <v>52.5</v>
      </c>
      <c r="BN1701" s="13">
        <v>1.1666666666666667</v>
      </c>
      <c r="BO1701" s="11">
        <v>54.5</v>
      </c>
      <c r="BP1701" s="13">
        <v>1.2674418604651163</v>
      </c>
      <c r="BQ1701" s="6">
        <v>37</v>
      </c>
      <c r="BR1701" s="6">
        <v>42</v>
      </c>
      <c r="BS1701" s="6">
        <v>42</v>
      </c>
      <c r="BT1701" s="6">
        <v>43</v>
      </c>
      <c r="BU1701" s="6">
        <v>44</v>
      </c>
      <c r="BV1701" s="6">
        <v>46</v>
      </c>
      <c r="BW1701" s="6">
        <v>45</v>
      </c>
      <c r="BX1701" s="6">
        <v>44</v>
      </c>
      <c r="BY1701" s="6">
        <v>47</v>
      </c>
      <c r="BZ1701" s="6">
        <v>103</v>
      </c>
      <c r="CA1701" s="6">
        <v>100</v>
      </c>
      <c r="CB1701" s="6">
        <v>98</v>
      </c>
      <c r="CC1701" s="11">
        <v>97.5</v>
      </c>
      <c r="CD1701" s="11">
        <v>104.93300000000001</v>
      </c>
      <c r="CE1701" s="11">
        <v>191.964</v>
      </c>
      <c r="CF1701" s="11">
        <v>57.622</v>
      </c>
      <c r="CG1701" s="11">
        <v>250</v>
      </c>
      <c r="CH1701" s="20">
        <v>0.56891400000000003</v>
      </c>
      <c r="CI1701" s="20">
        <v>0.60746900000000004</v>
      </c>
      <c r="CJ1701" s="20">
        <v>0.58061700000000005</v>
      </c>
      <c r="CK1701" s="20">
        <v>0.56202700000000005</v>
      </c>
      <c r="CL1701" s="20">
        <v>0.58658999999999994</v>
      </c>
      <c r="CM1701" s="20">
        <v>0.603325</v>
      </c>
      <c r="CN1701" s="20">
        <v>0.610792</v>
      </c>
      <c r="CO1701" s="20">
        <v>0.59612299999999996</v>
      </c>
      <c r="CP1701" s="20">
        <v>0.6129</v>
      </c>
      <c r="CQ1701" s="20">
        <v>0.61906600000000001</v>
      </c>
      <c r="CR1701" s="20">
        <v>0.61577000000000004</v>
      </c>
      <c r="CS1701" s="20">
        <v>0.65889900000000001</v>
      </c>
      <c r="CT1701" s="20">
        <v>0.64761999999999997</v>
      </c>
      <c r="CU1701" s="20">
        <v>0.64530699999999996</v>
      </c>
      <c r="CV1701" s="20">
        <v>0.64590899999999996</v>
      </c>
      <c r="CW1701" s="20">
        <v>0.63388</v>
      </c>
      <c r="CX1701" s="20">
        <v>0.63231300000000001</v>
      </c>
      <c r="CY1701" s="6" t="s">
        <v>635</v>
      </c>
      <c r="CZ1701" s="6" t="s">
        <v>636</v>
      </c>
      <c r="DA1701" s="6" t="s">
        <v>125</v>
      </c>
      <c r="DB1701" s="6" t="s">
        <v>345</v>
      </c>
      <c r="DC1701" s="6"/>
      <c r="DD1701" s="6"/>
      <c r="DE1701" s="6"/>
      <c r="DF1701" s="6"/>
      <c r="DG1701" s="6"/>
      <c r="DH1701" s="6" t="s">
        <v>333</v>
      </c>
      <c r="DI1701" s="6"/>
      <c r="DJ1701" s="6"/>
      <c r="DK1701" s="6"/>
      <c r="DL1701" s="6">
        <v>6</v>
      </c>
      <c r="DM1701" s="6" t="s">
        <v>396</v>
      </c>
      <c r="DN1701" s="6">
        <v>6</v>
      </c>
      <c r="DO1701" s="6" t="s">
        <v>393</v>
      </c>
      <c r="DP1701" s="6"/>
      <c r="DQ1701" s="6"/>
    </row>
    <row r="1702" spans="1:121" x14ac:dyDescent="0.2">
      <c r="A1702" s="6" t="s">
        <v>322</v>
      </c>
      <c r="B1702" s="6" t="s">
        <v>322</v>
      </c>
      <c r="C1702" s="6" t="s">
        <v>191</v>
      </c>
      <c r="D1702" s="6" t="s">
        <v>125</v>
      </c>
      <c r="E1702" s="6" t="s">
        <v>266</v>
      </c>
      <c r="F1702" s="11">
        <v>1</v>
      </c>
      <c r="G1702" s="13">
        <v>0.08</v>
      </c>
      <c r="H1702" s="11">
        <v>1</v>
      </c>
      <c r="I1702" s="13">
        <v>7.6923076923076927E-2</v>
      </c>
      <c r="J1702" s="11">
        <v>-9</v>
      </c>
      <c r="K1702" s="13">
        <v>-0.6428571428571429</v>
      </c>
      <c r="L1702" s="11">
        <v>9</v>
      </c>
      <c r="M1702" s="13">
        <v>1.8</v>
      </c>
      <c r="N1702" s="11">
        <v>0</v>
      </c>
      <c r="O1702" s="13">
        <v>0</v>
      </c>
      <c r="P1702" s="7">
        <v>13</v>
      </c>
      <c r="Q1702" s="7">
        <v>13</v>
      </c>
      <c r="R1702" s="7">
        <v>13</v>
      </c>
      <c r="S1702" s="7">
        <v>12</v>
      </c>
      <c r="T1702" s="7">
        <v>13</v>
      </c>
      <c r="U1702" s="7">
        <v>13</v>
      </c>
      <c r="V1702" s="7">
        <v>14</v>
      </c>
      <c r="W1702" s="7">
        <v>23</v>
      </c>
      <c r="X1702" s="7">
        <v>21</v>
      </c>
      <c r="Y1702" s="7">
        <v>5</v>
      </c>
      <c r="Z1702" s="7">
        <v>14</v>
      </c>
      <c r="AA1702" s="7">
        <v>5</v>
      </c>
      <c r="AB1702" s="7">
        <v>11</v>
      </c>
      <c r="AC1702" s="7">
        <v>5</v>
      </c>
      <c r="AD1702" s="7">
        <v>5</v>
      </c>
      <c r="AE1702" s="7">
        <v>13</v>
      </c>
      <c r="AF1702" s="7">
        <v>14</v>
      </c>
      <c r="AG1702" s="9">
        <v>8968</v>
      </c>
      <c r="AH1702" s="13">
        <v>0.81929471953224908</v>
      </c>
      <c r="AI1702" s="9">
        <v>4063</v>
      </c>
      <c r="AJ1702" s="13">
        <v>0.37118582130458616</v>
      </c>
      <c r="AK1702" s="9">
        <v>-15008</v>
      </c>
      <c r="AL1702" s="13">
        <v>-0.99993337330934773</v>
      </c>
      <c r="AM1702" s="9">
        <v>19913</v>
      </c>
      <c r="AN1702" s="13">
        <v>19913</v>
      </c>
      <c r="AO1702" s="9">
        <v>4905</v>
      </c>
      <c r="AP1702" s="13">
        <v>0.32680391764941036</v>
      </c>
      <c r="AQ1702" s="9">
        <v>10946</v>
      </c>
      <c r="AR1702" s="9">
        <v>12594</v>
      </c>
      <c r="AS1702" s="9">
        <v>14615</v>
      </c>
      <c r="AT1702" s="9">
        <v>14759</v>
      </c>
      <c r="AU1702" s="9">
        <v>16513</v>
      </c>
      <c r="AV1702" s="9">
        <v>16534</v>
      </c>
      <c r="AW1702" s="9">
        <v>15009</v>
      </c>
      <c r="AX1702" s="9">
        <v>15978</v>
      </c>
      <c r="AY1702" s="9">
        <v>14742</v>
      </c>
      <c r="AZ1702" s="9">
        <v>1</v>
      </c>
      <c r="BA1702" s="9">
        <v>14867</v>
      </c>
      <c r="BB1702" s="9">
        <v>1</v>
      </c>
      <c r="BC1702" s="9">
        <v>15455</v>
      </c>
      <c r="BD1702" s="9">
        <v>1</v>
      </c>
      <c r="BE1702" s="9">
        <v>1</v>
      </c>
      <c r="BF1702" s="9">
        <v>19914</v>
      </c>
      <c r="BG1702" s="11">
        <v>-1</v>
      </c>
      <c r="BH1702" s="13">
        <v>-0.33333333333333331</v>
      </c>
      <c r="BI1702" s="6">
        <v>-2</v>
      </c>
      <c r="BJ1702" s="13">
        <v>-0.66666666666666663</v>
      </c>
      <c r="BK1702" s="6">
        <v>0</v>
      </c>
      <c r="BL1702" s="13">
        <v>0</v>
      </c>
      <c r="BM1702" s="11">
        <v>1</v>
      </c>
      <c r="BN1702" s="13">
        <v>1</v>
      </c>
      <c r="BO1702" s="11">
        <v>1</v>
      </c>
      <c r="BP1702" s="13">
        <v>1</v>
      </c>
      <c r="BQ1702" s="6">
        <v>3</v>
      </c>
      <c r="BR1702" s="6">
        <v>3</v>
      </c>
      <c r="BS1702" s="6">
        <v>2</v>
      </c>
      <c r="BT1702" s="6">
        <v>1</v>
      </c>
      <c r="BU1702" s="6">
        <v>1</v>
      </c>
      <c r="BV1702" s="6">
        <v>1</v>
      </c>
      <c r="BW1702" s="6">
        <v>1</v>
      </c>
      <c r="BX1702" s="6">
        <v>1</v>
      </c>
      <c r="BY1702" s="6">
        <v>1</v>
      </c>
      <c r="BZ1702" s="6">
        <v>1</v>
      </c>
      <c r="CA1702" s="6">
        <v>1</v>
      </c>
      <c r="CB1702" s="6">
        <v>1</v>
      </c>
      <c r="CC1702" s="11">
        <v>2</v>
      </c>
      <c r="CD1702" s="11">
        <v>-3</v>
      </c>
      <c r="CE1702" s="11">
        <v>2</v>
      </c>
      <c r="CF1702" s="11">
        <v>1</v>
      </c>
      <c r="CG1702" s="11">
        <v>3</v>
      </c>
      <c r="CH1702" s="20">
        <v>0.09</v>
      </c>
      <c r="CI1702" s="20">
        <v>0.1</v>
      </c>
      <c r="CJ1702" s="20">
        <v>0.09</v>
      </c>
      <c r="CK1702" s="20">
        <v>0.08</v>
      </c>
      <c r="CL1702" s="20">
        <v>0.09</v>
      </c>
      <c r="CM1702" s="20">
        <v>0.08</v>
      </c>
      <c r="CN1702" s="20">
        <v>0.09</v>
      </c>
      <c r="CO1702" s="20">
        <v>0.14000000000000001</v>
      </c>
      <c r="CP1702" s="20">
        <v>0.13</v>
      </c>
      <c r="CQ1702" s="20">
        <v>0.06</v>
      </c>
      <c r="CR1702" s="20">
        <v>0.08</v>
      </c>
      <c r="CS1702" s="20">
        <v>0.05</v>
      </c>
      <c r="CT1702" s="20">
        <v>0.06</v>
      </c>
      <c r="CU1702" s="20">
        <v>0.05</v>
      </c>
      <c r="CV1702" s="20">
        <v>0.05</v>
      </c>
      <c r="CW1702" s="20">
        <v>7.0000000000000007E-2</v>
      </c>
      <c r="CX1702" s="20">
        <v>7.0000000000000007E-2</v>
      </c>
      <c r="CY1702" s="6" t="s">
        <v>635</v>
      </c>
      <c r="CZ1702" s="6" t="s">
        <v>636</v>
      </c>
      <c r="DA1702" s="6" t="s">
        <v>125</v>
      </c>
      <c r="DB1702" s="6" t="s">
        <v>345</v>
      </c>
      <c r="DC1702" s="6"/>
      <c r="DD1702" s="6"/>
      <c r="DE1702" s="6"/>
      <c r="DF1702" s="6"/>
      <c r="DG1702" s="6"/>
      <c r="DH1702" s="6" t="s">
        <v>333</v>
      </c>
      <c r="DI1702" s="6"/>
      <c r="DJ1702" s="6"/>
      <c r="DK1702" s="6"/>
      <c r="DL1702" s="6">
        <v>6</v>
      </c>
      <c r="DM1702" s="6" t="s">
        <v>396</v>
      </c>
      <c r="DN1702" s="6">
        <v>6</v>
      </c>
      <c r="DO1702" s="6" t="s">
        <v>393</v>
      </c>
      <c r="DP1702" s="6"/>
      <c r="DQ1702" s="6"/>
    </row>
    <row r="1703" spans="1:121" x14ac:dyDescent="0.2">
      <c r="A1703" s="6" t="s">
        <v>323</v>
      </c>
      <c r="B1703" s="6" t="s">
        <v>323</v>
      </c>
      <c r="C1703" s="6" t="s">
        <v>192</v>
      </c>
      <c r="D1703" s="6" t="s">
        <v>125</v>
      </c>
      <c r="E1703" s="6" t="s">
        <v>266</v>
      </c>
      <c r="F1703" s="11">
        <v>-130</v>
      </c>
      <c r="G1703" s="13">
        <v>-0.19667170953099999</v>
      </c>
      <c r="H1703" s="11">
        <v>44.628014563000079</v>
      </c>
      <c r="I1703" s="13">
        <v>6.7523305469346762E-2</v>
      </c>
      <c r="J1703" s="11">
        <v>-152.46915019699998</v>
      </c>
      <c r="K1703" s="13">
        <v>-0.21609799763235263</v>
      </c>
      <c r="L1703" s="11">
        <v>-22.267657916000076</v>
      </c>
      <c r="M1703" s="13">
        <v>-4.0260719332977937E-2</v>
      </c>
      <c r="N1703" s="11">
        <v>-174.73680811300005</v>
      </c>
      <c r="O1703" s="13">
        <v>-0.24765845613423593</v>
      </c>
      <c r="P1703" s="7">
        <v>660.92757534299994</v>
      </c>
      <c r="Q1703" s="7">
        <v>633.44062166699996</v>
      </c>
      <c r="R1703" s="7">
        <v>636.59047304399996</v>
      </c>
      <c r="S1703" s="7">
        <v>653.43880626600003</v>
      </c>
      <c r="T1703" s="7">
        <v>678.22843816299996</v>
      </c>
      <c r="U1703" s="7">
        <v>677.83087651100004</v>
      </c>
      <c r="V1703" s="7">
        <v>705.55558990600002</v>
      </c>
      <c r="W1703" s="7">
        <v>656.48916192399997</v>
      </c>
      <c r="X1703" s="7">
        <v>640.79179033800006</v>
      </c>
      <c r="Y1703" s="7">
        <v>553.08643970900005</v>
      </c>
      <c r="Z1703" s="7">
        <v>478.934088067</v>
      </c>
      <c r="AA1703" s="7">
        <v>469.27038416599999</v>
      </c>
      <c r="AB1703" s="7">
        <v>447.727402176</v>
      </c>
      <c r="AC1703" s="7">
        <v>479.59139448000002</v>
      </c>
      <c r="AD1703" s="7">
        <v>506.23857988100002</v>
      </c>
      <c r="AE1703" s="7">
        <v>537.07305283400001</v>
      </c>
      <c r="AF1703" s="7">
        <v>530.81878179299997</v>
      </c>
      <c r="AG1703" s="9">
        <v>5816.9951777800015</v>
      </c>
      <c r="AH1703" s="13">
        <v>0.62916209350331653</v>
      </c>
      <c r="AI1703" s="9">
        <v>2143.6092529800007</v>
      </c>
      <c r="AJ1703" s="13">
        <v>0.23185126410448345</v>
      </c>
      <c r="AK1703" s="9">
        <v>795.69672859999991</v>
      </c>
      <c r="AL1703" s="13">
        <v>6.9863951247625192E-2</v>
      </c>
      <c r="AM1703" s="9">
        <v>2877.6891962000009</v>
      </c>
      <c r="AN1703" s="13">
        <v>0.23616791939602411</v>
      </c>
      <c r="AO1703" s="9">
        <v>3673.3859248000008</v>
      </c>
      <c r="AP1703" s="13">
        <v>0.32253149465058623</v>
      </c>
      <c r="AQ1703" s="9">
        <v>9245.6224522199991</v>
      </c>
      <c r="AR1703" s="9">
        <v>9431.09741321</v>
      </c>
      <c r="AS1703" s="9">
        <v>9615.6719388599995</v>
      </c>
      <c r="AT1703" s="9">
        <v>9905.9016986999995</v>
      </c>
      <c r="AU1703" s="9">
        <v>10581.844838000001</v>
      </c>
      <c r="AV1703" s="9">
        <v>11087.6010888</v>
      </c>
      <c r="AW1703" s="9">
        <v>11389.2317052</v>
      </c>
      <c r="AX1703" s="9">
        <v>11581.4422595</v>
      </c>
      <c r="AY1703" s="9">
        <v>12005.9383488</v>
      </c>
      <c r="AZ1703" s="9">
        <v>12184.9284338</v>
      </c>
      <c r="BA1703" s="9">
        <v>12471.9138002</v>
      </c>
      <c r="BB1703" s="9">
        <v>12965.063415099999</v>
      </c>
      <c r="BC1703" s="9">
        <v>13717.0807434</v>
      </c>
      <c r="BD1703" s="9">
        <v>13596.073988100001</v>
      </c>
      <c r="BE1703" s="9">
        <v>14529.4764381</v>
      </c>
      <c r="BF1703" s="9">
        <v>15062.617630000001</v>
      </c>
      <c r="BG1703" s="11">
        <v>-3.25</v>
      </c>
      <c r="BH1703" s="13">
        <v>-8.3333333333333329E-2</v>
      </c>
      <c r="BI1703" s="6">
        <v>1</v>
      </c>
      <c r="BJ1703" s="13">
        <v>2.564102564102564E-2</v>
      </c>
      <c r="BK1703" s="6">
        <v>-3</v>
      </c>
      <c r="BL1703" s="13">
        <v>-7.4999999999999997E-2</v>
      </c>
      <c r="BM1703" s="11">
        <v>-1.25</v>
      </c>
      <c r="BN1703" s="13">
        <v>-3.3783783783783786E-2</v>
      </c>
      <c r="BO1703" s="11">
        <v>-4.25</v>
      </c>
      <c r="BP1703" s="13">
        <v>-0.10625</v>
      </c>
      <c r="BQ1703" s="6">
        <v>39</v>
      </c>
      <c r="BR1703" s="6">
        <v>44</v>
      </c>
      <c r="BS1703" s="6">
        <v>42</v>
      </c>
      <c r="BT1703" s="6">
        <v>40</v>
      </c>
      <c r="BU1703" s="6">
        <v>40</v>
      </c>
      <c r="BV1703" s="6">
        <v>40</v>
      </c>
      <c r="BW1703" s="6">
        <v>37</v>
      </c>
      <c r="BX1703" s="6">
        <v>33</v>
      </c>
      <c r="BY1703" s="6">
        <v>34</v>
      </c>
      <c r="BZ1703" s="6">
        <v>32</v>
      </c>
      <c r="CA1703" s="6">
        <v>32</v>
      </c>
      <c r="CB1703" s="6">
        <v>34</v>
      </c>
      <c r="CC1703" s="11">
        <v>35.75</v>
      </c>
      <c r="CD1703" s="11">
        <v>-352.65499999999997</v>
      </c>
      <c r="CE1703" s="11">
        <v>150.29900000000001</v>
      </c>
      <c r="CF1703" s="11">
        <v>72.247299999999996</v>
      </c>
      <c r="CG1703" s="11">
        <v>222</v>
      </c>
      <c r="CH1703" s="20">
        <v>0.96117799999999998</v>
      </c>
      <c r="CI1703" s="20">
        <v>0.93222799999999995</v>
      </c>
      <c r="CJ1703" s="20">
        <v>0.88892599999999999</v>
      </c>
      <c r="CK1703" s="20">
        <v>0.86895100000000003</v>
      </c>
      <c r="CL1703" s="20">
        <v>0.89597400000000005</v>
      </c>
      <c r="CM1703" s="20">
        <v>0.88258899999999996</v>
      </c>
      <c r="CN1703" s="20">
        <v>0.91673700000000002</v>
      </c>
      <c r="CO1703" s="20">
        <v>0.85481399999999996</v>
      </c>
      <c r="CP1703" s="20">
        <v>0.83687800000000001</v>
      </c>
      <c r="CQ1703" s="20">
        <v>0.68659199999999998</v>
      </c>
      <c r="CR1703" s="20">
        <v>0.58150400000000002</v>
      </c>
      <c r="CS1703" s="20">
        <v>0.54459900000000006</v>
      </c>
      <c r="CT1703" s="20">
        <v>0.51044199999999995</v>
      </c>
      <c r="CU1703" s="20">
        <v>0.53384900000000002</v>
      </c>
      <c r="CV1703" s="20">
        <v>0.55627000000000004</v>
      </c>
      <c r="CW1703" s="20">
        <v>0.58580600000000005</v>
      </c>
      <c r="CX1703" s="20">
        <v>0.56547000000000003</v>
      </c>
      <c r="CY1703" s="6" t="s">
        <v>635</v>
      </c>
      <c r="CZ1703" s="6" t="s">
        <v>636</v>
      </c>
      <c r="DA1703" s="6" t="s">
        <v>125</v>
      </c>
      <c r="DB1703" s="6" t="s">
        <v>345</v>
      </c>
      <c r="DC1703" s="6"/>
      <c r="DD1703" s="6"/>
      <c r="DE1703" s="6"/>
      <c r="DF1703" s="6"/>
      <c r="DG1703" s="6"/>
      <c r="DH1703" s="6" t="s">
        <v>333</v>
      </c>
      <c r="DI1703" s="6"/>
      <c r="DJ1703" s="6"/>
      <c r="DK1703" s="6"/>
      <c r="DL1703" s="6">
        <v>6</v>
      </c>
      <c r="DM1703" s="6" t="s">
        <v>396</v>
      </c>
      <c r="DN1703" s="6">
        <v>6</v>
      </c>
      <c r="DO1703" s="6" t="s">
        <v>393</v>
      </c>
      <c r="DP1703" s="6"/>
      <c r="DQ1703" s="6"/>
    </row>
    <row r="1704" spans="1:121" x14ac:dyDescent="0.2">
      <c r="A1704" s="6" t="s">
        <v>325</v>
      </c>
      <c r="B1704" s="6" t="s">
        <v>325</v>
      </c>
      <c r="C1704" s="6" t="s">
        <v>193</v>
      </c>
      <c r="D1704" s="6" t="s">
        <v>125</v>
      </c>
      <c r="E1704" s="6" t="s">
        <v>266</v>
      </c>
      <c r="F1704" s="11">
        <v>-19</v>
      </c>
      <c r="G1704" s="13">
        <v>-3.2590051458000001E-2</v>
      </c>
      <c r="H1704" s="11">
        <v>-31.066735380999944</v>
      </c>
      <c r="I1704" s="13">
        <v>-5.3283745120617877E-2</v>
      </c>
      <c r="J1704" s="11">
        <v>27.750275307999914</v>
      </c>
      <c r="K1704" s="13">
        <v>5.0274364108452103E-2</v>
      </c>
      <c r="L1704" s="11">
        <v>-16.150097169999981</v>
      </c>
      <c r="M1704" s="13">
        <v>-2.7858111016477345E-2</v>
      </c>
      <c r="N1704" s="11">
        <v>11.600178137999933</v>
      </c>
      <c r="O1704" s="13">
        <v>2.1015704275358697E-2</v>
      </c>
      <c r="P1704" s="7">
        <v>583.04338988699999</v>
      </c>
      <c r="Q1704" s="7">
        <v>558.73925880499996</v>
      </c>
      <c r="R1704" s="7">
        <v>565.24368920899997</v>
      </c>
      <c r="S1704" s="7">
        <v>557.56940881800006</v>
      </c>
      <c r="T1704" s="7">
        <v>550.19735457800004</v>
      </c>
      <c r="U1704" s="7">
        <v>498.81961242900002</v>
      </c>
      <c r="V1704" s="7">
        <v>551.97665450600005</v>
      </c>
      <c r="W1704" s="7">
        <v>566.85774410500005</v>
      </c>
      <c r="X1704" s="7">
        <v>534.43175254100004</v>
      </c>
      <c r="Y1704" s="7">
        <v>579.72692981399996</v>
      </c>
      <c r="Z1704" s="7">
        <v>594.65451732899999</v>
      </c>
      <c r="AA1704" s="7">
        <v>622.00488109599996</v>
      </c>
      <c r="AB1704" s="7">
        <v>531.87442031299997</v>
      </c>
      <c r="AC1704" s="7">
        <v>560.61784618499996</v>
      </c>
      <c r="AD1704" s="7">
        <v>555.86173126699998</v>
      </c>
      <c r="AE1704" s="7">
        <v>557.88294814599999</v>
      </c>
      <c r="AF1704" s="7">
        <v>563.57683264399998</v>
      </c>
      <c r="AG1704" s="9">
        <v>4833.5701866000018</v>
      </c>
      <c r="AH1704" s="13">
        <v>0.2898771676939379</v>
      </c>
      <c r="AI1704" s="9">
        <v>3485.2525932999997</v>
      </c>
      <c r="AJ1704" s="13">
        <v>0.20901634018775075</v>
      </c>
      <c r="AK1704" s="9">
        <v>-1658.5281538999989</v>
      </c>
      <c r="AL1704" s="13">
        <v>-8.2269083229148221E-2</v>
      </c>
      <c r="AM1704" s="9">
        <v>3006.8457472000009</v>
      </c>
      <c r="AN1704" s="13">
        <v>0.16252104124929462</v>
      </c>
      <c r="AO1704" s="9">
        <v>1348.317593300002</v>
      </c>
      <c r="AP1704" s="13">
        <v>6.6881500951120373E-2</v>
      </c>
      <c r="AQ1704" s="9">
        <v>16674.546067399999</v>
      </c>
      <c r="AR1704" s="9">
        <v>17657.6328187</v>
      </c>
      <c r="AS1704" s="9">
        <v>18184.499116300001</v>
      </c>
      <c r="AT1704" s="9">
        <v>18576.696199599999</v>
      </c>
      <c r="AU1704" s="9">
        <v>18886.592701599999</v>
      </c>
      <c r="AV1704" s="9">
        <v>21166.519234899999</v>
      </c>
      <c r="AW1704" s="9">
        <v>20159.798660699998</v>
      </c>
      <c r="AX1704" s="9">
        <v>19739.656911400001</v>
      </c>
      <c r="AY1704" s="9">
        <v>19874.3640385</v>
      </c>
      <c r="AZ1704" s="9">
        <v>18501.2705068</v>
      </c>
      <c r="BA1704" s="9">
        <v>19014.059096500001</v>
      </c>
      <c r="BB1704" s="9">
        <v>19033.2375393</v>
      </c>
      <c r="BC1704" s="9">
        <v>20437.1019868</v>
      </c>
      <c r="BD1704" s="9">
        <v>20781.818376700001</v>
      </c>
      <c r="BE1704" s="9">
        <v>21110.288632100001</v>
      </c>
      <c r="BF1704" s="9">
        <v>21508.116254</v>
      </c>
      <c r="BG1704" s="11">
        <v>-1.75</v>
      </c>
      <c r="BH1704" s="13">
        <v>-4.4871794871794872E-2</v>
      </c>
      <c r="BI1704" s="6">
        <v>12</v>
      </c>
      <c r="BJ1704" s="13">
        <v>0.30769230769230771</v>
      </c>
      <c r="BK1704" s="6">
        <v>26</v>
      </c>
      <c r="BL1704" s="13">
        <v>0.50980392156862742</v>
      </c>
      <c r="BM1704" s="11">
        <v>-39.75</v>
      </c>
      <c r="BN1704" s="13">
        <v>-0.51623376623376627</v>
      </c>
      <c r="BO1704" s="11">
        <v>-13.75</v>
      </c>
      <c r="BP1704" s="13">
        <v>-0.26960784313725489</v>
      </c>
      <c r="BQ1704" s="6">
        <v>39</v>
      </c>
      <c r="BR1704" s="6">
        <v>41</v>
      </c>
      <c r="BS1704" s="6">
        <v>41</v>
      </c>
      <c r="BT1704" s="6">
        <v>51</v>
      </c>
      <c r="BU1704" s="6">
        <v>58</v>
      </c>
      <c r="BV1704" s="6">
        <v>62</v>
      </c>
      <c r="BW1704" s="6">
        <v>77</v>
      </c>
      <c r="BX1704" s="6">
        <v>88</v>
      </c>
      <c r="BY1704" s="6">
        <v>93</v>
      </c>
      <c r="BZ1704" s="6">
        <v>39</v>
      </c>
      <c r="CA1704" s="6">
        <v>39</v>
      </c>
      <c r="CB1704" s="6">
        <v>38</v>
      </c>
      <c r="CC1704" s="11">
        <v>37.25</v>
      </c>
      <c r="CD1704" s="11">
        <v>-77.8309</v>
      </c>
      <c r="CE1704" s="11">
        <v>-5.3692799999999998</v>
      </c>
      <c r="CF1704" s="11">
        <v>63.733699999999999</v>
      </c>
      <c r="CG1704" s="11">
        <v>59</v>
      </c>
      <c r="CH1704" s="20">
        <v>1.2483</v>
      </c>
      <c r="CI1704" s="20">
        <v>1.20556</v>
      </c>
      <c r="CJ1704" s="20">
        <v>1.1638299999999999</v>
      </c>
      <c r="CK1704" s="20">
        <v>1.1130899999999999</v>
      </c>
      <c r="CL1704" s="20">
        <v>1.1092299999999999</v>
      </c>
      <c r="CM1704" s="20">
        <v>1.00048</v>
      </c>
      <c r="CN1704" s="20">
        <v>1.1102099999999999</v>
      </c>
      <c r="CO1704" s="20">
        <v>1.1414899999999999</v>
      </c>
      <c r="CP1704" s="20">
        <v>1.05742</v>
      </c>
      <c r="CQ1704" s="20">
        <v>1.0983700000000001</v>
      </c>
      <c r="CR1704" s="20">
        <v>1.1180300000000001</v>
      </c>
      <c r="CS1704" s="20">
        <v>1.12643</v>
      </c>
      <c r="CT1704" s="20">
        <v>1.0321899999999999</v>
      </c>
      <c r="CU1704" s="20">
        <v>1.0735699999999999</v>
      </c>
      <c r="CV1704" s="20">
        <v>1.07158</v>
      </c>
      <c r="CW1704" s="20">
        <v>1.0789</v>
      </c>
      <c r="CX1704" s="20">
        <v>1.07396</v>
      </c>
      <c r="CY1704" s="6" t="s">
        <v>635</v>
      </c>
      <c r="CZ1704" s="6" t="s">
        <v>636</v>
      </c>
      <c r="DA1704" s="6" t="s">
        <v>125</v>
      </c>
      <c r="DB1704" s="6" t="s">
        <v>345</v>
      </c>
      <c r="DC1704" s="6"/>
      <c r="DD1704" s="6"/>
      <c r="DE1704" s="6"/>
      <c r="DF1704" s="6"/>
      <c r="DG1704" s="6"/>
      <c r="DH1704" s="6" t="s">
        <v>333</v>
      </c>
      <c r="DI1704" s="6"/>
      <c r="DJ1704" s="6"/>
      <c r="DK1704" s="6"/>
      <c r="DL1704" s="6">
        <v>6</v>
      </c>
      <c r="DM1704" s="6" t="s">
        <v>396</v>
      </c>
      <c r="DN1704" s="6">
        <v>6</v>
      </c>
      <c r="DO1704" s="6" t="s">
        <v>393</v>
      </c>
      <c r="DP1704" s="6"/>
      <c r="DQ1704" s="6"/>
    </row>
    <row r="1705" spans="1:121" x14ac:dyDescent="0.2">
      <c r="A1705" s="6" t="s">
        <v>327</v>
      </c>
      <c r="B1705" s="6" t="s">
        <v>327</v>
      </c>
      <c r="C1705" s="6" t="s">
        <v>194</v>
      </c>
      <c r="D1705" s="6" t="s">
        <v>125</v>
      </c>
      <c r="E1705" s="6" t="s">
        <v>266</v>
      </c>
      <c r="F1705" s="11">
        <v>233</v>
      </c>
      <c r="G1705" s="13">
        <v>0.20766488413500001</v>
      </c>
      <c r="H1705" s="11">
        <v>143.51819100000012</v>
      </c>
      <c r="I1705" s="13">
        <v>0.12787705880750433</v>
      </c>
      <c r="J1705" s="11">
        <v>17.998930999999857</v>
      </c>
      <c r="K1705" s="13">
        <v>1.4219051795574001E-2</v>
      </c>
      <c r="L1705" s="11">
        <v>71.024852980000105</v>
      </c>
      <c r="M1705" s="13">
        <v>5.5322589898590527E-2</v>
      </c>
      <c r="N1705" s="11">
        <v>89.023783979999962</v>
      </c>
      <c r="O1705" s="13">
        <v>7.0328276465397882E-2</v>
      </c>
      <c r="P1705" s="7">
        <v>1122.313825</v>
      </c>
      <c r="Q1705" s="7">
        <v>1186.850426</v>
      </c>
      <c r="R1705" s="7">
        <v>1196.508417</v>
      </c>
      <c r="S1705" s="7">
        <v>1219.097767</v>
      </c>
      <c r="T1705" s="7">
        <v>1250.0640550000001</v>
      </c>
      <c r="U1705" s="7">
        <v>1270.8205680000001</v>
      </c>
      <c r="V1705" s="7">
        <v>1265.8320160000001</v>
      </c>
      <c r="W1705" s="7">
        <v>1286.418034</v>
      </c>
      <c r="X1705" s="7">
        <v>1287.5759459999999</v>
      </c>
      <c r="Y1705" s="7">
        <v>1283.8309469999999</v>
      </c>
      <c r="Z1705" s="7">
        <v>1291.076464</v>
      </c>
      <c r="AA1705" s="7">
        <v>1278.5213180000001</v>
      </c>
      <c r="AB1705" s="7">
        <v>1269.001786</v>
      </c>
      <c r="AC1705" s="7">
        <v>1314.368152</v>
      </c>
      <c r="AD1705" s="7">
        <v>1321.7108490000001</v>
      </c>
      <c r="AE1705" s="7">
        <v>1340.3801907500001</v>
      </c>
      <c r="AF1705" s="7">
        <v>1354.85579998</v>
      </c>
      <c r="AG1705" s="9">
        <v>16471.262223599999</v>
      </c>
      <c r="AH1705" s="13">
        <v>0.52960721456395388</v>
      </c>
      <c r="AI1705" s="9">
        <v>6160.2559318999956</v>
      </c>
      <c r="AJ1705" s="13">
        <v>0.1980732223678707</v>
      </c>
      <c r="AK1705" s="9">
        <v>5394.3799423000019</v>
      </c>
      <c r="AL1705" s="13">
        <v>0.14477220253151654</v>
      </c>
      <c r="AM1705" s="9">
        <v>4916.6263494000013</v>
      </c>
      <c r="AN1705" s="13">
        <v>0.11526349362543573</v>
      </c>
      <c r="AO1705" s="9">
        <v>10311.006291700003</v>
      </c>
      <c r="AP1705" s="13">
        <v>0.27672264600058399</v>
      </c>
      <c r="AQ1705" s="9">
        <v>31100.902273700001</v>
      </c>
      <c r="AR1705" s="9">
        <v>31644.764482999999</v>
      </c>
      <c r="AS1705" s="9">
        <v>32638.782045399999</v>
      </c>
      <c r="AT1705" s="9">
        <v>34207.720590700003</v>
      </c>
      <c r="AU1705" s="9">
        <v>34829.103254100002</v>
      </c>
      <c r="AV1705" s="9">
        <v>35735.202208100003</v>
      </c>
      <c r="AW1705" s="9">
        <v>37261.158205599997</v>
      </c>
      <c r="AX1705" s="9">
        <v>38080.339311800002</v>
      </c>
      <c r="AY1705" s="9">
        <v>40044.654983599998</v>
      </c>
      <c r="AZ1705" s="9">
        <v>42655.538147899999</v>
      </c>
      <c r="BA1705" s="9">
        <v>43308.250331800002</v>
      </c>
      <c r="BB1705" s="9">
        <v>44671.329852900002</v>
      </c>
      <c r="BC1705" s="9">
        <v>45818.0587314</v>
      </c>
      <c r="BD1705" s="9">
        <v>45387.053053199998</v>
      </c>
      <c r="BE1705" s="9">
        <v>46936.953726899999</v>
      </c>
      <c r="BF1705" s="9">
        <v>47572.1644973</v>
      </c>
      <c r="BG1705" s="11">
        <v>-0.25</v>
      </c>
      <c r="BH1705" s="13">
        <v>-5.681818181818182E-3</v>
      </c>
      <c r="BI1705" s="6">
        <v>1</v>
      </c>
      <c r="BJ1705" s="13">
        <v>2.2727272727272728E-2</v>
      </c>
      <c r="BK1705" s="6">
        <v>1</v>
      </c>
      <c r="BL1705" s="13">
        <v>2.2222222222222223E-2</v>
      </c>
      <c r="BM1705" s="11">
        <v>-2.25</v>
      </c>
      <c r="BN1705" s="13">
        <v>-4.8913043478260872E-2</v>
      </c>
      <c r="BO1705" s="11">
        <v>-1.25</v>
      </c>
      <c r="BP1705" s="13">
        <v>-2.7777777777777776E-2</v>
      </c>
      <c r="BQ1705" s="6">
        <v>44</v>
      </c>
      <c r="BR1705" s="6">
        <v>44</v>
      </c>
      <c r="BS1705" s="6">
        <v>45</v>
      </c>
      <c r="BT1705" s="6">
        <v>45</v>
      </c>
      <c r="BU1705" s="6">
        <v>45</v>
      </c>
      <c r="BV1705" s="6">
        <v>46</v>
      </c>
      <c r="BW1705" s="6">
        <v>46</v>
      </c>
      <c r="BX1705" s="6">
        <v>45</v>
      </c>
      <c r="BY1705" s="6">
        <v>42</v>
      </c>
      <c r="BZ1705" s="6">
        <v>43</v>
      </c>
      <c r="CA1705" s="6">
        <v>43</v>
      </c>
      <c r="CB1705" s="6">
        <v>43</v>
      </c>
      <c r="CC1705" s="11">
        <v>43.75</v>
      </c>
      <c r="CD1705" s="11">
        <v>175.655</v>
      </c>
      <c r="CE1705" s="11">
        <v>-65.795199999999994</v>
      </c>
      <c r="CF1705" s="11">
        <v>122.682</v>
      </c>
      <c r="CG1705" s="11">
        <v>57</v>
      </c>
      <c r="CH1705" s="20">
        <v>0.72336699999999998</v>
      </c>
      <c r="CI1705" s="20">
        <v>0.76938499999999999</v>
      </c>
      <c r="CJ1705" s="20">
        <v>0.745645</v>
      </c>
      <c r="CK1705" s="20">
        <v>0.74193699999999996</v>
      </c>
      <c r="CL1705" s="20">
        <v>0.77007300000000001</v>
      </c>
      <c r="CM1705" s="20">
        <v>0.78397300000000003</v>
      </c>
      <c r="CN1705" s="20">
        <v>0.78871000000000002</v>
      </c>
      <c r="CO1705" s="20">
        <v>0.79446099999999997</v>
      </c>
      <c r="CP1705" s="20">
        <v>0.77256800000000003</v>
      </c>
      <c r="CQ1705" s="20">
        <v>0.733406</v>
      </c>
      <c r="CR1705" s="20">
        <v>0.74908200000000003</v>
      </c>
      <c r="CS1705" s="20">
        <v>0.73874099999999998</v>
      </c>
      <c r="CT1705" s="20">
        <v>0.74633799999999995</v>
      </c>
      <c r="CU1705" s="20">
        <v>0.77720900000000004</v>
      </c>
      <c r="CV1705" s="20">
        <v>0.79353700000000005</v>
      </c>
      <c r="CW1705" s="20">
        <v>0.81138500000000002</v>
      </c>
      <c r="CX1705" s="20">
        <v>0.81379800000000002</v>
      </c>
      <c r="CY1705" s="6" t="s">
        <v>635</v>
      </c>
      <c r="CZ1705" s="6" t="s">
        <v>636</v>
      </c>
      <c r="DA1705" s="6" t="s">
        <v>125</v>
      </c>
      <c r="DB1705" s="6" t="s">
        <v>345</v>
      </c>
      <c r="DC1705" s="6"/>
      <c r="DD1705" s="6"/>
      <c r="DE1705" s="6"/>
      <c r="DF1705" s="6"/>
      <c r="DG1705" s="6"/>
      <c r="DH1705" s="6" t="s">
        <v>333</v>
      </c>
      <c r="DI1705" s="6"/>
      <c r="DJ1705" s="6"/>
      <c r="DK1705" s="6"/>
      <c r="DL1705" s="6">
        <v>6</v>
      </c>
      <c r="DM1705" s="6" t="s">
        <v>396</v>
      </c>
      <c r="DN1705" s="6">
        <v>6</v>
      </c>
      <c r="DO1705" s="6" t="s">
        <v>393</v>
      </c>
      <c r="DP1705" s="6"/>
      <c r="DQ1705" s="6"/>
    </row>
    <row r="1706" spans="1:121" x14ac:dyDescent="0.2">
      <c r="A1706" s="6" t="s">
        <v>1</v>
      </c>
      <c r="B1706" s="6" t="s">
        <v>1</v>
      </c>
      <c r="C1706" s="6" t="s">
        <v>2</v>
      </c>
      <c r="D1706" s="6" t="s">
        <v>80</v>
      </c>
      <c r="E1706" s="6" t="s">
        <v>221</v>
      </c>
      <c r="F1706" s="11">
        <v>68</v>
      </c>
      <c r="G1706" s="13">
        <v>0.31924882629099999</v>
      </c>
      <c r="H1706" s="11">
        <v>-20.440932735000018</v>
      </c>
      <c r="I1706" s="13">
        <v>-9.611038087383178E-2</v>
      </c>
      <c r="J1706" s="11">
        <v>-19.97020393599999</v>
      </c>
      <c r="K1706" s="13">
        <v>-0.1038811360463041</v>
      </c>
      <c r="L1706" s="11">
        <v>108.72729299599999</v>
      </c>
      <c r="M1706" s="13">
        <v>0.6311420939215221</v>
      </c>
      <c r="N1706" s="11">
        <v>88.757089059999998</v>
      </c>
      <c r="O1706" s="13">
        <v>0.46169720015200721</v>
      </c>
      <c r="P1706" s="7">
        <v>212.68184091200001</v>
      </c>
      <c r="Q1706" s="7">
        <v>194.01790222100001</v>
      </c>
      <c r="R1706" s="7">
        <v>184.58729172899999</v>
      </c>
      <c r="S1706" s="7">
        <v>179.79958962399999</v>
      </c>
      <c r="T1706" s="7">
        <v>189.57348438899999</v>
      </c>
      <c r="U1706" s="7">
        <v>198.78150088199999</v>
      </c>
      <c r="V1706" s="7">
        <v>192.24090817699999</v>
      </c>
      <c r="W1706" s="7">
        <v>163.98505297400001</v>
      </c>
      <c r="X1706" s="7">
        <v>154.885149246</v>
      </c>
      <c r="Y1706" s="7">
        <v>172.270704241</v>
      </c>
      <c r="Z1706" s="7">
        <v>207.85402719199999</v>
      </c>
      <c r="AA1706" s="7">
        <v>202.40547203400001</v>
      </c>
      <c r="AB1706" s="7">
        <v>220.126552527</v>
      </c>
      <c r="AC1706" s="7">
        <v>240.47615292899999</v>
      </c>
      <c r="AD1706" s="7">
        <v>261.643603369</v>
      </c>
      <c r="AE1706" s="7">
        <v>269.07593154</v>
      </c>
      <c r="AF1706" s="7">
        <v>280.99799723699999</v>
      </c>
      <c r="AG1706" s="9">
        <v>7691.805115799998</v>
      </c>
      <c r="AH1706" s="13">
        <v>0.35566565016652041</v>
      </c>
      <c r="AI1706" s="9">
        <v>1684.8202335999995</v>
      </c>
      <c r="AJ1706" s="13">
        <v>7.790533883472274E-2</v>
      </c>
      <c r="AK1706" s="9">
        <v>5015.5834374999977</v>
      </c>
      <c r="AL1706" s="13">
        <v>0.21515650843487472</v>
      </c>
      <c r="AM1706" s="9">
        <v>991.40144470000087</v>
      </c>
      <c r="AN1706" s="13">
        <v>3.49985747136283E-2</v>
      </c>
      <c r="AO1706" s="9">
        <v>6006.9848821999985</v>
      </c>
      <c r="AP1706" s="13">
        <v>0.2576852542840844</v>
      </c>
      <c r="AQ1706" s="9">
        <v>21626.505433400001</v>
      </c>
      <c r="AR1706" s="9">
        <v>22299.090343100001</v>
      </c>
      <c r="AS1706" s="9">
        <v>22669.608486000001</v>
      </c>
      <c r="AT1706" s="9">
        <v>23309.8926526</v>
      </c>
      <c r="AU1706" s="9">
        <v>23058.393980600002</v>
      </c>
      <c r="AV1706" s="9">
        <v>23426.181816</v>
      </c>
      <c r="AW1706" s="9">
        <v>23311.325667000001</v>
      </c>
      <c r="AX1706" s="9">
        <v>25133.176521000001</v>
      </c>
      <c r="AY1706" s="9">
        <v>26584.90681</v>
      </c>
      <c r="AZ1706" s="9">
        <v>28326.909104499999</v>
      </c>
      <c r="BA1706" s="9">
        <v>28267.501642300002</v>
      </c>
      <c r="BB1706" s="9">
        <v>29665.810041500001</v>
      </c>
      <c r="BC1706" s="9">
        <v>29747.099217200001</v>
      </c>
      <c r="BD1706" s="9">
        <v>31195.091247100001</v>
      </c>
      <c r="BE1706" s="9">
        <v>28722.695332399999</v>
      </c>
      <c r="BF1706" s="9">
        <v>29318.3105492</v>
      </c>
      <c r="BG1706" s="11">
        <v>3.5</v>
      </c>
      <c r="BH1706" s="13">
        <v>0.4375</v>
      </c>
      <c r="BI1706" s="6">
        <v>2</v>
      </c>
      <c r="BJ1706" s="13">
        <v>0.25</v>
      </c>
      <c r="BK1706" s="6">
        <v>2</v>
      </c>
      <c r="BL1706" s="13">
        <v>0.2</v>
      </c>
      <c r="BM1706" s="11">
        <v>-0.5</v>
      </c>
      <c r="BN1706" s="13">
        <v>-4.1666666666666664E-2</v>
      </c>
      <c r="BO1706" s="11">
        <v>1.5</v>
      </c>
      <c r="BP1706" s="13">
        <v>0.15</v>
      </c>
      <c r="BQ1706" s="6">
        <v>8</v>
      </c>
      <c r="BR1706" s="6">
        <v>9</v>
      </c>
      <c r="BS1706" s="6">
        <v>10</v>
      </c>
      <c r="BT1706" s="6">
        <v>10</v>
      </c>
      <c r="BU1706" s="6">
        <v>11</v>
      </c>
      <c r="BV1706" s="6">
        <v>10</v>
      </c>
      <c r="BW1706" s="6">
        <v>12</v>
      </c>
      <c r="BX1706" s="6">
        <v>12</v>
      </c>
      <c r="BY1706" s="6">
        <v>12</v>
      </c>
      <c r="BZ1706" s="6">
        <v>10</v>
      </c>
      <c r="CA1706" s="6">
        <v>12</v>
      </c>
      <c r="CB1706" s="6">
        <v>12</v>
      </c>
      <c r="CC1706" s="11">
        <v>11.5</v>
      </c>
      <c r="CD1706" s="11">
        <v>64.458500000000001</v>
      </c>
      <c r="CE1706" s="11">
        <v>-19.390999999999998</v>
      </c>
      <c r="CF1706" s="11">
        <v>23.248699999999999</v>
      </c>
      <c r="CG1706" s="11">
        <v>4</v>
      </c>
      <c r="CH1706" s="20">
        <v>0.75465800000000005</v>
      </c>
      <c r="CI1706" s="20">
        <v>0.70626999999999995</v>
      </c>
      <c r="CJ1706" s="20">
        <v>0.67062500000000003</v>
      </c>
      <c r="CK1706" s="20">
        <v>0.65618500000000002</v>
      </c>
      <c r="CL1706" s="20">
        <v>0.68842400000000004</v>
      </c>
      <c r="CM1706" s="20">
        <v>0.73183299999999996</v>
      </c>
      <c r="CN1706" s="20">
        <v>0.70755100000000004</v>
      </c>
      <c r="CO1706" s="20">
        <v>0.62462499999999999</v>
      </c>
      <c r="CP1706" s="20">
        <v>0.60155999999999998</v>
      </c>
      <c r="CQ1706" s="20">
        <v>0.66625100000000004</v>
      </c>
      <c r="CR1706" s="20">
        <v>0.80050399999999999</v>
      </c>
      <c r="CS1706" s="20">
        <v>0.77487700000000004</v>
      </c>
      <c r="CT1706" s="20">
        <v>0.84313300000000002</v>
      </c>
      <c r="CU1706" s="20">
        <v>0.90136799999999995</v>
      </c>
      <c r="CV1706" s="20">
        <v>0.97406899999999996</v>
      </c>
      <c r="CW1706" s="20">
        <v>1.0179100000000001</v>
      </c>
      <c r="CX1706" s="20">
        <v>1.05884</v>
      </c>
      <c r="CY1706" s="6" t="s">
        <v>637</v>
      </c>
      <c r="CZ1706" s="6" t="s">
        <v>638</v>
      </c>
      <c r="DA1706" s="6" t="s">
        <v>80</v>
      </c>
      <c r="DB1706" s="6"/>
      <c r="DC1706" s="6">
        <v>42740</v>
      </c>
      <c r="DD1706" s="6"/>
      <c r="DE1706" s="6" t="s">
        <v>640</v>
      </c>
      <c r="DF1706" s="6" t="s">
        <v>363</v>
      </c>
      <c r="DG1706" s="6" t="s">
        <v>364</v>
      </c>
      <c r="DH1706" s="6" t="s">
        <v>365</v>
      </c>
      <c r="DI1706" s="6"/>
      <c r="DJ1706" s="6">
        <v>29</v>
      </c>
      <c r="DK1706" s="6">
        <v>159</v>
      </c>
      <c r="DL1706" s="6">
        <v>3</v>
      </c>
      <c r="DM1706" s="6" t="s">
        <v>556</v>
      </c>
      <c r="DN1706" s="6">
        <v>4</v>
      </c>
      <c r="DO1706" s="6" t="s">
        <v>557</v>
      </c>
      <c r="DP1706" s="6"/>
      <c r="DQ1706" s="6"/>
    </row>
    <row r="1707" spans="1:121" x14ac:dyDescent="0.2">
      <c r="A1707" s="6" t="s">
        <v>310</v>
      </c>
      <c r="B1707" s="6" t="s">
        <v>310</v>
      </c>
      <c r="C1707" s="6" t="s">
        <v>173</v>
      </c>
      <c r="D1707" s="6" t="s">
        <v>80</v>
      </c>
      <c r="E1707" s="6" t="s">
        <v>221</v>
      </c>
      <c r="F1707" s="11">
        <v>-5</v>
      </c>
      <c r="G1707" s="13">
        <v>-0.13157894736799999</v>
      </c>
      <c r="H1707" s="11">
        <v>-2.2877765733000004</v>
      </c>
      <c r="I1707" s="13">
        <v>-6.0308051167732461E-2</v>
      </c>
      <c r="J1707" s="11">
        <v>-7.6701634267000038</v>
      </c>
      <c r="K1707" s="13">
        <v>-0.21516954311325576</v>
      </c>
      <c r="L1707" s="11">
        <v>4.5504128922000042</v>
      </c>
      <c r="M1707" s="13">
        <v>0.1626489024500746</v>
      </c>
      <c r="N1707" s="11">
        <v>-3.1197505344999996</v>
      </c>
      <c r="O1707" s="13">
        <v>-8.7517730691236195E-2</v>
      </c>
      <c r="P1707" s="7">
        <v>37.934845000000003</v>
      </c>
      <c r="Q1707" s="7">
        <v>31.115344</v>
      </c>
      <c r="R1707" s="7">
        <v>27.928571000000002</v>
      </c>
      <c r="S1707" s="7">
        <v>27.853414000000001</v>
      </c>
      <c r="T1707" s="7">
        <v>33.950443999999997</v>
      </c>
      <c r="U1707" s="7">
        <v>37.096898390600003</v>
      </c>
      <c r="V1707" s="7">
        <v>35.647068426700002</v>
      </c>
      <c r="W1707" s="7">
        <v>34.553612999999999</v>
      </c>
      <c r="X1707" s="7">
        <v>33.161079648200001</v>
      </c>
      <c r="Y1707" s="7">
        <v>27.976904999999999</v>
      </c>
      <c r="Z1707" s="7">
        <v>27.596112249200001</v>
      </c>
      <c r="AA1707" s="7">
        <v>29.584931344699999</v>
      </c>
      <c r="AB1707" s="7">
        <v>23.469944999999999</v>
      </c>
      <c r="AC1707" s="7">
        <v>26.028479000000001</v>
      </c>
      <c r="AD1707" s="7">
        <v>30.531554</v>
      </c>
      <c r="AE1707" s="7">
        <v>32.694789</v>
      </c>
      <c r="AF1707" s="7">
        <v>32.527317892200003</v>
      </c>
      <c r="AG1707" s="9">
        <v>23041.5517483</v>
      </c>
      <c r="AH1707" s="13">
        <v>0.5637648930451673</v>
      </c>
      <c r="AI1707" s="9">
        <v>11655.104951400004</v>
      </c>
      <c r="AJ1707" s="13">
        <v>0.28516911830128849</v>
      </c>
      <c r="AK1707" s="9">
        <v>16553.817314799999</v>
      </c>
      <c r="AL1707" s="13">
        <v>0.31515498508508927</v>
      </c>
      <c r="AM1707" s="9">
        <v>-5167.3705179000026</v>
      </c>
      <c r="AN1707" s="13">
        <v>-7.4802943997717711E-2</v>
      </c>
      <c r="AO1707" s="9">
        <v>11386.446796899996</v>
      </c>
      <c r="AP1707" s="13">
        <v>0.2167775203874501</v>
      </c>
      <c r="AQ1707" s="9">
        <v>40870.852428999999</v>
      </c>
      <c r="AR1707" s="9">
        <v>40091.294825800003</v>
      </c>
      <c r="AS1707" s="9">
        <v>44954.012792100002</v>
      </c>
      <c r="AT1707" s="9">
        <v>52758.725025699998</v>
      </c>
      <c r="AU1707" s="9">
        <v>49815.727524599999</v>
      </c>
      <c r="AV1707" s="9">
        <v>55591.827247300003</v>
      </c>
      <c r="AW1707" s="9">
        <v>52525.957380400003</v>
      </c>
      <c r="AX1707" s="9">
        <v>54194.116307700002</v>
      </c>
      <c r="AY1707" s="9">
        <v>58195.273426899999</v>
      </c>
      <c r="AZ1707" s="9">
        <v>69079.774695200002</v>
      </c>
      <c r="BA1707" s="9">
        <v>69754.303334199998</v>
      </c>
      <c r="BB1707" s="9">
        <v>63342.000060899998</v>
      </c>
      <c r="BC1707" s="9">
        <v>50705.325490399999</v>
      </c>
      <c r="BD1707" s="9">
        <v>47674.868600399997</v>
      </c>
      <c r="BE1707" s="9">
        <v>65628.970436899996</v>
      </c>
      <c r="BF1707" s="9">
        <v>63912.404177299999</v>
      </c>
      <c r="BG1707" s="11">
        <v>-1</v>
      </c>
      <c r="BH1707" s="13">
        <v>-0.33333333333333331</v>
      </c>
      <c r="BI1707" s="6">
        <v>0</v>
      </c>
      <c r="BJ1707" s="13">
        <v>0</v>
      </c>
      <c r="BK1707" s="6">
        <v>0</v>
      </c>
      <c r="BL1707" s="13">
        <v>0</v>
      </c>
      <c r="BM1707" s="11">
        <v>-1</v>
      </c>
      <c r="BN1707" s="13">
        <v>-0.33333333333333331</v>
      </c>
      <c r="BO1707" s="11">
        <v>-1</v>
      </c>
      <c r="BP1707" s="13">
        <v>-0.33333333333333331</v>
      </c>
      <c r="BQ1707" s="6">
        <v>3</v>
      </c>
      <c r="BR1707" s="6">
        <v>3</v>
      </c>
      <c r="BS1707" s="6">
        <v>3</v>
      </c>
      <c r="BT1707" s="6">
        <v>3</v>
      </c>
      <c r="BU1707" s="6">
        <v>3</v>
      </c>
      <c r="BV1707" s="6">
        <v>3</v>
      </c>
      <c r="BW1707" s="6">
        <v>3</v>
      </c>
      <c r="BX1707" s="6">
        <v>3</v>
      </c>
      <c r="BY1707" s="6">
        <v>3</v>
      </c>
      <c r="BZ1707" s="6">
        <v>2</v>
      </c>
      <c r="CA1707" s="6">
        <v>2</v>
      </c>
      <c r="CB1707" s="6">
        <v>2</v>
      </c>
      <c r="CC1707" s="11">
        <v>2</v>
      </c>
      <c r="CD1707" s="11">
        <v>-13.4899</v>
      </c>
      <c r="CE1707" s="11">
        <v>3.9356599999999999</v>
      </c>
      <c r="CF1707" s="11">
        <v>4.1467400000000003</v>
      </c>
      <c r="CG1707" s="11">
        <v>8</v>
      </c>
      <c r="CH1707" s="20">
        <v>0.47442200000000001</v>
      </c>
      <c r="CI1707" s="20">
        <v>0.417016</v>
      </c>
      <c r="CJ1707" s="20">
        <v>0.37886599999999998</v>
      </c>
      <c r="CK1707" s="20">
        <v>0.36726199999999998</v>
      </c>
      <c r="CL1707" s="20">
        <v>0.41558499999999998</v>
      </c>
      <c r="CM1707" s="20">
        <v>0.417908</v>
      </c>
      <c r="CN1707" s="20">
        <v>0.37254199999999998</v>
      </c>
      <c r="CO1707" s="20">
        <v>0.33718599999999999</v>
      </c>
      <c r="CP1707" s="20">
        <v>0.36246400000000001</v>
      </c>
      <c r="CQ1707" s="20">
        <v>0.29860500000000001</v>
      </c>
      <c r="CR1707" s="20">
        <v>0.26403900000000002</v>
      </c>
      <c r="CS1707" s="20">
        <v>0.26112200000000002</v>
      </c>
      <c r="CT1707" s="20">
        <v>0.20568400000000001</v>
      </c>
      <c r="CU1707" s="20">
        <v>0.21906500000000001</v>
      </c>
      <c r="CV1707" s="20">
        <v>0.28848299999999999</v>
      </c>
      <c r="CW1707" s="20">
        <v>0.36950100000000002</v>
      </c>
      <c r="CX1707" s="20">
        <v>0.36258400000000002</v>
      </c>
      <c r="CY1707" s="6" t="s">
        <v>637</v>
      </c>
      <c r="CZ1707" s="6" t="s">
        <v>638</v>
      </c>
      <c r="DA1707" s="6" t="s">
        <v>80</v>
      </c>
      <c r="DB1707" s="6"/>
      <c r="DC1707" s="6">
        <v>42740</v>
      </c>
      <c r="DD1707" s="6"/>
      <c r="DE1707" s="6" t="s">
        <v>640</v>
      </c>
      <c r="DF1707" s="6" t="s">
        <v>363</v>
      </c>
      <c r="DG1707" s="6" t="s">
        <v>364</v>
      </c>
      <c r="DH1707" s="6" t="s">
        <v>365</v>
      </c>
      <c r="DI1707" s="6"/>
      <c r="DJ1707" s="6">
        <v>29</v>
      </c>
      <c r="DK1707" s="6">
        <v>159</v>
      </c>
      <c r="DL1707" s="6">
        <v>3</v>
      </c>
      <c r="DM1707" s="6" t="s">
        <v>556</v>
      </c>
      <c r="DN1707" s="6">
        <v>4</v>
      </c>
      <c r="DO1707" s="6" t="s">
        <v>557</v>
      </c>
      <c r="DP1707" s="6"/>
      <c r="DQ1707" s="6"/>
    </row>
    <row r="1708" spans="1:121" x14ac:dyDescent="0.2">
      <c r="A1708" s="6" t="s">
        <v>311</v>
      </c>
      <c r="B1708" s="6" t="s">
        <v>311</v>
      </c>
      <c r="C1708" s="6" t="s">
        <v>174</v>
      </c>
      <c r="D1708" s="6" t="s">
        <v>80</v>
      </c>
      <c r="E1708" s="6" t="s">
        <v>221</v>
      </c>
      <c r="F1708" s="11">
        <v>24</v>
      </c>
      <c r="G1708" s="13">
        <v>0.52173913043499998</v>
      </c>
      <c r="H1708" s="11">
        <v>0.47953700000000055</v>
      </c>
      <c r="I1708" s="13">
        <v>1.0438481209549664E-2</v>
      </c>
      <c r="J1708" s="11">
        <v>15.585968999999999</v>
      </c>
      <c r="K1708" s="13">
        <v>0.33576785981687662</v>
      </c>
      <c r="L1708" s="11">
        <v>8.2524600896999942</v>
      </c>
      <c r="M1708" s="13">
        <v>0.13309377933359143</v>
      </c>
      <c r="N1708" s="11">
        <v>23.838429089699993</v>
      </c>
      <c r="O1708" s="13">
        <v>0.51355025259224774</v>
      </c>
      <c r="P1708" s="7">
        <v>45.939346</v>
      </c>
      <c r="Q1708" s="7">
        <v>30.623301000000001</v>
      </c>
      <c r="R1708" s="7">
        <v>43.109509000000003</v>
      </c>
      <c r="S1708" s="7">
        <v>52.012842999999997</v>
      </c>
      <c r="T1708" s="7">
        <v>41.979329999999997</v>
      </c>
      <c r="U1708" s="7">
        <v>44.673476000000001</v>
      </c>
      <c r="V1708" s="7">
        <v>46.418883000000001</v>
      </c>
      <c r="W1708" s="7">
        <v>43.913370999999998</v>
      </c>
      <c r="X1708" s="7">
        <v>64.064715000000007</v>
      </c>
      <c r="Y1708" s="7">
        <v>62.004852</v>
      </c>
      <c r="Z1708" s="7">
        <v>64.857353000000003</v>
      </c>
      <c r="AA1708" s="7">
        <v>68.921008999999998</v>
      </c>
      <c r="AB1708" s="7">
        <v>71.060384999999997</v>
      </c>
      <c r="AC1708" s="7">
        <v>68.026691</v>
      </c>
      <c r="AD1708" s="7">
        <v>70.287329624899996</v>
      </c>
      <c r="AE1708" s="7">
        <v>69.432405787299999</v>
      </c>
      <c r="AF1708" s="7">
        <v>70.257312089699994</v>
      </c>
      <c r="AG1708" s="9">
        <v>25067.803379400008</v>
      </c>
      <c r="AH1708" s="13">
        <v>0.29655762529515117</v>
      </c>
      <c r="AI1708" s="9">
        <v>-15892.745176500001</v>
      </c>
      <c r="AJ1708" s="13">
        <v>-0.18801466955963561</v>
      </c>
      <c r="AK1708" s="9">
        <v>20395.590777800011</v>
      </c>
      <c r="AL1708" s="13">
        <v>0.29715354940163041</v>
      </c>
      <c r="AM1708" s="9">
        <v>20564.957778099997</v>
      </c>
      <c r="AN1708" s="13">
        <v>0.2309835577785351</v>
      </c>
      <c r="AO1708" s="9">
        <v>40960.548555900008</v>
      </c>
      <c r="AP1708" s="13">
        <v>0.59677469122747384</v>
      </c>
      <c r="AQ1708" s="9">
        <v>84529.282814599996</v>
      </c>
      <c r="AR1708" s="9">
        <v>81513.484226800007</v>
      </c>
      <c r="AS1708" s="9">
        <v>137217.126326</v>
      </c>
      <c r="AT1708" s="9">
        <v>55309.019451</v>
      </c>
      <c r="AU1708" s="9">
        <v>124350.80136100001</v>
      </c>
      <c r="AV1708" s="9">
        <v>90733.226851900006</v>
      </c>
      <c r="AW1708" s="9">
        <v>68636.537638099995</v>
      </c>
      <c r="AX1708" s="9">
        <v>119018.969415</v>
      </c>
      <c r="AY1708" s="9">
        <v>82658.774389900005</v>
      </c>
      <c r="AZ1708" s="9">
        <v>89032.128415900006</v>
      </c>
      <c r="BA1708" s="9">
        <v>95167.466439700002</v>
      </c>
      <c r="BB1708" s="9">
        <v>93215.283788200002</v>
      </c>
      <c r="BC1708" s="9">
        <v>100006.86435</v>
      </c>
      <c r="BD1708" s="9">
        <v>101357.4816</v>
      </c>
      <c r="BE1708" s="9">
        <v>106993.380618</v>
      </c>
      <c r="BF1708" s="9">
        <v>109597.086194</v>
      </c>
      <c r="BG1708" s="11">
        <v>3</v>
      </c>
      <c r="BH1708" s="13">
        <v>1.5</v>
      </c>
      <c r="BI1708" s="6">
        <v>1</v>
      </c>
      <c r="BJ1708" s="13">
        <v>0.5</v>
      </c>
      <c r="BK1708" s="6">
        <v>2</v>
      </c>
      <c r="BL1708" s="13">
        <v>0.66666666666666663</v>
      </c>
      <c r="BM1708" s="11">
        <v>0</v>
      </c>
      <c r="BN1708" s="13">
        <v>0</v>
      </c>
      <c r="BO1708" s="11">
        <v>2</v>
      </c>
      <c r="BP1708" s="13">
        <v>0.66666666666666663</v>
      </c>
      <c r="BQ1708" s="6">
        <v>2</v>
      </c>
      <c r="BR1708" s="6">
        <v>2</v>
      </c>
      <c r="BS1708" s="6">
        <v>2</v>
      </c>
      <c r="BT1708" s="6">
        <v>3</v>
      </c>
      <c r="BU1708" s="6">
        <v>3</v>
      </c>
      <c r="BV1708" s="6">
        <v>5</v>
      </c>
      <c r="BW1708" s="6">
        <v>5</v>
      </c>
      <c r="BX1708" s="6">
        <v>5</v>
      </c>
      <c r="BY1708" s="6">
        <v>5</v>
      </c>
      <c r="BZ1708" s="6">
        <v>5</v>
      </c>
      <c r="CA1708" s="6">
        <v>5</v>
      </c>
      <c r="CB1708" s="6">
        <v>5</v>
      </c>
      <c r="CC1708" s="11">
        <v>5</v>
      </c>
      <c r="CD1708" s="11">
        <v>26.777200000000001</v>
      </c>
      <c r="CE1708" s="11">
        <v>-7.4809400000000004</v>
      </c>
      <c r="CF1708" s="11">
        <v>5.0217200000000002</v>
      </c>
      <c r="CG1708" s="11">
        <v>-2</v>
      </c>
      <c r="CH1708" s="20">
        <v>0.52437400000000001</v>
      </c>
      <c r="CI1708" s="20">
        <v>0.35980200000000001</v>
      </c>
      <c r="CJ1708" s="20">
        <v>0.52198900000000004</v>
      </c>
      <c r="CK1708" s="20">
        <v>0.64985499999999996</v>
      </c>
      <c r="CL1708" s="20">
        <v>0.53790099999999996</v>
      </c>
      <c r="CM1708" s="20">
        <v>0.58337000000000006</v>
      </c>
      <c r="CN1708" s="20">
        <v>0.59781799999999996</v>
      </c>
      <c r="CO1708" s="20">
        <v>0.56052900000000005</v>
      </c>
      <c r="CP1708" s="20">
        <v>0.82237000000000005</v>
      </c>
      <c r="CQ1708" s="20">
        <v>0.80088000000000004</v>
      </c>
      <c r="CR1708" s="20">
        <v>0.84137600000000001</v>
      </c>
      <c r="CS1708" s="20">
        <v>0.900447</v>
      </c>
      <c r="CT1708" s="20">
        <v>0.940357</v>
      </c>
      <c r="CU1708" s="20">
        <v>0.88754200000000005</v>
      </c>
      <c r="CV1708" s="20">
        <v>0.91216900000000001</v>
      </c>
      <c r="CW1708" s="20">
        <v>0.91445600000000005</v>
      </c>
      <c r="CX1708" s="20">
        <v>0.91613100000000003</v>
      </c>
      <c r="CY1708" s="6" t="s">
        <v>637</v>
      </c>
      <c r="CZ1708" s="6" t="s">
        <v>638</v>
      </c>
      <c r="DA1708" s="6" t="s">
        <v>80</v>
      </c>
      <c r="DB1708" s="6"/>
      <c r="DC1708" s="6">
        <v>42740</v>
      </c>
      <c r="DD1708" s="6"/>
      <c r="DE1708" s="6" t="s">
        <v>640</v>
      </c>
      <c r="DF1708" s="6" t="s">
        <v>363</v>
      </c>
      <c r="DG1708" s="6" t="s">
        <v>364</v>
      </c>
      <c r="DH1708" s="6" t="s">
        <v>365</v>
      </c>
      <c r="DI1708" s="6"/>
      <c r="DJ1708" s="6">
        <v>29</v>
      </c>
      <c r="DK1708" s="6">
        <v>159</v>
      </c>
      <c r="DL1708" s="6">
        <v>3</v>
      </c>
      <c r="DM1708" s="6" t="s">
        <v>556</v>
      </c>
      <c r="DN1708" s="6">
        <v>4</v>
      </c>
      <c r="DO1708" s="6" t="s">
        <v>557</v>
      </c>
      <c r="DP1708" s="6"/>
      <c r="DQ1708" s="6"/>
    </row>
    <row r="1709" spans="1:121" x14ac:dyDescent="0.2">
      <c r="A1709" s="6" t="s">
        <v>312</v>
      </c>
      <c r="B1709" s="6" t="s">
        <v>312</v>
      </c>
      <c r="C1709" s="6" t="s">
        <v>175</v>
      </c>
      <c r="D1709" s="6" t="s">
        <v>80</v>
      </c>
      <c r="E1709" s="6" t="s">
        <v>221</v>
      </c>
      <c r="F1709" s="11">
        <v>-307</v>
      </c>
      <c r="G1709" s="13">
        <v>-0.26835664335699999</v>
      </c>
      <c r="H1709" s="11">
        <v>102.43167717999995</v>
      </c>
      <c r="I1709" s="13">
        <v>8.9552843400326265E-2</v>
      </c>
      <c r="J1709" s="11">
        <v>-318.44902024699991</v>
      </c>
      <c r="K1709" s="13">
        <v>-0.25552695200887482</v>
      </c>
      <c r="L1709" s="11">
        <v>-91.122305967999978</v>
      </c>
      <c r="M1709" s="13">
        <v>-9.8213801075600363E-2</v>
      </c>
      <c r="N1709" s="11">
        <v>-409.57132621499989</v>
      </c>
      <c r="O1709" s="13">
        <v>-0.32864447985042111</v>
      </c>
      <c r="P1709" s="7">
        <v>1143.81267295</v>
      </c>
      <c r="Q1709" s="7">
        <v>1112.7110393099999</v>
      </c>
      <c r="R1709" s="7">
        <v>1119.4473213199999</v>
      </c>
      <c r="S1709" s="7">
        <v>1047.3334829600001</v>
      </c>
      <c r="T1709" s="7">
        <v>1143.2725710499999</v>
      </c>
      <c r="U1709" s="7">
        <v>1234.0786782</v>
      </c>
      <c r="V1709" s="7">
        <v>1246.2443501299999</v>
      </c>
      <c r="W1709" s="7">
        <v>1135.0443814499999</v>
      </c>
      <c r="X1709" s="7">
        <v>1022.39234875</v>
      </c>
      <c r="Y1709" s="7">
        <v>927.79532988300002</v>
      </c>
      <c r="Z1709" s="7">
        <v>912.44597082899998</v>
      </c>
      <c r="AA1709" s="7">
        <v>888.41127938800003</v>
      </c>
      <c r="AB1709" s="7">
        <v>891.95496858199999</v>
      </c>
      <c r="AC1709" s="7">
        <v>869.50905109200005</v>
      </c>
      <c r="AD1709" s="7">
        <v>868.67832808900005</v>
      </c>
      <c r="AE1709" s="7">
        <v>850.18936699599999</v>
      </c>
      <c r="AF1709" s="7">
        <v>836.67302391500004</v>
      </c>
      <c r="AG1709" s="9">
        <v>5225.1909369999994</v>
      </c>
      <c r="AH1709" s="13">
        <v>0.15089384293157035</v>
      </c>
      <c r="AI1709" s="9">
        <v>1026.1641015999994</v>
      </c>
      <c r="AJ1709" s="13">
        <v>2.9633719922538847E-2</v>
      </c>
      <c r="AK1709" s="9">
        <v>4477.7110294000013</v>
      </c>
      <c r="AL1709" s="13">
        <v>0.12558641409264815</v>
      </c>
      <c r="AM1709" s="9">
        <v>-278.6841940000013</v>
      </c>
      <c r="AN1709" s="13">
        <v>-6.9441659748251325E-3</v>
      </c>
      <c r="AO1709" s="9">
        <v>4199.0268354</v>
      </c>
      <c r="AP1709" s="13">
        <v>0.11777015521418056</v>
      </c>
      <c r="AQ1709" s="9">
        <v>34628.258088499999</v>
      </c>
      <c r="AR1709" s="9">
        <v>34306.251930300001</v>
      </c>
      <c r="AS1709" s="9">
        <v>33811.311773599999</v>
      </c>
      <c r="AT1709" s="9">
        <v>34674.775700300001</v>
      </c>
      <c r="AU1709" s="9">
        <v>35118.729084500003</v>
      </c>
      <c r="AV1709" s="9">
        <v>35684.568324699998</v>
      </c>
      <c r="AW1709" s="9">
        <v>35654.422190099998</v>
      </c>
      <c r="AX1709" s="9">
        <v>36972.485849199998</v>
      </c>
      <c r="AY1709" s="9">
        <v>37029.806247200002</v>
      </c>
      <c r="AZ1709" s="9">
        <v>40132.1332195</v>
      </c>
      <c r="BA1709" s="9">
        <v>40419.837949599998</v>
      </c>
      <c r="BB1709" s="9">
        <v>40077.5167286</v>
      </c>
      <c r="BC1709" s="9">
        <v>39546.620664299997</v>
      </c>
      <c r="BD1709" s="9">
        <v>41254.653729199999</v>
      </c>
      <c r="BE1709" s="9">
        <v>40052.8773191</v>
      </c>
      <c r="BF1709" s="9">
        <v>39853.449025499998</v>
      </c>
      <c r="BG1709" s="11">
        <v>-28.75</v>
      </c>
      <c r="BH1709" s="13">
        <v>-0.29947916666666669</v>
      </c>
      <c r="BI1709" s="6">
        <v>8</v>
      </c>
      <c r="BJ1709" s="13">
        <v>8.3333333333333329E-2</v>
      </c>
      <c r="BK1709" s="6">
        <v>-17</v>
      </c>
      <c r="BL1709" s="13">
        <v>-0.16346153846153846</v>
      </c>
      <c r="BM1709" s="11">
        <v>-19.75</v>
      </c>
      <c r="BN1709" s="13">
        <v>-0.22701149425287356</v>
      </c>
      <c r="BO1709" s="11">
        <v>-36.75</v>
      </c>
      <c r="BP1709" s="13">
        <v>-0.35336538461538464</v>
      </c>
      <c r="BQ1709" s="6">
        <v>96</v>
      </c>
      <c r="BR1709" s="6">
        <v>97</v>
      </c>
      <c r="BS1709" s="6">
        <v>103</v>
      </c>
      <c r="BT1709" s="6">
        <v>104</v>
      </c>
      <c r="BU1709" s="6">
        <v>98</v>
      </c>
      <c r="BV1709" s="6">
        <v>95</v>
      </c>
      <c r="BW1709" s="6">
        <v>87</v>
      </c>
      <c r="BX1709" s="6">
        <v>78</v>
      </c>
      <c r="BY1709" s="6">
        <v>79</v>
      </c>
      <c r="BZ1709" s="6">
        <v>74</v>
      </c>
      <c r="CA1709" s="6">
        <v>72</v>
      </c>
      <c r="CB1709" s="6">
        <v>69</v>
      </c>
      <c r="CC1709" s="11">
        <v>67.25</v>
      </c>
      <c r="CD1709" s="11">
        <v>-293.62700000000001</v>
      </c>
      <c r="CE1709" s="11">
        <v>-138.54499999999999</v>
      </c>
      <c r="CF1709" s="11">
        <v>125.032</v>
      </c>
      <c r="CG1709" s="11">
        <v>-14</v>
      </c>
      <c r="CH1709" s="20">
        <v>0.90014499999999997</v>
      </c>
      <c r="CI1709" s="20">
        <v>0.89512400000000003</v>
      </c>
      <c r="CJ1709" s="20">
        <v>0.88688400000000001</v>
      </c>
      <c r="CK1709" s="20">
        <v>0.80275799999999997</v>
      </c>
      <c r="CL1709" s="20">
        <v>0.83785399999999999</v>
      </c>
      <c r="CM1709" s="20">
        <v>0.877799</v>
      </c>
      <c r="CN1709" s="20">
        <v>0.88602400000000003</v>
      </c>
      <c r="CO1709" s="20">
        <v>0.85835600000000001</v>
      </c>
      <c r="CP1709" s="20">
        <v>0.89687399999999995</v>
      </c>
      <c r="CQ1709" s="20">
        <v>0.87615299999999996</v>
      </c>
      <c r="CR1709" s="20">
        <v>0.87452099999999999</v>
      </c>
      <c r="CS1709" s="20">
        <v>0.84946200000000005</v>
      </c>
      <c r="CT1709" s="20">
        <v>0.84292100000000003</v>
      </c>
      <c r="CU1709" s="20">
        <v>0.78555600000000003</v>
      </c>
      <c r="CV1709" s="20">
        <v>0.75902099999999995</v>
      </c>
      <c r="CW1709" s="20">
        <v>0.738348</v>
      </c>
      <c r="CX1709" s="20">
        <v>0.72042799999999996</v>
      </c>
      <c r="CY1709" s="6" t="s">
        <v>637</v>
      </c>
      <c r="CZ1709" s="6" t="s">
        <v>638</v>
      </c>
      <c r="DA1709" s="6" t="s">
        <v>80</v>
      </c>
      <c r="DB1709" s="6"/>
      <c r="DC1709" s="6">
        <v>42740</v>
      </c>
      <c r="DD1709" s="6"/>
      <c r="DE1709" s="6" t="s">
        <v>640</v>
      </c>
      <c r="DF1709" s="6" t="s">
        <v>363</v>
      </c>
      <c r="DG1709" s="6" t="s">
        <v>364</v>
      </c>
      <c r="DH1709" s="6" t="s">
        <v>365</v>
      </c>
      <c r="DI1709" s="6"/>
      <c r="DJ1709" s="6">
        <v>29</v>
      </c>
      <c r="DK1709" s="6">
        <v>159</v>
      </c>
      <c r="DL1709" s="6">
        <v>3</v>
      </c>
      <c r="DM1709" s="6" t="s">
        <v>556</v>
      </c>
      <c r="DN1709" s="6">
        <v>4</v>
      </c>
      <c r="DO1709" s="6" t="s">
        <v>557</v>
      </c>
      <c r="DP1709" s="6"/>
      <c r="DQ1709" s="6"/>
    </row>
    <row r="1710" spans="1:121" x14ac:dyDescent="0.2">
      <c r="A1710" s="6" t="s">
        <v>792</v>
      </c>
      <c r="B1710" s="6" t="s">
        <v>176</v>
      </c>
      <c r="C1710" s="6" t="s">
        <v>177</v>
      </c>
      <c r="D1710" s="6" t="s">
        <v>80</v>
      </c>
      <c r="E1710" s="6" t="s">
        <v>221</v>
      </c>
      <c r="F1710" s="11">
        <v>-1208</v>
      </c>
      <c r="G1710" s="13">
        <v>-0.22088133113899999</v>
      </c>
      <c r="H1710" s="11">
        <v>-667.56313168999986</v>
      </c>
      <c r="I1710" s="13">
        <v>-0.12206631826778576</v>
      </c>
      <c r="J1710" s="11">
        <v>-799.45179413000005</v>
      </c>
      <c r="K1710" s="13">
        <v>-0.16650760453412339</v>
      </c>
      <c r="L1710" s="11">
        <v>259.14020366000022</v>
      </c>
      <c r="M1710" s="13">
        <v>6.4755244172269105E-2</v>
      </c>
      <c r="N1710" s="11">
        <v>-540.31159046999983</v>
      </c>
      <c r="O1710" s="13">
        <v>-0.11253460095000106</v>
      </c>
      <c r="P1710" s="7">
        <v>5468.8561198799998</v>
      </c>
      <c r="Q1710" s="7">
        <v>4985.9973875599999</v>
      </c>
      <c r="R1710" s="7">
        <v>4857.1614149999996</v>
      </c>
      <c r="S1710" s="7">
        <v>4664.1757189299997</v>
      </c>
      <c r="T1710" s="7">
        <v>4747.3163572699996</v>
      </c>
      <c r="U1710" s="7">
        <v>4633.8619139900002</v>
      </c>
      <c r="V1710" s="7">
        <v>4801.29298819</v>
      </c>
      <c r="W1710" s="7">
        <v>4737.5389499200001</v>
      </c>
      <c r="X1710" s="7">
        <v>4156.2880726399999</v>
      </c>
      <c r="Y1710" s="7">
        <v>4001.8411940599999</v>
      </c>
      <c r="Z1710" s="7">
        <v>4012.0362605999999</v>
      </c>
      <c r="AA1710" s="7">
        <v>4055.0167173700002</v>
      </c>
      <c r="AB1710" s="7">
        <v>4286.08682761</v>
      </c>
      <c r="AC1710" s="7">
        <v>4322.1524869599998</v>
      </c>
      <c r="AD1710" s="7">
        <v>4291.4482932700002</v>
      </c>
      <c r="AE1710" s="7">
        <v>4218.1155381899998</v>
      </c>
      <c r="AF1710" s="7">
        <v>4260.9813977200001</v>
      </c>
      <c r="AG1710" s="9">
        <v>15744.0996295</v>
      </c>
      <c r="AH1710" s="13">
        <v>0.43468523446246699</v>
      </c>
      <c r="AI1710" s="9">
        <v>10638.213314599998</v>
      </c>
      <c r="AJ1710" s="13">
        <v>0.29371474760322613</v>
      </c>
      <c r="AK1710" s="9">
        <v>5858.7772399000023</v>
      </c>
      <c r="AL1710" s="13">
        <v>0.12503324877042274</v>
      </c>
      <c r="AM1710" s="9">
        <v>-752.8909249999997</v>
      </c>
      <c r="AN1710" s="13">
        <v>-1.4281875233168701E-2</v>
      </c>
      <c r="AO1710" s="9">
        <v>5105.8863149000026</v>
      </c>
      <c r="AP1710" s="13">
        <v>0.10896566427831712</v>
      </c>
      <c r="AQ1710" s="9">
        <v>36219.5409029</v>
      </c>
      <c r="AR1710" s="9">
        <v>39479.055652399999</v>
      </c>
      <c r="AS1710" s="9">
        <v>40501.9861246</v>
      </c>
      <c r="AT1710" s="9">
        <v>43060.084280800002</v>
      </c>
      <c r="AU1710" s="9">
        <v>46148.261765700001</v>
      </c>
      <c r="AV1710" s="9">
        <v>46758.905423700002</v>
      </c>
      <c r="AW1710" s="9">
        <v>46857.754217499998</v>
      </c>
      <c r="AX1710" s="9">
        <v>48692.847577200002</v>
      </c>
      <c r="AY1710" s="9">
        <v>49503.5685103</v>
      </c>
      <c r="AZ1710" s="9">
        <v>52716.5314574</v>
      </c>
      <c r="BA1710" s="9">
        <v>51258.051463199998</v>
      </c>
      <c r="BB1710" s="9">
        <v>51646.832136600002</v>
      </c>
      <c r="BC1710" s="9">
        <v>48266.8370258</v>
      </c>
      <c r="BD1710" s="9">
        <v>51206.823514000003</v>
      </c>
      <c r="BE1710" s="9">
        <v>50213.340703000002</v>
      </c>
      <c r="BF1710" s="9">
        <v>51963.640532400001</v>
      </c>
      <c r="BG1710" s="11">
        <v>-11.5</v>
      </c>
      <c r="BH1710" s="13">
        <v>-0.17692307692307693</v>
      </c>
      <c r="BI1710" s="6">
        <v>-6</v>
      </c>
      <c r="BJ1710" s="13">
        <v>-9.2307692307692313E-2</v>
      </c>
      <c r="BK1710" s="6">
        <v>-3</v>
      </c>
      <c r="BL1710" s="13">
        <v>-5.0847457627118647E-2</v>
      </c>
      <c r="BM1710" s="11">
        <v>-2.5</v>
      </c>
      <c r="BN1710" s="13">
        <v>-4.4642857142857144E-2</v>
      </c>
      <c r="BO1710" s="11">
        <v>-5.5</v>
      </c>
      <c r="BP1710" s="13">
        <v>-9.3220338983050849E-2</v>
      </c>
      <c r="BQ1710" s="6">
        <v>65</v>
      </c>
      <c r="BR1710" s="6">
        <v>67</v>
      </c>
      <c r="BS1710" s="6">
        <v>57</v>
      </c>
      <c r="BT1710" s="6">
        <v>59</v>
      </c>
      <c r="BU1710" s="6">
        <v>57</v>
      </c>
      <c r="BV1710" s="6">
        <v>55</v>
      </c>
      <c r="BW1710" s="6">
        <v>56</v>
      </c>
      <c r="BX1710" s="6">
        <v>54</v>
      </c>
      <c r="BY1710" s="6">
        <v>57</v>
      </c>
      <c r="BZ1710" s="6">
        <v>57</v>
      </c>
      <c r="CA1710" s="6">
        <v>55</v>
      </c>
      <c r="CB1710" s="6">
        <v>53</v>
      </c>
      <c r="CC1710" s="11">
        <v>53.5</v>
      </c>
      <c r="CD1710" s="11">
        <v>124.69799999999999</v>
      </c>
      <c r="CE1710" s="11">
        <v>-1930.38</v>
      </c>
      <c r="CF1710" s="11">
        <v>597.81200000000001</v>
      </c>
      <c r="CG1710" s="11">
        <v>-1332</v>
      </c>
      <c r="CH1710" s="20">
        <v>2.2480699999999998</v>
      </c>
      <c r="CI1710" s="20">
        <v>2.2389299999999999</v>
      </c>
      <c r="CJ1710" s="20">
        <v>2.2961200000000002</v>
      </c>
      <c r="CK1710" s="20">
        <v>2.2593800000000002</v>
      </c>
      <c r="CL1710" s="20">
        <v>2.31535</v>
      </c>
      <c r="CM1710" s="20">
        <v>2.2991700000000002</v>
      </c>
      <c r="CN1710" s="20">
        <v>2.41065</v>
      </c>
      <c r="CO1710" s="20">
        <v>2.4754499999999999</v>
      </c>
      <c r="CP1710" s="20">
        <v>2.48204</v>
      </c>
      <c r="CQ1710" s="20">
        <v>2.43371</v>
      </c>
      <c r="CR1710" s="20">
        <v>2.4025799999999999</v>
      </c>
      <c r="CS1710" s="20">
        <v>2.40517</v>
      </c>
      <c r="CT1710" s="20">
        <v>2.55219</v>
      </c>
      <c r="CU1710" s="20">
        <v>2.5207299999999999</v>
      </c>
      <c r="CV1710" s="20">
        <v>2.48841</v>
      </c>
      <c r="CW1710" s="20">
        <v>2.4840399999999998</v>
      </c>
      <c r="CX1710" s="20">
        <v>2.5039500000000001</v>
      </c>
      <c r="CY1710" s="6" t="s">
        <v>637</v>
      </c>
      <c r="CZ1710" s="6" t="s">
        <v>638</v>
      </c>
      <c r="DA1710" s="6" t="s">
        <v>80</v>
      </c>
      <c r="DB1710" s="6"/>
      <c r="DC1710" s="6">
        <v>42740</v>
      </c>
      <c r="DD1710" s="6"/>
      <c r="DE1710" s="6" t="s">
        <v>640</v>
      </c>
      <c r="DF1710" s="6" t="s">
        <v>363</v>
      </c>
      <c r="DG1710" s="6" t="s">
        <v>364</v>
      </c>
      <c r="DH1710" s="6" t="s">
        <v>365</v>
      </c>
      <c r="DI1710" s="6"/>
      <c r="DJ1710" s="6">
        <v>29</v>
      </c>
      <c r="DK1710" s="6">
        <v>159</v>
      </c>
      <c r="DL1710" s="6">
        <v>3</v>
      </c>
      <c r="DM1710" s="6" t="s">
        <v>556</v>
      </c>
      <c r="DN1710" s="6">
        <v>4</v>
      </c>
      <c r="DO1710" s="6" t="s">
        <v>557</v>
      </c>
      <c r="DP1710" s="6"/>
      <c r="DQ1710" s="6"/>
    </row>
    <row r="1711" spans="1:121" x14ac:dyDescent="0.2">
      <c r="A1711" s="6" t="s">
        <v>313</v>
      </c>
      <c r="B1711" s="6" t="s">
        <v>313</v>
      </c>
      <c r="C1711" s="6" t="s">
        <v>178</v>
      </c>
      <c r="D1711" s="6" t="s">
        <v>80</v>
      </c>
      <c r="E1711" s="6" t="s">
        <v>221</v>
      </c>
      <c r="F1711" s="11">
        <v>8</v>
      </c>
      <c r="G1711" s="13">
        <v>1.2084592145E-2</v>
      </c>
      <c r="H1711" s="11">
        <v>-46.931833199000039</v>
      </c>
      <c r="I1711" s="13">
        <v>-7.0855946802982975E-2</v>
      </c>
      <c r="J1711" s="11">
        <v>6.6481371180000224</v>
      </c>
      <c r="K1711" s="13">
        <v>1.0802535537985276E-2</v>
      </c>
      <c r="L1711" s="11">
        <v>47.80052642499993</v>
      </c>
      <c r="M1711" s="13">
        <v>7.6840837979785317E-2</v>
      </c>
      <c r="N1711" s="11">
        <v>54.448663542999952</v>
      </c>
      <c r="O1711" s="13">
        <v>8.8473449400815779E-2</v>
      </c>
      <c r="P1711" s="7">
        <v>662.35560057500004</v>
      </c>
      <c r="Q1711" s="7">
        <v>631.01875566199999</v>
      </c>
      <c r="R1711" s="7">
        <v>628.27865498300002</v>
      </c>
      <c r="S1711" s="7">
        <v>633.01810977599996</v>
      </c>
      <c r="T1711" s="7">
        <v>614.21779174699998</v>
      </c>
      <c r="U1711" s="7">
        <v>627.77239364100001</v>
      </c>
      <c r="V1711" s="7">
        <v>615.423767376</v>
      </c>
      <c r="W1711" s="7">
        <v>614.98547162600005</v>
      </c>
      <c r="X1711" s="7">
        <v>633.06114599900002</v>
      </c>
      <c r="Y1711" s="7">
        <v>622.07190449400002</v>
      </c>
      <c r="Z1711" s="7">
        <v>560.37636876199997</v>
      </c>
      <c r="AA1711" s="7">
        <v>510.54393579100002</v>
      </c>
      <c r="AB1711" s="7">
        <v>514.49986887700004</v>
      </c>
      <c r="AC1711" s="7">
        <v>587.38315008200004</v>
      </c>
      <c r="AD1711" s="7">
        <v>629.49171905100002</v>
      </c>
      <c r="AE1711" s="7">
        <v>650.11912158300004</v>
      </c>
      <c r="AF1711" s="7">
        <v>669.87243091899995</v>
      </c>
      <c r="AG1711" s="9">
        <v>14747.939426999998</v>
      </c>
      <c r="AH1711" s="13">
        <v>0.42284590601033378</v>
      </c>
      <c r="AI1711" s="9">
        <v>3768.0630940999981</v>
      </c>
      <c r="AJ1711" s="13">
        <v>0.1080361131679074</v>
      </c>
      <c r="AK1711" s="9">
        <v>2975.2385147000023</v>
      </c>
      <c r="AL1711" s="13">
        <v>7.6987223461118276E-2</v>
      </c>
      <c r="AM1711" s="9">
        <v>8004.6378181999971</v>
      </c>
      <c r="AN1711" s="13">
        <v>0.19232157411217815</v>
      </c>
      <c r="AO1711" s="9">
        <v>10979.876332899999</v>
      </c>
      <c r="AP1711" s="13">
        <v>0.28411510157586473</v>
      </c>
      <c r="AQ1711" s="9">
        <v>34877.8106099</v>
      </c>
      <c r="AR1711" s="9">
        <v>36379.263792400001</v>
      </c>
      <c r="AS1711" s="9">
        <v>37349.477248900002</v>
      </c>
      <c r="AT1711" s="9">
        <v>39400.6335091</v>
      </c>
      <c r="AU1711" s="9">
        <v>37725.450552800001</v>
      </c>
      <c r="AV1711" s="9">
        <v>38443.510710499999</v>
      </c>
      <c r="AW1711" s="9">
        <v>38645.873703999998</v>
      </c>
      <c r="AX1711" s="9">
        <v>40295.288322100001</v>
      </c>
      <c r="AY1711" s="9">
        <v>38956.128628999999</v>
      </c>
      <c r="AZ1711" s="9">
        <v>41621.1122187</v>
      </c>
      <c r="BA1711" s="9">
        <v>45561.635326299998</v>
      </c>
      <c r="BB1711" s="9">
        <v>43434.629891899996</v>
      </c>
      <c r="BC1711" s="9">
        <v>45284.385415999997</v>
      </c>
      <c r="BD1711" s="9">
        <v>45416.259898800003</v>
      </c>
      <c r="BE1711" s="9">
        <v>49137.7651013</v>
      </c>
      <c r="BF1711" s="9">
        <v>49625.750036899997</v>
      </c>
      <c r="BG1711" s="11">
        <v>-1</v>
      </c>
      <c r="BH1711" s="13">
        <v>-0.02</v>
      </c>
      <c r="BI1711" s="6">
        <v>-2</v>
      </c>
      <c r="BJ1711" s="13">
        <v>-0.04</v>
      </c>
      <c r="BK1711" s="6">
        <v>2</v>
      </c>
      <c r="BL1711" s="13">
        <v>4.1666666666666664E-2</v>
      </c>
      <c r="BM1711" s="11">
        <v>-1</v>
      </c>
      <c r="BN1711" s="13">
        <v>-0.02</v>
      </c>
      <c r="BO1711" s="11">
        <v>1</v>
      </c>
      <c r="BP1711" s="13">
        <v>2.0833333333333332E-2</v>
      </c>
      <c r="BQ1711" s="6">
        <v>50</v>
      </c>
      <c r="BR1711" s="6">
        <v>49</v>
      </c>
      <c r="BS1711" s="6">
        <v>50</v>
      </c>
      <c r="BT1711" s="6">
        <v>48</v>
      </c>
      <c r="BU1711" s="6">
        <v>50</v>
      </c>
      <c r="BV1711" s="6">
        <v>48</v>
      </c>
      <c r="BW1711" s="6">
        <v>50</v>
      </c>
      <c r="BX1711" s="6">
        <v>52</v>
      </c>
      <c r="BY1711" s="6">
        <v>50</v>
      </c>
      <c r="BZ1711" s="6">
        <v>50</v>
      </c>
      <c r="CA1711" s="6">
        <v>53</v>
      </c>
      <c r="CB1711" s="6">
        <v>51</v>
      </c>
      <c r="CC1711" s="11">
        <v>49</v>
      </c>
      <c r="CD1711" s="11">
        <v>-10.727399999999999</v>
      </c>
      <c r="CE1711" s="11">
        <v>-54.159199999999998</v>
      </c>
      <c r="CF1711" s="11">
        <v>72.403400000000005</v>
      </c>
      <c r="CG1711" s="11">
        <v>18</v>
      </c>
      <c r="CH1711" s="20">
        <v>0.76464100000000002</v>
      </c>
      <c r="CI1711" s="20">
        <v>0.75578199999999995</v>
      </c>
      <c r="CJ1711" s="20">
        <v>0.75726700000000002</v>
      </c>
      <c r="CK1711" s="20">
        <v>0.76333099999999998</v>
      </c>
      <c r="CL1711" s="20">
        <v>0.72803099999999998</v>
      </c>
      <c r="CM1711" s="20">
        <v>0.73652300000000004</v>
      </c>
      <c r="CN1711" s="20">
        <v>0.70477699999999999</v>
      </c>
      <c r="CO1711" s="20">
        <v>0.71416199999999996</v>
      </c>
      <c r="CP1711" s="20">
        <v>0.79422400000000004</v>
      </c>
      <c r="CQ1711" s="20">
        <v>0.786856</v>
      </c>
      <c r="CR1711" s="20">
        <v>0.70103700000000002</v>
      </c>
      <c r="CS1711" s="20">
        <v>0.63186600000000004</v>
      </c>
      <c r="CT1711" s="20">
        <v>0.635633</v>
      </c>
      <c r="CU1711" s="20">
        <v>0.711642</v>
      </c>
      <c r="CV1711" s="20">
        <v>0.75875800000000004</v>
      </c>
      <c r="CW1711" s="20">
        <v>0.79790000000000005</v>
      </c>
      <c r="CX1711" s="20">
        <v>0.81371800000000005</v>
      </c>
      <c r="CY1711" s="6" t="s">
        <v>637</v>
      </c>
      <c r="CZ1711" s="6" t="s">
        <v>638</v>
      </c>
      <c r="DA1711" s="6" t="s">
        <v>80</v>
      </c>
      <c r="DB1711" s="6"/>
      <c r="DC1711" s="6">
        <v>42740</v>
      </c>
      <c r="DD1711" s="6"/>
      <c r="DE1711" s="6" t="s">
        <v>640</v>
      </c>
      <c r="DF1711" s="6" t="s">
        <v>363</v>
      </c>
      <c r="DG1711" s="6" t="s">
        <v>364</v>
      </c>
      <c r="DH1711" s="6" t="s">
        <v>365</v>
      </c>
      <c r="DI1711" s="6"/>
      <c r="DJ1711" s="6">
        <v>29</v>
      </c>
      <c r="DK1711" s="6">
        <v>159</v>
      </c>
      <c r="DL1711" s="6">
        <v>3</v>
      </c>
      <c r="DM1711" s="6" t="s">
        <v>556</v>
      </c>
      <c r="DN1711" s="6">
        <v>4</v>
      </c>
      <c r="DO1711" s="6" t="s">
        <v>557</v>
      </c>
      <c r="DP1711" s="6"/>
      <c r="DQ1711" s="6"/>
    </row>
    <row r="1712" spans="1:121" x14ac:dyDescent="0.2">
      <c r="A1712" s="6" t="s">
        <v>793</v>
      </c>
      <c r="B1712" s="6" t="s">
        <v>179</v>
      </c>
      <c r="C1712" s="6" t="s">
        <v>180</v>
      </c>
      <c r="D1712" s="6" t="s">
        <v>80</v>
      </c>
      <c r="E1712" s="6" t="s">
        <v>221</v>
      </c>
      <c r="F1712" s="11">
        <v>88</v>
      </c>
      <c r="G1712" s="13">
        <v>0.03</v>
      </c>
      <c r="H1712" s="11">
        <v>-5</v>
      </c>
      <c r="I1712" s="13">
        <v>-1.9872813990461048E-3</v>
      </c>
      <c r="J1712" s="11">
        <v>-97</v>
      </c>
      <c r="K1712" s="13">
        <v>-3.8630027877339705E-2</v>
      </c>
      <c r="L1712" s="11">
        <v>190</v>
      </c>
      <c r="M1712" s="13">
        <v>7.8707539353769673E-2</v>
      </c>
      <c r="N1712" s="11">
        <v>93</v>
      </c>
      <c r="O1712" s="13">
        <v>3.7037037037037035E-2</v>
      </c>
      <c r="P1712" s="7">
        <v>2516</v>
      </c>
      <c r="Q1712" s="7">
        <v>2490</v>
      </c>
      <c r="R1712" s="7">
        <v>2471</v>
      </c>
      <c r="S1712" s="7">
        <v>2369</v>
      </c>
      <c r="T1712" s="7">
        <v>2440</v>
      </c>
      <c r="U1712" s="7">
        <v>2472</v>
      </c>
      <c r="V1712" s="7">
        <v>2511</v>
      </c>
      <c r="W1712" s="7">
        <v>2402</v>
      </c>
      <c r="X1712" s="7">
        <v>2345</v>
      </c>
      <c r="Y1712" s="7">
        <v>2414</v>
      </c>
      <c r="Z1712" s="7">
        <v>2470</v>
      </c>
      <c r="AA1712" s="7">
        <v>2431</v>
      </c>
      <c r="AB1712" s="7">
        <v>2400</v>
      </c>
      <c r="AC1712" s="7">
        <v>2444</v>
      </c>
      <c r="AD1712" s="7">
        <v>2538</v>
      </c>
      <c r="AE1712" s="7">
        <v>2572</v>
      </c>
      <c r="AF1712" s="7">
        <v>2604</v>
      </c>
      <c r="AG1712" s="9">
        <v>8763</v>
      </c>
      <c r="AH1712" s="13">
        <v>0.42941147645415795</v>
      </c>
      <c r="AI1712" s="9">
        <v>4398</v>
      </c>
      <c r="AJ1712" s="13">
        <v>0.21551428431420591</v>
      </c>
      <c r="AK1712" s="9">
        <v>1147</v>
      </c>
      <c r="AL1712" s="13">
        <v>4.6240677282805891E-2</v>
      </c>
      <c r="AM1712" s="9">
        <v>3218</v>
      </c>
      <c r="AN1712" s="13">
        <v>0.12399815043156596</v>
      </c>
      <c r="AO1712" s="9">
        <v>4365</v>
      </c>
      <c r="AP1712" s="13">
        <v>0.1759725861721427</v>
      </c>
      <c r="AQ1712" s="9">
        <v>20407</v>
      </c>
      <c r="AR1712" s="9">
        <v>20837</v>
      </c>
      <c r="AS1712" s="9">
        <v>22332</v>
      </c>
      <c r="AT1712" s="9">
        <v>22592</v>
      </c>
      <c r="AU1712" s="9">
        <v>22602</v>
      </c>
      <c r="AV1712" s="9">
        <v>23479</v>
      </c>
      <c r="AW1712" s="9">
        <v>24805</v>
      </c>
      <c r="AX1712" s="9">
        <v>25247</v>
      </c>
      <c r="AY1712" s="9">
        <v>25671</v>
      </c>
      <c r="AZ1712" s="9">
        <v>25952</v>
      </c>
      <c r="BA1712" s="9">
        <v>26465</v>
      </c>
      <c r="BB1712" s="9">
        <v>26647</v>
      </c>
      <c r="BC1712" s="9">
        <v>27380</v>
      </c>
      <c r="BD1712" s="9">
        <v>27921</v>
      </c>
      <c r="BE1712" s="9">
        <v>28552</v>
      </c>
      <c r="BF1712" s="9">
        <v>29170</v>
      </c>
      <c r="BG1712" s="11">
        <v>-23</v>
      </c>
      <c r="BH1712" s="13">
        <v>-0.12234042553191489</v>
      </c>
      <c r="BI1712" s="6">
        <v>-6</v>
      </c>
      <c r="BJ1712" s="13">
        <v>-3.1914893617021274E-2</v>
      </c>
      <c r="BK1712" s="6">
        <v>-1</v>
      </c>
      <c r="BL1712" s="13">
        <v>-5.4945054945054949E-3</v>
      </c>
      <c r="BM1712" s="11">
        <v>-16</v>
      </c>
      <c r="BN1712" s="13">
        <v>-8.8397790055248615E-2</v>
      </c>
      <c r="BO1712" s="11">
        <v>-17</v>
      </c>
      <c r="BP1712" s="13">
        <v>-9.3406593406593408E-2</v>
      </c>
      <c r="BQ1712" s="6">
        <v>188</v>
      </c>
      <c r="BR1712" s="6">
        <v>186</v>
      </c>
      <c r="BS1712" s="6">
        <v>181</v>
      </c>
      <c r="BT1712" s="6">
        <v>182</v>
      </c>
      <c r="BU1712" s="6">
        <v>177</v>
      </c>
      <c r="BV1712" s="6">
        <v>177</v>
      </c>
      <c r="BW1712" s="6">
        <v>181</v>
      </c>
      <c r="BX1712" s="6">
        <v>183</v>
      </c>
      <c r="BY1712" s="6">
        <v>183</v>
      </c>
      <c r="BZ1712" s="6">
        <v>177</v>
      </c>
      <c r="CA1712" s="6">
        <v>171</v>
      </c>
      <c r="CB1712" s="6">
        <v>168</v>
      </c>
      <c r="CC1712" s="11">
        <v>165</v>
      </c>
      <c r="CD1712" s="11">
        <v>-26</v>
      </c>
      <c r="CE1712" s="11">
        <v>-161</v>
      </c>
      <c r="CF1712" s="11">
        <v>275</v>
      </c>
      <c r="CG1712" s="11">
        <v>114</v>
      </c>
      <c r="CH1712" s="20">
        <v>1.08</v>
      </c>
      <c r="CI1712" s="20">
        <v>1.0900000000000001</v>
      </c>
      <c r="CJ1712" s="20">
        <v>1.1000000000000001</v>
      </c>
      <c r="CK1712" s="20">
        <v>1.05</v>
      </c>
      <c r="CL1712" s="20">
        <v>1.07</v>
      </c>
      <c r="CM1712" s="20">
        <v>1.0900000000000001</v>
      </c>
      <c r="CN1712" s="20">
        <v>1.0900000000000001</v>
      </c>
      <c r="CO1712" s="20">
        <v>1.07</v>
      </c>
      <c r="CP1712" s="20">
        <v>1.1100000000000001</v>
      </c>
      <c r="CQ1712" s="20">
        <v>1.1299999999999999</v>
      </c>
      <c r="CR1712" s="20">
        <v>1.1499999999999999</v>
      </c>
      <c r="CS1712" s="20">
        <v>1.1299999999999999</v>
      </c>
      <c r="CT1712" s="20">
        <v>1.1100000000000001</v>
      </c>
      <c r="CU1712" s="20">
        <v>1.1000000000000001</v>
      </c>
      <c r="CV1712" s="20">
        <v>1.1299999999999999</v>
      </c>
      <c r="CW1712" s="20">
        <v>1.1599999999999999</v>
      </c>
      <c r="CX1712" s="20">
        <v>1.1599999999999999</v>
      </c>
      <c r="CY1712" s="6" t="s">
        <v>637</v>
      </c>
      <c r="CZ1712" s="6" t="s">
        <v>638</v>
      </c>
      <c r="DA1712" s="6" t="s">
        <v>80</v>
      </c>
      <c r="DB1712" s="6"/>
      <c r="DC1712" s="6">
        <v>42740</v>
      </c>
      <c r="DD1712" s="6"/>
      <c r="DE1712" s="6" t="s">
        <v>640</v>
      </c>
      <c r="DF1712" s="6" t="s">
        <v>363</v>
      </c>
      <c r="DG1712" s="6" t="s">
        <v>364</v>
      </c>
      <c r="DH1712" s="6" t="s">
        <v>365</v>
      </c>
      <c r="DI1712" s="6"/>
      <c r="DJ1712" s="6">
        <v>29</v>
      </c>
      <c r="DK1712" s="6">
        <v>159</v>
      </c>
      <c r="DL1712" s="6">
        <v>3</v>
      </c>
      <c r="DM1712" s="6" t="s">
        <v>556</v>
      </c>
      <c r="DN1712" s="6">
        <v>4</v>
      </c>
      <c r="DO1712" s="6" t="s">
        <v>557</v>
      </c>
      <c r="DP1712" s="6"/>
      <c r="DQ1712" s="6"/>
    </row>
    <row r="1713" spans="1:121" x14ac:dyDescent="0.2">
      <c r="A1713" s="6" t="s">
        <v>794</v>
      </c>
      <c r="B1713" s="6" t="s">
        <v>181</v>
      </c>
      <c r="C1713" s="6" t="s">
        <v>182</v>
      </c>
      <c r="D1713" s="6" t="s">
        <v>80</v>
      </c>
      <c r="E1713" s="6" t="s">
        <v>221</v>
      </c>
      <c r="F1713" s="11">
        <v>85</v>
      </c>
      <c r="G1713" s="13">
        <v>0.111111111111</v>
      </c>
      <c r="H1713" s="11">
        <v>-210.239908765</v>
      </c>
      <c r="I1713" s="13">
        <v>-0.27495375378589371</v>
      </c>
      <c r="J1713" s="11">
        <v>-49.788225276999981</v>
      </c>
      <c r="K1713" s="13">
        <v>-8.9806016169253766E-2</v>
      </c>
      <c r="L1713" s="11">
        <v>345.15747193199996</v>
      </c>
      <c r="M1713" s="13">
        <v>0.68400945377431899</v>
      </c>
      <c r="N1713" s="11">
        <v>295.36924665499998</v>
      </c>
      <c r="O1713" s="13">
        <v>0.53277527353948628</v>
      </c>
      <c r="P1713" s="7">
        <v>764.637346718</v>
      </c>
      <c r="Q1713" s="7">
        <v>521.09818117400005</v>
      </c>
      <c r="R1713" s="7">
        <v>564.04417193699999</v>
      </c>
      <c r="S1713" s="7">
        <v>652.019539614</v>
      </c>
      <c r="T1713" s="7">
        <v>587.13050326999996</v>
      </c>
      <c r="U1713" s="7">
        <v>558.75805860399998</v>
      </c>
      <c r="V1713" s="7">
        <v>554.39743795300001</v>
      </c>
      <c r="W1713" s="7">
        <v>528.25524123900004</v>
      </c>
      <c r="X1713" s="7">
        <v>508.45729752699998</v>
      </c>
      <c r="Y1713" s="7">
        <v>504.60921267600003</v>
      </c>
      <c r="Z1713" s="7">
        <v>669.33164508699997</v>
      </c>
      <c r="AA1713" s="7">
        <v>681.37841447999995</v>
      </c>
      <c r="AB1713" s="7">
        <v>728.97078171800001</v>
      </c>
      <c r="AC1713" s="7">
        <v>750.19101427400005</v>
      </c>
      <c r="AD1713" s="7">
        <v>762.22667961800005</v>
      </c>
      <c r="AE1713" s="7">
        <v>820.09331476600005</v>
      </c>
      <c r="AF1713" s="7">
        <v>849.76668460799999</v>
      </c>
      <c r="AG1713" s="9">
        <v>9340.0496622999999</v>
      </c>
      <c r="AH1713" s="13">
        <v>0.25238444128556864</v>
      </c>
      <c r="AI1713" s="9">
        <v>4918.3544237000024</v>
      </c>
      <c r="AJ1713" s="13">
        <v>0.13290251959583846</v>
      </c>
      <c r="AK1713" s="9">
        <v>3021.1227195000029</v>
      </c>
      <c r="AL1713" s="13">
        <v>7.2059163660647005E-2</v>
      </c>
      <c r="AM1713" s="9">
        <v>1400.5725190999947</v>
      </c>
      <c r="AN1713" s="13">
        <v>3.1160735338148338E-2</v>
      </c>
      <c r="AO1713" s="9">
        <v>4421.6952385999975</v>
      </c>
      <c r="AP1713" s="13">
        <v>0.10546531552631308</v>
      </c>
      <c r="AQ1713" s="9">
        <v>37007.232358399997</v>
      </c>
      <c r="AR1713" s="9">
        <v>42644.291415400003</v>
      </c>
      <c r="AS1713" s="9">
        <v>33372.182236200002</v>
      </c>
      <c r="AT1713" s="9">
        <v>37780.412569499997</v>
      </c>
      <c r="AU1713" s="9">
        <v>37024.6734736</v>
      </c>
      <c r="AV1713" s="9">
        <v>39373.848726600001</v>
      </c>
      <c r="AW1713" s="9">
        <v>41925.586782099999</v>
      </c>
      <c r="AX1713" s="9">
        <v>40830.883530300001</v>
      </c>
      <c r="AY1713" s="9">
        <v>43684.286306100003</v>
      </c>
      <c r="AZ1713" s="9">
        <v>44946.709501600002</v>
      </c>
      <c r="BA1713" s="9">
        <v>43763.864625599999</v>
      </c>
      <c r="BB1713" s="9">
        <v>44695.161034299999</v>
      </c>
      <c r="BC1713" s="9">
        <v>43967.1961084</v>
      </c>
      <c r="BD1713" s="9">
        <v>44408.283098</v>
      </c>
      <c r="BE1713" s="9">
        <v>46269.816499100001</v>
      </c>
      <c r="BF1713" s="9">
        <v>46347.282020699997</v>
      </c>
      <c r="BG1713" s="11">
        <v>-6.75</v>
      </c>
      <c r="BH1713" s="13">
        <v>-0.14361702127659576</v>
      </c>
      <c r="BI1713" s="6">
        <v>-12</v>
      </c>
      <c r="BJ1713" s="13">
        <v>-0.25531914893617019</v>
      </c>
      <c r="BK1713" s="6">
        <v>-1</v>
      </c>
      <c r="BL1713" s="13">
        <v>-2.8571428571428571E-2</v>
      </c>
      <c r="BM1713" s="11">
        <v>6.25</v>
      </c>
      <c r="BN1713" s="13">
        <v>0.18382352941176472</v>
      </c>
      <c r="BO1713" s="11">
        <v>5.25</v>
      </c>
      <c r="BP1713" s="13">
        <v>0.15</v>
      </c>
      <c r="BQ1713" s="6">
        <v>47</v>
      </c>
      <c r="BR1713" s="6">
        <v>37</v>
      </c>
      <c r="BS1713" s="6">
        <v>38</v>
      </c>
      <c r="BT1713" s="6">
        <v>35</v>
      </c>
      <c r="BU1713" s="6">
        <v>36</v>
      </c>
      <c r="BV1713" s="6">
        <v>36</v>
      </c>
      <c r="BW1713" s="6">
        <v>34</v>
      </c>
      <c r="BX1713" s="6">
        <v>36</v>
      </c>
      <c r="BY1713" s="6">
        <v>38</v>
      </c>
      <c r="BZ1713" s="6">
        <v>36</v>
      </c>
      <c r="CA1713" s="6">
        <v>39</v>
      </c>
      <c r="CB1713" s="6">
        <v>40</v>
      </c>
      <c r="CC1713" s="11">
        <v>40.25</v>
      </c>
      <c r="CD1713" s="11">
        <v>-46.650100000000002</v>
      </c>
      <c r="CE1713" s="11">
        <v>48.195399999999999</v>
      </c>
      <c r="CF1713" s="11">
        <v>83.584100000000007</v>
      </c>
      <c r="CG1713" s="11">
        <v>132</v>
      </c>
      <c r="CH1713" s="20">
        <v>1.1151</v>
      </c>
      <c r="CI1713" s="20">
        <v>0.79512499999999997</v>
      </c>
      <c r="CJ1713" s="20">
        <v>0.867927</v>
      </c>
      <c r="CK1713" s="20">
        <v>0.99409499999999995</v>
      </c>
      <c r="CL1713" s="20">
        <v>0.87462899999999999</v>
      </c>
      <c r="CM1713" s="20">
        <v>0.82152099999999995</v>
      </c>
      <c r="CN1713" s="20">
        <v>0.79391500000000004</v>
      </c>
      <c r="CO1713" s="20">
        <v>0.767181</v>
      </c>
      <c r="CP1713" s="20">
        <v>0.79543699999999995</v>
      </c>
      <c r="CQ1713" s="20">
        <v>0.79110599999999998</v>
      </c>
      <c r="CR1713" s="20">
        <v>1.0243800000000001</v>
      </c>
      <c r="CS1713" s="20">
        <v>1.0276400000000001</v>
      </c>
      <c r="CT1713" s="20">
        <v>1.0908899999999999</v>
      </c>
      <c r="CU1713" s="20">
        <v>1.0764</v>
      </c>
      <c r="CV1713" s="20">
        <v>1.0508200000000001</v>
      </c>
      <c r="CW1713" s="20">
        <v>1.1217699999999999</v>
      </c>
      <c r="CX1713" s="20">
        <v>1.14293</v>
      </c>
      <c r="CY1713" s="6" t="s">
        <v>637</v>
      </c>
      <c r="CZ1713" s="6" t="s">
        <v>638</v>
      </c>
      <c r="DA1713" s="6" t="s">
        <v>80</v>
      </c>
      <c r="DB1713" s="6"/>
      <c r="DC1713" s="6">
        <v>42740</v>
      </c>
      <c r="DD1713" s="6"/>
      <c r="DE1713" s="6" t="s">
        <v>640</v>
      </c>
      <c r="DF1713" s="6" t="s">
        <v>363</v>
      </c>
      <c r="DG1713" s="6" t="s">
        <v>364</v>
      </c>
      <c r="DH1713" s="6" t="s">
        <v>365</v>
      </c>
      <c r="DI1713" s="6"/>
      <c r="DJ1713" s="6">
        <v>29</v>
      </c>
      <c r="DK1713" s="6">
        <v>159</v>
      </c>
      <c r="DL1713" s="6">
        <v>3</v>
      </c>
      <c r="DM1713" s="6" t="s">
        <v>556</v>
      </c>
      <c r="DN1713" s="6">
        <v>4</v>
      </c>
      <c r="DO1713" s="6" t="s">
        <v>557</v>
      </c>
      <c r="DP1713" s="6"/>
      <c r="DQ1713" s="6"/>
    </row>
    <row r="1714" spans="1:121" x14ac:dyDescent="0.2">
      <c r="A1714" s="6" t="s">
        <v>314</v>
      </c>
      <c r="B1714" s="6" t="s">
        <v>314</v>
      </c>
      <c r="C1714" s="6" t="s">
        <v>183</v>
      </c>
      <c r="D1714" s="6" t="s">
        <v>80</v>
      </c>
      <c r="E1714" s="6" t="s">
        <v>221</v>
      </c>
      <c r="F1714" s="11">
        <v>-117</v>
      </c>
      <c r="G1714" s="13">
        <v>-0.26773455377599997</v>
      </c>
      <c r="H1714" s="11">
        <v>70.905713687000002</v>
      </c>
      <c r="I1714" s="13">
        <v>0.16234705735734792</v>
      </c>
      <c r="J1714" s="11">
        <v>-33.140123648000042</v>
      </c>
      <c r="K1714" s="13">
        <v>-6.5280202432201659E-2</v>
      </c>
      <c r="L1714" s="11">
        <v>-154.43693191099999</v>
      </c>
      <c r="M1714" s="13">
        <v>-0.32545960423618309</v>
      </c>
      <c r="N1714" s="11">
        <v>-187.57705555900003</v>
      </c>
      <c r="O1714" s="13">
        <v>-0.3694937378203425</v>
      </c>
      <c r="P1714" s="7">
        <v>436.75391991200001</v>
      </c>
      <c r="Q1714" s="7">
        <v>742.84464309999998</v>
      </c>
      <c r="R1714" s="7">
        <v>709.37988520700003</v>
      </c>
      <c r="S1714" s="7">
        <v>703.255779093</v>
      </c>
      <c r="T1714" s="7">
        <v>605.10410751899997</v>
      </c>
      <c r="U1714" s="7">
        <v>546.14222292299996</v>
      </c>
      <c r="V1714" s="7">
        <v>507.65963359900002</v>
      </c>
      <c r="W1714" s="7">
        <v>500.12169848899998</v>
      </c>
      <c r="X1714" s="7">
        <v>484.24142401</v>
      </c>
      <c r="Y1714" s="7">
        <v>474.51950995099997</v>
      </c>
      <c r="Z1714" s="7">
        <v>467.26564295100002</v>
      </c>
      <c r="AA1714" s="7">
        <v>484.572183306</v>
      </c>
      <c r="AB1714" s="7">
        <v>376.18826240099997</v>
      </c>
      <c r="AC1714" s="7">
        <v>371.04248053600003</v>
      </c>
      <c r="AD1714" s="7">
        <v>337.17323272599998</v>
      </c>
      <c r="AE1714" s="7">
        <v>341.07178910499999</v>
      </c>
      <c r="AF1714" s="7">
        <v>320.08257803999999</v>
      </c>
      <c r="AG1714" s="9">
        <v>13084.8670724</v>
      </c>
      <c r="AH1714" s="13">
        <v>0.43641504694652361</v>
      </c>
      <c r="AI1714" s="9">
        <v>6473.1725152000035</v>
      </c>
      <c r="AJ1714" s="13">
        <v>0.21589748458910421</v>
      </c>
      <c r="AK1714" s="9">
        <v>2919.4539389999991</v>
      </c>
      <c r="AL1714" s="13">
        <v>8.0082029089834209E-2</v>
      </c>
      <c r="AM1714" s="9">
        <v>3692.2406181999977</v>
      </c>
      <c r="AN1714" s="13">
        <v>9.3770600336502002E-2</v>
      </c>
      <c r="AO1714" s="9">
        <v>6611.6945571999968</v>
      </c>
      <c r="AP1714" s="13">
        <v>0.18136196937025517</v>
      </c>
      <c r="AQ1714" s="9">
        <v>29982.621277499999</v>
      </c>
      <c r="AR1714" s="9">
        <v>29196.901817900001</v>
      </c>
      <c r="AS1714" s="9">
        <v>29585.8562872</v>
      </c>
      <c r="AT1714" s="9">
        <v>30765.239641799999</v>
      </c>
      <c r="AU1714" s="9">
        <v>30549.100270399998</v>
      </c>
      <c r="AV1714" s="9">
        <v>32746.745978800001</v>
      </c>
      <c r="AW1714" s="9">
        <v>36455.793792700002</v>
      </c>
      <c r="AX1714" s="9">
        <v>35353.558041700002</v>
      </c>
      <c r="AY1714" s="9">
        <v>39394.3332524</v>
      </c>
      <c r="AZ1714" s="9">
        <v>39375.247731700001</v>
      </c>
      <c r="BA1714" s="9">
        <v>40400.216611600001</v>
      </c>
      <c r="BB1714" s="9">
        <v>39492.6224238</v>
      </c>
      <c r="BC1714" s="9">
        <v>39953.324724899998</v>
      </c>
      <c r="BD1714" s="9">
        <v>42353.7860249</v>
      </c>
      <c r="BE1714" s="9">
        <v>41684.115690099999</v>
      </c>
      <c r="BF1714" s="9">
        <v>43067.488349899999</v>
      </c>
      <c r="BG1714" s="11">
        <v>-8</v>
      </c>
      <c r="BH1714" s="13">
        <v>-0.42105263157894735</v>
      </c>
      <c r="BI1714" s="6">
        <v>-3</v>
      </c>
      <c r="BJ1714" s="13">
        <v>-0.15789473684210525</v>
      </c>
      <c r="BK1714" s="6">
        <v>-1</v>
      </c>
      <c r="BL1714" s="13">
        <v>-6.25E-2</v>
      </c>
      <c r="BM1714" s="11">
        <v>-4</v>
      </c>
      <c r="BN1714" s="13">
        <v>-0.26666666666666666</v>
      </c>
      <c r="BO1714" s="11">
        <v>-5</v>
      </c>
      <c r="BP1714" s="13">
        <v>-0.3125</v>
      </c>
      <c r="BQ1714" s="6">
        <v>19</v>
      </c>
      <c r="BR1714" s="6">
        <v>18</v>
      </c>
      <c r="BS1714" s="6">
        <v>17</v>
      </c>
      <c r="BT1714" s="6">
        <v>16</v>
      </c>
      <c r="BU1714" s="6">
        <v>16</v>
      </c>
      <c r="BV1714" s="6">
        <v>14</v>
      </c>
      <c r="BW1714" s="6">
        <v>15</v>
      </c>
      <c r="BX1714" s="6">
        <v>14</v>
      </c>
      <c r="BY1714" s="6">
        <v>15</v>
      </c>
      <c r="BZ1714" s="6">
        <v>16</v>
      </c>
      <c r="CA1714" s="6">
        <v>17</v>
      </c>
      <c r="CB1714" s="6">
        <v>12</v>
      </c>
      <c r="CC1714" s="11">
        <v>11</v>
      </c>
      <c r="CD1714" s="11">
        <v>-30.6402</v>
      </c>
      <c r="CE1714" s="11">
        <v>-133.774</v>
      </c>
      <c r="CF1714" s="11">
        <v>47.7425</v>
      </c>
      <c r="CG1714" s="11">
        <v>-86</v>
      </c>
      <c r="CH1714" s="20">
        <v>0.80882600000000004</v>
      </c>
      <c r="CI1714" s="20">
        <v>1.4799800000000001</v>
      </c>
      <c r="CJ1714" s="20">
        <v>1.4882</v>
      </c>
      <c r="CK1714" s="20">
        <v>1.5236499999999999</v>
      </c>
      <c r="CL1714" s="20">
        <v>1.3294900000000001</v>
      </c>
      <c r="CM1714" s="20">
        <v>1.2196100000000001</v>
      </c>
      <c r="CN1714" s="20">
        <v>1.12948</v>
      </c>
      <c r="CO1714" s="20">
        <v>1.13826</v>
      </c>
      <c r="CP1714" s="20">
        <v>1.1815800000000001</v>
      </c>
      <c r="CQ1714" s="20">
        <v>1.1901900000000001</v>
      </c>
      <c r="CR1714" s="20">
        <v>1.1867000000000001</v>
      </c>
      <c r="CS1714" s="20">
        <v>1.2372300000000001</v>
      </c>
      <c r="CT1714" s="20">
        <v>0.96293799999999996</v>
      </c>
      <c r="CU1714" s="20">
        <v>0.93018999999999996</v>
      </c>
      <c r="CV1714" s="20">
        <v>0.84182599999999996</v>
      </c>
      <c r="CW1714" s="20">
        <v>0.85411999999999999</v>
      </c>
      <c r="CX1714" s="20">
        <v>0.79812099999999997</v>
      </c>
      <c r="CY1714" s="6" t="s">
        <v>637</v>
      </c>
      <c r="CZ1714" s="6" t="s">
        <v>638</v>
      </c>
      <c r="DA1714" s="6" t="s">
        <v>80</v>
      </c>
      <c r="DB1714" s="6"/>
      <c r="DC1714" s="6">
        <v>42740</v>
      </c>
      <c r="DD1714" s="6"/>
      <c r="DE1714" s="6" t="s">
        <v>640</v>
      </c>
      <c r="DF1714" s="6" t="s">
        <v>363</v>
      </c>
      <c r="DG1714" s="6" t="s">
        <v>364</v>
      </c>
      <c r="DH1714" s="6" t="s">
        <v>365</v>
      </c>
      <c r="DI1714" s="6"/>
      <c r="DJ1714" s="6">
        <v>29</v>
      </c>
      <c r="DK1714" s="6">
        <v>159</v>
      </c>
      <c r="DL1714" s="6">
        <v>3</v>
      </c>
      <c r="DM1714" s="6" t="s">
        <v>556</v>
      </c>
      <c r="DN1714" s="6">
        <v>4</v>
      </c>
      <c r="DO1714" s="6" t="s">
        <v>557</v>
      </c>
      <c r="DP1714" s="6"/>
      <c r="DQ1714" s="6"/>
    </row>
    <row r="1715" spans="1:121" x14ac:dyDescent="0.2">
      <c r="A1715" s="6" t="s">
        <v>315</v>
      </c>
      <c r="B1715" s="6" t="s">
        <v>315</v>
      </c>
      <c r="C1715" s="6" t="s">
        <v>184</v>
      </c>
      <c r="D1715" s="6" t="s">
        <v>80</v>
      </c>
      <c r="E1715" s="6" t="s">
        <v>221</v>
      </c>
      <c r="F1715" s="11">
        <v>-94</v>
      </c>
      <c r="G1715" s="13">
        <v>-0.21</v>
      </c>
      <c r="H1715" s="11">
        <v>21</v>
      </c>
      <c r="I1715" s="13">
        <v>4.740406320541761E-2</v>
      </c>
      <c r="J1715" s="11">
        <v>-22</v>
      </c>
      <c r="K1715" s="13">
        <v>-4.7413793103448273E-2</v>
      </c>
      <c r="L1715" s="11">
        <v>-93</v>
      </c>
      <c r="M1715" s="13">
        <v>-0.21040723981900453</v>
      </c>
      <c r="N1715" s="11">
        <v>-115</v>
      </c>
      <c r="O1715" s="13">
        <v>-0.24784482758620691</v>
      </c>
      <c r="P1715" s="7">
        <v>443</v>
      </c>
      <c r="Q1715" s="7">
        <v>445</v>
      </c>
      <c r="R1715" s="7">
        <v>431</v>
      </c>
      <c r="S1715" s="7">
        <v>428</v>
      </c>
      <c r="T1715" s="7">
        <v>444</v>
      </c>
      <c r="U1715" s="7">
        <v>448</v>
      </c>
      <c r="V1715" s="7">
        <v>464</v>
      </c>
      <c r="W1715" s="7">
        <v>452</v>
      </c>
      <c r="X1715" s="7">
        <v>439</v>
      </c>
      <c r="Y1715" s="7">
        <v>442</v>
      </c>
      <c r="Z1715" s="7">
        <v>440</v>
      </c>
      <c r="AA1715" s="7">
        <v>396</v>
      </c>
      <c r="AB1715" s="7">
        <v>347</v>
      </c>
      <c r="AC1715" s="7">
        <v>354</v>
      </c>
      <c r="AD1715" s="7">
        <v>370</v>
      </c>
      <c r="AE1715" s="7">
        <v>357</v>
      </c>
      <c r="AF1715" s="7">
        <v>349</v>
      </c>
      <c r="AG1715" s="9">
        <v>18753</v>
      </c>
      <c r="AH1715" s="13">
        <v>0.57184241019698723</v>
      </c>
      <c r="AI1715" s="9">
        <v>6459</v>
      </c>
      <c r="AJ1715" s="13">
        <v>0.19695676038299689</v>
      </c>
      <c r="AK1715" s="9">
        <v>3252</v>
      </c>
      <c r="AL1715" s="13">
        <v>8.2847170916872589E-2</v>
      </c>
      <c r="AM1715" s="9">
        <v>9042</v>
      </c>
      <c r="AN1715" s="13">
        <v>0.21272791436301611</v>
      </c>
      <c r="AO1715" s="9">
        <v>12294</v>
      </c>
      <c r="AP1715" s="13">
        <v>0.31319899115991134</v>
      </c>
      <c r="AQ1715" s="9">
        <v>32794</v>
      </c>
      <c r="AR1715" s="9">
        <v>33483</v>
      </c>
      <c r="AS1715" s="9">
        <v>32857</v>
      </c>
      <c r="AT1715" s="9">
        <v>34453</v>
      </c>
      <c r="AU1715" s="9">
        <v>37230</v>
      </c>
      <c r="AV1715" s="9">
        <v>38462</v>
      </c>
      <c r="AW1715" s="9">
        <v>39253</v>
      </c>
      <c r="AX1715" s="9">
        <v>40929</v>
      </c>
      <c r="AY1715" s="9">
        <v>40935</v>
      </c>
      <c r="AZ1715" s="9">
        <v>42505</v>
      </c>
      <c r="BA1715" s="9">
        <v>44726</v>
      </c>
      <c r="BB1715" s="9">
        <v>44047</v>
      </c>
      <c r="BC1715" s="9">
        <v>45796</v>
      </c>
      <c r="BD1715" s="9">
        <v>47194</v>
      </c>
      <c r="BE1715" s="9">
        <v>49051</v>
      </c>
      <c r="BF1715" s="9">
        <v>51547</v>
      </c>
      <c r="BG1715" s="11">
        <v>2</v>
      </c>
      <c r="BH1715" s="13">
        <v>3.3898305084745763E-2</v>
      </c>
      <c r="BI1715" s="6">
        <v>1</v>
      </c>
      <c r="BJ1715" s="13">
        <v>1.6949152542372881E-2</v>
      </c>
      <c r="BK1715" s="6">
        <v>-1</v>
      </c>
      <c r="BL1715" s="13">
        <v>-1.6666666666666666E-2</v>
      </c>
      <c r="BM1715" s="11">
        <v>2</v>
      </c>
      <c r="BN1715" s="13">
        <v>3.3898305084745763E-2</v>
      </c>
      <c r="BO1715" s="11">
        <v>1</v>
      </c>
      <c r="BP1715" s="13">
        <v>1.6666666666666666E-2</v>
      </c>
      <c r="BQ1715" s="6">
        <v>59</v>
      </c>
      <c r="BR1715" s="6">
        <v>59</v>
      </c>
      <c r="BS1715" s="6">
        <v>59</v>
      </c>
      <c r="BT1715" s="6">
        <v>60</v>
      </c>
      <c r="BU1715" s="6">
        <v>60</v>
      </c>
      <c r="BV1715" s="6">
        <v>63</v>
      </c>
      <c r="BW1715" s="6">
        <v>59</v>
      </c>
      <c r="BX1715" s="6">
        <v>62</v>
      </c>
      <c r="BY1715" s="6">
        <v>59</v>
      </c>
      <c r="BZ1715" s="6">
        <v>56</v>
      </c>
      <c r="CA1715" s="6">
        <v>62</v>
      </c>
      <c r="CB1715" s="6">
        <v>61</v>
      </c>
      <c r="CC1715" s="11">
        <v>61</v>
      </c>
      <c r="CD1715" s="11">
        <v>-107</v>
      </c>
      <c r="CE1715" s="11">
        <v>-35</v>
      </c>
      <c r="CF1715" s="11">
        <v>48</v>
      </c>
      <c r="CG1715" s="11">
        <v>13</v>
      </c>
      <c r="CH1715" s="20">
        <v>0.5</v>
      </c>
      <c r="CI1715" s="20">
        <v>0.52</v>
      </c>
      <c r="CJ1715" s="20">
        <v>0.49</v>
      </c>
      <c r="CK1715" s="20">
        <v>0.49</v>
      </c>
      <c r="CL1715" s="20">
        <v>0.5</v>
      </c>
      <c r="CM1715" s="20">
        <v>0.5</v>
      </c>
      <c r="CN1715" s="20">
        <v>0.52</v>
      </c>
      <c r="CO1715" s="20">
        <v>0.52</v>
      </c>
      <c r="CP1715" s="20">
        <v>0.53</v>
      </c>
      <c r="CQ1715" s="20">
        <v>0.54</v>
      </c>
      <c r="CR1715" s="20">
        <v>0.54</v>
      </c>
      <c r="CS1715" s="20">
        <v>0.48</v>
      </c>
      <c r="CT1715" s="20">
        <v>0.42</v>
      </c>
      <c r="CU1715" s="20">
        <v>0.43</v>
      </c>
      <c r="CV1715" s="20">
        <v>0.44</v>
      </c>
      <c r="CW1715" s="20">
        <v>0.43</v>
      </c>
      <c r="CX1715" s="20">
        <v>0.42</v>
      </c>
      <c r="CY1715" s="6" t="s">
        <v>637</v>
      </c>
      <c r="CZ1715" s="6" t="s">
        <v>638</v>
      </c>
      <c r="DA1715" s="6" t="s">
        <v>80</v>
      </c>
      <c r="DB1715" s="6"/>
      <c r="DC1715" s="6">
        <v>42740</v>
      </c>
      <c r="DD1715" s="6"/>
      <c r="DE1715" s="6" t="s">
        <v>640</v>
      </c>
      <c r="DF1715" s="6" t="s">
        <v>363</v>
      </c>
      <c r="DG1715" s="6" t="s">
        <v>364</v>
      </c>
      <c r="DH1715" s="6" t="s">
        <v>365</v>
      </c>
      <c r="DI1715" s="6"/>
      <c r="DJ1715" s="6">
        <v>29</v>
      </c>
      <c r="DK1715" s="6">
        <v>159</v>
      </c>
      <c r="DL1715" s="6">
        <v>3</v>
      </c>
      <c r="DM1715" s="6" t="s">
        <v>556</v>
      </c>
      <c r="DN1715" s="6">
        <v>4</v>
      </c>
      <c r="DO1715" s="6" t="s">
        <v>557</v>
      </c>
      <c r="DP1715" s="6"/>
      <c r="DQ1715" s="6"/>
    </row>
    <row r="1716" spans="1:121" x14ac:dyDescent="0.2">
      <c r="A1716" s="6" t="s">
        <v>316</v>
      </c>
      <c r="B1716" s="6" t="s">
        <v>316</v>
      </c>
      <c r="C1716" s="6" t="s">
        <v>185</v>
      </c>
      <c r="D1716" s="6" t="s">
        <v>80</v>
      </c>
      <c r="E1716" s="6" t="s">
        <v>221</v>
      </c>
      <c r="F1716" s="11">
        <v>35</v>
      </c>
      <c r="G1716" s="13">
        <v>0.21</v>
      </c>
      <c r="H1716" s="11">
        <v>123</v>
      </c>
      <c r="I1716" s="13">
        <v>0.73652694610778446</v>
      </c>
      <c r="J1716" s="11">
        <v>-34</v>
      </c>
      <c r="K1716" s="13">
        <v>-0.11724137931034484</v>
      </c>
      <c r="L1716" s="11">
        <v>-54</v>
      </c>
      <c r="M1716" s="13">
        <v>-0.2109375</v>
      </c>
      <c r="N1716" s="11">
        <v>-88</v>
      </c>
      <c r="O1716" s="13">
        <v>-0.30344827586206896</v>
      </c>
      <c r="P1716" s="7">
        <v>167</v>
      </c>
      <c r="Q1716" s="7">
        <v>186</v>
      </c>
      <c r="R1716" s="7">
        <v>206</v>
      </c>
      <c r="S1716" s="7">
        <v>219</v>
      </c>
      <c r="T1716" s="7">
        <v>264</v>
      </c>
      <c r="U1716" s="7">
        <v>269</v>
      </c>
      <c r="V1716" s="7">
        <v>290</v>
      </c>
      <c r="W1716" s="7">
        <v>322</v>
      </c>
      <c r="X1716" s="7">
        <v>302</v>
      </c>
      <c r="Y1716" s="7">
        <v>256</v>
      </c>
      <c r="Z1716" s="7">
        <v>249</v>
      </c>
      <c r="AA1716" s="7">
        <v>206</v>
      </c>
      <c r="AB1716" s="7">
        <v>203</v>
      </c>
      <c r="AC1716" s="7">
        <v>219</v>
      </c>
      <c r="AD1716" s="7">
        <v>215</v>
      </c>
      <c r="AE1716" s="7">
        <v>203</v>
      </c>
      <c r="AF1716" s="7">
        <v>202</v>
      </c>
      <c r="AG1716" s="9">
        <v>14712</v>
      </c>
      <c r="AH1716" s="13">
        <v>0.76050659085034877</v>
      </c>
      <c r="AI1716" s="9">
        <v>8226</v>
      </c>
      <c r="AJ1716" s="13">
        <v>0.42522615662961999</v>
      </c>
      <c r="AK1716" s="9">
        <v>3046</v>
      </c>
      <c r="AL1716" s="13">
        <v>0.11047840121867181</v>
      </c>
      <c r="AM1716" s="9">
        <v>3440</v>
      </c>
      <c r="AN1716" s="13">
        <v>0.11235588071986152</v>
      </c>
      <c r="AO1716" s="9">
        <v>6486</v>
      </c>
      <c r="AP1716" s="13">
        <v>0.2352471800079794</v>
      </c>
      <c r="AQ1716" s="9">
        <v>19345</v>
      </c>
      <c r="AR1716" s="9">
        <v>21093</v>
      </c>
      <c r="AS1716" s="9">
        <v>21564</v>
      </c>
      <c r="AT1716" s="9">
        <v>21074</v>
      </c>
      <c r="AU1716" s="9">
        <v>23886</v>
      </c>
      <c r="AV1716" s="9">
        <v>24649</v>
      </c>
      <c r="AW1716" s="9">
        <v>27571</v>
      </c>
      <c r="AX1716" s="9">
        <v>28339</v>
      </c>
      <c r="AY1716" s="9">
        <v>29818</v>
      </c>
      <c r="AZ1716" s="9">
        <v>30617</v>
      </c>
      <c r="BA1716" s="9">
        <v>30268</v>
      </c>
      <c r="BB1716" s="9">
        <v>30775</v>
      </c>
      <c r="BC1716" s="9">
        <v>32867</v>
      </c>
      <c r="BD1716" s="9">
        <v>32475</v>
      </c>
      <c r="BE1716" s="9">
        <v>34004</v>
      </c>
      <c r="BF1716" s="9">
        <v>34057</v>
      </c>
      <c r="BG1716" s="11">
        <v>-12</v>
      </c>
      <c r="BH1716" s="13">
        <v>-0.2608695652173913</v>
      </c>
      <c r="BI1716" s="6">
        <v>2</v>
      </c>
      <c r="BJ1716" s="13">
        <v>4.3478260869565216E-2</v>
      </c>
      <c r="BK1716" s="6">
        <v>-5</v>
      </c>
      <c r="BL1716" s="13">
        <v>-0.10416666666666667</v>
      </c>
      <c r="BM1716" s="11">
        <v>-9</v>
      </c>
      <c r="BN1716" s="13">
        <v>-0.20930232558139536</v>
      </c>
      <c r="BO1716" s="11">
        <v>-14</v>
      </c>
      <c r="BP1716" s="13">
        <v>-0.29166666666666669</v>
      </c>
      <c r="BQ1716" s="6">
        <v>46</v>
      </c>
      <c r="BR1716" s="6">
        <v>45</v>
      </c>
      <c r="BS1716" s="6">
        <v>44</v>
      </c>
      <c r="BT1716" s="6">
        <v>48</v>
      </c>
      <c r="BU1716" s="6">
        <v>49</v>
      </c>
      <c r="BV1716" s="6">
        <v>45</v>
      </c>
      <c r="BW1716" s="6">
        <v>43</v>
      </c>
      <c r="BX1716" s="6">
        <v>38</v>
      </c>
      <c r="BY1716" s="6">
        <v>37</v>
      </c>
      <c r="BZ1716" s="6">
        <v>38</v>
      </c>
      <c r="CA1716" s="6">
        <v>36</v>
      </c>
      <c r="CB1716" s="6">
        <v>36</v>
      </c>
      <c r="CC1716" s="11">
        <v>34</v>
      </c>
      <c r="CD1716" s="11">
        <v>26</v>
      </c>
      <c r="CE1716" s="11">
        <v>-8</v>
      </c>
      <c r="CF1716" s="11">
        <v>18</v>
      </c>
      <c r="CG1716" s="11">
        <v>10</v>
      </c>
      <c r="CH1716" s="20">
        <v>0.46</v>
      </c>
      <c r="CI1716" s="20">
        <v>0.52</v>
      </c>
      <c r="CJ1716" s="20">
        <v>0.56000000000000005</v>
      </c>
      <c r="CK1716" s="20">
        <v>0.59</v>
      </c>
      <c r="CL1716" s="20">
        <v>0.68</v>
      </c>
      <c r="CM1716" s="20">
        <v>0.7</v>
      </c>
      <c r="CN1716" s="20">
        <v>0.75</v>
      </c>
      <c r="CO1716" s="20">
        <v>0.86</v>
      </c>
      <c r="CP1716" s="20">
        <v>0.87</v>
      </c>
      <c r="CQ1716" s="20">
        <v>0.76</v>
      </c>
      <c r="CR1716" s="20">
        <v>0.75</v>
      </c>
      <c r="CS1716" s="20">
        <v>0.61</v>
      </c>
      <c r="CT1716" s="20">
        <v>0.6</v>
      </c>
      <c r="CU1716" s="20">
        <v>0.63</v>
      </c>
      <c r="CV1716" s="20">
        <v>0.61</v>
      </c>
      <c r="CW1716" s="20">
        <v>0.57999999999999996</v>
      </c>
      <c r="CX1716" s="20">
        <v>0.56999999999999995</v>
      </c>
      <c r="CY1716" s="6" t="s">
        <v>637</v>
      </c>
      <c r="CZ1716" s="6" t="s">
        <v>638</v>
      </c>
      <c r="DA1716" s="6" t="s">
        <v>80</v>
      </c>
      <c r="DB1716" s="6"/>
      <c r="DC1716" s="6">
        <v>42740</v>
      </c>
      <c r="DD1716" s="6"/>
      <c r="DE1716" s="6" t="s">
        <v>640</v>
      </c>
      <c r="DF1716" s="6" t="s">
        <v>363</v>
      </c>
      <c r="DG1716" s="6" t="s">
        <v>364</v>
      </c>
      <c r="DH1716" s="6" t="s">
        <v>365</v>
      </c>
      <c r="DI1716" s="6"/>
      <c r="DJ1716" s="6">
        <v>29</v>
      </c>
      <c r="DK1716" s="6">
        <v>159</v>
      </c>
      <c r="DL1716" s="6">
        <v>3</v>
      </c>
      <c r="DM1716" s="6" t="s">
        <v>556</v>
      </c>
      <c r="DN1716" s="6">
        <v>4</v>
      </c>
      <c r="DO1716" s="6" t="s">
        <v>557</v>
      </c>
      <c r="DP1716" s="6"/>
      <c r="DQ1716" s="6"/>
    </row>
    <row r="1717" spans="1:121" x14ac:dyDescent="0.2">
      <c r="A1717" s="6" t="s">
        <v>317</v>
      </c>
      <c r="B1717" s="6" t="s">
        <v>317</v>
      </c>
      <c r="C1717" s="6" t="s">
        <v>186</v>
      </c>
      <c r="D1717" s="6" t="s">
        <v>80</v>
      </c>
      <c r="E1717" s="6" t="s">
        <v>221</v>
      </c>
      <c r="F1717" s="11">
        <v>248</v>
      </c>
      <c r="G1717" s="13">
        <v>0.55000000000000004</v>
      </c>
      <c r="H1717" s="11">
        <v>11</v>
      </c>
      <c r="I1717" s="13">
        <v>2.4444444444444449E-2</v>
      </c>
      <c r="J1717" s="11">
        <v>199</v>
      </c>
      <c r="K1717" s="13">
        <v>0.4316702819956616</v>
      </c>
      <c r="L1717" s="11">
        <v>38</v>
      </c>
      <c r="M1717" s="13">
        <v>5.7575757575757579E-2</v>
      </c>
      <c r="N1717" s="11">
        <v>237</v>
      </c>
      <c r="O1717" s="13">
        <v>0.51409978308026028</v>
      </c>
      <c r="P1717" s="7">
        <v>450</v>
      </c>
      <c r="Q1717" s="7">
        <v>509</v>
      </c>
      <c r="R1717" s="7">
        <v>373</v>
      </c>
      <c r="S1717" s="7">
        <v>372</v>
      </c>
      <c r="T1717" s="7">
        <v>392</v>
      </c>
      <c r="U1717" s="7">
        <v>388</v>
      </c>
      <c r="V1717" s="7">
        <v>461</v>
      </c>
      <c r="W1717" s="7">
        <v>530</v>
      </c>
      <c r="X1717" s="7">
        <v>618</v>
      </c>
      <c r="Y1717" s="7">
        <v>660</v>
      </c>
      <c r="Z1717" s="7">
        <v>692</v>
      </c>
      <c r="AA1717" s="7">
        <v>638</v>
      </c>
      <c r="AB1717" s="7">
        <v>594</v>
      </c>
      <c r="AC1717" s="7">
        <v>598</v>
      </c>
      <c r="AD1717" s="7">
        <v>653</v>
      </c>
      <c r="AE1717" s="7">
        <v>672</v>
      </c>
      <c r="AF1717" s="7">
        <v>698</v>
      </c>
      <c r="AG1717" s="9">
        <v>21210</v>
      </c>
      <c r="AH1717" s="13">
        <v>0.47479405444126083</v>
      </c>
      <c r="AI1717" s="9">
        <v>-5794</v>
      </c>
      <c r="AJ1717" s="13">
        <v>-0.1297009312320917</v>
      </c>
      <c r="AK1717" s="9">
        <v>16713</v>
      </c>
      <c r="AL1717" s="13">
        <v>0.42988322444570193</v>
      </c>
      <c r="AM1717" s="9">
        <v>10291</v>
      </c>
      <c r="AN1717" s="13">
        <v>0.18511989350794197</v>
      </c>
      <c r="AO1717" s="9">
        <v>27004</v>
      </c>
      <c r="AP1717" s="13">
        <v>0.69458305468388293</v>
      </c>
      <c r="AQ1717" s="9">
        <v>44672</v>
      </c>
      <c r="AR1717" s="9">
        <v>50466</v>
      </c>
      <c r="AS1717" s="9">
        <v>35542</v>
      </c>
      <c r="AT1717" s="9">
        <v>34063</v>
      </c>
      <c r="AU1717" s="9">
        <v>34799</v>
      </c>
      <c r="AV1717" s="9">
        <v>35524</v>
      </c>
      <c r="AW1717" s="9">
        <v>38878</v>
      </c>
      <c r="AX1717" s="9">
        <v>44064</v>
      </c>
      <c r="AY1717" s="9">
        <v>52380</v>
      </c>
      <c r="AZ1717" s="9">
        <v>55591</v>
      </c>
      <c r="BA1717" s="9">
        <v>54730</v>
      </c>
      <c r="BB1717" s="9">
        <v>51813</v>
      </c>
      <c r="BC1717" s="9">
        <v>51788</v>
      </c>
      <c r="BD1717" s="9">
        <v>57494</v>
      </c>
      <c r="BE1717" s="9">
        <v>61475</v>
      </c>
      <c r="BF1717" s="9">
        <v>65882</v>
      </c>
      <c r="BG1717" s="11">
        <v>1</v>
      </c>
      <c r="BH1717" s="13">
        <v>1.6393442622950821E-2</v>
      </c>
      <c r="BI1717" s="6">
        <v>14</v>
      </c>
      <c r="BJ1717" s="13">
        <v>0.22950819672131148</v>
      </c>
      <c r="BK1717" s="6">
        <v>1</v>
      </c>
      <c r="BL1717" s="13">
        <v>1.3333333333333334E-2</v>
      </c>
      <c r="BM1717" s="11">
        <v>-14</v>
      </c>
      <c r="BN1717" s="13">
        <v>-0.18421052631578946</v>
      </c>
      <c r="BO1717" s="11">
        <v>-13</v>
      </c>
      <c r="BP1717" s="13">
        <v>-0.17333333333333334</v>
      </c>
      <c r="BQ1717" s="6">
        <v>61</v>
      </c>
      <c r="BR1717" s="6">
        <v>69</v>
      </c>
      <c r="BS1717" s="6">
        <v>69</v>
      </c>
      <c r="BT1717" s="6">
        <v>75</v>
      </c>
      <c r="BU1717" s="6">
        <v>74</v>
      </c>
      <c r="BV1717" s="6">
        <v>72</v>
      </c>
      <c r="BW1717" s="6">
        <v>76</v>
      </c>
      <c r="BX1717" s="6">
        <v>72</v>
      </c>
      <c r="BY1717" s="6">
        <v>69</v>
      </c>
      <c r="BZ1717" s="6">
        <v>65</v>
      </c>
      <c r="CA1717" s="6">
        <v>64</v>
      </c>
      <c r="CB1717" s="6">
        <v>66</v>
      </c>
      <c r="CC1717" s="11">
        <v>62</v>
      </c>
      <c r="CD1717" s="11">
        <v>109</v>
      </c>
      <c r="CE1717" s="11">
        <v>90</v>
      </c>
      <c r="CF1717" s="11">
        <v>49</v>
      </c>
      <c r="CG1717" s="11">
        <v>139</v>
      </c>
      <c r="CH1717" s="20">
        <v>0.39</v>
      </c>
      <c r="CI1717" s="20">
        <v>0.46</v>
      </c>
      <c r="CJ1717" s="20">
        <v>0.33</v>
      </c>
      <c r="CK1717" s="20">
        <v>0.33</v>
      </c>
      <c r="CL1717" s="20">
        <v>0.34</v>
      </c>
      <c r="CM1717" s="20">
        <v>0.32</v>
      </c>
      <c r="CN1717" s="20">
        <v>0.37</v>
      </c>
      <c r="CO1717" s="20">
        <v>0.42</v>
      </c>
      <c r="CP1717" s="20">
        <v>0.51</v>
      </c>
      <c r="CQ1717" s="20">
        <v>0.54</v>
      </c>
      <c r="CR1717" s="20">
        <v>0.56000000000000005</v>
      </c>
      <c r="CS1717" s="20">
        <v>0.5</v>
      </c>
      <c r="CT1717" s="20">
        <v>0.46</v>
      </c>
      <c r="CU1717" s="20">
        <v>0.45</v>
      </c>
      <c r="CV1717" s="20">
        <v>0.48</v>
      </c>
      <c r="CW1717" s="20">
        <v>0.49</v>
      </c>
      <c r="CX1717" s="20">
        <v>0.5</v>
      </c>
      <c r="CY1717" s="6" t="s">
        <v>637</v>
      </c>
      <c r="CZ1717" s="6" t="s">
        <v>638</v>
      </c>
      <c r="DA1717" s="6" t="s">
        <v>80</v>
      </c>
      <c r="DB1717" s="6"/>
      <c r="DC1717" s="6">
        <v>42740</v>
      </c>
      <c r="DD1717" s="6"/>
      <c r="DE1717" s="6" t="s">
        <v>640</v>
      </c>
      <c r="DF1717" s="6" t="s">
        <v>363</v>
      </c>
      <c r="DG1717" s="6" t="s">
        <v>364</v>
      </c>
      <c r="DH1717" s="6" t="s">
        <v>365</v>
      </c>
      <c r="DI1717" s="6"/>
      <c r="DJ1717" s="6">
        <v>29</v>
      </c>
      <c r="DK1717" s="6">
        <v>159</v>
      </c>
      <c r="DL1717" s="6">
        <v>3</v>
      </c>
      <c r="DM1717" s="6" t="s">
        <v>556</v>
      </c>
      <c r="DN1717" s="6">
        <v>4</v>
      </c>
      <c r="DO1717" s="6" t="s">
        <v>557</v>
      </c>
      <c r="DP1717" s="6"/>
      <c r="DQ1717" s="6"/>
    </row>
    <row r="1718" spans="1:121" x14ac:dyDescent="0.2">
      <c r="A1718" s="6" t="s">
        <v>318</v>
      </c>
      <c r="B1718" s="6" t="s">
        <v>318</v>
      </c>
      <c r="C1718" s="6" t="s">
        <v>187</v>
      </c>
      <c r="D1718" s="6" t="s">
        <v>80</v>
      </c>
      <c r="E1718" s="6" t="s">
        <v>221</v>
      </c>
      <c r="F1718" s="11">
        <v>144</v>
      </c>
      <c r="G1718" s="13">
        <v>1.39805825243</v>
      </c>
      <c r="H1718" s="11">
        <v>92.917407999999995</v>
      </c>
      <c r="I1718" s="13">
        <v>0.90155228502918427</v>
      </c>
      <c r="J1718" s="11">
        <v>-11.114722999999998</v>
      </c>
      <c r="K1718" s="13">
        <v>-5.671320677412689E-2</v>
      </c>
      <c r="L1718" s="11">
        <v>62.306059011000002</v>
      </c>
      <c r="M1718" s="13">
        <v>0.33703273831851699</v>
      </c>
      <c r="N1718" s="11">
        <v>51.191336011000004</v>
      </c>
      <c r="O1718" s="13">
        <v>0.26120532416648184</v>
      </c>
      <c r="P1718" s="7">
        <v>103.063804</v>
      </c>
      <c r="Q1718" s="7">
        <v>101.165474</v>
      </c>
      <c r="R1718" s="7">
        <v>92.685596000000004</v>
      </c>
      <c r="S1718" s="7">
        <v>93.978505999999996</v>
      </c>
      <c r="T1718" s="7">
        <v>182.911822</v>
      </c>
      <c r="U1718" s="7">
        <v>187.44775899999999</v>
      </c>
      <c r="V1718" s="7">
        <v>195.981212</v>
      </c>
      <c r="W1718" s="7">
        <v>193.45955499999999</v>
      </c>
      <c r="X1718" s="7">
        <v>188.46232699999999</v>
      </c>
      <c r="Y1718" s="7">
        <v>184.866489</v>
      </c>
      <c r="Z1718" s="7">
        <v>81.187087000000005</v>
      </c>
      <c r="AA1718" s="7">
        <v>76.153287000000006</v>
      </c>
      <c r="AB1718" s="7">
        <v>106.969511</v>
      </c>
      <c r="AC1718" s="7">
        <v>123.993315</v>
      </c>
      <c r="AD1718" s="7">
        <v>162.87190200000001</v>
      </c>
      <c r="AE1718" s="7">
        <v>232.75383875</v>
      </c>
      <c r="AF1718" s="7">
        <v>247.172548011</v>
      </c>
      <c r="AG1718" s="9">
        <v>26742.434083799999</v>
      </c>
      <c r="AH1718" s="13">
        <v>0.55917967990895345</v>
      </c>
      <c r="AI1718" s="9">
        <v>-590.23268030000327</v>
      </c>
      <c r="AJ1718" s="13">
        <v>-1.2341663447976652E-2</v>
      </c>
      <c r="AK1718" s="9">
        <v>-10173.875966699998</v>
      </c>
      <c r="AL1718" s="13">
        <v>-0.21539228919995451</v>
      </c>
      <c r="AM1718" s="9">
        <v>37506.5427308</v>
      </c>
      <c r="AN1718" s="13">
        <v>1.0120411585490039</v>
      </c>
      <c r="AO1718" s="9">
        <v>27332.666764100002</v>
      </c>
      <c r="AP1718" s="13">
        <v>0.57866300744460542</v>
      </c>
      <c r="AQ1718" s="9">
        <v>47824.402503600002</v>
      </c>
      <c r="AR1718" s="9">
        <v>46531.690341499998</v>
      </c>
      <c r="AS1718" s="9">
        <v>47885.3496055</v>
      </c>
      <c r="AT1718" s="9">
        <v>45140.551867399998</v>
      </c>
      <c r="AU1718" s="9">
        <v>38407.363778699997</v>
      </c>
      <c r="AV1718" s="9">
        <v>43674.019627399997</v>
      </c>
      <c r="AW1718" s="9">
        <v>47234.169823299999</v>
      </c>
      <c r="AX1718" s="9">
        <v>38129.478626099997</v>
      </c>
      <c r="AY1718" s="9">
        <v>37399.083257600003</v>
      </c>
      <c r="AZ1718" s="9">
        <v>37060.293856600001</v>
      </c>
      <c r="BA1718" s="9">
        <v>55018.322702500001</v>
      </c>
      <c r="BB1718" s="9">
        <v>55130.474656400002</v>
      </c>
      <c r="BC1718" s="9">
        <v>63284.099541099997</v>
      </c>
      <c r="BD1718" s="9">
        <v>59417.666343800003</v>
      </c>
      <c r="BE1718" s="9">
        <v>67828.076607900002</v>
      </c>
      <c r="BF1718" s="9">
        <v>74566.836587400001</v>
      </c>
      <c r="BG1718" s="11">
        <v>4</v>
      </c>
      <c r="BH1718" s="13">
        <v>0.5714285714285714</v>
      </c>
      <c r="BI1718" s="6">
        <v>3</v>
      </c>
      <c r="BJ1718" s="13">
        <v>0.42857142857142855</v>
      </c>
      <c r="BK1718" s="6">
        <v>-1</v>
      </c>
      <c r="BL1718" s="13">
        <v>-0.1</v>
      </c>
      <c r="BM1718" s="11">
        <v>2</v>
      </c>
      <c r="BN1718" s="13">
        <v>0.22222222222222221</v>
      </c>
      <c r="BO1718" s="11">
        <v>1</v>
      </c>
      <c r="BP1718" s="13">
        <v>0.1</v>
      </c>
      <c r="BQ1718" s="6">
        <v>7</v>
      </c>
      <c r="BR1718" s="6">
        <v>8</v>
      </c>
      <c r="BS1718" s="6">
        <v>8</v>
      </c>
      <c r="BT1718" s="6">
        <v>10</v>
      </c>
      <c r="BU1718" s="6">
        <v>10</v>
      </c>
      <c r="BV1718" s="6">
        <v>8</v>
      </c>
      <c r="BW1718" s="6">
        <v>9</v>
      </c>
      <c r="BX1718" s="6">
        <v>8</v>
      </c>
      <c r="BY1718" s="6">
        <v>8</v>
      </c>
      <c r="BZ1718" s="6">
        <v>9</v>
      </c>
      <c r="CA1718" s="6">
        <v>9</v>
      </c>
      <c r="CB1718" s="6">
        <v>11</v>
      </c>
      <c r="CC1718" s="11">
        <v>11</v>
      </c>
      <c r="CD1718" s="11">
        <v>110.776</v>
      </c>
      <c r="CE1718" s="11">
        <v>22.066800000000001</v>
      </c>
      <c r="CF1718" s="11">
        <v>11.2661</v>
      </c>
      <c r="CG1718" s="11">
        <v>33</v>
      </c>
      <c r="CH1718" s="20">
        <v>0.41123599999999999</v>
      </c>
      <c r="CI1718" s="20">
        <v>0.41511199999999998</v>
      </c>
      <c r="CJ1718" s="20">
        <v>0.38930199999999998</v>
      </c>
      <c r="CK1718" s="20">
        <v>0.39029799999999998</v>
      </c>
      <c r="CL1718" s="20">
        <v>0.74026700000000001</v>
      </c>
      <c r="CM1718" s="20">
        <v>0.74934400000000001</v>
      </c>
      <c r="CN1718" s="20">
        <v>0.75398100000000001</v>
      </c>
      <c r="CO1718" s="20">
        <v>0.72695500000000002</v>
      </c>
      <c r="CP1718" s="20">
        <v>0.73120200000000002</v>
      </c>
      <c r="CQ1718" s="20">
        <v>0.70996599999999999</v>
      </c>
      <c r="CR1718" s="20">
        <v>0.30272900000000003</v>
      </c>
      <c r="CS1718" s="20">
        <v>0.27342</v>
      </c>
      <c r="CT1718" s="20">
        <v>0.37273899999999999</v>
      </c>
      <c r="CU1718" s="20">
        <v>0.41559400000000002</v>
      </c>
      <c r="CV1718" s="20">
        <v>0.53768300000000002</v>
      </c>
      <c r="CW1718" s="20">
        <v>0.77258400000000005</v>
      </c>
      <c r="CX1718" s="20">
        <v>0.805755</v>
      </c>
      <c r="CY1718" s="6" t="s">
        <v>637</v>
      </c>
      <c r="CZ1718" s="6" t="s">
        <v>638</v>
      </c>
      <c r="DA1718" s="6" t="s">
        <v>80</v>
      </c>
      <c r="DB1718" s="6"/>
      <c r="DC1718" s="6">
        <v>42740</v>
      </c>
      <c r="DD1718" s="6"/>
      <c r="DE1718" s="6" t="s">
        <v>640</v>
      </c>
      <c r="DF1718" s="6" t="s">
        <v>363</v>
      </c>
      <c r="DG1718" s="6" t="s">
        <v>364</v>
      </c>
      <c r="DH1718" s="6" t="s">
        <v>365</v>
      </c>
      <c r="DI1718" s="6"/>
      <c r="DJ1718" s="6">
        <v>29</v>
      </c>
      <c r="DK1718" s="6">
        <v>159</v>
      </c>
      <c r="DL1718" s="6">
        <v>3</v>
      </c>
      <c r="DM1718" s="6" t="s">
        <v>556</v>
      </c>
      <c r="DN1718" s="6">
        <v>4</v>
      </c>
      <c r="DO1718" s="6" t="s">
        <v>557</v>
      </c>
      <c r="DP1718" s="6"/>
      <c r="DQ1718" s="6"/>
    </row>
    <row r="1719" spans="1:121" x14ac:dyDescent="0.2">
      <c r="A1719" s="6" t="s">
        <v>319</v>
      </c>
      <c r="B1719" s="6" t="s">
        <v>319</v>
      </c>
      <c r="C1719" s="6" t="s">
        <v>188</v>
      </c>
      <c r="D1719" s="6" t="s">
        <v>80</v>
      </c>
      <c r="E1719" s="6" t="s">
        <v>221</v>
      </c>
      <c r="F1719" s="11">
        <v>621</v>
      </c>
      <c r="G1719" s="13">
        <v>0.92686567164199996</v>
      </c>
      <c r="H1719" s="11">
        <v>482.88539152199985</v>
      </c>
      <c r="I1719" s="13">
        <v>0.72025866463033339</v>
      </c>
      <c r="J1719" s="11">
        <v>-514.12745174899987</v>
      </c>
      <c r="K1719" s="13">
        <v>-0.4457809074623838</v>
      </c>
      <c r="L1719" s="11">
        <v>652.14170633899994</v>
      </c>
      <c r="M1719" s="13">
        <v>1.0202607113403372</v>
      </c>
      <c r="N1719" s="11">
        <v>138.01425459000006</v>
      </c>
      <c r="O1719" s="13">
        <v>0.11966705812844076</v>
      </c>
      <c r="P1719" s="7">
        <v>670.43329741800005</v>
      </c>
      <c r="Q1719" s="7">
        <v>778.84222956099995</v>
      </c>
      <c r="R1719" s="7">
        <v>714.92257937399995</v>
      </c>
      <c r="S1719" s="7">
        <v>955.18907197999999</v>
      </c>
      <c r="T1719" s="7">
        <v>1069.01274023</v>
      </c>
      <c r="U1719" s="7">
        <v>1162.6072975300001</v>
      </c>
      <c r="V1719" s="7">
        <v>1153.3186889399999</v>
      </c>
      <c r="W1719" s="7">
        <v>969.84931070200003</v>
      </c>
      <c r="X1719" s="7">
        <v>518.13382554299994</v>
      </c>
      <c r="Y1719" s="7">
        <v>639.19123719100003</v>
      </c>
      <c r="Z1719" s="7">
        <v>874.19378846100005</v>
      </c>
      <c r="AA1719" s="7">
        <v>869.478908198</v>
      </c>
      <c r="AB1719" s="7">
        <v>1065.1174928099999</v>
      </c>
      <c r="AC1719" s="7">
        <v>1215.71329163</v>
      </c>
      <c r="AD1719" s="7">
        <v>1351.76532238</v>
      </c>
      <c r="AE1719" s="7">
        <v>1216.05675606</v>
      </c>
      <c r="AF1719" s="7">
        <v>1291.33294353</v>
      </c>
      <c r="AG1719" s="9">
        <v>14106.809569400002</v>
      </c>
      <c r="AH1719" s="13">
        <v>0.87168757995192192</v>
      </c>
      <c r="AI1719" s="9">
        <v>6171.3362930000021</v>
      </c>
      <c r="AJ1719" s="13">
        <v>0.38133903855791823</v>
      </c>
      <c r="AK1719" s="9">
        <v>7030.281782799997</v>
      </c>
      <c r="AL1719" s="13">
        <v>0.31448830588813775</v>
      </c>
      <c r="AM1719" s="9">
        <v>905.19149360000301</v>
      </c>
      <c r="AN1719" s="13">
        <v>3.0804595177023743E-2</v>
      </c>
      <c r="AO1719" s="9">
        <v>7935.4732764</v>
      </c>
      <c r="AP1719" s="13">
        <v>0.35498058601595361</v>
      </c>
      <c r="AQ1719" s="9">
        <v>16183.332071999999</v>
      </c>
      <c r="AR1719" s="9">
        <v>15525.181146200001</v>
      </c>
      <c r="AS1719" s="9">
        <v>17174.534128399999</v>
      </c>
      <c r="AT1719" s="9">
        <v>19426.720990099999</v>
      </c>
      <c r="AU1719" s="9">
        <v>21046.649811700001</v>
      </c>
      <c r="AV1719" s="9">
        <v>21349.2949305</v>
      </c>
      <c r="AW1719" s="9">
        <v>22354.668365000001</v>
      </c>
      <c r="AX1719" s="9">
        <v>23631.6062127</v>
      </c>
      <c r="AY1719" s="9">
        <v>25383.7103532</v>
      </c>
      <c r="AZ1719" s="9">
        <v>29384.950147799998</v>
      </c>
      <c r="BA1719" s="9">
        <v>25591.374574500001</v>
      </c>
      <c r="BB1719" s="9">
        <v>28703.1400454</v>
      </c>
      <c r="BC1719" s="9">
        <v>29546.4527423</v>
      </c>
      <c r="BD1719" s="9">
        <v>29991.753009799999</v>
      </c>
      <c r="BE1719" s="9">
        <v>28265.781228</v>
      </c>
      <c r="BF1719" s="9">
        <v>30290.141641400001</v>
      </c>
      <c r="BG1719" s="11">
        <v>2.25</v>
      </c>
      <c r="BH1719" s="13">
        <v>5.3571428571428568E-2</v>
      </c>
      <c r="BI1719" s="6">
        <v>-1</v>
      </c>
      <c r="BJ1719" s="13">
        <v>-2.3809523809523808E-2</v>
      </c>
      <c r="BK1719" s="6">
        <v>1</v>
      </c>
      <c r="BL1719" s="13">
        <v>2.4390243902439025E-2</v>
      </c>
      <c r="BM1719" s="11">
        <v>2.25</v>
      </c>
      <c r="BN1719" s="13">
        <v>5.3571428571428568E-2</v>
      </c>
      <c r="BO1719" s="11">
        <v>3.25</v>
      </c>
      <c r="BP1719" s="13">
        <v>7.926829268292683E-2</v>
      </c>
      <c r="BQ1719" s="6">
        <v>42</v>
      </c>
      <c r="BR1719" s="6">
        <v>45</v>
      </c>
      <c r="BS1719" s="6">
        <v>44</v>
      </c>
      <c r="BT1719" s="6">
        <v>41</v>
      </c>
      <c r="BU1719" s="6">
        <v>42</v>
      </c>
      <c r="BV1719" s="6">
        <v>39</v>
      </c>
      <c r="BW1719" s="6">
        <v>42</v>
      </c>
      <c r="BX1719" s="6">
        <v>43</v>
      </c>
      <c r="BY1719" s="6">
        <v>42</v>
      </c>
      <c r="BZ1719" s="6">
        <v>43</v>
      </c>
      <c r="CA1719" s="6">
        <v>43</v>
      </c>
      <c r="CB1719" s="6">
        <v>48</v>
      </c>
      <c r="CC1719" s="11">
        <v>44.25</v>
      </c>
      <c r="CD1719" s="11">
        <v>487.29300000000001</v>
      </c>
      <c r="CE1719" s="11">
        <v>60.320599999999999</v>
      </c>
      <c r="CF1719" s="11">
        <v>73.2864</v>
      </c>
      <c r="CG1719" s="11">
        <v>133</v>
      </c>
      <c r="CH1719" s="20">
        <v>0.54535699999999998</v>
      </c>
      <c r="CI1719" s="20">
        <v>0.64515599999999995</v>
      </c>
      <c r="CJ1719" s="20">
        <v>0.59542899999999999</v>
      </c>
      <c r="CK1719" s="20">
        <v>0.77740500000000001</v>
      </c>
      <c r="CL1719" s="20">
        <v>0.84187100000000004</v>
      </c>
      <c r="CM1719" s="20">
        <v>0.90025500000000003</v>
      </c>
      <c r="CN1719" s="20">
        <v>0.87750899999999998</v>
      </c>
      <c r="CO1719" s="20">
        <v>0.77663099999999996</v>
      </c>
      <c r="CP1719" s="20">
        <v>0.46117999999999998</v>
      </c>
      <c r="CQ1719" s="20">
        <v>0.54739700000000002</v>
      </c>
      <c r="CR1719" s="20">
        <v>0.72291399999999995</v>
      </c>
      <c r="CS1719" s="20">
        <v>0.70122799999999996</v>
      </c>
      <c r="CT1719" s="20">
        <v>0.84318599999999999</v>
      </c>
      <c r="CU1719" s="20">
        <v>0.92455200000000004</v>
      </c>
      <c r="CV1719" s="20">
        <v>1.0097799999999999</v>
      </c>
      <c r="CW1719" s="20">
        <v>0.90925800000000001</v>
      </c>
      <c r="CX1719" s="20">
        <v>0.94701500000000005</v>
      </c>
      <c r="CY1719" s="6" t="s">
        <v>637</v>
      </c>
      <c r="CZ1719" s="6" t="s">
        <v>638</v>
      </c>
      <c r="DA1719" s="6" t="s">
        <v>80</v>
      </c>
      <c r="DB1719" s="6"/>
      <c r="DC1719" s="6">
        <v>42740</v>
      </c>
      <c r="DD1719" s="6"/>
      <c r="DE1719" s="6" t="s">
        <v>640</v>
      </c>
      <c r="DF1719" s="6" t="s">
        <v>363</v>
      </c>
      <c r="DG1719" s="6" t="s">
        <v>364</v>
      </c>
      <c r="DH1719" s="6" t="s">
        <v>365</v>
      </c>
      <c r="DI1719" s="6"/>
      <c r="DJ1719" s="6">
        <v>29</v>
      </c>
      <c r="DK1719" s="6">
        <v>159</v>
      </c>
      <c r="DL1719" s="6">
        <v>3</v>
      </c>
      <c r="DM1719" s="6" t="s">
        <v>556</v>
      </c>
      <c r="DN1719" s="6">
        <v>4</v>
      </c>
      <c r="DO1719" s="6" t="s">
        <v>557</v>
      </c>
      <c r="DP1719" s="6"/>
      <c r="DQ1719" s="6"/>
    </row>
    <row r="1720" spans="1:121" x14ac:dyDescent="0.2">
      <c r="A1720" s="6" t="s">
        <v>320</v>
      </c>
      <c r="B1720" s="6" t="s">
        <v>320</v>
      </c>
      <c r="C1720" s="6" t="s">
        <v>189</v>
      </c>
      <c r="D1720" s="6" t="s">
        <v>80</v>
      </c>
      <c r="E1720" s="6" t="s">
        <v>221</v>
      </c>
      <c r="F1720" s="11">
        <v>-1</v>
      </c>
      <c r="G1720" s="13">
        <v>-1.23456790123E-2</v>
      </c>
      <c r="H1720" s="11">
        <v>45.311924538200003</v>
      </c>
      <c r="I1720" s="13">
        <v>0.55828426729395175</v>
      </c>
      <c r="J1720" s="11">
        <v>-21.867665017000007</v>
      </c>
      <c r="K1720" s="13">
        <v>-0.17290143888594942</v>
      </c>
      <c r="L1720" s="11">
        <v>-24.219734382699997</v>
      </c>
      <c r="M1720" s="13">
        <v>-0.23153055118684601</v>
      </c>
      <c r="N1720" s="11">
        <v>-46.087399399700004</v>
      </c>
      <c r="O1720" s="13">
        <v>-0.36440002462653281</v>
      </c>
      <c r="P1720" s="7">
        <v>81.1628182858</v>
      </c>
      <c r="Q1720" s="7">
        <v>86.549663550299996</v>
      </c>
      <c r="R1720" s="7">
        <v>82.367272827899995</v>
      </c>
      <c r="S1720" s="7">
        <v>24.950610267999998</v>
      </c>
      <c r="T1720" s="7">
        <v>130.318323561</v>
      </c>
      <c r="U1720" s="7">
        <v>135.32194002099999</v>
      </c>
      <c r="V1720" s="7">
        <v>126.474742824</v>
      </c>
      <c r="W1720" s="7">
        <v>133.55663005900001</v>
      </c>
      <c r="X1720" s="7">
        <v>140.027900848</v>
      </c>
      <c r="Y1720" s="7">
        <v>104.607077807</v>
      </c>
      <c r="Z1720" s="7">
        <v>106.803302872</v>
      </c>
      <c r="AA1720" s="7">
        <v>110.93730389300001</v>
      </c>
      <c r="AB1720" s="7">
        <v>92.365706143899999</v>
      </c>
      <c r="AC1720" s="7">
        <v>82.128014281999995</v>
      </c>
      <c r="AD1720" s="7">
        <v>84.307122995300006</v>
      </c>
      <c r="AE1720" s="7">
        <v>85.0130753734</v>
      </c>
      <c r="AF1720" s="7">
        <v>80.387343424299999</v>
      </c>
      <c r="AG1720" s="9">
        <v>778.72629430000052</v>
      </c>
      <c r="AH1720" s="13">
        <v>5.9797951459920451E-2</v>
      </c>
      <c r="AI1720" s="9">
        <v>4220.523504499999</v>
      </c>
      <c r="AJ1720" s="13">
        <v>0.32409161152624005</v>
      </c>
      <c r="AK1720" s="9">
        <v>508.83775800000149</v>
      </c>
      <c r="AL1720" s="13">
        <v>2.9509561986947517E-2</v>
      </c>
      <c r="AM1720" s="9">
        <v>-3950.6349682</v>
      </c>
      <c r="AN1720" s="13">
        <v>-0.22254608144561799</v>
      </c>
      <c r="AO1720" s="9">
        <v>-3441.7972101999985</v>
      </c>
      <c r="AP1720" s="13">
        <v>-0.19960375684404225</v>
      </c>
      <c r="AQ1720" s="9">
        <v>13022.6249443</v>
      </c>
      <c r="AR1720" s="9">
        <v>14721.0775586</v>
      </c>
      <c r="AS1720" s="9">
        <v>15515.9383086</v>
      </c>
      <c r="AT1720" s="9">
        <v>26154.907809100001</v>
      </c>
      <c r="AU1720" s="9">
        <v>18696.538783700002</v>
      </c>
      <c r="AV1720" s="9">
        <v>19477.8806281</v>
      </c>
      <c r="AW1720" s="9">
        <v>17243.148448799999</v>
      </c>
      <c r="AX1720" s="9">
        <v>16256.926539</v>
      </c>
      <c r="AY1720" s="9">
        <v>17325.145752600001</v>
      </c>
      <c r="AZ1720" s="9">
        <v>17751.9862068</v>
      </c>
      <c r="BA1720" s="9">
        <v>8830.7391179700007</v>
      </c>
      <c r="BB1720" s="9">
        <v>14282.715302500001</v>
      </c>
      <c r="BC1720" s="9">
        <v>15625.384456899999</v>
      </c>
      <c r="BD1720" s="9">
        <v>13637.459272599999</v>
      </c>
      <c r="BE1720" s="9">
        <v>13787.852545600001</v>
      </c>
      <c r="BF1720" s="9">
        <v>13801.3512386</v>
      </c>
      <c r="BG1720" s="11">
        <v>1.25</v>
      </c>
      <c r="BH1720" s="13">
        <v>0.625</v>
      </c>
      <c r="BI1720" s="6">
        <v>0</v>
      </c>
      <c r="BJ1720" s="13">
        <v>0</v>
      </c>
      <c r="BK1720" s="6">
        <v>1</v>
      </c>
      <c r="BL1720" s="13">
        <v>0.5</v>
      </c>
      <c r="BM1720" s="11">
        <v>0.25</v>
      </c>
      <c r="BN1720" s="13">
        <v>8.3333333333333329E-2</v>
      </c>
      <c r="BO1720" s="11">
        <v>1.25</v>
      </c>
      <c r="BP1720" s="13">
        <v>0.625</v>
      </c>
      <c r="BQ1720" s="6">
        <v>2</v>
      </c>
      <c r="BR1720" s="6">
        <v>2</v>
      </c>
      <c r="BS1720" s="6">
        <v>2</v>
      </c>
      <c r="BT1720" s="6">
        <v>2</v>
      </c>
      <c r="BU1720" s="6">
        <v>2</v>
      </c>
      <c r="BV1720" s="6">
        <v>2</v>
      </c>
      <c r="BW1720" s="6">
        <v>3</v>
      </c>
      <c r="BX1720" s="6">
        <v>3</v>
      </c>
      <c r="BY1720" s="6">
        <v>4</v>
      </c>
      <c r="BZ1720" s="6">
        <v>4</v>
      </c>
      <c r="CA1720" s="6">
        <v>4</v>
      </c>
      <c r="CB1720" s="6">
        <v>4</v>
      </c>
      <c r="CC1720" s="11">
        <v>3.25</v>
      </c>
      <c r="CD1720" s="11">
        <v>-39.036999999999999</v>
      </c>
      <c r="CE1720" s="11">
        <v>29.389500000000002</v>
      </c>
      <c r="CF1720" s="11">
        <v>8.8720700000000008</v>
      </c>
      <c r="CG1720" s="11">
        <v>38</v>
      </c>
      <c r="CH1720" s="20">
        <v>0.19788800000000001</v>
      </c>
      <c r="CI1720" s="20">
        <v>0.20535400000000001</v>
      </c>
      <c r="CJ1720" s="20">
        <v>0.19082299999999999</v>
      </c>
      <c r="CK1720" s="20">
        <v>5.6270599999999997E-2</v>
      </c>
      <c r="CL1720" s="20">
        <v>0.29075600000000001</v>
      </c>
      <c r="CM1720" s="20">
        <v>0.298323</v>
      </c>
      <c r="CN1720" s="20">
        <v>0.26968900000000001</v>
      </c>
      <c r="CO1720" s="20">
        <v>0.27857700000000002</v>
      </c>
      <c r="CP1720" s="20">
        <v>0.28741299999999997</v>
      </c>
      <c r="CQ1720" s="20">
        <v>0.20813300000000001</v>
      </c>
      <c r="CR1720" s="20">
        <v>0.20669999999999999</v>
      </c>
      <c r="CS1720" s="20">
        <v>0.21140999999999999</v>
      </c>
      <c r="CT1720" s="20">
        <v>0.175034</v>
      </c>
      <c r="CU1720" s="20">
        <v>0.15130399999999999</v>
      </c>
      <c r="CV1720" s="20">
        <v>0.15421199999999999</v>
      </c>
      <c r="CW1720" s="20">
        <v>0.15585199999999999</v>
      </c>
      <c r="CX1720" s="20">
        <v>0.14402200000000001</v>
      </c>
      <c r="CY1720" s="6" t="s">
        <v>637</v>
      </c>
      <c r="CZ1720" s="6" t="s">
        <v>638</v>
      </c>
      <c r="DA1720" s="6" t="s">
        <v>80</v>
      </c>
      <c r="DB1720" s="6"/>
      <c r="DC1720" s="6">
        <v>42740</v>
      </c>
      <c r="DD1720" s="6"/>
      <c r="DE1720" s="6" t="s">
        <v>640</v>
      </c>
      <c r="DF1720" s="6" t="s">
        <v>363</v>
      </c>
      <c r="DG1720" s="6" t="s">
        <v>364</v>
      </c>
      <c r="DH1720" s="6" t="s">
        <v>365</v>
      </c>
      <c r="DI1720" s="6"/>
      <c r="DJ1720" s="6">
        <v>29</v>
      </c>
      <c r="DK1720" s="6">
        <v>159</v>
      </c>
      <c r="DL1720" s="6">
        <v>3</v>
      </c>
      <c r="DM1720" s="6" t="s">
        <v>556</v>
      </c>
      <c r="DN1720" s="6">
        <v>4</v>
      </c>
      <c r="DO1720" s="6" t="s">
        <v>557</v>
      </c>
      <c r="DP1720" s="6"/>
      <c r="DQ1720" s="6"/>
    </row>
    <row r="1721" spans="1:121" x14ac:dyDescent="0.2">
      <c r="A1721" s="6" t="s">
        <v>321</v>
      </c>
      <c r="B1721" s="6" t="s">
        <v>321</v>
      </c>
      <c r="C1721" s="6" t="s">
        <v>190</v>
      </c>
      <c r="D1721" s="6" t="s">
        <v>80</v>
      </c>
      <c r="E1721" s="6" t="s">
        <v>221</v>
      </c>
      <c r="F1721" s="11">
        <v>801</v>
      </c>
      <c r="G1721" s="13">
        <v>0.45228684359100002</v>
      </c>
      <c r="H1721" s="11">
        <v>260.91355537999993</v>
      </c>
      <c r="I1721" s="13">
        <v>0.147332402853009</v>
      </c>
      <c r="J1721" s="11">
        <v>133.22894171999997</v>
      </c>
      <c r="K1721" s="13">
        <v>6.5570870327722366E-2</v>
      </c>
      <c r="L1721" s="11">
        <v>406.95609762000004</v>
      </c>
      <c r="M1721" s="13">
        <v>0.18796526029809743</v>
      </c>
      <c r="N1721" s="11">
        <v>540.18503934</v>
      </c>
      <c r="O1721" s="13">
        <v>0.26586117633494294</v>
      </c>
      <c r="P1721" s="7">
        <v>1770.91766867</v>
      </c>
      <c r="Q1721" s="7">
        <v>1882.02145479</v>
      </c>
      <c r="R1721" s="7">
        <v>1970.28746058</v>
      </c>
      <c r="S1721" s="7">
        <v>1953.2827767900001</v>
      </c>
      <c r="T1721" s="7">
        <v>1906.8081058299999</v>
      </c>
      <c r="U1721" s="7">
        <v>1922.6226306000001</v>
      </c>
      <c r="V1721" s="7">
        <v>2031.8312240499999</v>
      </c>
      <c r="W1721" s="7">
        <v>1989.5474039999999</v>
      </c>
      <c r="X1721" s="7">
        <v>2019.3235230800001</v>
      </c>
      <c r="Y1721" s="7">
        <v>2165.0601657699999</v>
      </c>
      <c r="Z1721" s="7">
        <v>2158.1351458200002</v>
      </c>
      <c r="AA1721" s="7">
        <v>2514.8824220699998</v>
      </c>
      <c r="AB1721" s="7">
        <v>2352.4746623699998</v>
      </c>
      <c r="AC1721" s="7">
        <v>2530.16757349</v>
      </c>
      <c r="AD1721" s="7">
        <v>2551.2948828200001</v>
      </c>
      <c r="AE1721" s="7">
        <v>2504.5138092900002</v>
      </c>
      <c r="AF1721" s="7">
        <v>2572.0162633899999</v>
      </c>
      <c r="AG1721" s="9">
        <v>6147.8691906999993</v>
      </c>
      <c r="AH1721" s="13">
        <v>0.25695497662227768</v>
      </c>
      <c r="AI1721" s="9">
        <v>2895.0306568999986</v>
      </c>
      <c r="AJ1721" s="13">
        <v>0.12100005899439384</v>
      </c>
      <c r="AK1721" s="9">
        <v>2566.8936057999999</v>
      </c>
      <c r="AL1721" s="13">
        <v>9.5705004430598845E-2</v>
      </c>
      <c r="AM1721" s="9">
        <v>685.9449280000008</v>
      </c>
      <c r="AN1721" s="13">
        <v>2.334115719996525E-2</v>
      </c>
      <c r="AO1721" s="9">
        <v>3252.8385338000007</v>
      </c>
      <c r="AP1721" s="13">
        <v>0.12128002718380208</v>
      </c>
      <c r="AQ1721" s="9">
        <v>23925.861532300001</v>
      </c>
      <c r="AR1721" s="9">
        <v>24059.017664899999</v>
      </c>
      <c r="AS1721" s="9">
        <v>24617.2844468</v>
      </c>
      <c r="AT1721" s="9">
        <v>24773.870119300002</v>
      </c>
      <c r="AU1721" s="9">
        <v>26243.239754300001</v>
      </c>
      <c r="AV1721" s="9">
        <v>27142.017795899999</v>
      </c>
      <c r="AW1721" s="9">
        <v>26820.8921892</v>
      </c>
      <c r="AX1721" s="9">
        <v>28362.811523100001</v>
      </c>
      <c r="AY1721" s="9">
        <v>28793.359197000002</v>
      </c>
      <c r="AZ1721" s="9">
        <v>29387.785795</v>
      </c>
      <c r="BA1721" s="9">
        <v>29468.546084000001</v>
      </c>
      <c r="BB1721" s="9">
        <v>27545.2002459</v>
      </c>
      <c r="BC1721" s="9">
        <v>29065.833852899999</v>
      </c>
      <c r="BD1721" s="9">
        <v>28807.858868200001</v>
      </c>
      <c r="BE1721" s="9">
        <v>29816.2535278</v>
      </c>
      <c r="BF1721" s="9">
        <v>30073.730723000001</v>
      </c>
      <c r="BG1721" s="11">
        <v>198</v>
      </c>
      <c r="BH1721" s="13">
        <v>1.6923076923076923</v>
      </c>
      <c r="BI1721" s="6">
        <v>-1</v>
      </c>
      <c r="BJ1721" s="13">
        <v>-8.5470085470085479E-3</v>
      </c>
      <c r="BK1721" s="6">
        <v>6</v>
      </c>
      <c r="BL1721" s="13">
        <v>5.1724137931034482E-2</v>
      </c>
      <c r="BM1721" s="11">
        <v>193</v>
      </c>
      <c r="BN1721" s="13">
        <v>1.5819672131147542</v>
      </c>
      <c r="BO1721" s="11">
        <v>199</v>
      </c>
      <c r="BP1721" s="13">
        <v>1.7155172413793103</v>
      </c>
      <c r="BQ1721" s="6">
        <v>117</v>
      </c>
      <c r="BR1721" s="6">
        <v>116</v>
      </c>
      <c r="BS1721" s="6">
        <v>117</v>
      </c>
      <c r="BT1721" s="6">
        <v>116</v>
      </c>
      <c r="BU1721" s="6">
        <v>123</v>
      </c>
      <c r="BV1721" s="6">
        <v>120</v>
      </c>
      <c r="BW1721" s="6">
        <v>122</v>
      </c>
      <c r="BX1721" s="6">
        <v>117</v>
      </c>
      <c r="BY1721" s="6">
        <v>118</v>
      </c>
      <c r="BZ1721" s="6">
        <v>277</v>
      </c>
      <c r="CA1721" s="6">
        <v>311</v>
      </c>
      <c r="CB1721" s="6">
        <v>323</v>
      </c>
      <c r="CC1721" s="11">
        <v>315</v>
      </c>
      <c r="CD1721" s="11">
        <v>-37.393000000000001</v>
      </c>
      <c r="CE1721" s="11">
        <v>644.90899999999999</v>
      </c>
      <c r="CF1721" s="11">
        <v>193.583</v>
      </c>
      <c r="CG1721" s="11">
        <v>839</v>
      </c>
      <c r="CH1721" s="20">
        <v>0.87427200000000005</v>
      </c>
      <c r="CI1721" s="20">
        <v>0.91074200000000005</v>
      </c>
      <c r="CJ1721" s="20">
        <v>0.92935800000000002</v>
      </c>
      <c r="CK1721" s="20">
        <v>0.91146400000000005</v>
      </c>
      <c r="CL1721" s="20">
        <v>0.87072000000000005</v>
      </c>
      <c r="CM1721" s="20">
        <v>0.864734</v>
      </c>
      <c r="CN1721" s="20">
        <v>0.88197599999999998</v>
      </c>
      <c r="CO1721" s="20">
        <v>0.84762800000000005</v>
      </c>
      <c r="CP1721" s="20">
        <v>0.85308600000000001</v>
      </c>
      <c r="CQ1721" s="20">
        <v>0.89221399999999995</v>
      </c>
      <c r="CR1721" s="20">
        <v>0.88051400000000002</v>
      </c>
      <c r="CS1721" s="20">
        <v>0.99370400000000003</v>
      </c>
      <c r="CT1721" s="20">
        <v>0.91946799999999995</v>
      </c>
      <c r="CU1721" s="20">
        <v>0.96338199999999996</v>
      </c>
      <c r="CV1721" s="20">
        <v>0.95489000000000002</v>
      </c>
      <c r="CW1721" s="20">
        <v>0.93383499999999997</v>
      </c>
      <c r="CX1721" s="20">
        <v>0.93173899999999998</v>
      </c>
      <c r="CY1721" s="6" t="s">
        <v>637</v>
      </c>
      <c r="CZ1721" s="6" t="s">
        <v>638</v>
      </c>
      <c r="DA1721" s="6" t="s">
        <v>80</v>
      </c>
      <c r="DB1721" s="6"/>
      <c r="DC1721" s="6">
        <v>42740</v>
      </c>
      <c r="DD1721" s="6"/>
      <c r="DE1721" s="6" t="s">
        <v>640</v>
      </c>
      <c r="DF1721" s="6" t="s">
        <v>363</v>
      </c>
      <c r="DG1721" s="6" t="s">
        <v>364</v>
      </c>
      <c r="DH1721" s="6" t="s">
        <v>365</v>
      </c>
      <c r="DI1721" s="6"/>
      <c r="DJ1721" s="6">
        <v>29</v>
      </c>
      <c r="DK1721" s="6">
        <v>159</v>
      </c>
      <c r="DL1721" s="6">
        <v>3</v>
      </c>
      <c r="DM1721" s="6" t="s">
        <v>556</v>
      </c>
      <c r="DN1721" s="6">
        <v>4</v>
      </c>
      <c r="DO1721" s="6" t="s">
        <v>557</v>
      </c>
      <c r="DP1721" s="6"/>
      <c r="DQ1721" s="6"/>
    </row>
    <row r="1722" spans="1:121" x14ac:dyDescent="0.2">
      <c r="A1722" s="6" t="s">
        <v>322</v>
      </c>
      <c r="B1722" s="6" t="s">
        <v>322</v>
      </c>
      <c r="C1722" s="6" t="s">
        <v>191</v>
      </c>
      <c r="D1722" s="6" t="s">
        <v>80</v>
      </c>
      <c r="E1722" s="6" t="s">
        <v>221</v>
      </c>
      <c r="F1722" s="11">
        <v>-90</v>
      </c>
      <c r="G1722" s="13">
        <v>-0.45</v>
      </c>
      <c r="H1722" s="11">
        <v>-50</v>
      </c>
      <c r="I1722" s="13">
        <v>-0.24752475247524752</v>
      </c>
      <c r="J1722" s="11">
        <v>-15</v>
      </c>
      <c r="K1722" s="13">
        <v>-9.8684210526315791E-2</v>
      </c>
      <c r="L1722" s="11">
        <v>-25</v>
      </c>
      <c r="M1722" s="13">
        <v>-0.18248175182481752</v>
      </c>
      <c r="N1722" s="11">
        <v>-40</v>
      </c>
      <c r="O1722" s="13">
        <v>-0.26315789473684209</v>
      </c>
      <c r="P1722" s="7">
        <v>202</v>
      </c>
      <c r="Q1722" s="7">
        <v>197</v>
      </c>
      <c r="R1722" s="7">
        <v>216</v>
      </c>
      <c r="S1722" s="7">
        <v>187</v>
      </c>
      <c r="T1722" s="7">
        <v>155</v>
      </c>
      <c r="U1722" s="7">
        <v>155</v>
      </c>
      <c r="V1722" s="7">
        <v>152</v>
      </c>
      <c r="W1722" s="7">
        <v>142</v>
      </c>
      <c r="X1722" s="7">
        <v>135</v>
      </c>
      <c r="Y1722" s="7">
        <v>137</v>
      </c>
      <c r="Z1722" s="7">
        <v>122</v>
      </c>
      <c r="AA1722" s="7">
        <v>171</v>
      </c>
      <c r="AB1722" s="7">
        <v>159</v>
      </c>
      <c r="AC1722" s="7">
        <v>107</v>
      </c>
      <c r="AD1722" s="7">
        <v>110</v>
      </c>
      <c r="AE1722" s="7">
        <v>115</v>
      </c>
      <c r="AF1722" s="7">
        <v>112</v>
      </c>
      <c r="AG1722" s="9">
        <v>2401</v>
      </c>
      <c r="AH1722" s="13">
        <v>0.19659379349873085</v>
      </c>
      <c r="AI1722" s="9">
        <v>1086</v>
      </c>
      <c r="AJ1722" s="13">
        <v>8.8921640874478014E-2</v>
      </c>
      <c r="AK1722" s="9">
        <v>37</v>
      </c>
      <c r="AL1722" s="13">
        <v>2.7821640724866531E-3</v>
      </c>
      <c r="AM1722" s="9">
        <v>1278</v>
      </c>
      <c r="AN1722" s="13">
        <v>9.5830833833233348E-2</v>
      </c>
      <c r="AO1722" s="9">
        <v>1315</v>
      </c>
      <c r="AP1722" s="13">
        <v>9.8879615008647267E-2</v>
      </c>
      <c r="AQ1722" s="9">
        <v>12213</v>
      </c>
      <c r="AR1722" s="9">
        <v>12687</v>
      </c>
      <c r="AS1722" s="9">
        <v>11116</v>
      </c>
      <c r="AT1722" s="9">
        <v>11168</v>
      </c>
      <c r="AU1722" s="9">
        <v>12384</v>
      </c>
      <c r="AV1722" s="9">
        <v>12910</v>
      </c>
      <c r="AW1722" s="9">
        <v>13299</v>
      </c>
      <c r="AX1722" s="9">
        <v>14067</v>
      </c>
      <c r="AY1722" s="9">
        <v>14112</v>
      </c>
      <c r="AZ1722" s="9">
        <v>13336</v>
      </c>
      <c r="BA1722" s="9">
        <v>13702</v>
      </c>
      <c r="BB1722" s="9">
        <v>22366</v>
      </c>
      <c r="BC1722" s="9">
        <v>24050</v>
      </c>
      <c r="BD1722" s="9">
        <v>16054</v>
      </c>
      <c r="BE1722" s="9">
        <v>15666</v>
      </c>
      <c r="BF1722" s="9">
        <v>14614</v>
      </c>
      <c r="BG1722" s="11">
        <v>-7</v>
      </c>
      <c r="BH1722" s="13">
        <v>-0.41176470588235292</v>
      </c>
      <c r="BI1722" s="6">
        <v>-4</v>
      </c>
      <c r="BJ1722" s="13">
        <v>-0.23529411764705882</v>
      </c>
      <c r="BK1722" s="6">
        <v>-1</v>
      </c>
      <c r="BL1722" s="13">
        <v>-7.6923076923076927E-2</v>
      </c>
      <c r="BM1722" s="11">
        <v>-2</v>
      </c>
      <c r="BN1722" s="13">
        <v>-0.16666666666666666</v>
      </c>
      <c r="BO1722" s="11">
        <v>-3</v>
      </c>
      <c r="BP1722" s="13">
        <v>-0.23076923076923078</v>
      </c>
      <c r="BQ1722" s="6">
        <v>17</v>
      </c>
      <c r="BR1722" s="6">
        <v>15</v>
      </c>
      <c r="BS1722" s="6">
        <v>13</v>
      </c>
      <c r="BT1722" s="6">
        <v>13</v>
      </c>
      <c r="BU1722" s="6">
        <v>12</v>
      </c>
      <c r="BV1722" s="6">
        <v>12</v>
      </c>
      <c r="BW1722" s="6">
        <v>12</v>
      </c>
      <c r="BX1722" s="6">
        <v>12</v>
      </c>
      <c r="BY1722" s="6">
        <v>13</v>
      </c>
      <c r="BZ1722" s="6">
        <v>13</v>
      </c>
      <c r="CA1722" s="6">
        <v>12</v>
      </c>
      <c r="CB1722" s="6">
        <v>10</v>
      </c>
      <c r="CC1722" s="11">
        <v>10</v>
      </c>
      <c r="CD1722" s="11">
        <v>-148</v>
      </c>
      <c r="CE1722" s="11">
        <v>37</v>
      </c>
      <c r="CF1722" s="11">
        <v>22</v>
      </c>
      <c r="CG1722" s="11">
        <v>59</v>
      </c>
      <c r="CH1722" s="20">
        <v>0.65</v>
      </c>
      <c r="CI1722" s="20">
        <v>0.63</v>
      </c>
      <c r="CJ1722" s="20">
        <v>0.69</v>
      </c>
      <c r="CK1722" s="20">
        <v>0.59</v>
      </c>
      <c r="CL1722" s="20">
        <v>0.48</v>
      </c>
      <c r="CM1722" s="20">
        <v>0.48</v>
      </c>
      <c r="CN1722" s="20">
        <v>0.45</v>
      </c>
      <c r="CO1722" s="20">
        <v>0.42</v>
      </c>
      <c r="CP1722" s="20">
        <v>0.41</v>
      </c>
      <c r="CQ1722" s="20">
        <v>0.42</v>
      </c>
      <c r="CR1722" s="20">
        <v>0.37</v>
      </c>
      <c r="CS1722" s="20">
        <v>0.51</v>
      </c>
      <c r="CT1722" s="20">
        <v>0.47</v>
      </c>
      <c r="CU1722" s="20">
        <v>0.3</v>
      </c>
      <c r="CV1722" s="20">
        <v>0.3</v>
      </c>
      <c r="CW1722" s="20">
        <v>0.32</v>
      </c>
      <c r="CX1722" s="20">
        <v>0.3</v>
      </c>
      <c r="CY1722" s="6" t="s">
        <v>637</v>
      </c>
      <c r="CZ1722" s="6" t="s">
        <v>638</v>
      </c>
      <c r="DA1722" s="6" t="s">
        <v>80</v>
      </c>
      <c r="DB1722" s="6"/>
      <c r="DC1722" s="6">
        <v>42740</v>
      </c>
      <c r="DD1722" s="6"/>
      <c r="DE1722" s="6" t="s">
        <v>640</v>
      </c>
      <c r="DF1722" s="6" t="s">
        <v>363</v>
      </c>
      <c r="DG1722" s="6" t="s">
        <v>364</v>
      </c>
      <c r="DH1722" s="6" t="s">
        <v>365</v>
      </c>
      <c r="DI1722" s="6"/>
      <c r="DJ1722" s="6">
        <v>29</v>
      </c>
      <c r="DK1722" s="6">
        <v>159</v>
      </c>
      <c r="DL1722" s="6">
        <v>3</v>
      </c>
      <c r="DM1722" s="6" t="s">
        <v>556</v>
      </c>
      <c r="DN1722" s="6">
        <v>4</v>
      </c>
      <c r="DO1722" s="6" t="s">
        <v>557</v>
      </c>
      <c r="DP1722" s="6"/>
      <c r="DQ1722" s="6"/>
    </row>
    <row r="1723" spans="1:121" x14ac:dyDescent="0.2">
      <c r="A1723" s="6" t="s">
        <v>323</v>
      </c>
      <c r="B1723" s="6" t="s">
        <v>323</v>
      </c>
      <c r="C1723" s="6" t="s">
        <v>192</v>
      </c>
      <c r="D1723" s="6" t="s">
        <v>80</v>
      </c>
      <c r="E1723" s="6" t="s">
        <v>221</v>
      </c>
      <c r="F1723" s="11">
        <v>114</v>
      </c>
      <c r="G1723" s="13">
        <v>8.0394922426000007E-2</v>
      </c>
      <c r="H1723" s="11">
        <v>2.1042064499999924</v>
      </c>
      <c r="I1723" s="13">
        <v>1.4841147269993552E-3</v>
      </c>
      <c r="J1723" s="11">
        <v>79.053465250000045</v>
      </c>
      <c r="K1723" s="13">
        <v>5.5674454921266159E-2</v>
      </c>
      <c r="L1723" s="11">
        <v>33.25790634000009</v>
      </c>
      <c r="M1723" s="13">
        <v>2.2187070092149076E-2</v>
      </c>
      <c r="N1723" s="11">
        <v>112.31137159000014</v>
      </c>
      <c r="O1723" s="13">
        <v>7.9096778047095556E-2</v>
      </c>
      <c r="P1723" s="7">
        <v>1417.8192640499999</v>
      </c>
      <c r="Q1723" s="7">
        <v>1456.27434737</v>
      </c>
      <c r="R1723" s="7">
        <v>1549.20658488</v>
      </c>
      <c r="S1723" s="7">
        <v>1565.66513474</v>
      </c>
      <c r="T1723" s="7">
        <v>1527.226275</v>
      </c>
      <c r="U1723" s="7">
        <v>1530.41077157</v>
      </c>
      <c r="V1723" s="7">
        <v>1419.9234704999999</v>
      </c>
      <c r="W1723" s="7">
        <v>1568.9939401300001</v>
      </c>
      <c r="X1723" s="7">
        <v>1538.8855872700001</v>
      </c>
      <c r="Y1723" s="7">
        <v>1498.9769357499999</v>
      </c>
      <c r="Z1723" s="7">
        <v>1480.1715856599999</v>
      </c>
      <c r="AA1723" s="7">
        <v>1414.5497365799999</v>
      </c>
      <c r="AB1723" s="7">
        <v>1388.9663370799999</v>
      </c>
      <c r="AC1723" s="7">
        <v>1428.9343517899999</v>
      </c>
      <c r="AD1723" s="7">
        <v>1470.3769549599999</v>
      </c>
      <c r="AE1723" s="7">
        <v>1530.4957993</v>
      </c>
      <c r="AF1723" s="7">
        <v>1532.23484209</v>
      </c>
      <c r="AG1723" s="9">
        <v>4822.0364012999999</v>
      </c>
      <c r="AH1723" s="13">
        <v>0.45494942791366433</v>
      </c>
      <c r="AI1723" s="9">
        <v>2327.1160670999998</v>
      </c>
      <c r="AJ1723" s="13">
        <v>0.21955871654772555</v>
      </c>
      <c r="AK1723" s="9">
        <v>768.30290989999958</v>
      </c>
      <c r="AL1723" s="13">
        <v>5.9437755644933483E-2</v>
      </c>
      <c r="AM1723" s="9">
        <v>1726.6174243000005</v>
      </c>
      <c r="AN1723" s="13">
        <v>0.12608127658833981</v>
      </c>
      <c r="AO1723" s="9">
        <v>2494.9203342000001</v>
      </c>
      <c r="AP1723" s="13">
        <v>0.19301302034253229</v>
      </c>
      <c r="AQ1723" s="9">
        <v>10599.060259100001</v>
      </c>
      <c r="AR1723" s="9">
        <v>10767.6450181</v>
      </c>
      <c r="AS1723" s="9">
        <v>10789.493698099999</v>
      </c>
      <c r="AT1723" s="9">
        <v>11263.116570599999</v>
      </c>
      <c r="AU1723" s="9">
        <v>12120.612970100001</v>
      </c>
      <c r="AV1723" s="9">
        <v>12220.995987599999</v>
      </c>
      <c r="AW1723" s="9">
        <v>12926.1763262</v>
      </c>
      <c r="AX1723" s="9">
        <v>12846.563124099999</v>
      </c>
      <c r="AY1723" s="9">
        <v>13171.8331191</v>
      </c>
      <c r="AZ1723" s="9">
        <v>13694.4792361</v>
      </c>
      <c r="BA1723" s="9">
        <v>14048.3648992</v>
      </c>
      <c r="BB1723" s="9">
        <v>14586.9729083</v>
      </c>
      <c r="BC1723" s="9">
        <v>14270.7579243</v>
      </c>
      <c r="BD1723" s="9">
        <v>14728.363122500001</v>
      </c>
      <c r="BE1723" s="9">
        <v>15366.011418399999</v>
      </c>
      <c r="BF1723" s="9">
        <v>15421.0966604</v>
      </c>
      <c r="BG1723" s="11">
        <v>-15.75</v>
      </c>
      <c r="BH1723" s="13">
        <v>-0.19207317073170732</v>
      </c>
      <c r="BI1723" s="6">
        <v>-2</v>
      </c>
      <c r="BJ1723" s="13">
        <v>-2.4390243902439025E-2</v>
      </c>
      <c r="BK1723" s="6">
        <v>-1</v>
      </c>
      <c r="BL1723" s="13">
        <v>-1.2500000000000001E-2</v>
      </c>
      <c r="BM1723" s="11">
        <v>-12.75</v>
      </c>
      <c r="BN1723" s="13">
        <v>-0.16139240506329114</v>
      </c>
      <c r="BO1723" s="11">
        <v>-13.75</v>
      </c>
      <c r="BP1723" s="13">
        <v>-0.171875</v>
      </c>
      <c r="BQ1723" s="6">
        <v>82</v>
      </c>
      <c r="BR1723" s="6">
        <v>79</v>
      </c>
      <c r="BS1723" s="6">
        <v>81</v>
      </c>
      <c r="BT1723" s="6">
        <v>80</v>
      </c>
      <c r="BU1723" s="6">
        <v>79</v>
      </c>
      <c r="BV1723" s="6">
        <v>78</v>
      </c>
      <c r="BW1723" s="6">
        <v>79</v>
      </c>
      <c r="BX1723" s="6">
        <v>75</v>
      </c>
      <c r="BY1723" s="6">
        <v>71</v>
      </c>
      <c r="BZ1723" s="6">
        <v>71</v>
      </c>
      <c r="CA1723" s="6">
        <v>67</v>
      </c>
      <c r="CB1723" s="6">
        <v>65</v>
      </c>
      <c r="CC1723" s="11">
        <v>66.25</v>
      </c>
      <c r="CD1723" s="11">
        <v>-362.98899999999998</v>
      </c>
      <c r="CE1723" s="11">
        <v>322.42</v>
      </c>
      <c r="CF1723" s="11">
        <v>154.98500000000001</v>
      </c>
      <c r="CG1723" s="11">
        <v>477</v>
      </c>
      <c r="CH1723" s="20">
        <v>0.94317700000000004</v>
      </c>
      <c r="CI1723" s="20">
        <v>0.97374300000000003</v>
      </c>
      <c r="CJ1723" s="20">
        <v>1.02206</v>
      </c>
      <c r="CK1723" s="20">
        <v>1.01651</v>
      </c>
      <c r="CL1723" s="20">
        <v>0.96959200000000001</v>
      </c>
      <c r="CM1723" s="20">
        <v>0.96078300000000005</v>
      </c>
      <c r="CN1723" s="20">
        <v>0.86514899999999995</v>
      </c>
      <c r="CO1723" s="20">
        <v>0.959758</v>
      </c>
      <c r="CP1723" s="20">
        <v>0.97970299999999999</v>
      </c>
      <c r="CQ1723" s="20">
        <v>0.94306199999999996</v>
      </c>
      <c r="CR1723" s="20">
        <v>0.91187600000000002</v>
      </c>
      <c r="CS1723" s="20">
        <v>0.84919500000000003</v>
      </c>
      <c r="CT1723" s="20">
        <v>0.81600799999999996</v>
      </c>
      <c r="CU1723" s="20">
        <v>0.80919700000000006</v>
      </c>
      <c r="CV1723" s="20">
        <v>0.81065200000000004</v>
      </c>
      <c r="CW1723" s="20">
        <v>0.83862899999999996</v>
      </c>
      <c r="CX1723" s="20">
        <v>0.82446900000000001</v>
      </c>
      <c r="CY1723" s="6" t="s">
        <v>637</v>
      </c>
      <c r="CZ1723" s="6" t="s">
        <v>638</v>
      </c>
      <c r="DA1723" s="6" t="s">
        <v>80</v>
      </c>
      <c r="DB1723" s="6"/>
      <c r="DC1723" s="6">
        <v>42740</v>
      </c>
      <c r="DD1723" s="6"/>
      <c r="DE1723" s="6" t="s">
        <v>640</v>
      </c>
      <c r="DF1723" s="6" t="s">
        <v>363</v>
      </c>
      <c r="DG1723" s="6" t="s">
        <v>364</v>
      </c>
      <c r="DH1723" s="6" t="s">
        <v>365</v>
      </c>
      <c r="DI1723" s="6"/>
      <c r="DJ1723" s="6">
        <v>29</v>
      </c>
      <c r="DK1723" s="6">
        <v>159</v>
      </c>
      <c r="DL1723" s="6">
        <v>3</v>
      </c>
      <c r="DM1723" s="6" t="s">
        <v>556</v>
      </c>
      <c r="DN1723" s="6">
        <v>4</v>
      </c>
      <c r="DO1723" s="6" t="s">
        <v>557</v>
      </c>
      <c r="DP1723" s="6"/>
      <c r="DQ1723" s="6"/>
    </row>
    <row r="1724" spans="1:121" x14ac:dyDescent="0.2">
      <c r="A1724" s="6" t="s">
        <v>325</v>
      </c>
      <c r="B1724" s="6" t="s">
        <v>325</v>
      </c>
      <c r="C1724" s="6" t="s">
        <v>193</v>
      </c>
      <c r="D1724" s="6" t="s">
        <v>80</v>
      </c>
      <c r="E1724" s="6" t="s">
        <v>221</v>
      </c>
      <c r="F1724" s="11">
        <v>-147</v>
      </c>
      <c r="G1724" s="13">
        <v>-0.117694155324</v>
      </c>
      <c r="H1724" s="11">
        <v>-207.74177263000001</v>
      </c>
      <c r="I1724" s="13">
        <v>-0.16629445628219328</v>
      </c>
      <c r="J1724" s="11">
        <v>151.70962799000017</v>
      </c>
      <c r="K1724" s="13">
        <v>0.14566472473580369</v>
      </c>
      <c r="L1724" s="11">
        <v>-91.185910390000117</v>
      </c>
      <c r="M1724" s="13">
        <v>-7.6420776505598823E-2</v>
      </c>
      <c r="N1724" s="11">
        <v>60.523717600000055</v>
      </c>
      <c r="O1724" s="13">
        <v>5.8112136856420457E-2</v>
      </c>
      <c r="P1724" s="7">
        <v>1249.2405175399999</v>
      </c>
      <c r="Q1724" s="7">
        <v>961.81186554600004</v>
      </c>
      <c r="R1724" s="7">
        <v>975.94264365599997</v>
      </c>
      <c r="S1724" s="7">
        <v>1001.2962750200001</v>
      </c>
      <c r="T1724" s="7">
        <v>1005.83417092</v>
      </c>
      <c r="U1724" s="7">
        <v>999.693793766</v>
      </c>
      <c r="V1724" s="7">
        <v>1041.4987449099999</v>
      </c>
      <c r="W1724" s="7">
        <v>1077.44465077</v>
      </c>
      <c r="X1724" s="7">
        <v>1115.8005015599999</v>
      </c>
      <c r="Y1724" s="7">
        <v>1193.2083729000001</v>
      </c>
      <c r="Z1724" s="7">
        <v>1109.6269438100001</v>
      </c>
      <c r="AA1724" s="7">
        <v>1166.03524924</v>
      </c>
      <c r="AB1724" s="7">
        <v>1091.7626526199999</v>
      </c>
      <c r="AC1724" s="7">
        <v>1094.5480917299999</v>
      </c>
      <c r="AD1724" s="7">
        <v>1080.8079013700001</v>
      </c>
      <c r="AE1724" s="7">
        <v>1087.7215291499999</v>
      </c>
      <c r="AF1724" s="7">
        <v>1102.02246251</v>
      </c>
      <c r="AG1724" s="9">
        <v>7389.5489263999989</v>
      </c>
      <c r="AH1724" s="13">
        <v>0.3793601880261025</v>
      </c>
      <c r="AI1724" s="9">
        <v>2398.1459412999975</v>
      </c>
      <c r="AJ1724" s="13">
        <v>0.12311456413196983</v>
      </c>
      <c r="AK1724" s="9">
        <v>238.5982425000002</v>
      </c>
      <c r="AL1724" s="13">
        <v>1.0906289065218766E-2</v>
      </c>
      <c r="AM1724" s="9">
        <v>4752.8047426000012</v>
      </c>
      <c r="AN1724" s="13">
        <v>0.21490614717121831</v>
      </c>
      <c r="AO1724" s="9">
        <v>4991.4029851000014</v>
      </c>
      <c r="AP1724" s="13">
        <v>0.22815626479937884</v>
      </c>
      <c r="AQ1724" s="9">
        <v>19478.978447500001</v>
      </c>
      <c r="AR1724" s="9">
        <v>19990.261409700001</v>
      </c>
      <c r="AS1724" s="9">
        <v>19487.8971748</v>
      </c>
      <c r="AT1724" s="9">
        <v>20212.017017300001</v>
      </c>
      <c r="AU1724" s="9">
        <v>20813.227583899999</v>
      </c>
      <c r="AV1724" s="9">
        <v>21050.8698969</v>
      </c>
      <c r="AW1724" s="9">
        <v>21877.124388799999</v>
      </c>
      <c r="AX1724" s="9">
        <v>22311.610120400001</v>
      </c>
      <c r="AY1724" s="9">
        <v>21597.6206833</v>
      </c>
      <c r="AZ1724" s="9">
        <v>22115.722631299999</v>
      </c>
      <c r="BA1724" s="9">
        <v>22651.150911699999</v>
      </c>
      <c r="BB1724" s="9">
        <v>21175.305599700001</v>
      </c>
      <c r="BC1724" s="9">
        <v>23712.085464700001</v>
      </c>
      <c r="BD1724" s="9">
        <v>24459.696532499998</v>
      </c>
      <c r="BE1724" s="9">
        <v>25640.783302700002</v>
      </c>
      <c r="BF1724" s="9">
        <v>26868.5273739</v>
      </c>
      <c r="BG1724" s="11">
        <v>-34</v>
      </c>
      <c r="BH1724" s="13">
        <v>-0.26153846153846155</v>
      </c>
      <c r="BI1724" s="6">
        <v>2</v>
      </c>
      <c r="BJ1724" s="13">
        <v>1.5384615384615385E-2</v>
      </c>
      <c r="BK1724" s="6">
        <v>51</v>
      </c>
      <c r="BL1724" s="13">
        <v>0.38636363636363635</v>
      </c>
      <c r="BM1724" s="11">
        <v>-87</v>
      </c>
      <c r="BN1724" s="13">
        <v>-0.47540983606557374</v>
      </c>
      <c r="BO1724" s="11">
        <v>-36</v>
      </c>
      <c r="BP1724" s="13">
        <v>-0.27272727272727271</v>
      </c>
      <c r="BQ1724" s="6">
        <v>130</v>
      </c>
      <c r="BR1724" s="6">
        <v>124</v>
      </c>
      <c r="BS1724" s="6">
        <v>121</v>
      </c>
      <c r="BT1724" s="6">
        <v>132</v>
      </c>
      <c r="BU1724" s="6">
        <v>138</v>
      </c>
      <c r="BV1724" s="6">
        <v>153</v>
      </c>
      <c r="BW1724" s="6">
        <v>183</v>
      </c>
      <c r="BX1724" s="6">
        <v>197</v>
      </c>
      <c r="BY1724" s="6">
        <v>216</v>
      </c>
      <c r="BZ1724" s="6">
        <v>90</v>
      </c>
      <c r="CA1724" s="6">
        <v>96</v>
      </c>
      <c r="CB1724" s="6">
        <v>95</v>
      </c>
      <c r="CC1724" s="11">
        <v>96</v>
      </c>
      <c r="CD1724" s="11">
        <v>-272.27100000000002</v>
      </c>
      <c r="CE1724" s="11">
        <v>-11.504300000000001</v>
      </c>
      <c r="CF1724" s="11">
        <v>136.55699999999999</v>
      </c>
      <c r="CG1724" s="11">
        <v>125</v>
      </c>
      <c r="CH1724" s="20">
        <v>1.2234499999999999</v>
      </c>
      <c r="CI1724" s="20">
        <v>0.94287299999999996</v>
      </c>
      <c r="CJ1724" s="20">
        <v>0.94938199999999995</v>
      </c>
      <c r="CK1724" s="20">
        <v>0.97592900000000005</v>
      </c>
      <c r="CL1724" s="20">
        <v>0.97452799999999995</v>
      </c>
      <c r="CM1724" s="20">
        <v>0.96674199999999999</v>
      </c>
      <c r="CN1724" s="20">
        <v>0.98232399999999997</v>
      </c>
      <c r="CO1724" s="20">
        <v>1.0192699999999999</v>
      </c>
      <c r="CP1724" s="20">
        <v>1.0761799999999999</v>
      </c>
      <c r="CQ1724" s="20">
        <v>1.1457200000000001</v>
      </c>
      <c r="CR1724" s="20">
        <v>1.0585500000000001</v>
      </c>
      <c r="CS1724" s="20">
        <v>1.0923400000000001</v>
      </c>
      <c r="CT1724" s="20">
        <v>1.0918099999999999</v>
      </c>
      <c r="CU1724" s="20">
        <v>1.06633</v>
      </c>
      <c r="CV1724" s="20">
        <v>1.0454000000000001</v>
      </c>
      <c r="CW1724" s="20">
        <v>1.0567500000000001</v>
      </c>
      <c r="CX1724" s="20">
        <v>1.0607500000000001</v>
      </c>
      <c r="CY1724" s="6" t="s">
        <v>637</v>
      </c>
      <c r="CZ1724" s="6" t="s">
        <v>638</v>
      </c>
      <c r="DA1724" s="6" t="s">
        <v>80</v>
      </c>
      <c r="DB1724" s="6"/>
      <c r="DC1724" s="6">
        <v>42740</v>
      </c>
      <c r="DD1724" s="6"/>
      <c r="DE1724" s="6" t="s">
        <v>640</v>
      </c>
      <c r="DF1724" s="6" t="s">
        <v>363</v>
      </c>
      <c r="DG1724" s="6" t="s">
        <v>364</v>
      </c>
      <c r="DH1724" s="6" t="s">
        <v>365</v>
      </c>
      <c r="DI1724" s="6"/>
      <c r="DJ1724" s="6">
        <v>29</v>
      </c>
      <c r="DK1724" s="6">
        <v>159</v>
      </c>
      <c r="DL1724" s="6">
        <v>3</v>
      </c>
      <c r="DM1724" s="6" t="s">
        <v>556</v>
      </c>
      <c r="DN1724" s="6">
        <v>4</v>
      </c>
      <c r="DO1724" s="6" t="s">
        <v>557</v>
      </c>
      <c r="DP1724" s="6"/>
      <c r="DQ1724" s="6"/>
    </row>
    <row r="1725" spans="1:121" x14ac:dyDescent="0.2">
      <c r="A1725" s="6" t="s">
        <v>327</v>
      </c>
      <c r="B1725" s="6" t="s">
        <v>327</v>
      </c>
      <c r="C1725" s="6" t="s">
        <v>194</v>
      </c>
      <c r="D1725" s="6" t="s">
        <v>80</v>
      </c>
      <c r="E1725" s="6" t="s">
        <v>221</v>
      </c>
      <c r="F1725" s="11">
        <v>280</v>
      </c>
      <c r="G1725" s="13">
        <v>8.4797092671099999E-2</v>
      </c>
      <c r="H1725" s="11">
        <v>393.23097699999971</v>
      </c>
      <c r="I1725" s="13">
        <v>0.11910017052616637</v>
      </c>
      <c r="J1725" s="11">
        <v>62.10698900000034</v>
      </c>
      <c r="K1725" s="13">
        <v>1.6808779259087279E-2</v>
      </c>
      <c r="L1725" s="11">
        <v>-175.30796022999994</v>
      </c>
      <c r="M1725" s="13">
        <v>-4.666143044940254E-2</v>
      </c>
      <c r="N1725" s="11">
        <v>-113.2009712299996</v>
      </c>
      <c r="O1725" s="13">
        <v>-3.0636972874652519E-2</v>
      </c>
      <c r="P1725" s="7">
        <v>3301.6827370000001</v>
      </c>
      <c r="Q1725" s="7">
        <v>3358.2249870000001</v>
      </c>
      <c r="R1725" s="7">
        <v>3436.6549399999999</v>
      </c>
      <c r="S1725" s="7">
        <v>3580.0805300000002</v>
      </c>
      <c r="T1725" s="7">
        <v>3559.3219549999999</v>
      </c>
      <c r="U1725" s="7">
        <v>3606.073539</v>
      </c>
      <c r="V1725" s="7">
        <v>3694.9137139999998</v>
      </c>
      <c r="W1725" s="7">
        <v>3736.7812629999999</v>
      </c>
      <c r="X1725" s="7">
        <v>3786.980517</v>
      </c>
      <c r="Y1725" s="7">
        <v>3757.0207030000001</v>
      </c>
      <c r="Z1725" s="7">
        <v>3705.1399179999999</v>
      </c>
      <c r="AA1725" s="7">
        <v>3724.4294789999999</v>
      </c>
      <c r="AB1725" s="7">
        <v>3739.8001979999999</v>
      </c>
      <c r="AC1725" s="7">
        <v>3769.4664640000001</v>
      </c>
      <c r="AD1725" s="7">
        <v>3655.841719</v>
      </c>
      <c r="AE1725" s="7">
        <v>3584.3974392499999</v>
      </c>
      <c r="AF1725" s="7">
        <v>3581.7127427700002</v>
      </c>
      <c r="AG1725" s="9">
        <v>15727.750105200001</v>
      </c>
      <c r="AH1725" s="13">
        <v>0.47757473361780922</v>
      </c>
      <c r="AI1725" s="9">
        <v>7672.2723304000028</v>
      </c>
      <c r="AJ1725" s="13">
        <v>0.23296933063697581</v>
      </c>
      <c r="AK1725" s="9">
        <v>3296.7017900999999</v>
      </c>
      <c r="AL1725" s="13">
        <v>8.1189923460835908E-2</v>
      </c>
      <c r="AM1725" s="9">
        <v>4758.7759846999979</v>
      </c>
      <c r="AN1725" s="13">
        <v>0.10839661987148735</v>
      </c>
      <c r="AO1725" s="9">
        <v>8055.4777747999979</v>
      </c>
      <c r="AP1725" s="13">
        <v>0.19838725660310264</v>
      </c>
      <c r="AQ1725" s="9">
        <v>32932.542276799999</v>
      </c>
      <c r="AR1725" s="9">
        <v>33637.379261800001</v>
      </c>
      <c r="AS1725" s="9">
        <v>35196.825163000001</v>
      </c>
      <c r="AT1725" s="9">
        <v>36399.048708299997</v>
      </c>
      <c r="AU1725" s="9">
        <v>37698.4065242</v>
      </c>
      <c r="AV1725" s="9">
        <v>39044.778898800003</v>
      </c>
      <c r="AW1725" s="9">
        <v>40604.814607200002</v>
      </c>
      <c r="AX1725" s="9">
        <v>41524.609739200001</v>
      </c>
      <c r="AY1725" s="9">
        <v>42429.072633299998</v>
      </c>
      <c r="AZ1725" s="9">
        <v>43901.516397300002</v>
      </c>
      <c r="BA1725" s="9">
        <v>43020.418316399999</v>
      </c>
      <c r="BB1725" s="9">
        <v>43204.330374199999</v>
      </c>
      <c r="BC1725" s="9">
        <v>43861.997337000001</v>
      </c>
      <c r="BD1725" s="9">
        <v>44299.319236700001</v>
      </c>
      <c r="BE1725" s="9">
        <v>47123.701135700001</v>
      </c>
      <c r="BF1725" s="9">
        <v>48660.292382</v>
      </c>
      <c r="BG1725" s="11">
        <v>0.25</v>
      </c>
      <c r="BH1725" s="13">
        <v>2.840909090909091E-3</v>
      </c>
      <c r="BI1725" s="6">
        <v>0</v>
      </c>
      <c r="BJ1725" s="13">
        <v>0</v>
      </c>
      <c r="BK1725" s="6">
        <v>0</v>
      </c>
      <c r="BL1725" s="13">
        <v>0</v>
      </c>
      <c r="BM1725" s="11">
        <v>0.25</v>
      </c>
      <c r="BN1725" s="13">
        <v>2.840909090909091E-3</v>
      </c>
      <c r="BO1725" s="11">
        <v>0.25</v>
      </c>
      <c r="BP1725" s="13">
        <v>2.840909090909091E-3</v>
      </c>
      <c r="BQ1725" s="6">
        <v>88</v>
      </c>
      <c r="BR1725" s="6">
        <v>87</v>
      </c>
      <c r="BS1725" s="6">
        <v>88</v>
      </c>
      <c r="BT1725" s="6">
        <v>88</v>
      </c>
      <c r="BU1725" s="6">
        <v>88</v>
      </c>
      <c r="BV1725" s="6">
        <v>89</v>
      </c>
      <c r="BW1725" s="6">
        <v>88</v>
      </c>
      <c r="BX1725" s="6">
        <v>87</v>
      </c>
      <c r="BY1725" s="6">
        <v>88</v>
      </c>
      <c r="BZ1725" s="6">
        <v>89</v>
      </c>
      <c r="CA1725" s="6">
        <v>88</v>
      </c>
      <c r="CB1725" s="6">
        <v>87</v>
      </c>
      <c r="CC1725" s="11">
        <v>88.25</v>
      </c>
      <c r="CD1725" s="11">
        <v>112.676</v>
      </c>
      <c r="CE1725" s="11">
        <v>-193.56</v>
      </c>
      <c r="CF1725" s="11">
        <v>360.91399999999999</v>
      </c>
      <c r="CG1725" s="11">
        <v>167</v>
      </c>
      <c r="CH1725" s="20">
        <v>0.97342399999999996</v>
      </c>
      <c r="CI1725" s="20">
        <v>0.98910600000000004</v>
      </c>
      <c r="CJ1725" s="20">
        <v>1.0118499999999999</v>
      </c>
      <c r="CK1725" s="20">
        <v>1.06376</v>
      </c>
      <c r="CL1725" s="20">
        <v>1.0537399999999999</v>
      </c>
      <c r="CM1725" s="20">
        <v>1.0725800000000001</v>
      </c>
      <c r="CN1725" s="20">
        <v>1.07959</v>
      </c>
      <c r="CO1725" s="20">
        <v>1.0841400000000001</v>
      </c>
      <c r="CP1725" s="20">
        <v>1.10764</v>
      </c>
      <c r="CQ1725" s="20">
        <v>1.0877300000000001</v>
      </c>
      <c r="CR1725" s="20">
        <v>1.09076</v>
      </c>
      <c r="CS1725" s="20">
        <v>1.1132200000000001</v>
      </c>
      <c r="CT1725" s="20">
        <v>1.1334200000000001</v>
      </c>
      <c r="CU1725" s="20">
        <v>1.1339600000000001</v>
      </c>
      <c r="CV1725" s="20">
        <v>1.10127</v>
      </c>
      <c r="CW1725" s="20">
        <v>1.09002</v>
      </c>
      <c r="CX1725" s="20">
        <v>1.0866800000000001</v>
      </c>
      <c r="CY1725" s="6" t="s">
        <v>637</v>
      </c>
      <c r="CZ1725" s="6" t="s">
        <v>638</v>
      </c>
      <c r="DA1725" s="6" t="s">
        <v>80</v>
      </c>
      <c r="DB1725" s="6"/>
      <c r="DC1725" s="6">
        <v>42740</v>
      </c>
      <c r="DD1725" s="6"/>
      <c r="DE1725" s="6" t="s">
        <v>640</v>
      </c>
      <c r="DF1725" s="6" t="s">
        <v>363</v>
      </c>
      <c r="DG1725" s="6" t="s">
        <v>364</v>
      </c>
      <c r="DH1725" s="6" t="s">
        <v>365</v>
      </c>
      <c r="DI1725" s="6"/>
      <c r="DJ1725" s="6">
        <v>29</v>
      </c>
      <c r="DK1725" s="6">
        <v>159</v>
      </c>
      <c r="DL1725" s="6">
        <v>3</v>
      </c>
      <c r="DM1725" s="6" t="s">
        <v>556</v>
      </c>
      <c r="DN1725" s="6">
        <v>4</v>
      </c>
      <c r="DO1725" s="6" t="s">
        <v>557</v>
      </c>
      <c r="DP1725" s="6"/>
      <c r="DQ1725" s="6"/>
    </row>
    <row r="1726" spans="1:121" x14ac:dyDescent="0.2">
      <c r="A1726" s="6" t="s">
        <v>1</v>
      </c>
      <c r="B1726" s="6" t="s">
        <v>1</v>
      </c>
      <c r="C1726" s="6" t="s">
        <v>2</v>
      </c>
      <c r="D1726" s="6" t="s">
        <v>159</v>
      </c>
      <c r="E1726" s="6" t="s">
        <v>298</v>
      </c>
      <c r="F1726" s="11">
        <v>-233</v>
      </c>
      <c r="G1726" s="13">
        <v>-0.80622837370199996</v>
      </c>
      <c r="H1726" s="11">
        <v>-231.3804869949</v>
      </c>
      <c r="I1726" s="13">
        <v>-0.79965046226622272</v>
      </c>
      <c r="J1726" s="11">
        <v>-19.803981026699994</v>
      </c>
      <c r="K1726" s="13">
        <v>-0.34161554021897583</v>
      </c>
      <c r="L1726" s="11">
        <v>17.390347398399996</v>
      </c>
      <c r="M1726" s="13">
        <v>0.45563156519018466</v>
      </c>
      <c r="N1726" s="11">
        <v>-2.4136336282999977</v>
      </c>
      <c r="O1726" s="13">
        <v>-4.1634798312053599E-2</v>
      </c>
      <c r="P1726" s="7">
        <v>289.35203306099999</v>
      </c>
      <c r="Q1726" s="7">
        <v>100.09746783200001</v>
      </c>
      <c r="R1726" s="7">
        <v>77.848654956000004</v>
      </c>
      <c r="S1726" s="7">
        <v>56.382935690099998</v>
      </c>
      <c r="T1726" s="7">
        <v>88.838505685499996</v>
      </c>
      <c r="U1726" s="7">
        <v>58.865533657</v>
      </c>
      <c r="V1726" s="7">
        <v>57.971546066099997</v>
      </c>
      <c r="W1726" s="7">
        <v>60.1740330529</v>
      </c>
      <c r="X1726" s="7">
        <v>63.037986205199999</v>
      </c>
      <c r="Y1726" s="7">
        <v>38.167565039400003</v>
      </c>
      <c r="Z1726" s="7">
        <v>45.009903622800003</v>
      </c>
      <c r="AA1726" s="7">
        <v>43.005306955099996</v>
      </c>
      <c r="AB1726" s="7">
        <v>41.555984489899998</v>
      </c>
      <c r="AC1726" s="7">
        <v>51.082606127799998</v>
      </c>
      <c r="AD1726" s="7">
        <v>54.320794954500002</v>
      </c>
      <c r="AE1726" s="7">
        <v>53.214162067399997</v>
      </c>
      <c r="AF1726" s="7">
        <v>55.557912437799999</v>
      </c>
      <c r="AG1726" s="9">
        <v>-1142.808846099997</v>
      </c>
      <c r="AH1726" s="13">
        <v>-6.3693924256020842E-2</v>
      </c>
      <c r="AI1726" s="9">
        <v>3026.9042437999997</v>
      </c>
      <c r="AJ1726" s="13">
        <v>0.16870311276708075</v>
      </c>
      <c r="AK1726" s="9">
        <v>-7134.6151587999993</v>
      </c>
      <c r="AL1726" s="13">
        <v>-0.34024422696260892</v>
      </c>
      <c r="AM1726" s="9">
        <v>2964.9020689000026</v>
      </c>
      <c r="AN1726" s="13">
        <v>0.2143124331140949</v>
      </c>
      <c r="AO1726" s="9">
        <v>-4169.7130898999967</v>
      </c>
      <c r="AP1726" s="13">
        <v>-0.1988503619818951</v>
      </c>
      <c r="AQ1726" s="9">
        <v>17942.195577499999</v>
      </c>
      <c r="AR1726" s="9">
        <v>20041.465569600001</v>
      </c>
      <c r="AS1726" s="9">
        <v>20955.491667599999</v>
      </c>
      <c r="AT1726" s="9">
        <v>20354.826611100001</v>
      </c>
      <c r="AU1726" s="9">
        <v>19074.744866699999</v>
      </c>
      <c r="AV1726" s="9">
        <v>19551.933703300001</v>
      </c>
      <c r="AW1726" s="9">
        <v>20969.099821299998</v>
      </c>
      <c r="AX1726" s="9">
        <v>20768.138188199999</v>
      </c>
      <c r="AY1726" s="9">
        <v>20329.826797400001</v>
      </c>
      <c r="AZ1726" s="9">
        <v>13834.484662499999</v>
      </c>
      <c r="BA1726" s="9">
        <v>14415.3287225</v>
      </c>
      <c r="BB1726" s="9">
        <v>11721.0027181</v>
      </c>
      <c r="BC1726" s="9">
        <v>15057.3141208</v>
      </c>
      <c r="BD1726" s="9">
        <v>15368.5080767</v>
      </c>
      <c r="BE1726" s="9">
        <v>16694.815224400001</v>
      </c>
      <c r="BF1726" s="9">
        <v>16799.386731400002</v>
      </c>
      <c r="BG1726" s="11">
        <v>-4</v>
      </c>
      <c r="BH1726" s="13">
        <v>-0.5714285714285714</v>
      </c>
      <c r="BI1726" s="6">
        <v>1</v>
      </c>
      <c r="BJ1726" s="13">
        <v>0.14285714285714285</v>
      </c>
      <c r="BK1726" s="6">
        <v>-5</v>
      </c>
      <c r="BL1726" s="13">
        <v>-0.625</v>
      </c>
      <c r="BM1726" s="11">
        <v>0</v>
      </c>
      <c r="BN1726" s="13">
        <v>0</v>
      </c>
      <c r="BO1726" s="11">
        <v>-5</v>
      </c>
      <c r="BP1726" s="13">
        <v>-0.625</v>
      </c>
      <c r="BQ1726" s="6">
        <v>7</v>
      </c>
      <c r="BR1726" s="6">
        <v>9</v>
      </c>
      <c r="BS1726" s="6">
        <v>7</v>
      </c>
      <c r="BT1726" s="6">
        <v>8</v>
      </c>
      <c r="BU1726" s="6">
        <v>8</v>
      </c>
      <c r="BV1726" s="6">
        <v>7</v>
      </c>
      <c r="BW1726" s="6">
        <v>3</v>
      </c>
      <c r="BX1726" s="6">
        <v>3</v>
      </c>
      <c r="BY1726" s="6">
        <v>2</v>
      </c>
      <c r="BZ1726" s="6">
        <v>2</v>
      </c>
      <c r="CA1726" s="6">
        <v>3</v>
      </c>
      <c r="CB1726" s="6">
        <v>3</v>
      </c>
      <c r="CC1726" s="11">
        <v>3</v>
      </c>
      <c r="CD1726" s="11">
        <v>-239.042</v>
      </c>
      <c r="CE1726" s="11">
        <v>-26.3813</v>
      </c>
      <c r="CF1726" s="11">
        <v>31.6297</v>
      </c>
      <c r="CG1726" s="11">
        <v>6</v>
      </c>
      <c r="CH1726" s="20">
        <v>1.1483399999999999</v>
      </c>
      <c r="CI1726" s="20">
        <v>0.384716</v>
      </c>
      <c r="CJ1726" s="20">
        <v>0.28950100000000001</v>
      </c>
      <c r="CK1726" s="20">
        <v>0.20361099999999999</v>
      </c>
      <c r="CL1726" s="20">
        <v>0.32635799999999998</v>
      </c>
      <c r="CM1726" s="20">
        <v>0.21938199999999999</v>
      </c>
      <c r="CN1726" s="20">
        <v>0.226156</v>
      </c>
      <c r="CO1726" s="20">
        <v>0.24768499999999999</v>
      </c>
      <c r="CP1726" s="20">
        <v>0.25710499999999997</v>
      </c>
      <c r="CQ1726" s="20">
        <v>0.152055</v>
      </c>
      <c r="CR1726" s="20">
        <v>0.18099499999999999</v>
      </c>
      <c r="CS1726" s="20">
        <v>0.17313500000000001</v>
      </c>
      <c r="CT1726" s="20">
        <v>0.168986</v>
      </c>
      <c r="CU1726" s="20">
        <v>0.207235</v>
      </c>
      <c r="CV1726" s="20">
        <v>0.21776799999999999</v>
      </c>
      <c r="CW1726" s="20">
        <v>0.214113</v>
      </c>
      <c r="CX1726" s="20">
        <v>0.22331100000000001</v>
      </c>
      <c r="CY1726" s="6" t="s">
        <v>642</v>
      </c>
      <c r="CZ1726" s="6" t="s">
        <v>643</v>
      </c>
      <c r="DA1726" s="6" t="s">
        <v>159</v>
      </c>
      <c r="DB1726" s="6" t="s">
        <v>345</v>
      </c>
      <c r="DC1726" s="6">
        <v>40620</v>
      </c>
      <c r="DD1726" s="6"/>
      <c r="DE1726" s="6" t="s">
        <v>645</v>
      </c>
      <c r="DF1726" s="6" t="s">
        <v>363</v>
      </c>
      <c r="DG1726" s="6" t="s">
        <v>364</v>
      </c>
      <c r="DH1726" s="6" t="s">
        <v>365</v>
      </c>
      <c r="DI1726" s="6"/>
      <c r="DJ1726" s="6">
        <v>29</v>
      </c>
      <c r="DK1726" s="6">
        <v>161</v>
      </c>
      <c r="DL1726" s="6">
        <v>8</v>
      </c>
      <c r="DM1726" s="6" t="s">
        <v>368</v>
      </c>
      <c r="DN1726" s="6">
        <v>5</v>
      </c>
      <c r="DO1726" s="6" t="s">
        <v>429</v>
      </c>
      <c r="DP1726" s="6"/>
      <c r="DQ1726" s="6"/>
    </row>
    <row r="1727" spans="1:121" x14ac:dyDescent="0.2">
      <c r="A1727" s="6" t="s">
        <v>310</v>
      </c>
      <c r="B1727" s="6" t="s">
        <v>310</v>
      </c>
      <c r="C1727" s="6" t="s">
        <v>173</v>
      </c>
      <c r="D1727" s="6" t="s">
        <v>159</v>
      </c>
      <c r="E1727" s="6" t="s">
        <v>298</v>
      </c>
      <c r="F1727" s="11">
        <v>-44</v>
      </c>
      <c r="G1727" s="13">
        <v>-0.72131147540999996</v>
      </c>
      <c r="H1727" s="11">
        <v>-13.175684022799999</v>
      </c>
      <c r="I1727" s="13">
        <v>-0.2167613639086029</v>
      </c>
      <c r="J1727" s="11">
        <v>-22.632505272500001</v>
      </c>
      <c r="K1727" s="13">
        <v>-0.47538692379430098</v>
      </c>
      <c r="L1727" s="11">
        <v>-8.0266659993000005</v>
      </c>
      <c r="M1727" s="13">
        <v>-0.32137395822623355</v>
      </c>
      <c r="N1727" s="11">
        <v>-30.659171271800002</v>
      </c>
      <c r="O1727" s="13">
        <v>-0.64398390463176713</v>
      </c>
      <c r="P1727" s="7">
        <v>60.784282702500001</v>
      </c>
      <c r="Q1727" s="7">
        <v>64.275293668299994</v>
      </c>
      <c r="R1727" s="7">
        <v>62.6878692688</v>
      </c>
      <c r="S1727" s="7">
        <v>72.090769469700007</v>
      </c>
      <c r="T1727" s="7">
        <v>55.768924854300003</v>
      </c>
      <c r="U1727" s="7">
        <v>52.429998719700002</v>
      </c>
      <c r="V1727" s="7">
        <v>47.608598679700002</v>
      </c>
      <c r="W1727" s="7">
        <v>34.341404991499999</v>
      </c>
      <c r="X1727" s="7">
        <v>24.848938540199999</v>
      </c>
      <c r="Y1727" s="7">
        <v>24.9760934072</v>
      </c>
      <c r="Z1727" s="7">
        <v>24.391257709600001</v>
      </c>
      <c r="AA1727" s="7">
        <v>25.250459527299999</v>
      </c>
      <c r="AB1727" s="7">
        <v>15.6091821024</v>
      </c>
      <c r="AC1727" s="7">
        <v>17.652768846699999</v>
      </c>
      <c r="AD1727" s="7">
        <v>15.605448491800001</v>
      </c>
      <c r="AE1727" s="7">
        <v>17.838189101299999</v>
      </c>
      <c r="AF1727" s="7">
        <v>16.9494274079</v>
      </c>
      <c r="AG1727" s="9">
        <v>14617.138136300004</v>
      </c>
      <c r="AH1727" s="13">
        <v>0.42245233477846061</v>
      </c>
      <c r="AI1727" s="9">
        <v>8933.749588000006</v>
      </c>
      <c r="AJ1727" s="13">
        <v>0.2581957792684606</v>
      </c>
      <c r="AK1727" s="9">
        <v>1208.7203004999974</v>
      </c>
      <c r="AL1727" s="13">
        <v>2.7764698109698633E-2</v>
      </c>
      <c r="AM1727" s="9">
        <v>4474.6682478000002</v>
      </c>
      <c r="AN1727" s="13">
        <v>0.10000789481159206</v>
      </c>
      <c r="AO1727" s="9">
        <v>5683.3885482999976</v>
      </c>
      <c r="AP1727" s="13">
        <v>0.13054928192932105</v>
      </c>
      <c r="AQ1727" s="9">
        <v>34600.680202099997</v>
      </c>
      <c r="AR1727" s="9">
        <v>33442.728006999998</v>
      </c>
      <c r="AS1727" s="9">
        <v>35609.3369991</v>
      </c>
      <c r="AT1727" s="9">
        <v>38819.712139900003</v>
      </c>
      <c r="AU1727" s="9">
        <v>40134.655555899997</v>
      </c>
      <c r="AV1727" s="9">
        <v>45393.575410199999</v>
      </c>
      <c r="AW1727" s="9">
        <v>43534.429790100003</v>
      </c>
      <c r="AX1727" s="9">
        <v>45638.342307699997</v>
      </c>
      <c r="AY1727" s="9">
        <v>44431.899230299998</v>
      </c>
      <c r="AZ1727" s="9">
        <v>44743.1500906</v>
      </c>
      <c r="BA1727" s="9">
        <v>43956.538662400002</v>
      </c>
      <c r="BB1727" s="9">
        <v>40823.783328199999</v>
      </c>
      <c r="BC1727" s="9">
        <v>47700.083023699997</v>
      </c>
      <c r="BD1727" s="9">
        <v>54153.076435199997</v>
      </c>
      <c r="BE1727" s="9">
        <v>47108.796266099998</v>
      </c>
      <c r="BF1727" s="9">
        <v>49217.8183384</v>
      </c>
      <c r="BG1727" s="11">
        <v>-5</v>
      </c>
      <c r="BH1727" s="13">
        <v>-0.625</v>
      </c>
      <c r="BI1727" s="6">
        <v>0</v>
      </c>
      <c r="BJ1727" s="13">
        <v>0</v>
      </c>
      <c r="BK1727" s="6">
        <v>-3</v>
      </c>
      <c r="BL1727" s="13">
        <v>-0.375</v>
      </c>
      <c r="BM1727" s="11">
        <v>-2</v>
      </c>
      <c r="BN1727" s="13">
        <v>-0.4</v>
      </c>
      <c r="BO1727" s="11">
        <v>-5</v>
      </c>
      <c r="BP1727" s="13">
        <v>-0.625</v>
      </c>
      <c r="BQ1727" s="6">
        <v>8</v>
      </c>
      <c r="BR1727" s="6">
        <v>8</v>
      </c>
      <c r="BS1727" s="6">
        <v>8</v>
      </c>
      <c r="BT1727" s="6">
        <v>8</v>
      </c>
      <c r="BU1727" s="6">
        <v>7</v>
      </c>
      <c r="BV1727" s="6">
        <v>5</v>
      </c>
      <c r="BW1727" s="6">
        <v>5</v>
      </c>
      <c r="BX1727" s="6">
        <v>5</v>
      </c>
      <c r="BY1727" s="6">
        <v>4</v>
      </c>
      <c r="BZ1727" s="6">
        <v>3</v>
      </c>
      <c r="CA1727" s="6">
        <v>3</v>
      </c>
      <c r="CB1727" s="6">
        <v>3</v>
      </c>
      <c r="CC1727" s="11">
        <v>3</v>
      </c>
      <c r="CD1727" s="11">
        <v>-56.785499999999999</v>
      </c>
      <c r="CE1727" s="11">
        <v>6.3062399999999998</v>
      </c>
      <c r="CF1727" s="11">
        <v>6.64445</v>
      </c>
      <c r="CG1727" s="11">
        <v>13</v>
      </c>
      <c r="CH1727" s="20">
        <v>0.85024299999999997</v>
      </c>
      <c r="CI1727" s="20">
        <v>0.90951700000000002</v>
      </c>
      <c r="CJ1727" s="20">
        <v>0.87044500000000002</v>
      </c>
      <c r="CK1727" s="20">
        <v>0.940577</v>
      </c>
      <c r="CL1727" s="20">
        <v>0.69059099999999995</v>
      </c>
      <c r="CM1727" s="20">
        <v>0.59789700000000001</v>
      </c>
      <c r="CN1727" s="20">
        <v>0.52737299999999998</v>
      </c>
      <c r="CO1727" s="20">
        <v>0.36213400000000001</v>
      </c>
      <c r="CP1727" s="20">
        <v>0.28522199999999998</v>
      </c>
      <c r="CQ1727" s="20">
        <v>0.27460099999999998</v>
      </c>
      <c r="CR1727" s="20">
        <v>0.243673</v>
      </c>
      <c r="CS1727" s="20">
        <v>0.23436499999999999</v>
      </c>
      <c r="CT1727" s="20">
        <v>0.145232</v>
      </c>
      <c r="CU1727" s="20">
        <v>0.160804</v>
      </c>
      <c r="CV1727" s="20">
        <v>0.15878</v>
      </c>
      <c r="CW1727" s="20">
        <v>0.214421</v>
      </c>
      <c r="CX1727" s="20">
        <v>0.20153499999999999</v>
      </c>
      <c r="CY1727" s="6" t="s">
        <v>642</v>
      </c>
      <c r="CZ1727" s="6" t="s">
        <v>643</v>
      </c>
      <c r="DA1727" s="6" t="s">
        <v>159</v>
      </c>
      <c r="DB1727" s="6" t="s">
        <v>345</v>
      </c>
      <c r="DC1727" s="6">
        <v>40620</v>
      </c>
      <c r="DD1727" s="6"/>
      <c r="DE1727" s="6" t="s">
        <v>645</v>
      </c>
      <c r="DF1727" s="6" t="s">
        <v>363</v>
      </c>
      <c r="DG1727" s="6" t="s">
        <v>364</v>
      </c>
      <c r="DH1727" s="6" t="s">
        <v>365</v>
      </c>
      <c r="DI1727" s="6"/>
      <c r="DJ1727" s="6">
        <v>29</v>
      </c>
      <c r="DK1727" s="6">
        <v>161</v>
      </c>
      <c r="DL1727" s="6">
        <v>8</v>
      </c>
      <c r="DM1727" s="6" t="s">
        <v>368</v>
      </c>
      <c r="DN1727" s="6">
        <v>5</v>
      </c>
      <c r="DO1727" s="6" t="s">
        <v>429</v>
      </c>
      <c r="DP1727" s="6"/>
      <c r="DQ1727" s="6"/>
    </row>
    <row r="1728" spans="1:121" x14ac:dyDescent="0.2">
      <c r="A1728" s="6" t="s">
        <v>311</v>
      </c>
      <c r="B1728" s="6" t="s">
        <v>311</v>
      </c>
      <c r="C1728" s="6" t="s">
        <v>174</v>
      </c>
      <c r="D1728" s="6" t="s">
        <v>159</v>
      </c>
      <c r="E1728" s="6" t="s">
        <v>298</v>
      </c>
      <c r="F1728" s="11">
        <v>6</v>
      </c>
      <c r="G1728" s="13">
        <v>0.25</v>
      </c>
      <c r="H1728" s="11">
        <v>13.973810999999998</v>
      </c>
      <c r="I1728" s="13">
        <v>0.57437226764613514</v>
      </c>
      <c r="J1728" s="11">
        <v>-12.857012999999998</v>
      </c>
      <c r="K1728" s="13">
        <v>-0.33566901152612122</v>
      </c>
      <c r="L1728" s="11">
        <v>4.5278279247000022</v>
      </c>
      <c r="M1728" s="13">
        <v>0.17794122217332506</v>
      </c>
      <c r="N1728" s="11">
        <v>-8.3291850752999963</v>
      </c>
      <c r="O1728" s="13">
        <v>-0.21745714350946616</v>
      </c>
      <c r="P1728" s="7">
        <v>24.32884</v>
      </c>
      <c r="Q1728" s="7">
        <v>22.067084000000001</v>
      </c>
      <c r="R1728" s="7">
        <v>21.487798000000002</v>
      </c>
      <c r="S1728" s="7">
        <v>26.714317999999999</v>
      </c>
      <c r="T1728" s="7">
        <v>28.561745999999999</v>
      </c>
      <c r="U1728" s="7">
        <v>32.082171000000002</v>
      </c>
      <c r="V1728" s="7">
        <v>38.302650999999997</v>
      </c>
      <c r="W1728" s="7">
        <v>35.735340999999998</v>
      </c>
      <c r="X1728" s="7">
        <v>34.149614</v>
      </c>
      <c r="Y1728" s="7">
        <v>25.445637999999999</v>
      </c>
      <c r="Z1728" s="7">
        <v>21.072635999999999</v>
      </c>
      <c r="AA1728" s="7">
        <v>21.874440362600001</v>
      </c>
      <c r="AB1728" s="7">
        <v>22.294430892099999</v>
      </c>
      <c r="AC1728" s="7">
        <v>24.654742002199999</v>
      </c>
      <c r="AD1728" s="7">
        <v>28.843756397700002</v>
      </c>
      <c r="AE1728" s="7">
        <v>28.617514181499999</v>
      </c>
      <c r="AF1728" s="7">
        <v>29.973465924700001</v>
      </c>
      <c r="AG1728" s="9">
        <v>19351.8840863</v>
      </c>
      <c r="AH1728" s="13">
        <v>0.30408650067289761</v>
      </c>
      <c r="AI1728" s="9">
        <v>-1950.9663113000061</v>
      </c>
      <c r="AJ1728" s="13">
        <v>-3.0656576687224213E-2</v>
      </c>
      <c r="AK1728" s="9">
        <v>22949.50991790001</v>
      </c>
      <c r="AL1728" s="13">
        <v>0.37202286627946746</v>
      </c>
      <c r="AM1728" s="9">
        <v>-1646.6595203000034</v>
      </c>
      <c r="AN1728" s="13">
        <v>-1.9455333453314367E-2</v>
      </c>
      <c r="AO1728" s="9">
        <v>21302.850397600007</v>
      </c>
      <c r="AP1728" s="13">
        <v>0.34532970391042828</v>
      </c>
      <c r="AQ1728" s="9">
        <v>63639.405378000003</v>
      </c>
      <c r="AR1728" s="9">
        <v>64542.421828699997</v>
      </c>
      <c r="AS1728" s="9">
        <v>56856.634217500003</v>
      </c>
      <c r="AT1728" s="9">
        <v>56858.928538400003</v>
      </c>
      <c r="AU1728" s="9">
        <v>61514.0300326</v>
      </c>
      <c r="AV1728" s="9">
        <v>63111.408258800002</v>
      </c>
      <c r="AW1728" s="9">
        <v>61688.439066699997</v>
      </c>
      <c r="AX1728" s="9">
        <v>65605.074716899995</v>
      </c>
      <c r="AY1728" s="9">
        <v>66791.723394600005</v>
      </c>
      <c r="AZ1728" s="9">
        <v>84637.948984600007</v>
      </c>
      <c r="BA1728" s="9">
        <v>84211.139976899998</v>
      </c>
      <c r="BB1728" s="9">
        <v>86785.033519899996</v>
      </c>
      <c r="BC1728" s="9">
        <v>90430.033966699993</v>
      </c>
      <c r="BD1728" s="9">
        <v>89673.223626999999</v>
      </c>
      <c r="BE1728" s="9">
        <v>83496.982675699997</v>
      </c>
      <c r="BF1728" s="9">
        <v>82991.289464300004</v>
      </c>
      <c r="BG1728" s="11">
        <v>-2</v>
      </c>
      <c r="BH1728" s="13">
        <v>-0.33333333333333331</v>
      </c>
      <c r="BI1728" s="6">
        <v>1</v>
      </c>
      <c r="BJ1728" s="13">
        <v>0.16666666666666666</v>
      </c>
      <c r="BK1728" s="6">
        <v>-3</v>
      </c>
      <c r="BL1728" s="13">
        <v>-0.42857142857142855</v>
      </c>
      <c r="BM1728" s="11">
        <v>0</v>
      </c>
      <c r="BN1728" s="13">
        <v>0</v>
      </c>
      <c r="BO1728" s="11">
        <v>-3</v>
      </c>
      <c r="BP1728" s="13">
        <v>-0.42857142857142855</v>
      </c>
      <c r="BQ1728" s="6">
        <v>6</v>
      </c>
      <c r="BR1728" s="6">
        <v>6</v>
      </c>
      <c r="BS1728" s="6">
        <v>6</v>
      </c>
      <c r="BT1728" s="6">
        <v>7</v>
      </c>
      <c r="BU1728" s="6">
        <v>7</v>
      </c>
      <c r="BV1728" s="6">
        <v>6</v>
      </c>
      <c r="BW1728" s="6">
        <v>4</v>
      </c>
      <c r="BX1728" s="6">
        <v>4</v>
      </c>
      <c r="BY1728" s="6">
        <v>4</v>
      </c>
      <c r="BZ1728" s="6">
        <v>4</v>
      </c>
      <c r="CA1728" s="6">
        <v>4</v>
      </c>
      <c r="CB1728" s="6">
        <v>4</v>
      </c>
      <c r="CC1728" s="11">
        <v>4</v>
      </c>
      <c r="CD1728" s="11">
        <v>6.9469900000000004</v>
      </c>
      <c r="CE1728" s="11">
        <v>-3.9618000000000002</v>
      </c>
      <c r="CF1728" s="11">
        <v>2.65944</v>
      </c>
      <c r="CG1728" s="11">
        <v>-1</v>
      </c>
      <c r="CH1728" s="20">
        <v>0.31060100000000002</v>
      </c>
      <c r="CI1728" s="20">
        <v>0.27374399999999999</v>
      </c>
      <c r="CJ1728" s="20">
        <v>0.266318</v>
      </c>
      <c r="CK1728" s="20">
        <v>0.33026800000000001</v>
      </c>
      <c r="CL1728" s="20">
        <v>0.37022500000000003</v>
      </c>
      <c r="CM1728" s="20">
        <v>0.424093</v>
      </c>
      <c r="CN1728" s="20">
        <v>0.52285899999999996</v>
      </c>
      <c r="CO1728" s="20">
        <v>0.49291800000000002</v>
      </c>
      <c r="CP1728" s="20">
        <v>0.46033299999999999</v>
      </c>
      <c r="CQ1728" s="20">
        <v>0.338559</v>
      </c>
      <c r="CR1728" s="20">
        <v>0.28543200000000002</v>
      </c>
      <c r="CS1728" s="20">
        <v>0.300535</v>
      </c>
      <c r="CT1728" s="20">
        <v>0.313224</v>
      </c>
      <c r="CU1728" s="20">
        <v>0.34815299999999999</v>
      </c>
      <c r="CV1728" s="20">
        <v>0.403086</v>
      </c>
      <c r="CW1728" s="20">
        <v>0.40087800000000001</v>
      </c>
      <c r="CX1728" s="20">
        <v>0.416906</v>
      </c>
      <c r="CY1728" s="6" t="s">
        <v>642</v>
      </c>
      <c r="CZ1728" s="6" t="s">
        <v>643</v>
      </c>
      <c r="DA1728" s="6" t="s">
        <v>159</v>
      </c>
      <c r="DB1728" s="6" t="s">
        <v>345</v>
      </c>
      <c r="DC1728" s="6">
        <v>40620</v>
      </c>
      <c r="DD1728" s="6"/>
      <c r="DE1728" s="6" t="s">
        <v>645</v>
      </c>
      <c r="DF1728" s="6" t="s">
        <v>363</v>
      </c>
      <c r="DG1728" s="6" t="s">
        <v>364</v>
      </c>
      <c r="DH1728" s="6" t="s">
        <v>365</v>
      </c>
      <c r="DI1728" s="6"/>
      <c r="DJ1728" s="6">
        <v>29</v>
      </c>
      <c r="DK1728" s="6">
        <v>161</v>
      </c>
      <c r="DL1728" s="6">
        <v>8</v>
      </c>
      <c r="DM1728" s="6" t="s">
        <v>368</v>
      </c>
      <c r="DN1728" s="6">
        <v>5</v>
      </c>
      <c r="DO1728" s="6" t="s">
        <v>429</v>
      </c>
      <c r="DP1728" s="6"/>
      <c r="DQ1728" s="6"/>
    </row>
    <row r="1729" spans="1:121" x14ac:dyDescent="0.2">
      <c r="A1729" s="6" t="s">
        <v>312</v>
      </c>
      <c r="B1729" s="6" t="s">
        <v>312</v>
      </c>
      <c r="C1729" s="6" t="s">
        <v>175</v>
      </c>
      <c r="D1729" s="6" t="s">
        <v>159</v>
      </c>
      <c r="E1729" s="6" t="s">
        <v>298</v>
      </c>
      <c r="F1729" s="11">
        <v>-187</v>
      </c>
      <c r="G1729" s="13">
        <v>-0.194994786236</v>
      </c>
      <c r="H1729" s="11">
        <v>106.02785082000003</v>
      </c>
      <c r="I1729" s="13">
        <v>0.1106096073865878</v>
      </c>
      <c r="J1729" s="11">
        <v>-271.487922207</v>
      </c>
      <c r="K1729" s="13">
        <v>-0.25501280019372752</v>
      </c>
      <c r="L1729" s="11">
        <v>-21.174802688</v>
      </c>
      <c r="M1729" s="13">
        <v>-2.6698202801419033E-2</v>
      </c>
      <c r="N1729" s="11">
        <v>-292.662724895</v>
      </c>
      <c r="O1729" s="13">
        <v>-0.27490261953861667</v>
      </c>
      <c r="P1729" s="7">
        <v>958.57722782999997</v>
      </c>
      <c r="Q1729" s="7">
        <v>949.61311634499998</v>
      </c>
      <c r="R1729" s="7">
        <v>1047.8984259900001</v>
      </c>
      <c r="S1729" s="7">
        <v>1053.3167386600001</v>
      </c>
      <c r="T1729" s="7">
        <v>1126.56627652</v>
      </c>
      <c r="U1729" s="7">
        <v>1141.70512164</v>
      </c>
      <c r="V1729" s="7">
        <v>1064.60507865</v>
      </c>
      <c r="W1729" s="7">
        <v>940.47565470699999</v>
      </c>
      <c r="X1729" s="7">
        <v>873.33798693899996</v>
      </c>
      <c r="Y1729" s="7">
        <v>793.117156443</v>
      </c>
      <c r="Z1729" s="7">
        <v>770.93513613300001</v>
      </c>
      <c r="AA1729" s="7">
        <v>787.38404039600005</v>
      </c>
      <c r="AB1729" s="7">
        <v>788.52302395900006</v>
      </c>
      <c r="AC1729" s="7">
        <v>822.577778362</v>
      </c>
      <c r="AD1729" s="7">
        <v>807.39758714300001</v>
      </c>
      <c r="AE1729" s="7">
        <v>782.12801225099997</v>
      </c>
      <c r="AF1729" s="7">
        <v>771.942353755</v>
      </c>
      <c r="AG1729" s="9">
        <v>6445.5634695999979</v>
      </c>
      <c r="AH1729" s="13">
        <v>0.22536700045333796</v>
      </c>
      <c r="AI1729" s="9">
        <v>2577.2327716</v>
      </c>
      <c r="AJ1729" s="13">
        <v>9.0112093681947641E-2</v>
      </c>
      <c r="AK1729" s="9">
        <v>-817.76620840000032</v>
      </c>
      <c r="AL1729" s="13">
        <v>-2.6229344558111337E-2</v>
      </c>
      <c r="AM1729" s="9">
        <v>4686.0969063999983</v>
      </c>
      <c r="AN1729" s="13">
        <v>0.15435221277907224</v>
      </c>
      <c r="AO1729" s="9">
        <v>3868.3306979999979</v>
      </c>
      <c r="AP1729" s="13">
        <v>0.1240743108486717</v>
      </c>
      <c r="AQ1729" s="9">
        <v>28600.2984316</v>
      </c>
      <c r="AR1729" s="9">
        <v>28419.010858900001</v>
      </c>
      <c r="AS1729" s="9">
        <v>28470.933663200001</v>
      </c>
      <c r="AT1729" s="9">
        <v>29618.169811200001</v>
      </c>
      <c r="AU1729" s="9">
        <v>31190.504972700001</v>
      </c>
      <c r="AV1729" s="9">
        <v>30574.373838799998</v>
      </c>
      <c r="AW1729" s="9">
        <v>31177.5312032</v>
      </c>
      <c r="AX1729" s="9">
        <v>29890.180178899998</v>
      </c>
      <c r="AY1729" s="9">
        <v>29314.682722400001</v>
      </c>
      <c r="AZ1729" s="9">
        <v>30359.7649948</v>
      </c>
      <c r="BA1729" s="9">
        <v>30122.4500883</v>
      </c>
      <c r="BB1729" s="9">
        <v>32730.749448999999</v>
      </c>
      <c r="BC1729" s="9">
        <v>31372.281488600001</v>
      </c>
      <c r="BD1729" s="9">
        <v>33932.986367899997</v>
      </c>
      <c r="BE1729" s="9">
        <v>33612.440943100002</v>
      </c>
      <c r="BF1729" s="9">
        <v>35045.861901199998</v>
      </c>
      <c r="BG1729" s="11">
        <v>-21.75</v>
      </c>
      <c r="BH1729" s="13">
        <v>-0.19247787610619468</v>
      </c>
      <c r="BI1729" s="6">
        <v>22</v>
      </c>
      <c r="BJ1729" s="13">
        <v>0.19469026548672566</v>
      </c>
      <c r="BK1729" s="6">
        <v>-27</v>
      </c>
      <c r="BL1729" s="13">
        <v>-0.2</v>
      </c>
      <c r="BM1729" s="11">
        <v>-16.75</v>
      </c>
      <c r="BN1729" s="13">
        <v>-0.15509259259259259</v>
      </c>
      <c r="BO1729" s="11">
        <v>-43.75</v>
      </c>
      <c r="BP1729" s="13">
        <v>-0.32407407407407407</v>
      </c>
      <c r="BQ1729" s="6">
        <v>113</v>
      </c>
      <c r="BR1729" s="6">
        <v>124</v>
      </c>
      <c r="BS1729" s="6">
        <v>130</v>
      </c>
      <c r="BT1729" s="6">
        <v>135</v>
      </c>
      <c r="BU1729" s="6">
        <v>125</v>
      </c>
      <c r="BV1729" s="6">
        <v>114</v>
      </c>
      <c r="BW1729" s="6">
        <v>108</v>
      </c>
      <c r="BX1729" s="6">
        <v>103</v>
      </c>
      <c r="BY1729" s="6">
        <v>104</v>
      </c>
      <c r="BZ1729" s="6">
        <v>99</v>
      </c>
      <c r="CA1729" s="6">
        <v>98</v>
      </c>
      <c r="CB1729" s="6">
        <v>97</v>
      </c>
      <c r="CC1729" s="11">
        <v>91.25</v>
      </c>
      <c r="CD1729" s="11">
        <v>-175.31100000000001</v>
      </c>
      <c r="CE1729" s="11">
        <v>-116.108</v>
      </c>
      <c r="CF1729" s="11">
        <v>104.78400000000001</v>
      </c>
      <c r="CG1729" s="11">
        <v>-11</v>
      </c>
      <c r="CH1729" s="20">
        <v>0.84374199999999999</v>
      </c>
      <c r="CI1729" s="20">
        <v>0.80655900000000003</v>
      </c>
      <c r="CJ1729" s="20">
        <v>0.849773</v>
      </c>
      <c r="CK1729" s="20">
        <v>0.79886900000000005</v>
      </c>
      <c r="CL1729" s="20">
        <v>0.83519699999999997</v>
      </c>
      <c r="CM1729" s="20">
        <v>0.82207200000000002</v>
      </c>
      <c r="CN1729" s="20">
        <v>0.80225400000000002</v>
      </c>
      <c r="CO1729" s="20">
        <v>0.76856000000000002</v>
      </c>
      <c r="CP1729" s="20">
        <v>0.80451600000000001</v>
      </c>
      <c r="CQ1729" s="20">
        <v>0.77151499999999995</v>
      </c>
      <c r="CR1729" s="20">
        <v>0.77149599999999996</v>
      </c>
      <c r="CS1729" s="20">
        <v>0.79171400000000003</v>
      </c>
      <c r="CT1729" s="20">
        <v>0.79113699999999998</v>
      </c>
      <c r="CU1729" s="20">
        <v>0.80434099999999997</v>
      </c>
      <c r="CV1729" s="20">
        <v>0.75967899999999999</v>
      </c>
      <c r="CW1729" s="20">
        <v>0.72244200000000003</v>
      </c>
      <c r="CX1729" s="20">
        <v>0.709013</v>
      </c>
      <c r="CY1729" s="6" t="s">
        <v>642</v>
      </c>
      <c r="CZ1729" s="6" t="s">
        <v>643</v>
      </c>
      <c r="DA1729" s="6" t="s">
        <v>159</v>
      </c>
      <c r="DB1729" s="6" t="s">
        <v>345</v>
      </c>
      <c r="DC1729" s="6">
        <v>40620</v>
      </c>
      <c r="DD1729" s="6"/>
      <c r="DE1729" s="6" t="s">
        <v>645</v>
      </c>
      <c r="DF1729" s="6" t="s">
        <v>363</v>
      </c>
      <c r="DG1729" s="6" t="s">
        <v>364</v>
      </c>
      <c r="DH1729" s="6" t="s">
        <v>365</v>
      </c>
      <c r="DI1729" s="6"/>
      <c r="DJ1729" s="6">
        <v>29</v>
      </c>
      <c r="DK1729" s="6">
        <v>161</v>
      </c>
      <c r="DL1729" s="6">
        <v>8</v>
      </c>
      <c r="DM1729" s="6" t="s">
        <v>368</v>
      </c>
      <c r="DN1729" s="6">
        <v>5</v>
      </c>
      <c r="DO1729" s="6" t="s">
        <v>429</v>
      </c>
      <c r="DP1729" s="6"/>
      <c r="DQ1729" s="6"/>
    </row>
    <row r="1730" spans="1:121" x14ac:dyDescent="0.2">
      <c r="A1730" s="6" t="s">
        <v>792</v>
      </c>
      <c r="B1730" s="6" t="s">
        <v>176</v>
      </c>
      <c r="C1730" s="6" t="s">
        <v>177</v>
      </c>
      <c r="D1730" s="6" t="s">
        <v>159</v>
      </c>
      <c r="E1730" s="6" t="s">
        <v>298</v>
      </c>
      <c r="F1730" s="11">
        <v>-424</v>
      </c>
      <c r="G1730" s="13">
        <v>-0.26852438252100003</v>
      </c>
      <c r="H1730" s="11">
        <v>-230.4316166399999</v>
      </c>
      <c r="I1730" s="13">
        <v>-0.14597895307387343</v>
      </c>
      <c r="J1730" s="11">
        <v>-461.89265745700004</v>
      </c>
      <c r="K1730" s="13">
        <v>-0.34262627338947721</v>
      </c>
      <c r="L1730" s="11">
        <v>269.11162384699992</v>
      </c>
      <c r="M1730" s="13">
        <v>0.30366848196113189</v>
      </c>
      <c r="N1730" s="11">
        <v>-192.78103361000012</v>
      </c>
      <c r="O1730" s="13">
        <v>-0.14300259174852764</v>
      </c>
      <c r="P1730" s="7">
        <v>1578.5262997699999</v>
      </c>
      <c r="Q1730" s="7">
        <v>1639.24373851</v>
      </c>
      <c r="R1730" s="7">
        <v>1632.4742765999999</v>
      </c>
      <c r="S1730" s="7">
        <v>1853.1104150399999</v>
      </c>
      <c r="T1730" s="7">
        <v>1891.58762282</v>
      </c>
      <c r="U1730" s="7">
        <v>1663.2236343899999</v>
      </c>
      <c r="V1730" s="7">
        <v>1348.09468313</v>
      </c>
      <c r="W1730" s="7">
        <v>1021.9230586899999</v>
      </c>
      <c r="X1730" s="7">
        <v>882.311734806</v>
      </c>
      <c r="Y1730" s="7">
        <v>886.20202567299998</v>
      </c>
      <c r="Z1730" s="7">
        <v>917.75064767799995</v>
      </c>
      <c r="AA1730" s="7">
        <v>972.47657647000005</v>
      </c>
      <c r="AB1730" s="7">
        <v>987.81583578200002</v>
      </c>
      <c r="AC1730" s="7">
        <v>1026.66807821</v>
      </c>
      <c r="AD1730" s="7">
        <v>1066.77535904</v>
      </c>
      <c r="AE1730" s="7">
        <v>1109.2491822500001</v>
      </c>
      <c r="AF1730" s="7">
        <v>1155.3136495199999</v>
      </c>
      <c r="AG1730" s="9">
        <v>31483.862857400003</v>
      </c>
      <c r="AH1730" s="13">
        <v>0.98481992094128101</v>
      </c>
      <c r="AI1730" s="9">
        <v>15637.934026399998</v>
      </c>
      <c r="AJ1730" s="13">
        <v>0.48915690623218594</v>
      </c>
      <c r="AK1730" s="9">
        <v>8600.3562613000031</v>
      </c>
      <c r="AL1730" s="13">
        <v>0.18065284060364192</v>
      </c>
      <c r="AM1730" s="9">
        <v>7245.5725697000016</v>
      </c>
      <c r="AN1730" s="13">
        <v>0.12890769630564947</v>
      </c>
      <c r="AO1730" s="9">
        <v>15845.928831000005</v>
      </c>
      <c r="AP1730" s="13">
        <v>0.33284807842257857</v>
      </c>
      <c r="AQ1730" s="9">
        <v>31969.157190999998</v>
      </c>
      <c r="AR1730" s="9">
        <v>34878.400613199999</v>
      </c>
      <c r="AS1730" s="9">
        <v>36451.513244200003</v>
      </c>
      <c r="AT1730" s="9">
        <v>37829.699354199998</v>
      </c>
      <c r="AU1730" s="9">
        <v>39646.955337300002</v>
      </c>
      <c r="AV1730" s="9">
        <v>41159.486392300001</v>
      </c>
      <c r="AW1730" s="9">
        <v>47607.091217399997</v>
      </c>
      <c r="AX1730" s="9">
        <v>52494.990026400003</v>
      </c>
      <c r="AY1730" s="9">
        <v>54350.036579400003</v>
      </c>
      <c r="AZ1730" s="9">
        <v>56207.4474787</v>
      </c>
      <c r="BA1730" s="9">
        <v>56320.674149699997</v>
      </c>
      <c r="BB1730" s="9">
        <v>56641.349541600001</v>
      </c>
      <c r="BC1730" s="9">
        <v>58120.228795900002</v>
      </c>
      <c r="BD1730" s="9">
        <v>60846.705636999999</v>
      </c>
      <c r="BE1730" s="9">
        <v>62234.063182600003</v>
      </c>
      <c r="BF1730" s="9">
        <v>63453.020048400002</v>
      </c>
      <c r="BG1730" s="11">
        <v>-5.75</v>
      </c>
      <c r="BH1730" s="13">
        <v>-0.115</v>
      </c>
      <c r="BI1730" s="6">
        <v>1</v>
      </c>
      <c r="BJ1730" s="13">
        <v>0.02</v>
      </c>
      <c r="BK1730" s="6">
        <v>-6</v>
      </c>
      <c r="BL1730" s="13">
        <v>-0.11764705882352941</v>
      </c>
      <c r="BM1730" s="11">
        <v>-0.75</v>
      </c>
      <c r="BN1730" s="13">
        <v>-1.6666666666666666E-2</v>
      </c>
      <c r="BO1730" s="11">
        <v>-6.75</v>
      </c>
      <c r="BP1730" s="13">
        <v>-0.13235294117647059</v>
      </c>
      <c r="BQ1730" s="6">
        <v>50</v>
      </c>
      <c r="BR1730" s="6">
        <v>48</v>
      </c>
      <c r="BS1730" s="6">
        <v>49</v>
      </c>
      <c r="BT1730" s="6">
        <v>51</v>
      </c>
      <c r="BU1730" s="6">
        <v>48</v>
      </c>
      <c r="BV1730" s="6">
        <v>45</v>
      </c>
      <c r="BW1730" s="6">
        <v>45</v>
      </c>
      <c r="BX1730" s="6">
        <v>46</v>
      </c>
      <c r="BY1730" s="6">
        <v>45</v>
      </c>
      <c r="BZ1730" s="6">
        <v>43</v>
      </c>
      <c r="CA1730" s="6">
        <v>43</v>
      </c>
      <c r="CB1730" s="6">
        <v>43</v>
      </c>
      <c r="CC1730" s="11">
        <v>44.25</v>
      </c>
      <c r="CD1730" s="11">
        <v>-38.58</v>
      </c>
      <c r="CE1730" s="11">
        <v>-557.18499999999995</v>
      </c>
      <c r="CF1730" s="11">
        <v>172.55199999999999</v>
      </c>
      <c r="CG1730" s="11">
        <v>-384</v>
      </c>
      <c r="CH1730" s="20">
        <v>0.72575400000000001</v>
      </c>
      <c r="CI1730" s="20">
        <v>0.77717899999999995</v>
      </c>
      <c r="CJ1730" s="20">
        <v>0.78991100000000003</v>
      </c>
      <c r="CK1730" s="20">
        <v>0.888243</v>
      </c>
      <c r="CL1730" s="20">
        <v>0.93327300000000002</v>
      </c>
      <c r="CM1730" s="20">
        <v>0.83537700000000004</v>
      </c>
      <c r="CN1730" s="20">
        <v>0.71742600000000001</v>
      </c>
      <c r="CO1730" s="20">
        <v>0.57702600000000004</v>
      </c>
      <c r="CP1730" s="20">
        <v>0.55330400000000002</v>
      </c>
      <c r="CQ1730" s="20">
        <v>0.55516299999999996</v>
      </c>
      <c r="CR1730" s="20">
        <v>0.57383899999999999</v>
      </c>
      <c r="CS1730" s="20">
        <v>0.60657399999999995</v>
      </c>
      <c r="CT1730" s="20">
        <v>0.62448300000000001</v>
      </c>
      <c r="CU1730" s="20">
        <v>0.64806299999999994</v>
      </c>
      <c r="CV1730" s="20">
        <v>0.666099</v>
      </c>
      <c r="CW1730" s="20">
        <v>0.69478200000000001</v>
      </c>
      <c r="CX1730" s="20">
        <v>0.72418499999999997</v>
      </c>
      <c r="CY1730" s="6" t="s">
        <v>642</v>
      </c>
      <c r="CZ1730" s="6" t="s">
        <v>643</v>
      </c>
      <c r="DA1730" s="6" t="s">
        <v>159</v>
      </c>
      <c r="DB1730" s="6" t="s">
        <v>345</v>
      </c>
      <c r="DC1730" s="6">
        <v>40620</v>
      </c>
      <c r="DD1730" s="6"/>
      <c r="DE1730" s="6" t="s">
        <v>645</v>
      </c>
      <c r="DF1730" s="6" t="s">
        <v>363</v>
      </c>
      <c r="DG1730" s="6" t="s">
        <v>364</v>
      </c>
      <c r="DH1730" s="6" t="s">
        <v>365</v>
      </c>
      <c r="DI1730" s="6"/>
      <c r="DJ1730" s="6">
        <v>29</v>
      </c>
      <c r="DK1730" s="6">
        <v>161</v>
      </c>
      <c r="DL1730" s="6">
        <v>8</v>
      </c>
      <c r="DM1730" s="6" t="s">
        <v>368</v>
      </c>
      <c r="DN1730" s="6">
        <v>5</v>
      </c>
      <c r="DO1730" s="6" t="s">
        <v>429</v>
      </c>
      <c r="DP1730" s="6"/>
      <c r="DQ1730" s="6"/>
    </row>
    <row r="1731" spans="1:121" x14ac:dyDescent="0.2">
      <c r="A1731" s="6" t="s">
        <v>313</v>
      </c>
      <c r="B1731" s="6" t="s">
        <v>313</v>
      </c>
      <c r="C1731" s="6" t="s">
        <v>178</v>
      </c>
      <c r="D1731" s="6" t="s">
        <v>159</v>
      </c>
      <c r="E1731" s="6" t="s">
        <v>298</v>
      </c>
      <c r="F1731" s="11">
        <v>101</v>
      </c>
      <c r="G1731" s="13">
        <v>0.25569620253199998</v>
      </c>
      <c r="H1731" s="11">
        <v>31.936647741000002</v>
      </c>
      <c r="I1731" s="13">
        <v>8.0906460641766292E-2</v>
      </c>
      <c r="J1731" s="11">
        <v>-36.201618814000028</v>
      </c>
      <c r="K1731" s="13">
        <v>-8.4846465081471936E-2</v>
      </c>
      <c r="L1731" s="11">
        <v>105.59756562900003</v>
      </c>
      <c r="M1731" s="13">
        <v>0.27043674923664635</v>
      </c>
      <c r="N1731" s="11">
        <v>69.395946815000002</v>
      </c>
      <c r="O1731" s="13">
        <v>0.16264468195432052</v>
      </c>
      <c r="P1731" s="7">
        <v>394.73544495300001</v>
      </c>
      <c r="Q1731" s="7">
        <v>378.01000390899998</v>
      </c>
      <c r="R1731" s="7">
        <v>385.40732278899998</v>
      </c>
      <c r="S1731" s="7">
        <v>415.97086662200002</v>
      </c>
      <c r="T1731" s="7">
        <v>419.38269091000001</v>
      </c>
      <c r="U1731" s="7">
        <v>426.05597903400002</v>
      </c>
      <c r="V1731" s="7">
        <v>426.67209269400001</v>
      </c>
      <c r="W1731" s="7">
        <v>412.65983043900002</v>
      </c>
      <c r="X1731" s="7">
        <v>396.21550566299999</v>
      </c>
      <c r="Y1731" s="7">
        <v>390.47047387999999</v>
      </c>
      <c r="Z1731" s="7">
        <v>459.89197079799999</v>
      </c>
      <c r="AA1731" s="7">
        <v>473.25671553299998</v>
      </c>
      <c r="AB1731" s="7">
        <v>432.43600272999998</v>
      </c>
      <c r="AC1731" s="7">
        <v>429.69384070199999</v>
      </c>
      <c r="AD1731" s="7">
        <v>477.23303019700001</v>
      </c>
      <c r="AE1731" s="7">
        <v>484.84133031200003</v>
      </c>
      <c r="AF1731" s="7">
        <v>496.06803950900002</v>
      </c>
      <c r="AG1731" s="9">
        <v>16692.228289000002</v>
      </c>
      <c r="AH1731" s="13">
        <v>0.51767563601523903</v>
      </c>
      <c r="AI1731" s="9">
        <v>5562.8716163000026</v>
      </c>
      <c r="AJ1731" s="13">
        <v>0.17252119083088249</v>
      </c>
      <c r="AK1731" s="9">
        <v>1787.2445411000008</v>
      </c>
      <c r="AL1731" s="13">
        <v>4.7272295191806757E-2</v>
      </c>
      <c r="AM1731" s="9">
        <v>9342.112131599999</v>
      </c>
      <c r="AN1731" s="13">
        <v>0.23594358322809164</v>
      </c>
      <c r="AO1731" s="9">
        <v>11129.3566727</v>
      </c>
      <c r="AP1731" s="13">
        <v>0.29436947313486939</v>
      </c>
      <c r="AQ1731" s="9">
        <v>32244.570012</v>
      </c>
      <c r="AR1731" s="9">
        <v>32948.041066099999</v>
      </c>
      <c r="AS1731" s="9">
        <v>33823.671210499997</v>
      </c>
      <c r="AT1731" s="9">
        <v>32073.331653099998</v>
      </c>
      <c r="AU1731" s="9">
        <v>34163.151321899997</v>
      </c>
      <c r="AV1731" s="9">
        <v>37474.922869000002</v>
      </c>
      <c r="AW1731" s="9">
        <v>37807.441628300003</v>
      </c>
      <c r="AX1731" s="9">
        <v>37525.208334900002</v>
      </c>
      <c r="AY1731" s="9">
        <v>39631.617198200001</v>
      </c>
      <c r="AZ1731" s="9">
        <v>39594.686169400004</v>
      </c>
      <c r="BA1731" s="9">
        <v>39456.208746800003</v>
      </c>
      <c r="BB1731" s="9">
        <v>41678.924018700003</v>
      </c>
      <c r="BC1731" s="9">
        <v>43552.543997000001</v>
      </c>
      <c r="BD1731" s="9">
        <v>45371.6703844</v>
      </c>
      <c r="BE1731" s="9">
        <v>46537.953014400002</v>
      </c>
      <c r="BF1731" s="9">
        <v>48936.798301000003</v>
      </c>
      <c r="BG1731" s="11">
        <v>-6.75</v>
      </c>
      <c r="BH1731" s="13">
        <v>-0.12980769230769232</v>
      </c>
      <c r="BI1731" s="6">
        <v>-1</v>
      </c>
      <c r="BJ1731" s="13">
        <v>-1.9230769230769232E-2</v>
      </c>
      <c r="BK1731" s="6">
        <v>-6</v>
      </c>
      <c r="BL1731" s="13">
        <v>-0.11764705882352941</v>
      </c>
      <c r="BM1731" s="11">
        <v>0.25</v>
      </c>
      <c r="BN1731" s="13">
        <v>5.5555555555555558E-3</v>
      </c>
      <c r="BO1731" s="11">
        <v>-5.75</v>
      </c>
      <c r="BP1731" s="13">
        <v>-0.11274509803921569</v>
      </c>
      <c r="BQ1731" s="6">
        <v>52</v>
      </c>
      <c r="BR1731" s="6">
        <v>48</v>
      </c>
      <c r="BS1731" s="6">
        <v>47</v>
      </c>
      <c r="BT1731" s="6">
        <v>51</v>
      </c>
      <c r="BU1731" s="6">
        <v>55</v>
      </c>
      <c r="BV1731" s="6">
        <v>52</v>
      </c>
      <c r="BW1731" s="6">
        <v>45</v>
      </c>
      <c r="BX1731" s="6">
        <v>49</v>
      </c>
      <c r="BY1731" s="6">
        <v>49</v>
      </c>
      <c r="BZ1731" s="6">
        <v>49</v>
      </c>
      <c r="CA1731" s="6">
        <v>47</v>
      </c>
      <c r="CB1731" s="6">
        <v>47</v>
      </c>
      <c r="CC1731" s="11">
        <v>45.25</v>
      </c>
      <c r="CD1731" s="11">
        <v>90.459800000000001</v>
      </c>
      <c r="CE1731" s="11">
        <v>-32.276499999999999</v>
      </c>
      <c r="CF1731" s="11">
        <v>43.149299999999997</v>
      </c>
      <c r="CG1731" s="11">
        <v>11</v>
      </c>
      <c r="CH1731" s="20">
        <v>0.50968000000000002</v>
      </c>
      <c r="CI1731" s="20">
        <v>0.47802</v>
      </c>
      <c r="CJ1731" s="20">
        <v>0.47548499999999999</v>
      </c>
      <c r="CK1731" s="20">
        <v>0.49633699999999997</v>
      </c>
      <c r="CL1731" s="20">
        <v>0.50286500000000001</v>
      </c>
      <c r="CM1731" s="20">
        <v>0.50600500000000004</v>
      </c>
      <c r="CN1731" s="20">
        <v>0.51790800000000004</v>
      </c>
      <c r="CO1731" s="20">
        <v>0.51784399999999997</v>
      </c>
      <c r="CP1731" s="20">
        <v>0.52199600000000002</v>
      </c>
      <c r="CQ1731" s="20">
        <v>0.50877099999999997</v>
      </c>
      <c r="CR1731" s="20">
        <v>0.60071600000000003</v>
      </c>
      <c r="CS1731" s="20">
        <v>0.61594300000000002</v>
      </c>
      <c r="CT1731" s="20">
        <v>0.56720000000000004</v>
      </c>
      <c r="CU1731" s="20">
        <v>0.56345500000000004</v>
      </c>
      <c r="CV1731" s="20">
        <v>0.61942900000000001</v>
      </c>
      <c r="CW1731" s="20">
        <v>0.63289899999999999</v>
      </c>
      <c r="CX1731" s="20">
        <v>0.64277300000000004</v>
      </c>
      <c r="CY1731" s="6" t="s">
        <v>642</v>
      </c>
      <c r="CZ1731" s="6" t="s">
        <v>643</v>
      </c>
      <c r="DA1731" s="6" t="s">
        <v>159</v>
      </c>
      <c r="DB1731" s="6" t="s">
        <v>345</v>
      </c>
      <c r="DC1731" s="6">
        <v>40620</v>
      </c>
      <c r="DD1731" s="6"/>
      <c r="DE1731" s="6" t="s">
        <v>645</v>
      </c>
      <c r="DF1731" s="6" t="s">
        <v>363</v>
      </c>
      <c r="DG1731" s="6" t="s">
        <v>364</v>
      </c>
      <c r="DH1731" s="6" t="s">
        <v>365</v>
      </c>
      <c r="DI1731" s="6"/>
      <c r="DJ1731" s="6">
        <v>29</v>
      </c>
      <c r="DK1731" s="6">
        <v>161</v>
      </c>
      <c r="DL1731" s="6">
        <v>8</v>
      </c>
      <c r="DM1731" s="6" t="s">
        <v>368</v>
      </c>
      <c r="DN1731" s="6">
        <v>5</v>
      </c>
      <c r="DO1731" s="6" t="s">
        <v>429</v>
      </c>
      <c r="DP1731" s="6"/>
      <c r="DQ1731" s="6"/>
    </row>
    <row r="1732" spans="1:121" x14ac:dyDescent="0.2">
      <c r="A1732" s="6" t="s">
        <v>793</v>
      </c>
      <c r="B1732" s="6" t="s">
        <v>179</v>
      </c>
      <c r="C1732" s="6" t="s">
        <v>180</v>
      </c>
      <c r="D1732" s="6" t="s">
        <v>159</v>
      </c>
      <c r="E1732" s="6" t="s">
        <v>298</v>
      </c>
      <c r="F1732" s="11">
        <v>154</v>
      </c>
      <c r="G1732" s="13">
        <v>0.06</v>
      </c>
      <c r="H1732" s="11">
        <v>66</v>
      </c>
      <c r="I1732" s="13">
        <v>2.732919254658385E-2</v>
      </c>
      <c r="J1732" s="11">
        <v>-65</v>
      </c>
      <c r="K1732" s="13">
        <v>-2.6199113260781944E-2</v>
      </c>
      <c r="L1732" s="11">
        <v>153</v>
      </c>
      <c r="M1732" s="13">
        <v>6.3327814569536428E-2</v>
      </c>
      <c r="N1732" s="11">
        <v>88</v>
      </c>
      <c r="O1732" s="13">
        <v>3.5469568722289402E-2</v>
      </c>
      <c r="P1732" s="7">
        <v>2415</v>
      </c>
      <c r="Q1732" s="7">
        <v>2395</v>
      </c>
      <c r="R1732" s="7">
        <v>2489</v>
      </c>
      <c r="S1732" s="7">
        <v>2507</v>
      </c>
      <c r="T1732" s="7">
        <v>2570</v>
      </c>
      <c r="U1732" s="7">
        <v>2578</v>
      </c>
      <c r="V1732" s="7">
        <v>2481</v>
      </c>
      <c r="W1732" s="7">
        <v>2510</v>
      </c>
      <c r="X1732" s="7">
        <v>2389</v>
      </c>
      <c r="Y1732" s="7">
        <v>2416</v>
      </c>
      <c r="Z1732" s="7">
        <v>2397</v>
      </c>
      <c r="AA1732" s="7">
        <v>2502</v>
      </c>
      <c r="AB1732" s="7">
        <v>2518</v>
      </c>
      <c r="AC1732" s="7">
        <v>2503</v>
      </c>
      <c r="AD1732" s="7">
        <v>2553</v>
      </c>
      <c r="AE1732" s="7">
        <v>2536</v>
      </c>
      <c r="AF1732" s="7">
        <v>2569</v>
      </c>
      <c r="AG1732" s="9">
        <v>8268</v>
      </c>
      <c r="AH1732" s="13">
        <v>0.39795918367346939</v>
      </c>
      <c r="AI1732" s="9">
        <v>4088</v>
      </c>
      <c r="AJ1732" s="13">
        <v>0.19676549865229109</v>
      </c>
      <c r="AK1732" s="9">
        <v>1352</v>
      </c>
      <c r="AL1732" s="13">
        <v>5.4375804375804374E-2</v>
      </c>
      <c r="AM1732" s="9">
        <v>2828</v>
      </c>
      <c r="AN1732" s="13">
        <v>0.10787305462313092</v>
      </c>
      <c r="AO1732" s="9">
        <v>4180</v>
      </c>
      <c r="AP1732" s="13">
        <v>0.1681145431145431</v>
      </c>
      <c r="AQ1732" s="9">
        <v>20776</v>
      </c>
      <c r="AR1732" s="9">
        <v>21614</v>
      </c>
      <c r="AS1732" s="9">
        <v>23145</v>
      </c>
      <c r="AT1732" s="9">
        <v>23616</v>
      </c>
      <c r="AU1732" s="9">
        <v>25026</v>
      </c>
      <c r="AV1732" s="9">
        <v>24383</v>
      </c>
      <c r="AW1732" s="9">
        <v>24864</v>
      </c>
      <c r="AX1732" s="9">
        <v>28794</v>
      </c>
      <c r="AY1732" s="9">
        <v>26196</v>
      </c>
      <c r="AZ1732" s="9">
        <v>26216</v>
      </c>
      <c r="BA1732" s="9">
        <v>26275</v>
      </c>
      <c r="BB1732" s="9">
        <v>26303</v>
      </c>
      <c r="BC1732" s="9">
        <v>27208</v>
      </c>
      <c r="BD1732" s="9">
        <v>27349</v>
      </c>
      <c r="BE1732" s="9">
        <v>28341</v>
      </c>
      <c r="BF1732" s="9">
        <v>29044</v>
      </c>
      <c r="BG1732" s="11">
        <v>-30</v>
      </c>
      <c r="BH1732" s="13">
        <v>-0.14634146341463414</v>
      </c>
      <c r="BI1732" s="6">
        <v>-14</v>
      </c>
      <c r="BJ1732" s="13">
        <v>-6.8292682926829273E-2</v>
      </c>
      <c r="BK1732" s="6">
        <v>-11</v>
      </c>
      <c r="BL1732" s="13">
        <v>-5.7591623036649213E-2</v>
      </c>
      <c r="BM1732" s="11">
        <v>-5</v>
      </c>
      <c r="BN1732" s="13">
        <v>-2.7777777777777776E-2</v>
      </c>
      <c r="BO1732" s="11">
        <v>-16</v>
      </c>
      <c r="BP1732" s="13">
        <v>-8.3769633507853408E-2</v>
      </c>
      <c r="BQ1732" s="6">
        <v>205</v>
      </c>
      <c r="BR1732" s="6">
        <v>208</v>
      </c>
      <c r="BS1732" s="6">
        <v>199</v>
      </c>
      <c r="BT1732" s="6">
        <v>191</v>
      </c>
      <c r="BU1732" s="6">
        <v>187</v>
      </c>
      <c r="BV1732" s="6">
        <v>185</v>
      </c>
      <c r="BW1732" s="6">
        <v>180</v>
      </c>
      <c r="BX1732" s="6">
        <v>176</v>
      </c>
      <c r="BY1732" s="6">
        <v>179</v>
      </c>
      <c r="BZ1732" s="6">
        <v>176</v>
      </c>
      <c r="CA1732" s="6">
        <v>177</v>
      </c>
      <c r="CB1732" s="6">
        <v>179</v>
      </c>
      <c r="CC1732" s="11">
        <v>175</v>
      </c>
      <c r="CD1732" s="11">
        <v>46</v>
      </c>
      <c r="CE1732" s="11">
        <v>-155</v>
      </c>
      <c r="CF1732" s="11">
        <v>264</v>
      </c>
      <c r="CG1732" s="11">
        <v>109</v>
      </c>
      <c r="CH1732" s="20">
        <v>1.1599999999999999</v>
      </c>
      <c r="CI1732" s="20">
        <v>1.1100000000000001</v>
      </c>
      <c r="CJ1732" s="20">
        <v>1.1299999999999999</v>
      </c>
      <c r="CK1732" s="20">
        <v>1.1000000000000001</v>
      </c>
      <c r="CL1732" s="20">
        <v>1.1399999999999999</v>
      </c>
      <c r="CM1732" s="20">
        <v>1.1499999999999999</v>
      </c>
      <c r="CN1732" s="20">
        <v>1.1399999999999999</v>
      </c>
      <c r="CO1732" s="20">
        <v>1.2</v>
      </c>
      <c r="CP1732" s="20">
        <v>1.18</v>
      </c>
      <c r="CQ1732" s="20">
        <v>1.17</v>
      </c>
      <c r="CR1732" s="20">
        <v>1.17</v>
      </c>
      <c r="CS1732" s="20">
        <v>1.22</v>
      </c>
      <c r="CT1732" s="20">
        <v>1.24</v>
      </c>
      <c r="CU1732" s="20">
        <v>1.22</v>
      </c>
      <c r="CV1732" s="20">
        <v>1.23</v>
      </c>
      <c r="CW1732" s="20">
        <v>1.21</v>
      </c>
      <c r="CX1732" s="20">
        <v>1.22</v>
      </c>
      <c r="CY1732" s="6" t="s">
        <v>642</v>
      </c>
      <c r="CZ1732" s="6" t="s">
        <v>643</v>
      </c>
      <c r="DA1732" s="6" t="s">
        <v>159</v>
      </c>
      <c r="DB1732" s="6" t="s">
        <v>345</v>
      </c>
      <c r="DC1732" s="6">
        <v>40620</v>
      </c>
      <c r="DD1732" s="6"/>
      <c r="DE1732" s="6" t="s">
        <v>645</v>
      </c>
      <c r="DF1732" s="6" t="s">
        <v>363</v>
      </c>
      <c r="DG1732" s="6" t="s">
        <v>364</v>
      </c>
      <c r="DH1732" s="6" t="s">
        <v>365</v>
      </c>
      <c r="DI1732" s="6"/>
      <c r="DJ1732" s="6">
        <v>29</v>
      </c>
      <c r="DK1732" s="6">
        <v>161</v>
      </c>
      <c r="DL1732" s="6">
        <v>8</v>
      </c>
      <c r="DM1732" s="6" t="s">
        <v>368</v>
      </c>
      <c r="DN1732" s="6">
        <v>5</v>
      </c>
      <c r="DO1732" s="6" t="s">
        <v>429</v>
      </c>
      <c r="DP1732" s="6"/>
      <c r="DQ1732" s="6"/>
    </row>
    <row r="1733" spans="1:121" x14ac:dyDescent="0.2">
      <c r="A1733" s="6" t="s">
        <v>794</v>
      </c>
      <c r="B1733" s="6" t="s">
        <v>181</v>
      </c>
      <c r="C1733" s="6" t="s">
        <v>182</v>
      </c>
      <c r="D1733" s="6" t="s">
        <v>159</v>
      </c>
      <c r="E1733" s="6" t="s">
        <v>298</v>
      </c>
      <c r="F1733" s="11">
        <v>632</v>
      </c>
      <c r="G1733" s="13">
        <v>0.66949152542400003</v>
      </c>
      <c r="H1733" s="11">
        <v>792.93444154500003</v>
      </c>
      <c r="I1733" s="13">
        <v>0.8398632057652694</v>
      </c>
      <c r="J1733" s="11">
        <v>-251.68419969000001</v>
      </c>
      <c r="K1733" s="13">
        <v>-0.14489109382546125</v>
      </c>
      <c r="L1733" s="11">
        <v>90.792419449999898</v>
      </c>
      <c r="M1733" s="13">
        <v>6.1124299998446353E-2</v>
      </c>
      <c r="N1733" s="11">
        <v>-160.89178024000012</v>
      </c>
      <c r="O1733" s="13">
        <v>-9.2623160513105401E-2</v>
      </c>
      <c r="P1733" s="7">
        <v>944.12332401499998</v>
      </c>
      <c r="Q1733" s="7">
        <v>1397.03711542</v>
      </c>
      <c r="R1733" s="7">
        <v>1611.89930144</v>
      </c>
      <c r="S1733" s="7">
        <v>1747.14626058</v>
      </c>
      <c r="T1733" s="7">
        <v>1716.2647728300001</v>
      </c>
      <c r="U1733" s="7">
        <v>1892.58277514</v>
      </c>
      <c r="V1733" s="7">
        <v>1737.05776556</v>
      </c>
      <c r="W1733" s="7">
        <v>1470.81706545</v>
      </c>
      <c r="X1733" s="7">
        <v>1525.9409295999999</v>
      </c>
      <c r="Y1733" s="7">
        <v>1485.37356587</v>
      </c>
      <c r="Z1733" s="7">
        <v>1472.5289304999999</v>
      </c>
      <c r="AA1733" s="7">
        <v>1449.0471259399999</v>
      </c>
      <c r="AB1733" s="7">
        <v>1455.34533829</v>
      </c>
      <c r="AC1733" s="7">
        <v>1456.7216615899999</v>
      </c>
      <c r="AD1733" s="7">
        <v>1505.3396548200001</v>
      </c>
      <c r="AE1733" s="7">
        <v>1576.78282139</v>
      </c>
      <c r="AF1733" s="7">
        <v>1576.1659853199999</v>
      </c>
      <c r="AG1733" s="9">
        <v>20648.078342199999</v>
      </c>
      <c r="AH1733" s="13">
        <v>0.65102189977856917</v>
      </c>
      <c r="AI1733" s="9">
        <v>11798.123409899996</v>
      </c>
      <c r="AJ1733" s="13">
        <v>0.37198796850926386</v>
      </c>
      <c r="AK1733" s="9">
        <v>5404.1794371000069</v>
      </c>
      <c r="AL1733" s="13">
        <v>0.12419251343160662</v>
      </c>
      <c r="AM1733" s="9">
        <v>3445.7754951999959</v>
      </c>
      <c r="AN1733" s="13">
        <v>7.0438799443197198E-2</v>
      </c>
      <c r="AO1733" s="9">
        <v>8849.9549323000028</v>
      </c>
      <c r="AP1733" s="13">
        <v>0.20337928442075931</v>
      </c>
      <c r="AQ1733" s="9">
        <v>31716.411305400001</v>
      </c>
      <c r="AR1733" s="9">
        <v>34262.523572600003</v>
      </c>
      <c r="AS1733" s="9">
        <v>39734.6800066</v>
      </c>
      <c r="AT1733" s="9">
        <v>41533.701239599999</v>
      </c>
      <c r="AU1733" s="9">
        <v>40489.890127799998</v>
      </c>
      <c r="AV1733" s="9">
        <v>41014.977306699999</v>
      </c>
      <c r="AW1733" s="9">
        <v>43514.534715299997</v>
      </c>
      <c r="AX1733" s="9">
        <v>43261.268692400001</v>
      </c>
      <c r="AY1733" s="9">
        <v>47764.861954</v>
      </c>
      <c r="AZ1733" s="9">
        <v>48918.714152400004</v>
      </c>
      <c r="BA1733" s="9">
        <v>50125.046597200002</v>
      </c>
      <c r="BB1733" s="9">
        <v>49579.652628000003</v>
      </c>
      <c r="BC1733" s="9">
        <v>50457.391531200003</v>
      </c>
      <c r="BD1733" s="9">
        <v>51446.187893499999</v>
      </c>
      <c r="BE1733" s="9">
        <v>51572.223284599997</v>
      </c>
      <c r="BF1733" s="9">
        <v>52364.489647599999</v>
      </c>
      <c r="BG1733" s="11">
        <v>-13.25</v>
      </c>
      <c r="BH1733" s="13">
        <v>-0.22844827586206898</v>
      </c>
      <c r="BI1733" s="6">
        <v>-7</v>
      </c>
      <c r="BJ1733" s="13">
        <v>-0.1206896551724138</v>
      </c>
      <c r="BK1733" s="6">
        <v>-2</v>
      </c>
      <c r="BL1733" s="13">
        <v>-3.9215686274509803E-2</v>
      </c>
      <c r="BM1733" s="11">
        <v>-4.25</v>
      </c>
      <c r="BN1733" s="13">
        <v>-8.673469387755102E-2</v>
      </c>
      <c r="BO1733" s="11">
        <v>-6.25</v>
      </c>
      <c r="BP1733" s="13">
        <v>-0.12254901960784313</v>
      </c>
      <c r="BQ1733" s="6">
        <v>58</v>
      </c>
      <c r="BR1733" s="6">
        <v>52</v>
      </c>
      <c r="BS1733" s="6">
        <v>50</v>
      </c>
      <c r="BT1733" s="6">
        <v>51</v>
      </c>
      <c r="BU1733" s="6">
        <v>52</v>
      </c>
      <c r="BV1733" s="6">
        <v>49</v>
      </c>
      <c r="BW1733" s="6">
        <v>49</v>
      </c>
      <c r="BX1733" s="6">
        <v>50</v>
      </c>
      <c r="BY1733" s="6">
        <v>50</v>
      </c>
      <c r="BZ1733" s="6">
        <v>46</v>
      </c>
      <c r="CA1733" s="6">
        <v>47</v>
      </c>
      <c r="CB1733" s="6">
        <v>45</v>
      </c>
      <c r="CC1733" s="11">
        <v>44.75</v>
      </c>
      <c r="CD1733" s="11">
        <v>469.33</v>
      </c>
      <c r="CE1733" s="11">
        <v>59.508499999999998</v>
      </c>
      <c r="CF1733" s="11">
        <v>103.20399999999999</v>
      </c>
      <c r="CG1733" s="11">
        <v>163</v>
      </c>
      <c r="CH1733" s="20">
        <v>1.5399700000000001</v>
      </c>
      <c r="CI1733" s="20">
        <v>2.2506699999999999</v>
      </c>
      <c r="CJ1733" s="20">
        <v>2.5388000000000002</v>
      </c>
      <c r="CK1733" s="20">
        <v>2.6358100000000002</v>
      </c>
      <c r="CL1733" s="20">
        <v>2.5863499999999999</v>
      </c>
      <c r="CM1733" s="20">
        <v>2.8167800000000001</v>
      </c>
      <c r="CN1733" s="20">
        <v>2.6366200000000002</v>
      </c>
      <c r="CO1733" s="20">
        <v>2.3082799999999999</v>
      </c>
      <c r="CP1733" s="20">
        <v>2.50684</v>
      </c>
      <c r="CQ1733" s="20">
        <v>2.3988</v>
      </c>
      <c r="CR1733" s="20">
        <v>2.3530799999999998</v>
      </c>
      <c r="CS1733" s="20">
        <v>2.2982</v>
      </c>
      <c r="CT1733" s="20">
        <v>2.3122199999999999</v>
      </c>
      <c r="CU1733" s="20">
        <v>2.2622300000000002</v>
      </c>
      <c r="CV1733" s="20">
        <v>2.2347399999999999</v>
      </c>
      <c r="CW1733" s="20">
        <v>2.29399</v>
      </c>
      <c r="CX1733" s="20">
        <v>2.2612899999999998</v>
      </c>
      <c r="CY1733" s="6" t="s">
        <v>642</v>
      </c>
      <c r="CZ1733" s="6" t="s">
        <v>643</v>
      </c>
      <c r="DA1733" s="6" t="s">
        <v>159</v>
      </c>
      <c r="DB1733" s="6" t="s">
        <v>345</v>
      </c>
      <c r="DC1733" s="6">
        <v>40620</v>
      </c>
      <c r="DD1733" s="6"/>
      <c r="DE1733" s="6" t="s">
        <v>645</v>
      </c>
      <c r="DF1733" s="6" t="s">
        <v>363</v>
      </c>
      <c r="DG1733" s="6" t="s">
        <v>364</v>
      </c>
      <c r="DH1733" s="6" t="s">
        <v>365</v>
      </c>
      <c r="DI1733" s="6"/>
      <c r="DJ1733" s="6">
        <v>29</v>
      </c>
      <c r="DK1733" s="6">
        <v>161</v>
      </c>
      <c r="DL1733" s="6">
        <v>8</v>
      </c>
      <c r="DM1733" s="6" t="s">
        <v>368</v>
      </c>
      <c r="DN1733" s="6">
        <v>5</v>
      </c>
      <c r="DO1733" s="6" t="s">
        <v>429</v>
      </c>
      <c r="DP1733" s="6"/>
      <c r="DQ1733" s="6"/>
    </row>
    <row r="1734" spans="1:121" x14ac:dyDescent="0.2">
      <c r="A1734" s="6" t="s">
        <v>314</v>
      </c>
      <c r="B1734" s="6" t="s">
        <v>314</v>
      </c>
      <c r="C1734" s="6" t="s">
        <v>183</v>
      </c>
      <c r="D1734" s="6" t="s">
        <v>159</v>
      </c>
      <c r="E1734" s="6" t="s">
        <v>298</v>
      </c>
      <c r="F1734" s="11">
        <v>-67</v>
      </c>
      <c r="G1734" s="13">
        <v>-0.31603773584900002</v>
      </c>
      <c r="H1734" s="11">
        <v>-28.866468667000021</v>
      </c>
      <c r="I1734" s="13">
        <v>-0.13643919740357743</v>
      </c>
      <c r="J1734" s="11">
        <v>23.21694177400002</v>
      </c>
      <c r="K1734" s="13">
        <v>0.12707425976751963</v>
      </c>
      <c r="L1734" s="11">
        <v>-60.633011247000013</v>
      </c>
      <c r="M1734" s="13">
        <v>-0.29444838880134427</v>
      </c>
      <c r="N1734" s="11">
        <v>-37.416069472999993</v>
      </c>
      <c r="O1734" s="13">
        <v>-0.20479094008049423</v>
      </c>
      <c r="P1734" s="7">
        <v>211.57020281800001</v>
      </c>
      <c r="Q1734" s="7">
        <v>209.72641872</v>
      </c>
      <c r="R1734" s="7">
        <v>193.019550761</v>
      </c>
      <c r="S1734" s="7">
        <v>193.30937700600001</v>
      </c>
      <c r="T1734" s="7">
        <v>180.66343578600001</v>
      </c>
      <c r="U1734" s="7">
        <v>181.289919252</v>
      </c>
      <c r="V1734" s="7">
        <v>182.70373415099999</v>
      </c>
      <c r="W1734" s="7">
        <v>160.02500190500001</v>
      </c>
      <c r="X1734" s="7">
        <v>180.92425027499999</v>
      </c>
      <c r="Y1734" s="7">
        <v>205.92067592500001</v>
      </c>
      <c r="Z1734" s="7">
        <v>214.64864922000001</v>
      </c>
      <c r="AA1734" s="7">
        <v>173.47359543600001</v>
      </c>
      <c r="AB1734" s="7">
        <v>165.55869460700001</v>
      </c>
      <c r="AC1734" s="7">
        <v>182.29411177700001</v>
      </c>
      <c r="AD1734" s="7">
        <v>156.415050952</v>
      </c>
      <c r="AE1734" s="7">
        <v>144.31994081799999</v>
      </c>
      <c r="AF1734" s="7">
        <v>145.287664678</v>
      </c>
      <c r="AG1734" s="9">
        <v>15096.422223000001</v>
      </c>
      <c r="AH1734" s="13">
        <v>0.43696957266162478</v>
      </c>
      <c r="AI1734" s="9">
        <v>8566.4093367000023</v>
      </c>
      <c r="AJ1734" s="13">
        <v>0.24795677888495635</v>
      </c>
      <c r="AK1734" s="9">
        <v>-1418.0388741999996</v>
      </c>
      <c r="AL1734" s="13">
        <v>-3.2890142523255693E-2</v>
      </c>
      <c r="AM1734" s="9">
        <v>7948.0517604999986</v>
      </c>
      <c r="AN1734" s="13">
        <v>0.19061737975956203</v>
      </c>
      <c r="AO1734" s="9">
        <v>6530.0128862999991</v>
      </c>
      <c r="AP1734" s="13">
        <v>0.15145780444860479</v>
      </c>
      <c r="AQ1734" s="9">
        <v>34547.994111</v>
      </c>
      <c r="AR1734" s="9">
        <v>37109.7480784</v>
      </c>
      <c r="AS1734" s="9">
        <v>38111.955127200003</v>
      </c>
      <c r="AT1734" s="9">
        <v>37594.501249499997</v>
      </c>
      <c r="AU1734" s="9">
        <v>39228.712314299999</v>
      </c>
      <c r="AV1734" s="9">
        <v>41236.923519900003</v>
      </c>
      <c r="AW1734" s="9">
        <v>43114.403447700002</v>
      </c>
      <c r="AX1734" s="9">
        <v>34564.986044899997</v>
      </c>
      <c r="AY1734" s="9">
        <v>41573.936958300001</v>
      </c>
      <c r="AZ1734" s="9">
        <v>41696.364573500003</v>
      </c>
      <c r="BA1734" s="9">
        <v>45087.834298299997</v>
      </c>
      <c r="BB1734" s="9">
        <v>46635.597775299997</v>
      </c>
      <c r="BC1734" s="9">
        <v>52042.513538799998</v>
      </c>
      <c r="BD1734" s="9">
        <v>48538.420783200003</v>
      </c>
      <c r="BE1734" s="9">
        <v>47812.061890099998</v>
      </c>
      <c r="BF1734" s="9">
        <v>49644.416334000001</v>
      </c>
      <c r="BG1734" s="11">
        <v>-1.75</v>
      </c>
      <c r="BH1734" s="13">
        <v>-9.2105263157894732E-2</v>
      </c>
      <c r="BI1734" s="6">
        <v>0</v>
      </c>
      <c r="BJ1734" s="13">
        <v>0</v>
      </c>
      <c r="BK1734" s="6">
        <v>1</v>
      </c>
      <c r="BL1734" s="13">
        <v>5.2631578947368418E-2</v>
      </c>
      <c r="BM1734" s="11">
        <v>-2.75</v>
      </c>
      <c r="BN1734" s="13">
        <v>-0.13750000000000001</v>
      </c>
      <c r="BO1734" s="11">
        <v>-1.75</v>
      </c>
      <c r="BP1734" s="13">
        <v>-9.2105263157894732E-2</v>
      </c>
      <c r="BQ1734" s="6">
        <v>19</v>
      </c>
      <c r="BR1734" s="6">
        <v>18</v>
      </c>
      <c r="BS1734" s="6">
        <v>17</v>
      </c>
      <c r="BT1734" s="6">
        <v>19</v>
      </c>
      <c r="BU1734" s="6">
        <v>18</v>
      </c>
      <c r="BV1734" s="6">
        <v>17</v>
      </c>
      <c r="BW1734" s="6">
        <v>20</v>
      </c>
      <c r="BX1734" s="6">
        <v>22</v>
      </c>
      <c r="BY1734" s="6">
        <v>22</v>
      </c>
      <c r="BZ1734" s="6">
        <v>19</v>
      </c>
      <c r="CA1734" s="6">
        <v>18</v>
      </c>
      <c r="CB1734" s="6">
        <v>19</v>
      </c>
      <c r="CC1734" s="11">
        <v>17.25</v>
      </c>
      <c r="CD1734" s="11">
        <v>-24.607800000000001</v>
      </c>
      <c r="CE1734" s="11">
        <v>-64.801900000000003</v>
      </c>
      <c r="CF1734" s="11">
        <v>23.127199999999998</v>
      </c>
      <c r="CG1734" s="11">
        <v>-42</v>
      </c>
      <c r="CH1734" s="20">
        <v>0.43822499999999998</v>
      </c>
      <c r="CI1734" s="20">
        <v>0.441164</v>
      </c>
      <c r="CJ1734" s="20">
        <v>0.41448000000000002</v>
      </c>
      <c r="CK1734" s="20">
        <v>0.41442099999999998</v>
      </c>
      <c r="CL1734" s="20">
        <v>0.40155000000000002</v>
      </c>
      <c r="CM1734" s="20">
        <v>0.40981899999999999</v>
      </c>
      <c r="CN1734" s="20">
        <v>0.43085699999999999</v>
      </c>
      <c r="CO1734" s="20">
        <v>0.39357700000000001</v>
      </c>
      <c r="CP1734" s="20">
        <v>0.46359299999999998</v>
      </c>
      <c r="CQ1734" s="20">
        <v>0.53203800000000001</v>
      </c>
      <c r="CR1734" s="20">
        <v>0.56918800000000003</v>
      </c>
      <c r="CS1734" s="20">
        <v>0.465777</v>
      </c>
      <c r="CT1734" s="20">
        <v>0.44992300000000002</v>
      </c>
      <c r="CU1734" s="20">
        <v>0.49463000000000001</v>
      </c>
      <c r="CV1734" s="20">
        <v>0.42052800000000001</v>
      </c>
      <c r="CW1734" s="20">
        <v>0.38439600000000002</v>
      </c>
      <c r="CX1734" s="20">
        <v>0.38643</v>
      </c>
      <c r="CY1734" s="6" t="s">
        <v>642</v>
      </c>
      <c r="CZ1734" s="6" t="s">
        <v>643</v>
      </c>
      <c r="DA1734" s="6" t="s">
        <v>159</v>
      </c>
      <c r="DB1734" s="6" t="s">
        <v>345</v>
      </c>
      <c r="DC1734" s="6">
        <v>40620</v>
      </c>
      <c r="DD1734" s="6"/>
      <c r="DE1734" s="6" t="s">
        <v>645</v>
      </c>
      <c r="DF1734" s="6" t="s">
        <v>363</v>
      </c>
      <c r="DG1734" s="6" t="s">
        <v>364</v>
      </c>
      <c r="DH1734" s="6" t="s">
        <v>365</v>
      </c>
      <c r="DI1734" s="6"/>
      <c r="DJ1734" s="6">
        <v>29</v>
      </c>
      <c r="DK1734" s="6">
        <v>161</v>
      </c>
      <c r="DL1734" s="6">
        <v>8</v>
      </c>
      <c r="DM1734" s="6" t="s">
        <v>368</v>
      </c>
      <c r="DN1734" s="6">
        <v>5</v>
      </c>
      <c r="DO1734" s="6" t="s">
        <v>429</v>
      </c>
      <c r="DP1734" s="6"/>
      <c r="DQ1734" s="6"/>
    </row>
    <row r="1735" spans="1:121" x14ac:dyDescent="0.2">
      <c r="A1735" s="6" t="s">
        <v>315</v>
      </c>
      <c r="B1735" s="6" t="s">
        <v>315</v>
      </c>
      <c r="C1735" s="6" t="s">
        <v>184</v>
      </c>
      <c r="D1735" s="6" t="s">
        <v>159</v>
      </c>
      <c r="E1735" s="6" t="s">
        <v>298</v>
      </c>
      <c r="F1735" s="11">
        <v>82</v>
      </c>
      <c r="G1735" s="13">
        <v>0.22</v>
      </c>
      <c r="H1735" s="11">
        <v>63</v>
      </c>
      <c r="I1735" s="13">
        <v>0.16981132075471697</v>
      </c>
      <c r="J1735" s="11">
        <v>-21</v>
      </c>
      <c r="K1735" s="13">
        <v>-4.8387096774193547E-2</v>
      </c>
      <c r="L1735" s="11">
        <v>40</v>
      </c>
      <c r="M1735" s="13">
        <v>9.6852300242130748E-2</v>
      </c>
      <c r="N1735" s="11">
        <v>19</v>
      </c>
      <c r="O1735" s="13">
        <v>4.377880184331797E-2</v>
      </c>
      <c r="P1735" s="7">
        <v>371</v>
      </c>
      <c r="Q1735" s="7">
        <v>368</v>
      </c>
      <c r="R1735" s="7">
        <v>380</v>
      </c>
      <c r="S1735" s="7">
        <v>395</v>
      </c>
      <c r="T1735" s="7">
        <v>393</v>
      </c>
      <c r="U1735" s="7">
        <v>412</v>
      </c>
      <c r="V1735" s="7">
        <v>434</v>
      </c>
      <c r="W1735" s="7">
        <v>420</v>
      </c>
      <c r="X1735" s="7">
        <v>406</v>
      </c>
      <c r="Y1735" s="7">
        <v>413</v>
      </c>
      <c r="Z1735" s="7">
        <v>420</v>
      </c>
      <c r="AA1735" s="7">
        <v>447</v>
      </c>
      <c r="AB1735" s="7">
        <v>426</v>
      </c>
      <c r="AC1735" s="7">
        <v>437</v>
      </c>
      <c r="AD1735" s="7">
        <v>445</v>
      </c>
      <c r="AE1735" s="7">
        <v>445</v>
      </c>
      <c r="AF1735" s="7">
        <v>453</v>
      </c>
      <c r="AG1735" s="9">
        <v>11300</v>
      </c>
      <c r="AH1735" s="13">
        <v>0.2982317234098707</v>
      </c>
      <c r="AI1735" s="9">
        <v>6454</v>
      </c>
      <c r="AJ1735" s="13">
        <v>0.17033518078648721</v>
      </c>
      <c r="AK1735" s="9">
        <v>2166</v>
      </c>
      <c r="AL1735" s="13">
        <v>4.884539058271694E-2</v>
      </c>
      <c r="AM1735" s="9">
        <v>2680</v>
      </c>
      <c r="AN1735" s="13">
        <v>5.7622016770586967E-2</v>
      </c>
      <c r="AO1735" s="9">
        <v>4846</v>
      </c>
      <c r="AP1735" s="13">
        <v>0.1092819772686271</v>
      </c>
      <c r="AQ1735" s="9">
        <v>37890</v>
      </c>
      <c r="AR1735" s="9">
        <v>40729</v>
      </c>
      <c r="AS1735" s="9">
        <v>41310</v>
      </c>
      <c r="AT1735" s="9">
        <v>41576</v>
      </c>
      <c r="AU1735" s="9">
        <v>43627</v>
      </c>
      <c r="AV1735" s="9">
        <v>44134</v>
      </c>
      <c r="AW1735" s="9">
        <v>44344</v>
      </c>
      <c r="AX1735" s="9">
        <v>46307</v>
      </c>
      <c r="AY1735" s="9">
        <v>46331</v>
      </c>
      <c r="AZ1735" s="9">
        <v>46510</v>
      </c>
      <c r="BA1735" s="9">
        <v>47166</v>
      </c>
      <c r="BB1735" s="9">
        <v>48532</v>
      </c>
      <c r="BC1735" s="9">
        <v>47150</v>
      </c>
      <c r="BD1735" s="9">
        <v>48838</v>
      </c>
      <c r="BE1735" s="9">
        <v>49432</v>
      </c>
      <c r="BF1735" s="9">
        <v>49190</v>
      </c>
      <c r="BG1735" s="11">
        <v>9</v>
      </c>
      <c r="BH1735" s="13">
        <v>0.14516129032258066</v>
      </c>
      <c r="BI1735" s="6">
        <v>5</v>
      </c>
      <c r="BJ1735" s="13">
        <v>8.0645161290322578E-2</v>
      </c>
      <c r="BK1735" s="6">
        <v>-2</v>
      </c>
      <c r="BL1735" s="13">
        <v>-2.9850746268656716E-2</v>
      </c>
      <c r="BM1735" s="11">
        <v>6</v>
      </c>
      <c r="BN1735" s="13">
        <v>9.2307692307692313E-2</v>
      </c>
      <c r="BO1735" s="11">
        <v>4</v>
      </c>
      <c r="BP1735" s="13">
        <v>5.9701492537313432E-2</v>
      </c>
      <c r="BQ1735" s="6">
        <v>62</v>
      </c>
      <c r="BR1735" s="6">
        <v>62</v>
      </c>
      <c r="BS1735" s="6">
        <v>64</v>
      </c>
      <c r="BT1735" s="6">
        <v>67</v>
      </c>
      <c r="BU1735" s="6">
        <v>64</v>
      </c>
      <c r="BV1735" s="6">
        <v>64</v>
      </c>
      <c r="BW1735" s="6">
        <v>65</v>
      </c>
      <c r="BX1735" s="6">
        <v>70</v>
      </c>
      <c r="BY1735" s="6">
        <v>71</v>
      </c>
      <c r="BZ1735" s="6">
        <v>70</v>
      </c>
      <c r="CA1735" s="6">
        <v>73</v>
      </c>
      <c r="CB1735" s="6">
        <v>75</v>
      </c>
      <c r="CC1735" s="11">
        <v>71</v>
      </c>
      <c r="CD1735" s="11">
        <v>71</v>
      </c>
      <c r="CE1735" s="11">
        <v>-30</v>
      </c>
      <c r="CF1735" s="11">
        <v>41</v>
      </c>
      <c r="CG1735" s="11">
        <v>11</v>
      </c>
      <c r="CH1735" s="20">
        <v>0.47</v>
      </c>
      <c r="CI1735" s="20">
        <v>0.45</v>
      </c>
      <c r="CJ1735" s="20">
        <v>0.44</v>
      </c>
      <c r="CK1735" s="20">
        <v>0.45</v>
      </c>
      <c r="CL1735" s="20">
        <v>0.45</v>
      </c>
      <c r="CM1735" s="20">
        <v>0.47</v>
      </c>
      <c r="CN1735" s="20">
        <v>0.51</v>
      </c>
      <c r="CO1735" s="20">
        <v>0.52</v>
      </c>
      <c r="CP1735" s="20">
        <v>0.52</v>
      </c>
      <c r="CQ1735" s="20">
        <v>0.52</v>
      </c>
      <c r="CR1735" s="20">
        <v>0.53</v>
      </c>
      <c r="CS1735" s="20">
        <v>0.56999999999999995</v>
      </c>
      <c r="CT1735" s="20">
        <v>0.55000000000000004</v>
      </c>
      <c r="CU1735" s="20">
        <v>0.56999999999999995</v>
      </c>
      <c r="CV1735" s="20">
        <v>0.56999999999999995</v>
      </c>
      <c r="CW1735" s="20">
        <v>0.56999999999999995</v>
      </c>
      <c r="CX1735" s="20">
        <v>0.57999999999999996</v>
      </c>
      <c r="CY1735" s="6" t="s">
        <v>642</v>
      </c>
      <c r="CZ1735" s="6" t="s">
        <v>643</v>
      </c>
      <c r="DA1735" s="6" t="s">
        <v>159</v>
      </c>
      <c r="DB1735" s="6" t="s">
        <v>345</v>
      </c>
      <c r="DC1735" s="6">
        <v>40620</v>
      </c>
      <c r="DD1735" s="6"/>
      <c r="DE1735" s="6" t="s">
        <v>645</v>
      </c>
      <c r="DF1735" s="6" t="s">
        <v>363</v>
      </c>
      <c r="DG1735" s="6" t="s">
        <v>364</v>
      </c>
      <c r="DH1735" s="6" t="s">
        <v>365</v>
      </c>
      <c r="DI1735" s="6"/>
      <c r="DJ1735" s="6">
        <v>29</v>
      </c>
      <c r="DK1735" s="6">
        <v>161</v>
      </c>
      <c r="DL1735" s="6">
        <v>8</v>
      </c>
      <c r="DM1735" s="6" t="s">
        <v>368</v>
      </c>
      <c r="DN1735" s="6">
        <v>5</v>
      </c>
      <c r="DO1735" s="6" t="s">
        <v>429</v>
      </c>
      <c r="DP1735" s="6"/>
      <c r="DQ1735" s="6"/>
    </row>
    <row r="1736" spans="1:121" x14ac:dyDescent="0.2">
      <c r="A1736" s="6" t="s">
        <v>316</v>
      </c>
      <c r="B1736" s="6" t="s">
        <v>316</v>
      </c>
      <c r="C1736" s="6" t="s">
        <v>185</v>
      </c>
      <c r="D1736" s="6" t="s">
        <v>159</v>
      </c>
      <c r="E1736" s="6" t="s">
        <v>298</v>
      </c>
      <c r="F1736" s="11">
        <v>5</v>
      </c>
      <c r="G1736" s="13">
        <v>0.03</v>
      </c>
      <c r="H1736" s="11">
        <v>37</v>
      </c>
      <c r="I1736" s="13">
        <v>0.21264367816091953</v>
      </c>
      <c r="J1736" s="11">
        <v>8</v>
      </c>
      <c r="K1736" s="13">
        <v>3.7914691943127965E-2</v>
      </c>
      <c r="L1736" s="11">
        <v>-40</v>
      </c>
      <c r="M1736" s="13">
        <v>-0.18264840182648401</v>
      </c>
      <c r="N1736" s="11">
        <v>-32</v>
      </c>
      <c r="O1736" s="13">
        <v>-0.15165876777251186</v>
      </c>
      <c r="P1736" s="7">
        <v>174</v>
      </c>
      <c r="Q1736" s="7">
        <v>159</v>
      </c>
      <c r="R1736" s="7">
        <v>162</v>
      </c>
      <c r="S1736" s="7">
        <v>164</v>
      </c>
      <c r="T1736" s="7">
        <v>181</v>
      </c>
      <c r="U1736" s="7">
        <v>196</v>
      </c>
      <c r="V1736" s="7">
        <v>211</v>
      </c>
      <c r="W1736" s="7">
        <v>213</v>
      </c>
      <c r="X1736" s="7">
        <v>219</v>
      </c>
      <c r="Y1736" s="7">
        <v>219</v>
      </c>
      <c r="Z1736" s="7">
        <v>174</v>
      </c>
      <c r="AA1736" s="7">
        <v>162</v>
      </c>
      <c r="AB1736" s="7">
        <v>158</v>
      </c>
      <c r="AC1736" s="7">
        <v>164</v>
      </c>
      <c r="AD1736" s="7">
        <v>171</v>
      </c>
      <c r="AE1736" s="7">
        <v>178</v>
      </c>
      <c r="AF1736" s="7">
        <v>179</v>
      </c>
      <c r="AG1736" s="9">
        <v>13828</v>
      </c>
      <c r="AH1736" s="13">
        <v>0.63694150161216034</v>
      </c>
      <c r="AI1736" s="9">
        <v>3834</v>
      </c>
      <c r="AJ1736" s="13">
        <v>0.17660064486411792</v>
      </c>
      <c r="AK1736" s="9">
        <v>1720</v>
      </c>
      <c r="AL1736" s="13">
        <v>6.733479486376448E-2</v>
      </c>
      <c r="AM1736" s="9">
        <v>8274</v>
      </c>
      <c r="AN1736" s="13">
        <v>0.30347711267605632</v>
      </c>
      <c r="AO1736" s="9">
        <v>9994</v>
      </c>
      <c r="AP1736" s="13">
        <v>0.39124647666771062</v>
      </c>
      <c r="AQ1736" s="9">
        <v>21710</v>
      </c>
      <c r="AR1736" s="9">
        <v>22929</v>
      </c>
      <c r="AS1736" s="9">
        <v>23644</v>
      </c>
      <c r="AT1736" s="9">
        <v>25807</v>
      </c>
      <c r="AU1736" s="9">
        <v>25618</v>
      </c>
      <c r="AV1736" s="9">
        <v>25307</v>
      </c>
      <c r="AW1736" s="9">
        <v>25544</v>
      </c>
      <c r="AX1736" s="9">
        <v>25789</v>
      </c>
      <c r="AY1736" s="9">
        <v>27213</v>
      </c>
      <c r="AZ1736" s="9">
        <v>27264</v>
      </c>
      <c r="BA1736" s="9">
        <v>27817</v>
      </c>
      <c r="BB1736" s="9">
        <v>28754</v>
      </c>
      <c r="BC1736" s="9">
        <v>32525</v>
      </c>
      <c r="BD1736" s="9">
        <v>33253</v>
      </c>
      <c r="BE1736" s="9">
        <v>35538</v>
      </c>
      <c r="BF1736" s="9">
        <v>35538</v>
      </c>
      <c r="BG1736" s="11">
        <v>-5</v>
      </c>
      <c r="BH1736" s="13">
        <v>-0.1388888888888889</v>
      </c>
      <c r="BI1736" s="6">
        <v>11</v>
      </c>
      <c r="BJ1736" s="13">
        <v>0.30555555555555558</v>
      </c>
      <c r="BK1736" s="6">
        <v>-4</v>
      </c>
      <c r="BL1736" s="13">
        <v>-8.5106382978723402E-2</v>
      </c>
      <c r="BM1736" s="11">
        <v>-12</v>
      </c>
      <c r="BN1736" s="13">
        <v>-0.27906976744186046</v>
      </c>
      <c r="BO1736" s="11">
        <v>-16</v>
      </c>
      <c r="BP1736" s="13">
        <v>-0.34042553191489361</v>
      </c>
      <c r="BQ1736" s="6">
        <v>36</v>
      </c>
      <c r="BR1736" s="6">
        <v>40</v>
      </c>
      <c r="BS1736" s="6">
        <v>41</v>
      </c>
      <c r="BT1736" s="6">
        <v>47</v>
      </c>
      <c r="BU1736" s="6">
        <v>48</v>
      </c>
      <c r="BV1736" s="6">
        <v>46</v>
      </c>
      <c r="BW1736" s="6">
        <v>43</v>
      </c>
      <c r="BX1736" s="6">
        <v>39</v>
      </c>
      <c r="BY1736" s="6">
        <v>37</v>
      </c>
      <c r="BZ1736" s="6">
        <v>38</v>
      </c>
      <c r="CA1736" s="6">
        <v>33</v>
      </c>
      <c r="CB1736" s="6">
        <v>33</v>
      </c>
      <c r="CC1736" s="11">
        <v>31</v>
      </c>
      <c r="CD1736" s="11">
        <v>-5</v>
      </c>
      <c r="CE1736" s="11">
        <v>-9</v>
      </c>
      <c r="CF1736" s="11">
        <v>19</v>
      </c>
      <c r="CG1736" s="11">
        <v>10</v>
      </c>
      <c r="CH1736" s="20">
        <v>0.54</v>
      </c>
      <c r="CI1736" s="20">
        <v>0.47</v>
      </c>
      <c r="CJ1736" s="20">
        <v>0.45</v>
      </c>
      <c r="CK1736" s="20">
        <v>0.44</v>
      </c>
      <c r="CL1736" s="20">
        <v>0.48</v>
      </c>
      <c r="CM1736" s="20">
        <v>0.51</v>
      </c>
      <c r="CN1736" s="20">
        <v>0.57999999999999996</v>
      </c>
      <c r="CO1736" s="20">
        <v>0.62</v>
      </c>
      <c r="CP1736" s="20">
        <v>0.66</v>
      </c>
      <c r="CQ1736" s="20">
        <v>0.67</v>
      </c>
      <c r="CR1736" s="20">
        <v>0.54</v>
      </c>
      <c r="CS1736" s="20">
        <v>0.51</v>
      </c>
      <c r="CT1736" s="20">
        <v>0.5</v>
      </c>
      <c r="CU1736" s="20">
        <v>0.51</v>
      </c>
      <c r="CV1736" s="20">
        <v>0.52</v>
      </c>
      <c r="CW1736" s="20">
        <v>0.54</v>
      </c>
      <c r="CX1736" s="20">
        <v>0.54</v>
      </c>
      <c r="CY1736" s="6" t="s">
        <v>642</v>
      </c>
      <c r="CZ1736" s="6" t="s">
        <v>643</v>
      </c>
      <c r="DA1736" s="6" t="s">
        <v>159</v>
      </c>
      <c r="DB1736" s="6" t="s">
        <v>345</v>
      </c>
      <c r="DC1736" s="6">
        <v>40620</v>
      </c>
      <c r="DD1736" s="6"/>
      <c r="DE1736" s="6" t="s">
        <v>645</v>
      </c>
      <c r="DF1736" s="6" t="s">
        <v>363</v>
      </c>
      <c r="DG1736" s="6" t="s">
        <v>364</v>
      </c>
      <c r="DH1736" s="6" t="s">
        <v>365</v>
      </c>
      <c r="DI1736" s="6"/>
      <c r="DJ1736" s="6">
        <v>29</v>
      </c>
      <c r="DK1736" s="6">
        <v>161</v>
      </c>
      <c r="DL1736" s="6">
        <v>8</v>
      </c>
      <c r="DM1736" s="6" t="s">
        <v>368</v>
      </c>
      <c r="DN1736" s="6">
        <v>5</v>
      </c>
      <c r="DO1736" s="6" t="s">
        <v>429</v>
      </c>
      <c r="DP1736" s="6"/>
      <c r="DQ1736" s="6"/>
    </row>
    <row r="1737" spans="1:121" x14ac:dyDescent="0.2">
      <c r="A1737" s="6" t="s">
        <v>317</v>
      </c>
      <c r="B1737" s="6" t="s">
        <v>317</v>
      </c>
      <c r="C1737" s="6" t="s">
        <v>186</v>
      </c>
      <c r="D1737" s="6" t="s">
        <v>159</v>
      </c>
      <c r="E1737" s="6" t="s">
        <v>298</v>
      </c>
      <c r="F1737" s="11">
        <v>27</v>
      </c>
      <c r="G1737" s="13">
        <v>7.0000000000000007E-2</v>
      </c>
      <c r="H1737" s="11">
        <v>74</v>
      </c>
      <c r="I1737" s="13">
        <v>0.19473684210526315</v>
      </c>
      <c r="J1737" s="11">
        <v>-23</v>
      </c>
      <c r="K1737" s="13">
        <v>-5.0660792951541848E-2</v>
      </c>
      <c r="L1737" s="11">
        <v>-24</v>
      </c>
      <c r="M1737" s="13">
        <v>-5.5684454756380515E-2</v>
      </c>
      <c r="N1737" s="11">
        <v>-47</v>
      </c>
      <c r="O1737" s="13">
        <v>-0.10352422907488988</v>
      </c>
      <c r="P1737" s="7">
        <v>380</v>
      </c>
      <c r="Q1737" s="7">
        <v>402</v>
      </c>
      <c r="R1737" s="7">
        <v>401</v>
      </c>
      <c r="S1737" s="7">
        <v>442</v>
      </c>
      <c r="T1737" s="7">
        <v>447</v>
      </c>
      <c r="U1737" s="7">
        <v>454</v>
      </c>
      <c r="V1737" s="7">
        <v>454</v>
      </c>
      <c r="W1737" s="7">
        <v>419</v>
      </c>
      <c r="X1737" s="7">
        <v>432</v>
      </c>
      <c r="Y1737" s="7">
        <v>431</v>
      </c>
      <c r="Z1737" s="7">
        <v>414</v>
      </c>
      <c r="AA1737" s="7">
        <v>420</v>
      </c>
      <c r="AB1737" s="7">
        <v>418</v>
      </c>
      <c r="AC1737" s="7">
        <v>416</v>
      </c>
      <c r="AD1737" s="7">
        <v>399</v>
      </c>
      <c r="AE1737" s="7">
        <v>405</v>
      </c>
      <c r="AF1737" s="7">
        <v>407</v>
      </c>
      <c r="AG1737" s="9">
        <v>8052</v>
      </c>
      <c r="AH1737" s="13">
        <v>0.24107784431137724</v>
      </c>
      <c r="AI1737" s="9">
        <v>8807</v>
      </c>
      <c r="AJ1737" s="13">
        <v>0.26368263473053893</v>
      </c>
      <c r="AK1737" s="9">
        <v>-6467</v>
      </c>
      <c r="AL1737" s="13">
        <v>-0.15322102968701873</v>
      </c>
      <c r="AM1737" s="9">
        <v>5712</v>
      </c>
      <c r="AN1737" s="13">
        <v>0.15982092893116956</v>
      </c>
      <c r="AO1737" s="9">
        <v>-755</v>
      </c>
      <c r="AP1737" s="13">
        <v>-1.7888028052218827E-2</v>
      </c>
      <c r="AQ1737" s="9">
        <v>33400</v>
      </c>
      <c r="AR1737" s="9">
        <v>34949</v>
      </c>
      <c r="AS1737" s="9">
        <v>33795</v>
      </c>
      <c r="AT1737" s="9">
        <v>38582</v>
      </c>
      <c r="AU1737" s="9">
        <v>40165</v>
      </c>
      <c r="AV1737" s="9">
        <v>40615</v>
      </c>
      <c r="AW1737" s="9">
        <v>42207</v>
      </c>
      <c r="AX1737" s="9">
        <v>38847</v>
      </c>
      <c r="AY1737" s="9">
        <v>40796</v>
      </c>
      <c r="AZ1737" s="9">
        <v>35740</v>
      </c>
      <c r="BA1737" s="9">
        <v>37241</v>
      </c>
      <c r="BB1737" s="9">
        <v>37988</v>
      </c>
      <c r="BC1737" s="9">
        <v>39710</v>
      </c>
      <c r="BD1737" s="9">
        <v>42630</v>
      </c>
      <c r="BE1737" s="9">
        <v>40090</v>
      </c>
      <c r="BF1737" s="9">
        <v>41452</v>
      </c>
      <c r="BG1737" s="11">
        <v>8</v>
      </c>
      <c r="BH1737" s="13">
        <v>0.11428571428571428</v>
      </c>
      <c r="BI1737" s="6">
        <v>0</v>
      </c>
      <c r="BJ1737" s="13">
        <v>0</v>
      </c>
      <c r="BK1737" s="6">
        <v>5</v>
      </c>
      <c r="BL1737" s="13">
        <v>7.1428571428571425E-2</v>
      </c>
      <c r="BM1737" s="11">
        <v>3</v>
      </c>
      <c r="BN1737" s="13">
        <v>0.04</v>
      </c>
      <c r="BO1737" s="11">
        <v>8</v>
      </c>
      <c r="BP1737" s="13">
        <v>0.11428571428571428</v>
      </c>
      <c r="BQ1737" s="6">
        <v>70</v>
      </c>
      <c r="BR1737" s="6">
        <v>64</v>
      </c>
      <c r="BS1737" s="6">
        <v>68</v>
      </c>
      <c r="BT1737" s="6">
        <v>70</v>
      </c>
      <c r="BU1737" s="6">
        <v>73</v>
      </c>
      <c r="BV1737" s="6">
        <v>76</v>
      </c>
      <c r="BW1737" s="6">
        <v>75</v>
      </c>
      <c r="BX1737" s="6">
        <v>77</v>
      </c>
      <c r="BY1737" s="6">
        <v>81</v>
      </c>
      <c r="BZ1737" s="6">
        <v>82</v>
      </c>
      <c r="CA1737" s="6">
        <v>83</v>
      </c>
      <c r="CB1737" s="6">
        <v>81</v>
      </c>
      <c r="CC1737" s="11">
        <v>78</v>
      </c>
      <c r="CD1737" s="11">
        <v>-90</v>
      </c>
      <c r="CE1737" s="11">
        <v>76</v>
      </c>
      <c r="CF1737" s="11">
        <v>42</v>
      </c>
      <c r="CG1737" s="11">
        <v>118</v>
      </c>
      <c r="CH1737" s="20">
        <v>0.37</v>
      </c>
      <c r="CI1737" s="20">
        <v>0.38</v>
      </c>
      <c r="CJ1737" s="20">
        <v>0.37</v>
      </c>
      <c r="CK1737" s="20">
        <v>0.39</v>
      </c>
      <c r="CL1737" s="20">
        <v>0.39</v>
      </c>
      <c r="CM1737" s="20">
        <v>0.38</v>
      </c>
      <c r="CN1737" s="20">
        <v>0.38</v>
      </c>
      <c r="CO1737" s="20">
        <v>0.36</v>
      </c>
      <c r="CP1737" s="20">
        <v>0.38</v>
      </c>
      <c r="CQ1737" s="20">
        <v>0.37</v>
      </c>
      <c r="CR1737" s="20">
        <v>0.35</v>
      </c>
      <c r="CS1737" s="20">
        <v>0.35</v>
      </c>
      <c r="CT1737" s="20">
        <v>0.35</v>
      </c>
      <c r="CU1737" s="20">
        <v>0.34</v>
      </c>
      <c r="CV1737" s="20">
        <v>0.32</v>
      </c>
      <c r="CW1737" s="20">
        <v>0.32</v>
      </c>
      <c r="CX1737" s="20">
        <v>0.31</v>
      </c>
      <c r="CY1737" s="6" t="s">
        <v>642</v>
      </c>
      <c r="CZ1737" s="6" t="s">
        <v>643</v>
      </c>
      <c r="DA1737" s="6" t="s">
        <v>159</v>
      </c>
      <c r="DB1737" s="6" t="s">
        <v>345</v>
      </c>
      <c r="DC1737" s="6">
        <v>40620</v>
      </c>
      <c r="DD1737" s="6"/>
      <c r="DE1737" s="6" t="s">
        <v>645</v>
      </c>
      <c r="DF1737" s="6" t="s">
        <v>363</v>
      </c>
      <c r="DG1737" s="6" t="s">
        <v>364</v>
      </c>
      <c r="DH1737" s="6" t="s">
        <v>365</v>
      </c>
      <c r="DI1737" s="6"/>
      <c r="DJ1737" s="6">
        <v>29</v>
      </c>
      <c r="DK1737" s="6">
        <v>161</v>
      </c>
      <c r="DL1737" s="6">
        <v>8</v>
      </c>
      <c r="DM1737" s="6" t="s">
        <v>368</v>
      </c>
      <c r="DN1737" s="6">
        <v>5</v>
      </c>
      <c r="DO1737" s="6" t="s">
        <v>429</v>
      </c>
      <c r="DP1737" s="6"/>
      <c r="DQ1737" s="6"/>
    </row>
    <row r="1738" spans="1:121" x14ac:dyDescent="0.2">
      <c r="A1738" s="6" t="s">
        <v>318</v>
      </c>
      <c r="B1738" s="6" t="s">
        <v>318</v>
      </c>
      <c r="C1738" s="6" t="s">
        <v>187</v>
      </c>
      <c r="D1738" s="6" t="s">
        <v>159</v>
      </c>
      <c r="E1738" s="6" t="s">
        <v>298</v>
      </c>
      <c r="F1738" s="11">
        <v>-15</v>
      </c>
      <c r="G1738" s="13">
        <v>-0.30612244898000002</v>
      </c>
      <c r="H1738" s="11">
        <v>19.846044000000006</v>
      </c>
      <c r="I1738" s="13">
        <v>0.40461995615614271</v>
      </c>
      <c r="J1738" s="11">
        <v>18.187164999999993</v>
      </c>
      <c r="K1738" s="13">
        <v>0.26398516471119776</v>
      </c>
      <c r="L1738" s="11">
        <v>-52.609003767399997</v>
      </c>
      <c r="M1738" s="13">
        <v>-0.60413307848103714</v>
      </c>
      <c r="N1738" s="11">
        <v>-34.421838767400004</v>
      </c>
      <c r="O1738" s="13">
        <v>-0.49963008400013886</v>
      </c>
      <c r="P1738" s="7">
        <v>49.048603999999997</v>
      </c>
      <c r="Q1738" s="7">
        <v>50.020023999999999</v>
      </c>
      <c r="R1738" s="7">
        <v>50.793588</v>
      </c>
      <c r="S1738" s="7">
        <v>54.898451999999999</v>
      </c>
      <c r="T1738" s="7">
        <v>63.004063000000002</v>
      </c>
      <c r="U1738" s="7">
        <v>65.441030999999995</v>
      </c>
      <c r="V1738" s="7">
        <v>68.894648000000004</v>
      </c>
      <c r="W1738" s="7">
        <v>74.464296000000004</v>
      </c>
      <c r="X1738" s="7">
        <v>76.462271000000001</v>
      </c>
      <c r="Y1738" s="7">
        <v>87.081812999999997</v>
      </c>
      <c r="Z1738" s="7">
        <v>92.09487</v>
      </c>
      <c r="AA1738" s="7">
        <v>90.889332999999993</v>
      </c>
      <c r="AB1738" s="7">
        <v>40.906711000000001</v>
      </c>
      <c r="AC1738" s="7">
        <v>36.115476999999998</v>
      </c>
      <c r="AD1738" s="7">
        <v>35.093643999999998</v>
      </c>
      <c r="AE1738" s="7">
        <v>40.3721745</v>
      </c>
      <c r="AF1738" s="7">
        <v>34.4728092326</v>
      </c>
      <c r="AG1738" s="9">
        <v>-10053.474331700003</v>
      </c>
      <c r="AH1738" s="13">
        <v>-0.22100593845326855</v>
      </c>
      <c r="AI1738" s="9">
        <v>8835.8261234999954</v>
      </c>
      <c r="AJ1738" s="13">
        <v>0.19423832796555385</v>
      </c>
      <c r="AK1738" s="9">
        <v>-2899.4761012000017</v>
      </c>
      <c r="AL1738" s="13">
        <v>-5.3372346646742737E-2</v>
      </c>
      <c r="AM1738" s="9">
        <v>-15989.824353999997</v>
      </c>
      <c r="AN1738" s="13">
        <v>-0.3109290289794886</v>
      </c>
      <c r="AO1738" s="9">
        <v>-18889.300455199998</v>
      </c>
      <c r="AP1738" s="13">
        <v>-0.34770636370900293</v>
      </c>
      <c r="AQ1738" s="9">
        <v>45489.611736500003</v>
      </c>
      <c r="AR1738" s="9">
        <v>44372.625696000003</v>
      </c>
      <c r="AS1738" s="9">
        <v>43350.277680400002</v>
      </c>
      <c r="AT1738" s="9">
        <v>45575.479195899999</v>
      </c>
      <c r="AU1738" s="9">
        <v>43685.885357699997</v>
      </c>
      <c r="AV1738" s="9">
        <v>52308.756353199999</v>
      </c>
      <c r="AW1738" s="9">
        <v>54325.437859999998</v>
      </c>
      <c r="AX1738" s="9">
        <v>50474.2361017</v>
      </c>
      <c r="AY1738" s="9">
        <v>50872.869517500003</v>
      </c>
      <c r="AZ1738" s="9">
        <v>51425.961758799996</v>
      </c>
      <c r="BA1738" s="9">
        <v>48454.442180700004</v>
      </c>
      <c r="BB1738" s="9">
        <v>50775.390157900001</v>
      </c>
      <c r="BC1738" s="9">
        <v>36649.326570999998</v>
      </c>
      <c r="BD1738" s="9">
        <v>40005.326218299997</v>
      </c>
      <c r="BE1738" s="9">
        <v>39405.195235200001</v>
      </c>
      <c r="BF1738" s="9">
        <v>35436.1374048</v>
      </c>
      <c r="BG1738" s="11">
        <v>-0.5</v>
      </c>
      <c r="BH1738" s="13">
        <v>-7.1428571428571425E-2</v>
      </c>
      <c r="BI1738" s="6">
        <v>2</v>
      </c>
      <c r="BJ1738" s="13">
        <v>0.2857142857142857</v>
      </c>
      <c r="BK1738" s="6">
        <v>1</v>
      </c>
      <c r="BL1738" s="13">
        <v>0.1111111111111111</v>
      </c>
      <c r="BM1738" s="11">
        <v>-3.5</v>
      </c>
      <c r="BN1738" s="13">
        <v>-0.35</v>
      </c>
      <c r="BO1738" s="11">
        <v>-2.5</v>
      </c>
      <c r="BP1738" s="13">
        <v>-0.27777777777777779</v>
      </c>
      <c r="BQ1738" s="6">
        <v>7</v>
      </c>
      <c r="BR1738" s="6">
        <v>9</v>
      </c>
      <c r="BS1738" s="6">
        <v>9</v>
      </c>
      <c r="BT1738" s="6">
        <v>9</v>
      </c>
      <c r="BU1738" s="6">
        <v>8</v>
      </c>
      <c r="BV1738" s="6">
        <v>10</v>
      </c>
      <c r="BW1738" s="6">
        <v>10</v>
      </c>
      <c r="BX1738" s="6">
        <v>8</v>
      </c>
      <c r="BY1738" s="6">
        <v>9</v>
      </c>
      <c r="BZ1738" s="6">
        <v>7</v>
      </c>
      <c r="CA1738" s="6">
        <v>7</v>
      </c>
      <c r="CB1738" s="6">
        <v>7</v>
      </c>
      <c r="CC1738" s="11">
        <v>6.5</v>
      </c>
      <c r="CD1738" s="11">
        <v>-30.4391</v>
      </c>
      <c r="CE1738" s="11">
        <v>10.5017</v>
      </c>
      <c r="CF1738" s="11">
        <v>5.3616000000000001</v>
      </c>
      <c r="CG1738" s="11">
        <v>16</v>
      </c>
      <c r="CH1738" s="20">
        <v>0.21889500000000001</v>
      </c>
      <c r="CI1738" s="20">
        <v>0.21670300000000001</v>
      </c>
      <c r="CJ1738" s="20">
        <v>0.21837500000000001</v>
      </c>
      <c r="CK1738" s="20">
        <v>0.225603</v>
      </c>
      <c r="CL1738" s="20">
        <v>0.25794600000000001</v>
      </c>
      <c r="CM1738" s="20">
        <v>0.26482299999999998</v>
      </c>
      <c r="CN1738" s="20">
        <v>0.28093899999999999</v>
      </c>
      <c r="CO1738" s="20">
        <v>0.30237199999999997</v>
      </c>
      <c r="CP1738" s="20">
        <v>0.311529</v>
      </c>
      <c r="CQ1738" s="20">
        <v>0.344497</v>
      </c>
      <c r="CR1738" s="20">
        <v>0.35855399999999998</v>
      </c>
      <c r="CS1738" s="20">
        <v>0.34316799999999997</v>
      </c>
      <c r="CT1738" s="20">
        <v>0.151333</v>
      </c>
      <c r="CU1738" s="20">
        <v>0.13101599999999999</v>
      </c>
      <c r="CV1738" s="20">
        <v>0.124754</v>
      </c>
      <c r="CW1738" s="20">
        <v>0.14253099999999999</v>
      </c>
      <c r="CX1738" s="20">
        <v>0.11987100000000001</v>
      </c>
      <c r="CY1738" s="6" t="s">
        <v>642</v>
      </c>
      <c r="CZ1738" s="6" t="s">
        <v>643</v>
      </c>
      <c r="DA1738" s="6" t="s">
        <v>159</v>
      </c>
      <c r="DB1738" s="6" t="s">
        <v>345</v>
      </c>
      <c r="DC1738" s="6">
        <v>40620</v>
      </c>
      <c r="DD1738" s="6"/>
      <c r="DE1738" s="6" t="s">
        <v>645</v>
      </c>
      <c r="DF1738" s="6" t="s">
        <v>363</v>
      </c>
      <c r="DG1738" s="6" t="s">
        <v>364</v>
      </c>
      <c r="DH1738" s="6" t="s">
        <v>365</v>
      </c>
      <c r="DI1738" s="6"/>
      <c r="DJ1738" s="6">
        <v>29</v>
      </c>
      <c r="DK1738" s="6">
        <v>161</v>
      </c>
      <c r="DL1738" s="6">
        <v>8</v>
      </c>
      <c r="DM1738" s="6" t="s">
        <v>368</v>
      </c>
      <c r="DN1738" s="6">
        <v>5</v>
      </c>
      <c r="DO1738" s="6" t="s">
        <v>429</v>
      </c>
      <c r="DP1738" s="6"/>
      <c r="DQ1738" s="6"/>
    </row>
    <row r="1739" spans="1:121" x14ac:dyDescent="0.2">
      <c r="A1739" s="6" t="s">
        <v>319</v>
      </c>
      <c r="B1739" s="6" t="s">
        <v>319</v>
      </c>
      <c r="C1739" s="6" t="s">
        <v>188</v>
      </c>
      <c r="D1739" s="6" t="s">
        <v>159</v>
      </c>
      <c r="E1739" s="6" t="s">
        <v>298</v>
      </c>
      <c r="F1739" s="11">
        <v>92</v>
      </c>
      <c r="G1739" s="13">
        <v>0.30769230769200001</v>
      </c>
      <c r="H1739" s="11">
        <v>181.261924287</v>
      </c>
      <c r="I1739" s="13">
        <v>0.60545731136399794</v>
      </c>
      <c r="J1739" s="11">
        <v>-165.257362914</v>
      </c>
      <c r="K1739" s="13">
        <v>-0.34382622403919894</v>
      </c>
      <c r="L1739" s="11">
        <v>76.06767407000001</v>
      </c>
      <c r="M1739" s="13">
        <v>0.24119008286937327</v>
      </c>
      <c r="N1739" s="11">
        <v>-89.189688843999988</v>
      </c>
      <c r="O1739" s="13">
        <v>-0.18556361663850376</v>
      </c>
      <c r="P1739" s="7">
        <v>299.38018896599999</v>
      </c>
      <c r="Q1739" s="7">
        <v>293.92265765600001</v>
      </c>
      <c r="R1739" s="7">
        <v>345.31757421899999</v>
      </c>
      <c r="S1739" s="7">
        <v>578.07509525900002</v>
      </c>
      <c r="T1739" s="7">
        <v>474.98811504999998</v>
      </c>
      <c r="U1739" s="7">
        <v>540.23509284299996</v>
      </c>
      <c r="V1739" s="7">
        <v>480.64211325299999</v>
      </c>
      <c r="W1739" s="7">
        <v>448.13339610600002</v>
      </c>
      <c r="X1739" s="7">
        <v>307.19469464500003</v>
      </c>
      <c r="Y1739" s="7">
        <v>315.38475033899999</v>
      </c>
      <c r="Z1739" s="7">
        <v>367.27499489000002</v>
      </c>
      <c r="AA1739" s="7">
        <v>355.03325136299998</v>
      </c>
      <c r="AB1739" s="7">
        <v>358.120013562</v>
      </c>
      <c r="AC1739" s="7">
        <v>323.78690547799999</v>
      </c>
      <c r="AD1739" s="7">
        <v>365.40610027999998</v>
      </c>
      <c r="AE1739" s="7">
        <v>388.24945616600002</v>
      </c>
      <c r="AF1739" s="7">
        <v>391.452424409</v>
      </c>
      <c r="AG1739" s="9">
        <v>10964.632458199998</v>
      </c>
      <c r="AH1739" s="13">
        <v>0.56814533896982455</v>
      </c>
      <c r="AI1739" s="9">
        <v>-438.12949300000037</v>
      </c>
      <c r="AJ1739" s="13">
        <v>-2.2702195469124421E-2</v>
      </c>
      <c r="AK1739" s="9">
        <v>5099.3510354999999</v>
      </c>
      <c r="AL1739" s="13">
        <v>0.27036679700552513</v>
      </c>
      <c r="AM1739" s="9">
        <v>6303.4109156999984</v>
      </c>
      <c r="AN1739" s="13">
        <v>0.26307824240237654</v>
      </c>
      <c r="AO1739" s="9">
        <v>11402.761951199998</v>
      </c>
      <c r="AP1739" s="13">
        <v>0.60457266116807529</v>
      </c>
      <c r="AQ1739" s="9">
        <v>19298.992187600001</v>
      </c>
      <c r="AR1739" s="9">
        <v>17103.638489299999</v>
      </c>
      <c r="AS1739" s="9">
        <v>17260.982519900001</v>
      </c>
      <c r="AT1739" s="9">
        <v>17398.567668399999</v>
      </c>
      <c r="AU1739" s="9">
        <v>18801.207254100002</v>
      </c>
      <c r="AV1739" s="9">
        <v>17795.821604799999</v>
      </c>
      <c r="AW1739" s="9">
        <v>18860.8626946</v>
      </c>
      <c r="AX1739" s="9">
        <v>21228.212880800002</v>
      </c>
      <c r="AY1739" s="9">
        <v>22598.7869937</v>
      </c>
      <c r="AZ1739" s="9">
        <v>23960.2137301</v>
      </c>
      <c r="BA1739" s="9">
        <v>23980.569494899999</v>
      </c>
      <c r="BB1739" s="9">
        <v>23602.613120499998</v>
      </c>
      <c r="BC1739" s="9">
        <v>26442.7001523</v>
      </c>
      <c r="BD1739" s="9">
        <v>26870.908756000001</v>
      </c>
      <c r="BE1739" s="9">
        <v>28527.122204200001</v>
      </c>
      <c r="BF1739" s="9">
        <v>30263.624645799999</v>
      </c>
      <c r="BG1739" s="11">
        <v>-5.25</v>
      </c>
      <c r="BH1739" s="13">
        <v>-0.13461538461538461</v>
      </c>
      <c r="BI1739" s="6">
        <v>0</v>
      </c>
      <c r="BJ1739" s="13">
        <v>0</v>
      </c>
      <c r="BK1739" s="6">
        <v>-1</v>
      </c>
      <c r="BL1739" s="13">
        <v>-2.564102564102564E-2</v>
      </c>
      <c r="BM1739" s="11">
        <v>-4.25</v>
      </c>
      <c r="BN1739" s="13">
        <v>-0.1118421052631579</v>
      </c>
      <c r="BO1739" s="11">
        <v>-5.25</v>
      </c>
      <c r="BP1739" s="13">
        <v>-0.13461538461538461</v>
      </c>
      <c r="BQ1739" s="6">
        <v>39</v>
      </c>
      <c r="BR1739" s="6">
        <v>36</v>
      </c>
      <c r="BS1739" s="6">
        <v>39</v>
      </c>
      <c r="BT1739" s="6">
        <v>39</v>
      </c>
      <c r="BU1739" s="6">
        <v>39</v>
      </c>
      <c r="BV1739" s="6">
        <v>42</v>
      </c>
      <c r="BW1739" s="6">
        <v>38</v>
      </c>
      <c r="BX1739" s="6">
        <v>40</v>
      </c>
      <c r="BY1739" s="6">
        <v>37</v>
      </c>
      <c r="BZ1739" s="6">
        <v>36</v>
      </c>
      <c r="CA1739" s="6">
        <v>35</v>
      </c>
      <c r="CB1739" s="6">
        <v>36</v>
      </c>
      <c r="CC1739" s="11">
        <v>33.75</v>
      </c>
      <c r="CD1739" s="11">
        <v>32.410400000000003</v>
      </c>
      <c r="CE1739" s="11">
        <v>26.936</v>
      </c>
      <c r="CF1739" s="11">
        <v>32.725900000000003</v>
      </c>
      <c r="CG1739" s="11">
        <v>60</v>
      </c>
      <c r="CH1739" s="20">
        <v>0.27237899999999998</v>
      </c>
      <c r="CI1739" s="20">
        <v>0.25706200000000001</v>
      </c>
      <c r="CJ1739" s="20">
        <v>0.294381</v>
      </c>
      <c r="CK1739" s="20">
        <v>0.46554200000000001</v>
      </c>
      <c r="CL1739" s="20">
        <v>0.37840699999999999</v>
      </c>
      <c r="CM1739" s="20">
        <v>0.42346699999999998</v>
      </c>
      <c r="CN1739" s="20">
        <v>0.38761899999999999</v>
      </c>
      <c r="CO1739" s="20">
        <v>0.38778699999999999</v>
      </c>
      <c r="CP1739" s="20">
        <v>0.287132</v>
      </c>
      <c r="CQ1739" s="20">
        <v>0.27822200000000002</v>
      </c>
      <c r="CR1739" s="20">
        <v>0.31711899999999998</v>
      </c>
      <c r="CS1739" s="20">
        <v>0.30110700000000001</v>
      </c>
      <c r="CT1739" s="20">
        <v>0.300987</v>
      </c>
      <c r="CU1739" s="20">
        <v>0.26651399999999997</v>
      </c>
      <c r="CV1739" s="20">
        <v>0.293933</v>
      </c>
      <c r="CW1739" s="20">
        <v>0.30876199999999998</v>
      </c>
      <c r="CX1739" s="20">
        <v>0.30621900000000002</v>
      </c>
      <c r="CY1739" s="6" t="s">
        <v>642</v>
      </c>
      <c r="CZ1739" s="6" t="s">
        <v>643</v>
      </c>
      <c r="DA1739" s="6" t="s">
        <v>159</v>
      </c>
      <c r="DB1739" s="6" t="s">
        <v>345</v>
      </c>
      <c r="DC1739" s="6">
        <v>40620</v>
      </c>
      <c r="DD1739" s="6"/>
      <c r="DE1739" s="6" t="s">
        <v>645</v>
      </c>
      <c r="DF1739" s="6" t="s">
        <v>363</v>
      </c>
      <c r="DG1739" s="6" t="s">
        <v>364</v>
      </c>
      <c r="DH1739" s="6" t="s">
        <v>365</v>
      </c>
      <c r="DI1739" s="6"/>
      <c r="DJ1739" s="6">
        <v>29</v>
      </c>
      <c r="DK1739" s="6">
        <v>161</v>
      </c>
      <c r="DL1739" s="6">
        <v>8</v>
      </c>
      <c r="DM1739" s="6" t="s">
        <v>368</v>
      </c>
      <c r="DN1739" s="6">
        <v>5</v>
      </c>
      <c r="DO1739" s="6" t="s">
        <v>429</v>
      </c>
      <c r="DP1739" s="6"/>
      <c r="DQ1739" s="6"/>
    </row>
    <row r="1740" spans="1:121" x14ac:dyDescent="0.2">
      <c r="A1740" s="6" t="s">
        <v>320</v>
      </c>
      <c r="B1740" s="6" t="s">
        <v>320</v>
      </c>
      <c r="C1740" s="6" t="s">
        <v>189</v>
      </c>
      <c r="D1740" s="6" t="s">
        <v>159</v>
      </c>
      <c r="E1740" s="6" t="s">
        <v>298</v>
      </c>
      <c r="F1740" s="11">
        <v>32</v>
      </c>
      <c r="G1740" s="13">
        <v>0.57142857142900005</v>
      </c>
      <c r="H1740" s="11">
        <v>34.114999523799995</v>
      </c>
      <c r="I1740" s="13">
        <v>0.61293825167027316</v>
      </c>
      <c r="J1740" s="11">
        <v>46.838594124800011</v>
      </c>
      <c r="K1740" s="13">
        <v>0.52174400217796013</v>
      </c>
      <c r="L1740" s="11">
        <v>-48.625031576800012</v>
      </c>
      <c r="M1740" s="13">
        <v>-0.35593599693106998</v>
      </c>
      <c r="N1740" s="11">
        <v>-1.7864374520000013</v>
      </c>
      <c r="O1740" s="13">
        <v>-1.9899466311128482E-2</v>
      </c>
      <c r="P1740" s="7">
        <v>55.658134291400003</v>
      </c>
      <c r="Q1740" s="7">
        <v>60.150107601899997</v>
      </c>
      <c r="R1740" s="7">
        <v>81.594036542500007</v>
      </c>
      <c r="S1740" s="7">
        <v>115.529072326</v>
      </c>
      <c r="T1740" s="7">
        <v>132.5596501</v>
      </c>
      <c r="U1740" s="7">
        <v>146.71669570899999</v>
      </c>
      <c r="V1740" s="7">
        <v>89.773133815199998</v>
      </c>
      <c r="W1740" s="7">
        <v>109.785671636</v>
      </c>
      <c r="X1740" s="7">
        <v>116.472292928</v>
      </c>
      <c r="Y1740" s="7">
        <v>136.61172794000001</v>
      </c>
      <c r="Z1740" s="7">
        <v>138.27968251799999</v>
      </c>
      <c r="AA1740" s="7">
        <v>128.70727702900001</v>
      </c>
      <c r="AB1740" s="7">
        <v>134.579717327</v>
      </c>
      <c r="AC1740" s="7">
        <v>109.345536874</v>
      </c>
      <c r="AD1740" s="7">
        <v>90.456462685700004</v>
      </c>
      <c r="AE1740" s="7">
        <v>89.181547115399994</v>
      </c>
      <c r="AF1740" s="7">
        <v>87.986696363199997</v>
      </c>
      <c r="AG1740" s="9">
        <v>11950.3522304</v>
      </c>
      <c r="AH1740" s="13">
        <v>0.7997014680590756</v>
      </c>
      <c r="AI1740" s="9">
        <v>8013.810570900001</v>
      </c>
      <c r="AJ1740" s="13">
        <v>0.5362734047280513</v>
      </c>
      <c r="AK1740" s="9">
        <v>-3142.2076610000004</v>
      </c>
      <c r="AL1740" s="13">
        <v>-0.13687166742323054</v>
      </c>
      <c r="AM1740" s="9">
        <v>7078.7493204999992</v>
      </c>
      <c r="AN1740" s="13">
        <v>0.35723979796579119</v>
      </c>
      <c r="AO1740" s="9">
        <v>3936.5416594999988</v>
      </c>
      <c r="AP1740" s="13">
        <v>0.17147212372504483</v>
      </c>
      <c r="AQ1740" s="9">
        <v>14943.516684300001</v>
      </c>
      <c r="AR1740" s="9">
        <v>17720.750126300001</v>
      </c>
      <c r="AS1740" s="9">
        <v>17762.9032591</v>
      </c>
      <c r="AT1740" s="9">
        <v>19684.510726299999</v>
      </c>
      <c r="AU1740" s="9">
        <v>24176.917482699999</v>
      </c>
      <c r="AV1740" s="9">
        <v>18699.1066087</v>
      </c>
      <c r="AW1740" s="9">
        <v>22957.327255200002</v>
      </c>
      <c r="AX1740" s="9">
        <v>19735.717205600002</v>
      </c>
      <c r="AY1740" s="9">
        <v>21248.2253948</v>
      </c>
      <c r="AZ1740" s="9">
        <v>19815.119594200001</v>
      </c>
      <c r="BA1740" s="9">
        <v>19078.9465901</v>
      </c>
      <c r="BB1740" s="9">
        <v>21537.431485599998</v>
      </c>
      <c r="BC1740" s="9">
        <v>21246.362261099999</v>
      </c>
      <c r="BD1740" s="9">
        <v>23156.583842100001</v>
      </c>
      <c r="BE1740" s="9">
        <v>26634.8758089</v>
      </c>
      <c r="BF1740" s="9">
        <v>26893.8689147</v>
      </c>
      <c r="BG1740" s="11">
        <v>2</v>
      </c>
      <c r="BH1740" s="13">
        <v>0.4</v>
      </c>
      <c r="BI1740" s="6">
        <v>1</v>
      </c>
      <c r="BJ1740" s="13">
        <v>0.2</v>
      </c>
      <c r="BK1740" s="6">
        <v>1</v>
      </c>
      <c r="BL1740" s="13">
        <v>0.16666666666666666</v>
      </c>
      <c r="BM1740" s="11">
        <v>0</v>
      </c>
      <c r="BN1740" s="13">
        <v>0</v>
      </c>
      <c r="BO1740" s="11">
        <v>1</v>
      </c>
      <c r="BP1740" s="13">
        <v>0.16666666666666666</v>
      </c>
      <c r="BQ1740" s="6">
        <v>5</v>
      </c>
      <c r="BR1740" s="6">
        <v>6</v>
      </c>
      <c r="BS1740" s="6">
        <v>5</v>
      </c>
      <c r="BT1740" s="6">
        <v>6</v>
      </c>
      <c r="BU1740" s="6">
        <v>6</v>
      </c>
      <c r="BV1740" s="6">
        <v>6</v>
      </c>
      <c r="BW1740" s="6">
        <v>7</v>
      </c>
      <c r="BX1740" s="6">
        <v>7</v>
      </c>
      <c r="BY1740" s="6">
        <v>7</v>
      </c>
      <c r="BZ1740" s="6">
        <v>7</v>
      </c>
      <c r="CA1740" s="6">
        <v>7</v>
      </c>
      <c r="CB1740" s="6">
        <v>7</v>
      </c>
      <c r="CC1740" s="11">
        <v>7</v>
      </c>
      <c r="CD1740" s="11">
        <v>6.0903700000000001</v>
      </c>
      <c r="CE1740" s="11">
        <v>20.1541</v>
      </c>
      <c r="CF1740" s="11">
        <v>6.0841000000000003</v>
      </c>
      <c r="CG1740" s="11">
        <v>26</v>
      </c>
      <c r="CH1740" s="20">
        <v>0.15178</v>
      </c>
      <c r="CI1740" s="20">
        <v>0.15068300000000001</v>
      </c>
      <c r="CJ1740" s="20">
        <v>0.19348799999999999</v>
      </c>
      <c r="CK1740" s="20">
        <v>0.25781500000000002</v>
      </c>
      <c r="CL1740" s="20">
        <v>0.29919099999999998</v>
      </c>
      <c r="CM1740" s="20">
        <v>0.32741700000000001</v>
      </c>
      <c r="CN1740" s="20">
        <v>0.202902</v>
      </c>
      <c r="CO1740" s="20">
        <v>0.24745800000000001</v>
      </c>
      <c r="CP1740" s="20">
        <v>0.25104599999999999</v>
      </c>
      <c r="CQ1740" s="20">
        <v>0.27999400000000002</v>
      </c>
      <c r="CR1740" s="20">
        <v>0.27942699999999998</v>
      </c>
      <c r="CS1740" s="20">
        <v>0.25793100000000002</v>
      </c>
      <c r="CT1740" s="20">
        <v>0.27076</v>
      </c>
      <c r="CU1740" s="20">
        <v>0.218032</v>
      </c>
      <c r="CV1740" s="20">
        <v>0.178173</v>
      </c>
      <c r="CW1740" s="20">
        <v>0.17389299999999999</v>
      </c>
      <c r="CX1740" s="20">
        <v>0.16814899999999999</v>
      </c>
      <c r="CY1740" s="6" t="s">
        <v>642</v>
      </c>
      <c r="CZ1740" s="6" t="s">
        <v>643</v>
      </c>
      <c r="DA1740" s="6" t="s">
        <v>159</v>
      </c>
      <c r="DB1740" s="6" t="s">
        <v>345</v>
      </c>
      <c r="DC1740" s="6">
        <v>40620</v>
      </c>
      <c r="DD1740" s="6"/>
      <c r="DE1740" s="6" t="s">
        <v>645</v>
      </c>
      <c r="DF1740" s="6" t="s">
        <v>363</v>
      </c>
      <c r="DG1740" s="6" t="s">
        <v>364</v>
      </c>
      <c r="DH1740" s="6" t="s">
        <v>365</v>
      </c>
      <c r="DI1740" s="6"/>
      <c r="DJ1740" s="6">
        <v>29</v>
      </c>
      <c r="DK1740" s="6">
        <v>161</v>
      </c>
      <c r="DL1740" s="6">
        <v>8</v>
      </c>
      <c r="DM1740" s="6" t="s">
        <v>368</v>
      </c>
      <c r="DN1740" s="6">
        <v>5</v>
      </c>
      <c r="DO1740" s="6" t="s">
        <v>429</v>
      </c>
      <c r="DP1740" s="6"/>
      <c r="DQ1740" s="6"/>
    </row>
    <row r="1741" spans="1:121" x14ac:dyDescent="0.2">
      <c r="A1741" s="6" t="s">
        <v>321</v>
      </c>
      <c r="B1741" s="6" t="s">
        <v>321</v>
      </c>
      <c r="C1741" s="6" t="s">
        <v>190</v>
      </c>
      <c r="D1741" s="6" t="s">
        <v>159</v>
      </c>
      <c r="E1741" s="6" t="s">
        <v>298</v>
      </c>
      <c r="F1741" s="11">
        <v>630</v>
      </c>
      <c r="G1741" s="13">
        <v>0.28636363636399997</v>
      </c>
      <c r="H1741" s="11">
        <v>-119.80864581000014</v>
      </c>
      <c r="I1741" s="13">
        <v>-5.4468785703721725E-2</v>
      </c>
      <c r="J1741" s="11">
        <v>318.93341946999999</v>
      </c>
      <c r="K1741" s="13">
        <v>0.15334996908079959</v>
      </c>
      <c r="L1741" s="11">
        <v>431.13397016999988</v>
      </c>
      <c r="M1741" s="13">
        <v>0.17973588673473465</v>
      </c>
      <c r="N1741" s="11">
        <v>750.06738963999987</v>
      </c>
      <c r="O1741" s="13">
        <v>0.36064834848901595</v>
      </c>
      <c r="P1741" s="7">
        <v>2199.5835644600002</v>
      </c>
      <c r="Q1741" s="7">
        <v>2270.0913402199999</v>
      </c>
      <c r="R1741" s="7">
        <v>2282.69396035</v>
      </c>
      <c r="S1741" s="7">
        <v>2300.2781480100002</v>
      </c>
      <c r="T1741" s="7">
        <v>1985.2857749100001</v>
      </c>
      <c r="U1741" s="7">
        <v>2024.6407763</v>
      </c>
      <c r="V1741" s="7">
        <v>2079.77491865</v>
      </c>
      <c r="W1741" s="7">
        <v>2165.5355711900002</v>
      </c>
      <c r="X1741" s="7">
        <v>2215.32550434</v>
      </c>
      <c r="Y1741" s="7">
        <v>2398.70833812</v>
      </c>
      <c r="Z1741" s="7">
        <v>2425.8109432900001</v>
      </c>
      <c r="AA1741" s="7">
        <v>2468.9929728699999</v>
      </c>
      <c r="AB1741" s="7">
        <v>2513.8091139799999</v>
      </c>
      <c r="AC1741" s="7">
        <v>2571.17820889</v>
      </c>
      <c r="AD1741" s="7">
        <v>2670.5528040700001</v>
      </c>
      <c r="AE1741" s="7">
        <v>2733.6439844500001</v>
      </c>
      <c r="AF1741" s="7">
        <v>2829.8423082899999</v>
      </c>
      <c r="AG1741" s="9">
        <v>24601.455355299997</v>
      </c>
      <c r="AH1741" s="13">
        <v>0.92469924941636417</v>
      </c>
      <c r="AI1741" s="9">
        <v>10450.550659199998</v>
      </c>
      <c r="AJ1741" s="13">
        <v>0.39280669419697778</v>
      </c>
      <c r="AK1741" s="9">
        <v>5357.2586900000024</v>
      </c>
      <c r="AL1741" s="13">
        <v>0.14457442646257607</v>
      </c>
      <c r="AM1741" s="9">
        <v>8793.6460060999962</v>
      </c>
      <c r="AN1741" s="13">
        <v>0.20733556322337043</v>
      </c>
      <c r="AO1741" s="9">
        <v>14150.904696099999</v>
      </c>
      <c r="AP1741" s="13">
        <v>0.3818854098242605</v>
      </c>
      <c r="AQ1741" s="9">
        <v>26604.8181296</v>
      </c>
      <c r="AR1741" s="9">
        <v>28708.300820600001</v>
      </c>
      <c r="AS1741" s="9">
        <v>29366.3580143</v>
      </c>
      <c r="AT1741" s="9">
        <v>31333.846232</v>
      </c>
      <c r="AU1741" s="9">
        <v>35216.172057999996</v>
      </c>
      <c r="AV1741" s="9">
        <v>35571.406463400002</v>
      </c>
      <c r="AW1741" s="9">
        <v>37055.368788799999</v>
      </c>
      <c r="AX1741" s="9">
        <v>39565.048822500001</v>
      </c>
      <c r="AY1741" s="9">
        <v>42322.355493000003</v>
      </c>
      <c r="AZ1741" s="9">
        <v>42412.627478800001</v>
      </c>
      <c r="BA1741" s="9">
        <v>43504.1883801</v>
      </c>
      <c r="BB1741" s="9">
        <v>43268.855891599997</v>
      </c>
      <c r="BC1741" s="9">
        <v>45723.017807700002</v>
      </c>
      <c r="BD1741" s="9">
        <v>46780.692487400003</v>
      </c>
      <c r="BE1741" s="9">
        <v>49277.715668099998</v>
      </c>
      <c r="BF1741" s="9">
        <v>51206.273484899997</v>
      </c>
      <c r="BG1741" s="11">
        <v>134.5</v>
      </c>
      <c r="BH1741" s="13">
        <v>1.1594827586206897</v>
      </c>
      <c r="BI1741" s="6">
        <v>-3</v>
      </c>
      <c r="BJ1741" s="13">
        <v>-2.5862068965517241E-2</v>
      </c>
      <c r="BK1741" s="6">
        <v>3</v>
      </c>
      <c r="BL1741" s="13">
        <v>2.6548672566371681E-2</v>
      </c>
      <c r="BM1741" s="11">
        <v>134.5</v>
      </c>
      <c r="BN1741" s="13">
        <v>1.1594827586206897</v>
      </c>
      <c r="BO1741" s="11">
        <v>137.5</v>
      </c>
      <c r="BP1741" s="13">
        <v>1.2168141592920354</v>
      </c>
      <c r="BQ1741" s="6">
        <v>116</v>
      </c>
      <c r="BR1741" s="6">
        <v>112</v>
      </c>
      <c r="BS1741" s="6">
        <v>112</v>
      </c>
      <c r="BT1741" s="6">
        <v>113</v>
      </c>
      <c r="BU1741" s="6">
        <v>112</v>
      </c>
      <c r="BV1741" s="6">
        <v>116</v>
      </c>
      <c r="BW1741" s="6">
        <v>116</v>
      </c>
      <c r="BX1741" s="6">
        <v>111</v>
      </c>
      <c r="BY1741" s="6">
        <v>120</v>
      </c>
      <c r="BZ1741" s="6">
        <v>243</v>
      </c>
      <c r="CA1741" s="6">
        <v>246</v>
      </c>
      <c r="CB1741" s="6">
        <v>258</v>
      </c>
      <c r="CC1741" s="11">
        <v>250.5</v>
      </c>
      <c r="CD1741" s="11">
        <v>-411.197</v>
      </c>
      <c r="CE1741" s="11">
        <v>801.01499999999999</v>
      </c>
      <c r="CF1741" s="11">
        <v>240.441</v>
      </c>
      <c r="CG1741" s="11">
        <v>1041</v>
      </c>
      <c r="CH1741" s="20">
        <v>1.21454</v>
      </c>
      <c r="CI1741" s="20">
        <v>1.15985</v>
      </c>
      <c r="CJ1741" s="20">
        <v>1.1021000000000001</v>
      </c>
      <c r="CK1741" s="20">
        <v>1.06212</v>
      </c>
      <c r="CL1741" s="20">
        <v>0.91708299999999998</v>
      </c>
      <c r="CM1741" s="20">
        <v>0.92180700000000004</v>
      </c>
      <c r="CN1741" s="20">
        <v>0.95689999999999997</v>
      </c>
      <c r="CO1741" s="20">
        <v>0.99699199999999999</v>
      </c>
      <c r="CP1741" s="20">
        <v>0.98279499999999997</v>
      </c>
      <c r="CQ1741" s="20">
        <v>1.0182500000000001</v>
      </c>
      <c r="CR1741" s="20">
        <v>1.0334000000000001</v>
      </c>
      <c r="CS1741" s="20">
        <v>1.0259100000000001</v>
      </c>
      <c r="CT1741" s="20">
        <v>1.0431299999999999</v>
      </c>
      <c r="CU1741" s="20">
        <v>1.0596000000000001</v>
      </c>
      <c r="CV1741" s="20">
        <v>1.0763199999999999</v>
      </c>
      <c r="CW1741" s="20">
        <v>1.0841000000000001</v>
      </c>
      <c r="CX1741" s="20">
        <v>1.0934999999999999</v>
      </c>
      <c r="CY1741" s="6" t="s">
        <v>642</v>
      </c>
      <c r="CZ1741" s="6" t="s">
        <v>643</v>
      </c>
      <c r="DA1741" s="6" t="s">
        <v>159</v>
      </c>
      <c r="DB1741" s="6" t="s">
        <v>345</v>
      </c>
      <c r="DC1741" s="6">
        <v>40620</v>
      </c>
      <c r="DD1741" s="6"/>
      <c r="DE1741" s="6" t="s">
        <v>645</v>
      </c>
      <c r="DF1741" s="6" t="s">
        <v>363</v>
      </c>
      <c r="DG1741" s="6" t="s">
        <v>364</v>
      </c>
      <c r="DH1741" s="6" t="s">
        <v>365</v>
      </c>
      <c r="DI1741" s="6"/>
      <c r="DJ1741" s="6">
        <v>29</v>
      </c>
      <c r="DK1741" s="6">
        <v>161</v>
      </c>
      <c r="DL1741" s="6">
        <v>8</v>
      </c>
      <c r="DM1741" s="6" t="s">
        <v>368</v>
      </c>
      <c r="DN1741" s="6">
        <v>5</v>
      </c>
      <c r="DO1741" s="6" t="s">
        <v>429</v>
      </c>
      <c r="DP1741" s="6"/>
      <c r="DQ1741" s="6"/>
    </row>
    <row r="1742" spans="1:121" x14ac:dyDescent="0.2">
      <c r="A1742" s="6" t="s">
        <v>322</v>
      </c>
      <c r="B1742" s="6" t="s">
        <v>322</v>
      </c>
      <c r="C1742" s="6" t="s">
        <v>191</v>
      </c>
      <c r="D1742" s="6" t="s">
        <v>159</v>
      </c>
      <c r="E1742" s="6" t="s">
        <v>298</v>
      </c>
      <c r="F1742" s="11">
        <v>-4</v>
      </c>
      <c r="G1742" s="13">
        <v>-0.03</v>
      </c>
      <c r="H1742" s="11">
        <v>32</v>
      </c>
      <c r="I1742" s="13">
        <v>0.25806451612903225</v>
      </c>
      <c r="J1742" s="11">
        <v>-28</v>
      </c>
      <c r="K1742" s="13">
        <v>-0.17948717948717949</v>
      </c>
      <c r="L1742" s="11">
        <v>-8</v>
      </c>
      <c r="M1742" s="13">
        <v>-6.25E-2</v>
      </c>
      <c r="N1742" s="11">
        <v>-36</v>
      </c>
      <c r="O1742" s="13">
        <v>-0.23076923076923081</v>
      </c>
      <c r="P1742" s="7">
        <v>124</v>
      </c>
      <c r="Q1742" s="7">
        <v>126</v>
      </c>
      <c r="R1742" s="7">
        <v>132</v>
      </c>
      <c r="S1742" s="7">
        <v>129</v>
      </c>
      <c r="T1742" s="7">
        <v>138</v>
      </c>
      <c r="U1742" s="7">
        <v>135</v>
      </c>
      <c r="V1742" s="7">
        <v>156</v>
      </c>
      <c r="W1742" s="7">
        <v>139</v>
      </c>
      <c r="X1742" s="7">
        <v>134</v>
      </c>
      <c r="Y1742" s="7">
        <v>128</v>
      </c>
      <c r="Z1742" s="7">
        <v>121</v>
      </c>
      <c r="AA1742" s="7">
        <v>122</v>
      </c>
      <c r="AB1742" s="7">
        <v>123</v>
      </c>
      <c r="AC1742" s="7">
        <v>125</v>
      </c>
      <c r="AD1742" s="7">
        <v>125</v>
      </c>
      <c r="AE1742" s="7">
        <v>121</v>
      </c>
      <c r="AF1742" s="7">
        <v>120</v>
      </c>
      <c r="AG1742" s="9">
        <v>3999</v>
      </c>
      <c r="AH1742" s="13">
        <v>0.28541859967168653</v>
      </c>
      <c r="AI1742" s="9">
        <v>3071</v>
      </c>
      <c r="AJ1742" s="13">
        <v>0.21918492612946971</v>
      </c>
      <c r="AK1742" s="9">
        <v>1055</v>
      </c>
      <c r="AL1742" s="13">
        <v>6.1760917925301487E-2</v>
      </c>
      <c r="AM1742" s="9">
        <v>-127</v>
      </c>
      <c r="AN1742" s="13">
        <v>-7.0022605723107463E-3</v>
      </c>
      <c r="AO1742" s="9">
        <v>928</v>
      </c>
      <c r="AP1742" s="13">
        <v>5.432619131249268E-2</v>
      </c>
      <c r="AQ1742" s="9">
        <v>14011</v>
      </c>
      <c r="AR1742" s="9">
        <v>14834</v>
      </c>
      <c r="AS1742" s="9">
        <v>15706</v>
      </c>
      <c r="AT1742" s="9">
        <v>16765</v>
      </c>
      <c r="AU1742" s="9">
        <v>16643</v>
      </c>
      <c r="AV1742" s="9">
        <v>17306</v>
      </c>
      <c r="AW1742" s="9">
        <v>17082</v>
      </c>
      <c r="AX1742" s="9">
        <v>17415</v>
      </c>
      <c r="AY1742" s="9">
        <v>17683</v>
      </c>
      <c r="AZ1742" s="9">
        <v>18137</v>
      </c>
      <c r="BA1742" s="9">
        <v>18265</v>
      </c>
      <c r="BB1742" s="9">
        <v>17786</v>
      </c>
      <c r="BC1742" s="9">
        <v>18146</v>
      </c>
      <c r="BD1742" s="9">
        <v>18756</v>
      </c>
      <c r="BE1742" s="9">
        <v>18220</v>
      </c>
      <c r="BF1742" s="9">
        <v>18010</v>
      </c>
      <c r="BG1742" s="11">
        <v>-2</v>
      </c>
      <c r="BH1742" s="13">
        <v>-0.14285714285714285</v>
      </c>
      <c r="BI1742" s="6">
        <v>-2</v>
      </c>
      <c r="BJ1742" s="13">
        <v>-0.14285714285714285</v>
      </c>
      <c r="BK1742" s="6">
        <v>0</v>
      </c>
      <c r="BL1742" s="13">
        <v>0</v>
      </c>
      <c r="BM1742" s="11">
        <v>0</v>
      </c>
      <c r="BN1742" s="13">
        <v>0</v>
      </c>
      <c r="BO1742" s="11">
        <v>0</v>
      </c>
      <c r="BP1742" s="13">
        <v>0</v>
      </c>
      <c r="BQ1742" s="6">
        <v>14</v>
      </c>
      <c r="BR1742" s="6">
        <v>12</v>
      </c>
      <c r="BS1742" s="6">
        <v>12</v>
      </c>
      <c r="BT1742" s="6">
        <v>12</v>
      </c>
      <c r="BU1742" s="6">
        <v>12</v>
      </c>
      <c r="BV1742" s="6">
        <v>12</v>
      </c>
      <c r="BW1742" s="6">
        <v>12</v>
      </c>
      <c r="BX1742" s="6">
        <v>12</v>
      </c>
      <c r="BY1742" s="6">
        <v>11</v>
      </c>
      <c r="BZ1742" s="6">
        <v>12</v>
      </c>
      <c r="CA1742" s="6">
        <v>12</v>
      </c>
      <c r="CB1742" s="6">
        <v>11</v>
      </c>
      <c r="CC1742" s="11">
        <v>12</v>
      </c>
      <c r="CD1742" s="11">
        <v>-40</v>
      </c>
      <c r="CE1742" s="11">
        <v>23</v>
      </c>
      <c r="CF1742" s="11">
        <v>14</v>
      </c>
      <c r="CG1742" s="11">
        <v>37</v>
      </c>
      <c r="CH1742" s="20">
        <v>0.45</v>
      </c>
      <c r="CI1742" s="20">
        <v>0.43</v>
      </c>
      <c r="CJ1742" s="20">
        <v>0.43</v>
      </c>
      <c r="CK1742" s="20">
        <v>0.4</v>
      </c>
      <c r="CL1742" s="20">
        <v>0.43</v>
      </c>
      <c r="CM1742" s="20">
        <v>0.42</v>
      </c>
      <c r="CN1742" s="20">
        <v>0.49</v>
      </c>
      <c r="CO1742" s="20">
        <v>0.45</v>
      </c>
      <c r="CP1742" s="20">
        <v>0.43</v>
      </c>
      <c r="CQ1742" s="20">
        <v>0.41</v>
      </c>
      <c r="CR1742" s="20">
        <v>0.38</v>
      </c>
      <c r="CS1742" s="20">
        <v>0.38</v>
      </c>
      <c r="CT1742" s="20">
        <v>0.39</v>
      </c>
      <c r="CU1742" s="20">
        <v>0.39</v>
      </c>
      <c r="CV1742" s="20">
        <v>0.37</v>
      </c>
      <c r="CW1742" s="20">
        <v>0.36</v>
      </c>
      <c r="CX1742" s="20">
        <v>0.35</v>
      </c>
      <c r="CY1742" s="6" t="s">
        <v>642</v>
      </c>
      <c r="CZ1742" s="6" t="s">
        <v>643</v>
      </c>
      <c r="DA1742" s="6" t="s">
        <v>159</v>
      </c>
      <c r="DB1742" s="6" t="s">
        <v>345</v>
      </c>
      <c r="DC1742" s="6">
        <v>40620</v>
      </c>
      <c r="DD1742" s="6"/>
      <c r="DE1742" s="6" t="s">
        <v>645</v>
      </c>
      <c r="DF1742" s="6" t="s">
        <v>363</v>
      </c>
      <c r="DG1742" s="6" t="s">
        <v>364</v>
      </c>
      <c r="DH1742" s="6" t="s">
        <v>365</v>
      </c>
      <c r="DI1742" s="6"/>
      <c r="DJ1742" s="6">
        <v>29</v>
      </c>
      <c r="DK1742" s="6">
        <v>161</v>
      </c>
      <c r="DL1742" s="6">
        <v>8</v>
      </c>
      <c r="DM1742" s="6" t="s">
        <v>368</v>
      </c>
      <c r="DN1742" s="6">
        <v>5</v>
      </c>
      <c r="DO1742" s="6" t="s">
        <v>429</v>
      </c>
      <c r="DP1742" s="6"/>
      <c r="DQ1742" s="6"/>
    </row>
    <row r="1743" spans="1:121" x14ac:dyDescent="0.2">
      <c r="A1743" s="6" t="s">
        <v>323</v>
      </c>
      <c r="B1743" s="6" t="s">
        <v>323</v>
      </c>
      <c r="C1743" s="6" t="s">
        <v>192</v>
      </c>
      <c r="D1743" s="6" t="s">
        <v>159</v>
      </c>
      <c r="E1743" s="6" t="s">
        <v>298</v>
      </c>
      <c r="F1743" s="11">
        <v>290</v>
      </c>
      <c r="G1743" s="13">
        <v>0.17522658610299999</v>
      </c>
      <c r="H1743" s="11">
        <v>206.09698846000015</v>
      </c>
      <c r="I1743" s="13">
        <v>0.12449978903523864</v>
      </c>
      <c r="J1743" s="11">
        <v>-1.4922344200001589</v>
      </c>
      <c r="K1743" s="13">
        <v>-8.0163126052050352E-4</v>
      </c>
      <c r="L1743" s="11">
        <v>85.471036290000029</v>
      </c>
      <c r="M1743" s="13">
        <v>4.5952045118611465E-2</v>
      </c>
      <c r="N1743" s="11">
        <v>83.97880186999987</v>
      </c>
      <c r="O1743" s="13">
        <v>4.5113577262239031E-2</v>
      </c>
      <c r="P1743" s="7">
        <v>1655.4003027399999</v>
      </c>
      <c r="Q1743" s="7">
        <v>1609.4918003099999</v>
      </c>
      <c r="R1743" s="7">
        <v>1746.5875808000001</v>
      </c>
      <c r="S1743" s="7">
        <v>1711.2329231799999</v>
      </c>
      <c r="T1743" s="7">
        <v>1788.9727928899999</v>
      </c>
      <c r="U1743" s="7">
        <v>1844.8985648</v>
      </c>
      <c r="V1743" s="7">
        <v>1861.4972912000001</v>
      </c>
      <c r="W1743" s="7">
        <v>1861.32826178</v>
      </c>
      <c r="X1743" s="7">
        <v>1799.9146164700001</v>
      </c>
      <c r="Y1743" s="7">
        <v>1860.0050567799999</v>
      </c>
      <c r="Z1743" s="7">
        <v>1815.57420966</v>
      </c>
      <c r="AA1743" s="7">
        <v>1797.75766041</v>
      </c>
      <c r="AB1743" s="7">
        <v>1751.3363375900001</v>
      </c>
      <c r="AC1743" s="7">
        <v>1809.836986</v>
      </c>
      <c r="AD1743" s="7">
        <v>1847.4072155900001</v>
      </c>
      <c r="AE1743" s="7">
        <v>1934.6243827000001</v>
      </c>
      <c r="AF1743" s="7">
        <v>1945.4760930699999</v>
      </c>
      <c r="AG1743" s="9">
        <v>5006.5586261000008</v>
      </c>
      <c r="AH1743" s="13">
        <v>0.46321312201419274</v>
      </c>
      <c r="AI1743" s="9">
        <v>1709.7164324999994</v>
      </c>
      <c r="AJ1743" s="13">
        <v>0.15818512187766279</v>
      </c>
      <c r="AK1743" s="9">
        <v>1612.6419498000014</v>
      </c>
      <c r="AL1743" s="13">
        <v>0.12882540573060464</v>
      </c>
      <c r="AM1743" s="9">
        <v>1684.2002438</v>
      </c>
      <c r="AN1743" s="13">
        <v>0.11918744682354145</v>
      </c>
      <c r="AO1743" s="9">
        <v>3296.8421936000013</v>
      </c>
      <c r="AP1743" s="13">
        <v>0.26336722374918364</v>
      </c>
      <c r="AQ1743" s="9">
        <v>10808.3264229</v>
      </c>
      <c r="AR1743" s="9">
        <v>11390.551426800001</v>
      </c>
      <c r="AS1743" s="9">
        <v>11127.836347599999</v>
      </c>
      <c r="AT1743" s="9">
        <v>11563.1357854</v>
      </c>
      <c r="AU1743" s="9">
        <v>11702.369652199999</v>
      </c>
      <c r="AV1743" s="9">
        <v>11606.0380687</v>
      </c>
      <c r="AW1743" s="9">
        <v>12518.042855399999</v>
      </c>
      <c r="AX1743" s="9">
        <v>13203.2236233</v>
      </c>
      <c r="AY1743" s="9">
        <v>13889.552508799999</v>
      </c>
      <c r="AZ1743" s="9">
        <v>14130.6848052</v>
      </c>
      <c r="BA1743" s="9">
        <v>14531.2853295</v>
      </c>
      <c r="BB1743" s="9">
        <v>14522.1173475</v>
      </c>
      <c r="BC1743" s="9">
        <v>14524.7117473</v>
      </c>
      <c r="BD1743" s="9">
        <v>14984.1658642</v>
      </c>
      <c r="BE1743" s="9">
        <v>15665.989862799999</v>
      </c>
      <c r="BF1743" s="9">
        <v>15814.885049</v>
      </c>
      <c r="BG1743" s="11">
        <v>11</v>
      </c>
      <c r="BH1743" s="13">
        <v>0.10784313725490197</v>
      </c>
      <c r="BI1743" s="6">
        <v>7</v>
      </c>
      <c r="BJ1743" s="13">
        <v>6.8627450980392163E-2</v>
      </c>
      <c r="BK1743" s="6">
        <v>3</v>
      </c>
      <c r="BL1743" s="13">
        <v>2.7522935779816515E-2</v>
      </c>
      <c r="BM1743" s="11">
        <v>1</v>
      </c>
      <c r="BN1743" s="13">
        <v>8.9285714285714281E-3</v>
      </c>
      <c r="BO1743" s="11">
        <v>4</v>
      </c>
      <c r="BP1743" s="13">
        <v>3.669724770642202E-2</v>
      </c>
      <c r="BQ1743" s="6">
        <v>102</v>
      </c>
      <c r="BR1743" s="6">
        <v>103</v>
      </c>
      <c r="BS1743" s="6">
        <v>105</v>
      </c>
      <c r="BT1743" s="6">
        <v>109</v>
      </c>
      <c r="BU1743" s="6">
        <v>110</v>
      </c>
      <c r="BV1743" s="6">
        <v>105</v>
      </c>
      <c r="BW1743" s="6">
        <v>112</v>
      </c>
      <c r="BX1743" s="6">
        <v>115</v>
      </c>
      <c r="BY1743" s="6">
        <v>113</v>
      </c>
      <c r="BZ1743" s="6">
        <v>112</v>
      </c>
      <c r="CA1743" s="6">
        <v>116</v>
      </c>
      <c r="CB1743" s="6">
        <v>117</v>
      </c>
      <c r="CC1743" s="11">
        <v>113</v>
      </c>
      <c r="CD1743" s="11">
        <v>-267.327</v>
      </c>
      <c r="CE1743" s="11">
        <v>376.447</v>
      </c>
      <c r="CF1743" s="11">
        <v>180.95500000000001</v>
      </c>
      <c r="CG1743" s="11">
        <v>557</v>
      </c>
      <c r="CH1743" s="20">
        <v>1.23169</v>
      </c>
      <c r="CI1743" s="20">
        <v>1.13626</v>
      </c>
      <c r="CJ1743" s="20">
        <v>1.1794500000000001</v>
      </c>
      <c r="CK1743" s="20">
        <v>1.0993599999999999</v>
      </c>
      <c r="CL1743" s="20">
        <v>1.14896</v>
      </c>
      <c r="CM1743" s="20">
        <v>1.17245</v>
      </c>
      <c r="CN1743" s="20">
        <v>1.20218</v>
      </c>
      <c r="CO1743" s="20">
        <v>1.23038</v>
      </c>
      <c r="CP1743" s="20">
        <v>1.2033100000000001</v>
      </c>
      <c r="CQ1743" s="20">
        <v>1.2054199999999999</v>
      </c>
      <c r="CR1743" s="20">
        <v>1.1678599999999999</v>
      </c>
      <c r="CS1743" s="20">
        <v>1.1349400000000001</v>
      </c>
      <c r="CT1743" s="20">
        <v>1.09236</v>
      </c>
      <c r="CU1743" s="20">
        <v>1.10928</v>
      </c>
      <c r="CV1743" s="20">
        <v>1.09677</v>
      </c>
      <c r="CW1743" s="20">
        <v>1.1274900000000001</v>
      </c>
      <c r="CX1743" s="20">
        <v>1.11663</v>
      </c>
      <c r="CY1743" s="6" t="s">
        <v>642</v>
      </c>
      <c r="CZ1743" s="6" t="s">
        <v>643</v>
      </c>
      <c r="DA1743" s="6" t="s">
        <v>159</v>
      </c>
      <c r="DB1743" s="6" t="s">
        <v>345</v>
      </c>
      <c r="DC1743" s="6">
        <v>40620</v>
      </c>
      <c r="DD1743" s="6"/>
      <c r="DE1743" s="6" t="s">
        <v>645</v>
      </c>
      <c r="DF1743" s="6" t="s">
        <v>363</v>
      </c>
      <c r="DG1743" s="6" t="s">
        <v>364</v>
      </c>
      <c r="DH1743" s="6" t="s">
        <v>365</v>
      </c>
      <c r="DI1743" s="6"/>
      <c r="DJ1743" s="6">
        <v>29</v>
      </c>
      <c r="DK1743" s="6">
        <v>161</v>
      </c>
      <c r="DL1743" s="6">
        <v>8</v>
      </c>
      <c r="DM1743" s="6" t="s">
        <v>368</v>
      </c>
      <c r="DN1743" s="6">
        <v>5</v>
      </c>
      <c r="DO1743" s="6" t="s">
        <v>429</v>
      </c>
      <c r="DP1743" s="6"/>
      <c r="DQ1743" s="6"/>
    </row>
    <row r="1744" spans="1:121" x14ac:dyDescent="0.2">
      <c r="A1744" s="6" t="s">
        <v>325</v>
      </c>
      <c r="B1744" s="6" t="s">
        <v>325</v>
      </c>
      <c r="C1744" s="6" t="s">
        <v>193</v>
      </c>
      <c r="D1744" s="6" t="s">
        <v>159</v>
      </c>
      <c r="E1744" s="6" t="s">
        <v>298</v>
      </c>
      <c r="F1744" s="11">
        <v>41</v>
      </c>
      <c r="G1744" s="13">
        <v>4.7180667433799998E-2</v>
      </c>
      <c r="H1744" s="11">
        <v>166.45014135500003</v>
      </c>
      <c r="I1744" s="13">
        <v>0.19164516833200756</v>
      </c>
      <c r="J1744" s="11">
        <v>173.48172817999989</v>
      </c>
      <c r="K1744" s="13">
        <v>0.16761793639116501</v>
      </c>
      <c r="L1744" s="11">
        <v>-298.93849552799998</v>
      </c>
      <c r="M1744" s="13">
        <v>-0.24737045989361472</v>
      </c>
      <c r="N1744" s="11">
        <v>-125.45676734800008</v>
      </c>
      <c r="O1744" s="13">
        <v>-0.12121624951395084</v>
      </c>
      <c r="P1744" s="7">
        <v>868.53293930500001</v>
      </c>
      <c r="Q1744" s="7">
        <v>978.802946582</v>
      </c>
      <c r="R1744" s="7">
        <v>1006.7447963</v>
      </c>
      <c r="S1744" s="7">
        <v>1024.07036821</v>
      </c>
      <c r="T1744" s="7">
        <v>1041.6637929999999</v>
      </c>
      <c r="U1744" s="7">
        <v>1016.50286653</v>
      </c>
      <c r="V1744" s="7">
        <v>1034.98308066</v>
      </c>
      <c r="W1744" s="7">
        <v>974.10037751100003</v>
      </c>
      <c r="X1744" s="7">
        <v>1008.21273902</v>
      </c>
      <c r="Y1744" s="7">
        <v>1208.4648088399999</v>
      </c>
      <c r="Z1744" s="7">
        <v>1050.0333963800001</v>
      </c>
      <c r="AA1744" s="7">
        <v>1005.25535799</v>
      </c>
      <c r="AB1744" s="7">
        <v>889.81932129799998</v>
      </c>
      <c r="AC1744" s="7">
        <v>892.95277080799997</v>
      </c>
      <c r="AD1744" s="7">
        <v>893.879086583</v>
      </c>
      <c r="AE1744" s="7">
        <v>906.01144674800003</v>
      </c>
      <c r="AF1744" s="7">
        <v>909.52631331199996</v>
      </c>
      <c r="AG1744" s="9">
        <v>4702.2360600000029</v>
      </c>
      <c r="AH1744" s="13">
        <v>0.28522788701512147</v>
      </c>
      <c r="AI1744" s="9">
        <v>335.95328820000213</v>
      </c>
      <c r="AJ1744" s="13">
        <v>2.0378229698886852E-2</v>
      </c>
      <c r="AK1744" s="9">
        <v>-1124.8722988000009</v>
      </c>
      <c r="AL1744" s="13">
        <v>-6.6869733875937989E-2</v>
      </c>
      <c r="AM1744" s="9">
        <v>5491.1550706000016</v>
      </c>
      <c r="AN1744" s="13">
        <v>0.34982255325965733</v>
      </c>
      <c r="AO1744" s="9">
        <v>4366.2827718000008</v>
      </c>
      <c r="AP1744" s="13">
        <v>0.25956027834344492</v>
      </c>
      <c r="AQ1744" s="9">
        <v>16485.891716999999</v>
      </c>
      <c r="AR1744" s="9">
        <v>16414.750636000001</v>
      </c>
      <c r="AS1744" s="9">
        <v>15886.7671077</v>
      </c>
      <c r="AT1744" s="9">
        <v>15921.9158462</v>
      </c>
      <c r="AU1744" s="9">
        <v>15531.108377799999</v>
      </c>
      <c r="AV1744" s="9">
        <v>16666.885304200001</v>
      </c>
      <c r="AW1744" s="9">
        <v>16821.845005200001</v>
      </c>
      <c r="AX1744" s="9">
        <v>17908.299417300001</v>
      </c>
      <c r="AY1744" s="9">
        <v>17715.5278636</v>
      </c>
      <c r="AZ1744" s="9">
        <v>15696.9727064</v>
      </c>
      <c r="BA1744" s="9">
        <v>17960.861554200001</v>
      </c>
      <c r="BB1744" s="9">
        <v>19031.166139100002</v>
      </c>
      <c r="BC1744" s="9">
        <v>18912.497775899999</v>
      </c>
      <c r="BD1744" s="9">
        <v>19782.9746801</v>
      </c>
      <c r="BE1744" s="9">
        <v>20870.084668300002</v>
      </c>
      <c r="BF1744" s="9">
        <v>21188.127777000002</v>
      </c>
      <c r="BG1744" s="11">
        <v>-106.75</v>
      </c>
      <c r="BH1744" s="13">
        <v>-0.56184210526315792</v>
      </c>
      <c r="BI1744" s="6">
        <v>-22</v>
      </c>
      <c r="BJ1744" s="13">
        <v>-0.11578947368421053</v>
      </c>
      <c r="BK1744" s="6">
        <v>9</v>
      </c>
      <c r="BL1744" s="13">
        <v>5.3571428571428568E-2</v>
      </c>
      <c r="BM1744" s="11">
        <v>-93.75</v>
      </c>
      <c r="BN1744" s="13">
        <v>-0.52966101694915257</v>
      </c>
      <c r="BO1744" s="11">
        <v>-84.75</v>
      </c>
      <c r="BP1744" s="13">
        <v>-0.5044642857142857</v>
      </c>
      <c r="BQ1744" s="6">
        <v>190</v>
      </c>
      <c r="BR1744" s="6">
        <v>192</v>
      </c>
      <c r="BS1744" s="6">
        <v>173</v>
      </c>
      <c r="BT1744" s="6">
        <v>168</v>
      </c>
      <c r="BU1744" s="6">
        <v>171</v>
      </c>
      <c r="BV1744" s="6">
        <v>171</v>
      </c>
      <c r="BW1744" s="6">
        <v>177</v>
      </c>
      <c r="BX1744" s="6">
        <v>193</v>
      </c>
      <c r="BY1744" s="6">
        <v>196</v>
      </c>
      <c r="BZ1744" s="6">
        <v>73</v>
      </c>
      <c r="CA1744" s="6">
        <v>81</v>
      </c>
      <c r="CB1744" s="6">
        <v>82</v>
      </c>
      <c r="CC1744" s="11">
        <v>83.25</v>
      </c>
      <c r="CD1744" s="11">
        <v>-45.949399999999997</v>
      </c>
      <c r="CE1744" s="11">
        <v>-7.9983599999999999</v>
      </c>
      <c r="CF1744" s="11">
        <v>94.941100000000006</v>
      </c>
      <c r="CG1744" s="11">
        <v>87</v>
      </c>
      <c r="CH1744" s="20">
        <v>0.95137300000000002</v>
      </c>
      <c r="CI1744" s="20">
        <v>1.01309</v>
      </c>
      <c r="CJ1744" s="20">
        <v>1.00244</v>
      </c>
      <c r="CK1744" s="20">
        <v>0.987649</v>
      </c>
      <c r="CL1744" s="20">
        <v>1.0209600000000001</v>
      </c>
      <c r="CM1744" s="20">
        <v>0.99507500000000004</v>
      </c>
      <c r="CN1744" s="20">
        <v>1.0346900000000001</v>
      </c>
      <c r="CO1744" s="20">
        <v>0.99580599999999997</v>
      </c>
      <c r="CP1744" s="20">
        <v>1.02115</v>
      </c>
      <c r="CQ1744" s="20">
        <v>1.1953</v>
      </c>
      <c r="CR1744" s="20">
        <v>1.0459000000000001</v>
      </c>
      <c r="CS1744" s="20">
        <v>0.99031499999999995</v>
      </c>
      <c r="CT1744" s="20">
        <v>0.94474800000000003</v>
      </c>
      <c r="CU1744" s="20">
        <v>0.94155900000000003</v>
      </c>
      <c r="CV1744" s="20">
        <v>0.93102200000000002</v>
      </c>
      <c r="CW1744" s="20">
        <v>0.93619799999999997</v>
      </c>
      <c r="CX1744" s="20">
        <v>0.93383899999999997</v>
      </c>
      <c r="CY1744" s="6" t="s">
        <v>642</v>
      </c>
      <c r="CZ1744" s="6" t="s">
        <v>643</v>
      </c>
      <c r="DA1744" s="6" t="s">
        <v>159</v>
      </c>
      <c r="DB1744" s="6" t="s">
        <v>345</v>
      </c>
      <c r="DC1744" s="6">
        <v>40620</v>
      </c>
      <c r="DD1744" s="6"/>
      <c r="DE1744" s="6" t="s">
        <v>645</v>
      </c>
      <c r="DF1744" s="6" t="s">
        <v>363</v>
      </c>
      <c r="DG1744" s="6" t="s">
        <v>364</v>
      </c>
      <c r="DH1744" s="6" t="s">
        <v>365</v>
      </c>
      <c r="DI1744" s="6"/>
      <c r="DJ1744" s="6">
        <v>29</v>
      </c>
      <c r="DK1744" s="6">
        <v>161</v>
      </c>
      <c r="DL1744" s="6">
        <v>8</v>
      </c>
      <c r="DM1744" s="6" t="s">
        <v>368</v>
      </c>
      <c r="DN1744" s="6">
        <v>5</v>
      </c>
      <c r="DO1744" s="6" t="s">
        <v>429</v>
      </c>
      <c r="DP1744" s="6"/>
      <c r="DQ1744" s="6"/>
    </row>
    <row r="1745" spans="1:121" x14ac:dyDescent="0.2">
      <c r="A1745" s="6" t="s">
        <v>327</v>
      </c>
      <c r="B1745" s="6" t="s">
        <v>327</v>
      </c>
      <c r="C1745" s="6" t="s">
        <v>194</v>
      </c>
      <c r="D1745" s="6" t="s">
        <v>159</v>
      </c>
      <c r="E1745" s="6" t="s">
        <v>298</v>
      </c>
      <c r="F1745" s="11">
        <v>312</v>
      </c>
      <c r="G1745" s="13">
        <v>5.3315105946699998E-2</v>
      </c>
      <c r="H1745" s="11">
        <v>217.01489399999991</v>
      </c>
      <c r="I1745" s="13">
        <v>3.7083871720873754E-2</v>
      </c>
      <c r="J1745" s="11">
        <v>120.64039400000001</v>
      </c>
      <c r="K1745" s="13">
        <v>1.9878078238266095E-2</v>
      </c>
      <c r="L1745" s="11">
        <v>-26.060625600000094</v>
      </c>
      <c r="M1745" s="13">
        <v>-4.2103502829180023E-3</v>
      </c>
      <c r="N1745" s="11">
        <v>94.579768399999921</v>
      </c>
      <c r="O1745" s="13">
        <v>1.5584034283013744E-2</v>
      </c>
      <c r="P1745" s="7">
        <v>5852.0020679999998</v>
      </c>
      <c r="Q1745" s="7">
        <v>6133.7640810000003</v>
      </c>
      <c r="R1745" s="7">
        <v>6068.6447840000001</v>
      </c>
      <c r="S1745" s="7">
        <v>6089.5832819999996</v>
      </c>
      <c r="T1745" s="7">
        <v>6073.2031209999996</v>
      </c>
      <c r="U1745" s="7">
        <v>6038.4272389999996</v>
      </c>
      <c r="V1745" s="7">
        <v>6069.0169619999997</v>
      </c>
      <c r="W1745" s="7">
        <v>6217.8813019999998</v>
      </c>
      <c r="X1745" s="7">
        <v>6154.7780359999997</v>
      </c>
      <c r="Y1745" s="7">
        <v>6189.6573559999997</v>
      </c>
      <c r="Z1745" s="7">
        <v>6204.8354209999998</v>
      </c>
      <c r="AA1745" s="7">
        <v>6181.062379</v>
      </c>
      <c r="AB1745" s="7">
        <v>6211.3895549999997</v>
      </c>
      <c r="AC1745" s="7">
        <v>6189.1091880000004</v>
      </c>
      <c r="AD1745" s="7">
        <v>6252.8929029999999</v>
      </c>
      <c r="AE1745" s="7">
        <v>6154.7119419999999</v>
      </c>
      <c r="AF1745" s="7">
        <v>6163.5967303999996</v>
      </c>
      <c r="AG1745" s="9">
        <v>20730.100913599999</v>
      </c>
      <c r="AH1745" s="13">
        <v>0.51849171535654759</v>
      </c>
      <c r="AI1745" s="9">
        <v>11169.992413799999</v>
      </c>
      <c r="AJ1745" s="13">
        <v>0.27937869435798235</v>
      </c>
      <c r="AK1745" s="9">
        <v>4333.7788478000002</v>
      </c>
      <c r="AL1745" s="13">
        <v>8.4724309239951057E-2</v>
      </c>
      <c r="AM1745" s="9">
        <v>5226.3296520000004</v>
      </c>
      <c r="AN1745" s="13">
        <v>9.4193019177813295E-2</v>
      </c>
      <c r="AO1745" s="9">
        <v>9560.1084998000006</v>
      </c>
      <c r="AP1745" s="13">
        <v>0.18689776690283005</v>
      </c>
      <c r="AQ1745" s="9">
        <v>39981.547052000002</v>
      </c>
      <c r="AR1745" s="9">
        <v>40219.870265899997</v>
      </c>
      <c r="AS1745" s="9">
        <v>43053.009314299998</v>
      </c>
      <c r="AT1745" s="9">
        <v>46646.701682600004</v>
      </c>
      <c r="AU1745" s="9">
        <v>47787.604422099997</v>
      </c>
      <c r="AV1745" s="9">
        <v>49331.004296200001</v>
      </c>
      <c r="AW1745" s="9">
        <v>51151.5394658</v>
      </c>
      <c r="AX1745" s="9">
        <v>51129.8305798</v>
      </c>
      <c r="AY1745" s="9">
        <v>53896.875918199999</v>
      </c>
      <c r="AZ1745" s="9">
        <v>55485.318313600001</v>
      </c>
      <c r="BA1745" s="9">
        <v>55144.196997799998</v>
      </c>
      <c r="BB1745" s="9">
        <v>55508.549509099998</v>
      </c>
      <c r="BC1745" s="9">
        <v>56272.806402100003</v>
      </c>
      <c r="BD1745" s="9">
        <v>56949.737527400001</v>
      </c>
      <c r="BE1745" s="9">
        <v>58511.887742999999</v>
      </c>
      <c r="BF1745" s="9">
        <v>60711.647965600001</v>
      </c>
      <c r="BG1745" s="11">
        <v>-4</v>
      </c>
      <c r="BH1745" s="13">
        <v>-5.0632911392405063E-2</v>
      </c>
      <c r="BI1745" s="6">
        <v>1</v>
      </c>
      <c r="BJ1745" s="13">
        <v>1.2658227848101266E-2</v>
      </c>
      <c r="BK1745" s="6">
        <v>0</v>
      </c>
      <c r="BL1745" s="13">
        <v>0</v>
      </c>
      <c r="BM1745" s="11">
        <v>-5</v>
      </c>
      <c r="BN1745" s="13">
        <v>-6.25E-2</v>
      </c>
      <c r="BO1745" s="11">
        <v>-5</v>
      </c>
      <c r="BP1745" s="13">
        <v>-6.25E-2</v>
      </c>
      <c r="BQ1745" s="6">
        <v>79</v>
      </c>
      <c r="BR1745" s="6">
        <v>78</v>
      </c>
      <c r="BS1745" s="6">
        <v>79</v>
      </c>
      <c r="BT1745" s="6">
        <v>80</v>
      </c>
      <c r="BU1745" s="6">
        <v>79</v>
      </c>
      <c r="BV1745" s="6">
        <v>81</v>
      </c>
      <c r="BW1745" s="6">
        <v>80</v>
      </c>
      <c r="BX1745" s="6">
        <v>83</v>
      </c>
      <c r="BY1745" s="6">
        <v>81</v>
      </c>
      <c r="BZ1745" s="6">
        <v>79</v>
      </c>
      <c r="CA1745" s="6">
        <v>79</v>
      </c>
      <c r="CB1745" s="6">
        <v>77</v>
      </c>
      <c r="CC1745" s="11">
        <v>75</v>
      </c>
      <c r="CD1745" s="11">
        <v>14.9719</v>
      </c>
      <c r="CE1745" s="11">
        <v>-343.07100000000003</v>
      </c>
      <c r="CF1745" s="11">
        <v>639.69399999999996</v>
      </c>
      <c r="CG1745" s="11">
        <v>297</v>
      </c>
      <c r="CH1745" s="20">
        <v>1.9297299999999999</v>
      </c>
      <c r="CI1745" s="20">
        <v>1.90743</v>
      </c>
      <c r="CJ1745" s="20">
        <v>1.8289</v>
      </c>
      <c r="CK1745" s="20">
        <v>1.79043</v>
      </c>
      <c r="CL1745" s="20">
        <v>1.8188500000000001</v>
      </c>
      <c r="CM1745" s="20">
        <v>1.81813</v>
      </c>
      <c r="CN1745" s="20">
        <v>1.8795500000000001</v>
      </c>
      <c r="CO1745" s="20">
        <v>1.9494199999999999</v>
      </c>
      <c r="CP1745" s="20">
        <v>1.89042</v>
      </c>
      <c r="CQ1745" s="20">
        <v>1.84596</v>
      </c>
      <c r="CR1745" s="20">
        <v>1.9072499999999999</v>
      </c>
      <c r="CS1745" s="20">
        <v>1.9428300000000001</v>
      </c>
      <c r="CT1745" s="20">
        <v>1.9985900000000001</v>
      </c>
      <c r="CU1745" s="20">
        <v>2.0151400000000002</v>
      </c>
      <c r="CV1745" s="20">
        <v>2.0283099999999998</v>
      </c>
      <c r="CW1745" s="20">
        <v>1.9906900000000001</v>
      </c>
      <c r="CX1745" s="20">
        <v>1.9946999999999999</v>
      </c>
      <c r="CY1745" s="6" t="s">
        <v>642</v>
      </c>
      <c r="CZ1745" s="6" t="s">
        <v>643</v>
      </c>
      <c r="DA1745" s="6" t="s">
        <v>159</v>
      </c>
      <c r="DB1745" s="6" t="s">
        <v>345</v>
      </c>
      <c r="DC1745" s="6">
        <v>40620</v>
      </c>
      <c r="DD1745" s="6"/>
      <c r="DE1745" s="6" t="s">
        <v>645</v>
      </c>
      <c r="DF1745" s="6" t="s">
        <v>363</v>
      </c>
      <c r="DG1745" s="6" t="s">
        <v>364</v>
      </c>
      <c r="DH1745" s="6" t="s">
        <v>365</v>
      </c>
      <c r="DI1745" s="6"/>
      <c r="DJ1745" s="6">
        <v>29</v>
      </c>
      <c r="DK1745" s="6">
        <v>161</v>
      </c>
      <c r="DL1745" s="6">
        <v>8</v>
      </c>
      <c r="DM1745" s="6" t="s">
        <v>368</v>
      </c>
      <c r="DN1745" s="6">
        <v>5</v>
      </c>
      <c r="DO1745" s="6" t="s">
        <v>429</v>
      </c>
      <c r="DP1745" s="6"/>
      <c r="DQ1745" s="6"/>
    </row>
    <row r="1746" spans="1:121" x14ac:dyDescent="0.2">
      <c r="A1746" s="6" t="s">
        <v>1</v>
      </c>
      <c r="B1746" s="6" t="s">
        <v>1</v>
      </c>
      <c r="C1746" s="6" t="s">
        <v>2</v>
      </c>
      <c r="D1746" s="6" t="s">
        <v>161</v>
      </c>
      <c r="E1746" s="6" t="s">
        <v>300</v>
      </c>
      <c r="F1746" s="11">
        <v>-291</v>
      </c>
      <c r="G1746" s="13">
        <v>-0.210716871832</v>
      </c>
      <c r="H1746" s="11">
        <v>-280.58631764000006</v>
      </c>
      <c r="I1746" s="13">
        <v>-0.20314748844435596</v>
      </c>
      <c r="J1746" s="11">
        <v>-70.564560210000081</v>
      </c>
      <c r="K1746" s="13">
        <v>-6.4114116389398748E-2</v>
      </c>
      <c r="L1746" s="11">
        <v>59.476672230000077</v>
      </c>
      <c r="M1746" s="13">
        <v>5.7741862316111177E-2</v>
      </c>
      <c r="N1746" s="11">
        <v>-11.087887980000005</v>
      </c>
      <c r="O1746" s="13">
        <v>-1.0074322554363368E-2</v>
      </c>
      <c r="P1746" s="7">
        <v>1381.1951099600001</v>
      </c>
      <c r="Q1746" s="7">
        <v>968.64489425199997</v>
      </c>
      <c r="R1746" s="7">
        <v>1180.2293046699999</v>
      </c>
      <c r="S1746" s="7">
        <v>1228.95768234</v>
      </c>
      <c r="T1746" s="7">
        <v>1201.4580712699999</v>
      </c>
      <c r="U1746" s="7">
        <v>1168.15888677</v>
      </c>
      <c r="V1746" s="7">
        <v>1100.60879232</v>
      </c>
      <c r="W1746" s="7">
        <v>972.17875536600002</v>
      </c>
      <c r="X1746" s="7">
        <v>1101.15455307</v>
      </c>
      <c r="Y1746" s="7">
        <v>1030.0442321099999</v>
      </c>
      <c r="Z1746" s="7">
        <v>999.17615258800004</v>
      </c>
      <c r="AA1746" s="7">
        <v>1033.4229612500001</v>
      </c>
      <c r="AB1746" s="7">
        <v>1037.7901517</v>
      </c>
      <c r="AC1746" s="7">
        <v>1080.16992366</v>
      </c>
      <c r="AD1746" s="7">
        <v>1109.6821475700001</v>
      </c>
      <c r="AE1746" s="7">
        <v>1089.0435416099999</v>
      </c>
      <c r="AF1746" s="7">
        <v>1089.52090434</v>
      </c>
      <c r="AG1746" s="9">
        <v>9260.0575871000001</v>
      </c>
      <c r="AH1746" s="13">
        <v>0.49271333961817027</v>
      </c>
      <c r="AI1746" s="9">
        <v>857.42870290000064</v>
      </c>
      <c r="AJ1746" s="13">
        <v>4.5622454905557483E-2</v>
      </c>
      <c r="AK1746" s="9">
        <v>3003.9084034000007</v>
      </c>
      <c r="AL1746" s="13">
        <v>0.15285949396128568</v>
      </c>
      <c r="AM1746" s="9">
        <v>5398.7204807999988</v>
      </c>
      <c r="AN1746" s="13">
        <v>0.23829788825145279</v>
      </c>
      <c r="AO1746" s="9">
        <v>8402.6288841999994</v>
      </c>
      <c r="AP1746" s="13">
        <v>0.42758347682289854</v>
      </c>
      <c r="AQ1746" s="9">
        <v>18794.006255799999</v>
      </c>
      <c r="AR1746" s="9">
        <v>18926.879383700001</v>
      </c>
      <c r="AS1746" s="9">
        <v>18587.134779200002</v>
      </c>
      <c r="AT1746" s="9">
        <v>19003.8394004</v>
      </c>
      <c r="AU1746" s="9">
        <v>19189.7195789</v>
      </c>
      <c r="AV1746" s="9">
        <v>19857.981293500001</v>
      </c>
      <c r="AW1746" s="9">
        <v>19651.4349587</v>
      </c>
      <c r="AX1746" s="9">
        <v>21372.787942200001</v>
      </c>
      <c r="AY1746" s="9">
        <v>22327.654990300001</v>
      </c>
      <c r="AZ1746" s="9">
        <v>22655.3433621</v>
      </c>
      <c r="BA1746" s="9">
        <v>23998.0399177</v>
      </c>
      <c r="BB1746" s="9">
        <v>25180.450559600002</v>
      </c>
      <c r="BC1746" s="9">
        <v>26010.534014699999</v>
      </c>
      <c r="BD1746" s="9">
        <v>26549.6727913</v>
      </c>
      <c r="BE1746" s="9">
        <v>27650.7999131</v>
      </c>
      <c r="BF1746" s="9">
        <v>28054.063842899999</v>
      </c>
      <c r="BG1746" s="11">
        <v>1</v>
      </c>
      <c r="BH1746" s="13">
        <v>0.1</v>
      </c>
      <c r="BI1746" s="6">
        <v>2</v>
      </c>
      <c r="BJ1746" s="13">
        <v>0.2</v>
      </c>
      <c r="BK1746" s="6">
        <v>0</v>
      </c>
      <c r="BL1746" s="13">
        <v>0</v>
      </c>
      <c r="BM1746" s="11">
        <v>-1</v>
      </c>
      <c r="BN1746" s="13">
        <v>-8.3333333333333329E-2</v>
      </c>
      <c r="BO1746" s="11">
        <v>-1</v>
      </c>
      <c r="BP1746" s="13">
        <v>-8.3333333333333329E-2</v>
      </c>
      <c r="BQ1746" s="6">
        <v>10</v>
      </c>
      <c r="BR1746" s="6">
        <v>12</v>
      </c>
      <c r="BS1746" s="6">
        <v>13</v>
      </c>
      <c r="BT1746" s="6">
        <v>12</v>
      </c>
      <c r="BU1746" s="6">
        <v>10</v>
      </c>
      <c r="BV1746" s="6">
        <v>10</v>
      </c>
      <c r="BW1746" s="6">
        <v>12</v>
      </c>
      <c r="BX1746" s="6">
        <v>12</v>
      </c>
      <c r="BY1746" s="6">
        <v>11</v>
      </c>
      <c r="BZ1746" s="6">
        <v>12</v>
      </c>
      <c r="CA1746" s="6">
        <v>11</v>
      </c>
      <c r="CB1746" s="6">
        <v>11</v>
      </c>
      <c r="CC1746" s="11">
        <v>11</v>
      </c>
      <c r="CD1746" s="11">
        <v>-316.72699999999998</v>
      </c>
      <c r="CE1746" s="11">
        <v>-125.929</v>
      </c>
      <c r="CF1746" s="11">
        <v>150.98099999999999</v>
      </c>
      <c r="CG1746" s="11">
        <v>25</v>
      </c>
      <c r="CH1746" s="20">
        <v>13.7949</v>
      </c>
      <c r="CI1746" s="20">
        <v>10.2088</v>
      </c>
      <c r="CJ1746" s="20">
        <v>12.029199999999999</v>
      </c>
      <c r="CK1746" s="20">
        <v>12.3598</v>
      </c>
      <c r="CL1746" s="20">
        <v>12.2286</v>
      </c>
      <c r="CM1746" s="20">
        <v>11.9605</v>
      </c>
      <c r="CN1746" s="20">
        <v>11.671200000000001</v>
      </c>
      <c r="CO1746" s="20">
        <v>10.4856</v>
      </c>
      <c r="CP1746" s="20">
        <v>11.562099999999999</v>
      </c>
      <c r="CQ1746" s="20">
        <v>11.005000000000001</v>
      </c>
      <c r="CR1746" s="20">
        <v>10.7296</v>
      </c>
      <c r="CS1746" s="20">
        <v>10.9575</v>
      </c>
      <c r="CT1746" s="20">
        <v>11.089700000000001</v>
      </c>
      <c r="CU1746" s="20">
        <v>11.4124</v>
      </c>
      <c r="CV1746" s="20">
        <v>11.795999999999999</v>
      </c>
      <c r="CW1746" s="20">
        <v>11.6998</v>
      </c>
      <c r="CX1746" s="20">
        <v>11.545999999999999</v>
      </c>
      <c r="CY1746" s="6" t="s">
        <v>647</v>
      </c>
      <c r="CZ1746" s="6" t="s">
        <v>648</v>
      </c>
      <c r="DA1746" s="6" t="s">
        <v>161</v>
      </c>
      <c r="DB1746" s="6"/>
      <c r="DC1746" s="6"/>
      <c r="DD1746" s="6"/>
      <c r="DE1746" s="6"/>
      <c r="DF1746" s="6"/>
      <c r="DG1746" s="6"/>
      <c r="DH1746" s="6" t="s">
        <v>333</v>
      </c>
      <c r="DI1746" s="6"/>
      <c r="DJ1746" s="6"/>
      <c r="DK1746" s="6"/>
      <c r="DL1746" s="6">
        <v>4</v>
      </c>
      <c r="DM1746" s="6" t="s">
        <v>446</v>
      </c>
      <c r="DN1746" s="6">
        <v>6</v>
      </c>
      <c r="DO1746" s="6" t="s">
        <v>393</v>
      </c>
      <c r="DP1746" s="6"/>
      <c r="DQ1746" s="6"/>
    </row>
    <row r="1747" spans="1:121" x14ac:dyDescent="0.2">
      <c r="A1747" s="6" t="s">
        <v>310</v>
      </c>
      <c r="B1747" s="6" t="s">
        <v>310</v>
      </c>
      <c r="C1747" s="6" t="s">
        <v>173</v>
      </c>
      <c r="D1747" s="6" t="s">
        <v>161</v>
      </c>
      <c r="E1747" s="6" t="s">
        <v>300</v>
      </c>
      <c r="F1747" s="11">
        <v>-28</v>
      </c>
      <c r="G1747" s="13">
        <v>-0.59574468085099996</v>
      </c>
      <c r="H1747" s="11">
        <v>8.027982999999999</v>
      </c>
      <c r="I1747" s="13">
        <v>0.17161356425539262</v>
      </c>
      <c r="J1747" s="11">
        <v>-17.625995000000003</v>
      </c>
      <c r="K1747" s="13">
        <v>-0.32159879934467983</v>
      </c>
      <c r="L1747" s="11">
        <v>-18.285320698299998</v>
      </c>
      <c r="M1747" s="13">
        <v>-0.49178666655926528</v>
      </c>
      <c r="N1747" s="11">
        <v>-35.911315698300001</v>
      </c>
      <c r="O1747" s="13">
        <v>-0.65522746440476298</v>
      </c>
      <c r="P1747" s="7">
        <v>46.779420000000002</v>
      </c>
      <c r="Q1747" s="7">
        <v>53.7097510985</v>
      </c>
      <c r="R1747" s="7">
        <v>57.556980101699999</v>
      </c>
      <c r="S1747" s="7">
        <v>89.870592000000002</v>
      </c>
      <c r="T1747" s="7">
        <v>92.914237</v>
      </c>
      <c r="U1747" s="7">
        <v>60.872202000000001</v>
      </c>
      <c r="V1747" s="7">
        <v>54.807403000000001</v>
      </c>
      <c r="W1747" s="7">
        <v>59.583373999999999</v>
      </c>
      <c r="X1747" s="7">
        <v>41.960774999999998</v>
      </c>
      <c r="Y1747" s="7">
        <v>37.181407999999998</v>
      </c>
      <c r="Z1747" s="7">
        <v>36.046519000000004</v>
      </c>
      <c r="AA1747" s="7">
        <v>35.911909000000001</v>
      </c>
      <c r="AB1747" s="7">
        <v>29.773140000000001</v>
      </c>
      <c r="AC1747" s="7">
        <v>25.037272000000002</v>
      </c>
      <c r="AD1747" s="7">
        <v>24.294208000000001</v>
      </c>
      <c r="AE1747" s="7">
        <v>21.626640500000001</v>
      </c>
      <c r="AF1747" s="7">
        <v>18.8960873017</v>
      </c>
      <c r="AG1747" s="9">
        <v>32608.059508999992</v>
      </c>
      <c r="AH1747" s="13">
        <v>0.80579901410062915</v>
      </c>
      <c r="AI1747" s="9">
        <v>1003.4014826999992</v>
      </c>
      <c r="AJ1747" s="13">
        <v>2.4795708106568181E-2</v>
      </c>
      <c r="AK1747" s="9">
        <v>5652.8738869000008</v>
      </c>
      <c r="AL1747" s="13">
        <v>0.13631190132995788</v>
      </c>
      <c r="AM1747" s="9">
        <v>25951.784139399992</v>
      </c>
      <c r="AN1747" s="13">
        <v>0.55072417844742994</v>
      </c>
      <c r="AO1747" s="9">
        <v>31604.658026299992</v>
      </c>
      <c r="AP1747" s="13">
        <v>0.76210633964993602</v>
      </c>
      <c r="AQ1747" s="9">
        <v>40466.740388600003</v>
      </c>
      <c r="AR1747" s="9">
        <v>38458.262119400002</v>
      </c>
      <c r="AS1747" s="9">
        <v>39195.433444000002</v>
      </c>
      <c r="AT1747" s="9">
        <v>39234.386428600003</v>
      </c>
      <c r="AU1747" s="9">
        <v>37342.640097299998</v>
      </c>
      <c r="AV1747" s="9">
        <v>42596.552709000003</v>
      </c>
      <c r="AW1747" s="9">
        <v>41470.141871300002</v>
      </c>
      <c r="AX1747" s="9">
        <v>39388.2156216</v>
      </c>
      <c r="AY1747" s="9">
        <v>45750.761926200001</v>
      </c>
      <c r="AZ1747" s="9">
        <v>47123.015758200003</v>
      </c>
      <c r="BA1747" s="9">
        <v>56543.093259300003</v>
      </c>
      <c r="BB1747" s="9">
        <v>44414.006806400001</v>
      </c>
      <c r="BC1747" s="9">
        <v>52297.587536899999</v>
      </c>
      <c r="BD1747" s="9">
        <v>56204.2680674</v>
      </c>
      <c r="BE1747" s="9">
        <v>62650.820335600001</v>
      </c>
      <c r="BF1747" s="9">
        <v>73074.799897599994</v>
      </c>
      <c r="BG1747" s="11">
        <v>-4</v>
      </c>
      <c r="BH1747" s="13">
        <v>-0.5</v>
      </c>
      <c r="BI1747" s="6">
        <v>-2</v>
      </c>
      <c r="BJ1747" s="13">
        <v>-0.25</v>
      </c>
      <c r="BK1747" s="6">
        <v>-1</v>
      </c>
      <c r="BL1747" s="13">
        <v>-0.16666666666666666</v>
      </c>
      <c r="BM1747" s="11">
        <v>-1</v>
      </c>
      <c r="BN1747" s="13">
        <v>-0.2</v>
      </c>
      <c r="BO1747" s="11">
        <v>-2</v>
      </c>
      <c r="BP1747" s="13">
        <v>-0.33333333333333331</v>
      </c>
      <c r="BQ1747" s="6">
        <v>8</v>
      </c>
      <c r="BR1747" s="6">
        <v>8</v>
      </c>
      <c r="BS1747" s="6">
        <v>7</v>
      </c>
      <c r="BT1747" s="6">
        <v>6</v>
      </c>
      <c r="BU1747" s="6">
        <v>6</v>
      </c>
      <c r="BV1747" s="6">
        <v>6</v>
      </c>
      <c r="BW1747" s="6">
        <v>5</v>
      </c>
      <c r="BX1747" s="6">
        <v>5</v>
      </c>
      <c r="BY1747" s="6">
        <v>5</v>
      </c>
      <c r="BZ1747" s="6">
        <v>5</v>
      </c>
      <c r="CA1747" s="6">
        <v>4</v>
      </c>
      <c r="CB1747" s="6">
        <v>4</v>
      </c>
      <c r="CC1747" s="11">
        <v>4</v>
      </c>
      <c r="CD1747" s="11">
        <v>-37.850200000000001</v>
      </c>
      <c r="CE1747" s="11">
        <v>4.8532700000000002</v>
      </c>
      <c r="CF1747" s="11">
        <v>5.11355</v>
      </c>
      <c r="CG1747" s="11">
        <v>10</v>
      </c>
      <c r="CH1747" s="20">
        <v>1.6467400000000001</v>
      </c>
      <c r="CI1747" s="20">
        <v>2.08406</v>
      </c>
      <c r="CJ1747" s="20">
        <v>2.19042</v>
      </c>
      <c r="CK1747" s="20">
        <v>3.2655099999999999</v>
      </c>
      <c r="CL1747" s="20">
        <v>3.18777</v>
      </c>
      <c r="CM1747" s="20">
        <v>1.9071</v>
      </c>
      <c r="CN1747" s="20">
        <v>1.6503000000000001</v>
      </c>
      <c r="CO1747" s="20">
        <v>1.6464000000000001</v>
      </c>
      <c r="CP1747" s="20">
        <v>1.23994</v>
      </c>
      <c r="CQ1747" s="20">
        <v>1.0963099999999999</v>
      </c>
      <c r="CR1747" s="20">
        <v>0.96166099999999999</v>
      </c>
      <c r="CS1747" s="20">
        <v>0.87787800000000005</v>
      </c>
      <c r="CT1747" s="20">
        <v>0.72794700000000001</v>
      </c>
      <c r="CU1747" s="20">
        <v>0.593974</v>
      </c>
      <c r="CV1747" s="20">
        <v>0.65543799999999997</v>
      </c>
      <c r="CW1747" s="20">
        <v>0.69410099999999997</v>
      </c>
      <c r="CX1747" s="20">
        <v>0.59238199999999996</v>
      </c>
      <c r="CY1747" s="6" t="s">
        <v>647</v>
      </c>
      <c r="CZ1747" s="6" t="s">
        <v>648</v>
      </c>
      <c r="DA1747" s="6" t="s">
        <v>161</v>
      </c>
      <c r="DB1747" s="6"/>
      <c r="DC1747" s="6"/>
      <c r="DD1747" s="6"/>
      <c r="DE1747" s="6"/>
      <c r="DF1747" s="6"/>
      <c r="DG1747" s="6"/>
      <c r="DH1747" s="6" t="s">
        <v>333</v>
      </c>
      <c r="DI1747" s="6"/>
      <c r="DJ1747" s="6"/>
      <c r="DK1747" s="6"/>
      <c r="DL1747" s="6">
        <v>4</v>
      </c>
      <c r="DM1747" s="6" t="s">
        <v>446</v>
      </c>
      <c r="DN1747" s="6">
        <v>6</v>
      </c>
      <c r="DO1747" s="6" t="s">
        <v>393</v>
      </c>
      <c r="DP1747" s="6"/>
      <c r="DQ1747" s="6"/>
    </row>
    <row r="1748" spans="1:121" x14ac:dyDescent="0.2">
      <c r="A1748" s="6" t="s">
        <v>311</v>
      </c>
      <c r="B1748" s="6" t="s">
        <v>311</v>
      </c>
      <c r="C1748" s="6" t="s">
        <v>174</v>
      </c>
      <c r="D1748" s="6" t="s">
        <v>161</v>
      </c>
      <c r="E1748" s="6" t="s">
        <v>300</v>
      </c>
      <c r="F1748" s="11">
        <v>3</v>
      </c>
      <c r="G1748" s="13">
        <v>9.0909090909100002E-2</v>
      </c>
      <c r="H1748" s="11">
        <v>3.4919550000000044</v>
      </c>
      <c r="I1748" s="13">
        <v>0.10497326574234504</v>
      </c>
      <c r="J1748" s="11">
        <v>0.16225000000000023</v>
      </c>
      <c r="K1748" s="13">
        <v>4.4141085082818939E-3</v>
      </c>
      <c r="L1748" s="11">
        <v>-1.1740554408000037</v>
      </c>
      <c r="M1748" s="13">
        <v>-3.1800511129802381E-2</v>
      </c>
      <c r="N1748" s="11">
        <v>-1.0118054408000035</v>
      </c>
      <c r="O1748" s="13">
        <v>-2.7526773528266265E-2</v>
      </c>
      <c r="P1748" s="7">
        <v>33.265183999999998</v>
      </c>
      <c r="Q1748" s="7">
        <v>25.513684000000001</v>
      </c>
      <c r="R1748" s="7">
        <v>28.280456999999998</v>
      </c>
      <c r="S1748" s="7">
        <v>34.513705999999999</v>
      </c>
      <c r="T1748" s="7">
        <v>31.076435</v>
      </c>
      <c r="U1748" s="7">
        <v>42.099238</v>
      </c>
      <c r="V1748" s="7">
        <v>36.757139000000002</v>
      </c>
      <c r="W1748" s="7">
        <v>40.826549999999997</v>
      </c>
      <c r="X1748" s="7">
        <v>40.180948000000001</v>
      </c>
      <c r="Y1748" s="7">
        <v>36.919389000000002</v>
      </c>
      <c r="Z1748" s="7">
        <v>36.385525000000001</v>
      </c>
      <c r="AA1748" s="7">
        <v>45.034928000000001</v>
      </c>
      <c r="AB1748" s="7">
        <v>31.703023000000002</v>
      </c>
      <c r="AC1748" s="7">
        <v>33.758105796999999</v>
      </c>
      <c r="AD1748" s="7">
        <v>33.486151177799997</v>
      </c>
      <c r="AE1748" s="7">
        <v>35.610043952200002</v>
      </c>
      <c r="AF1748" s="7">
        <v>35.745333559199999</v>
      </c>
      <c r="AG1748" s="9">
        <v>23537.997494299998</v>
      </c>
      <c r="AH1748" s="13">
        <v>0.29312874633895175</v>
      </c>
      <c r="AI1748" s="9">
        <v>-2006.8047274000128</v>
      </c>
      <c r="AJ1748" s="13">
        <v>-2.4991597268726864E-2</v>
      </c>
      <c r="AK1748" s="9">
        <v>26380.811283700008</v>
      </c>
      <c r="AL1748" s="13">
        <v>0.33695250314517239</v>
      </c>
      <c r="AM1748" s="9">
        <v>-836.00906199999736</v>
      </c>
      <c r="AN1748" s="13">
        <v>-7.9868503323685686E-3</v>
      </c>
      <c r="AO1748" s="9">
        <v>25544.802221700011</v>
      </c>
      <c r="AP1748" s="13">
        <v>0.32627446360106638</v>
      </c>
      <c r="AQ1748" s="9">
        <v>80299.178392700007</v>
      </c>
      <c r="AR1748" s="9">
        <v>141739.839477</v>
      </c>
      <c r="AS1748" s="9">
        <v>90513.183896100003</v>
      </c>
      <c r="AT1748" s="9">
        <v>71466.817743299995</v>
      </c>
      <c r="AU1748" s="9">
        <v>81673.189633300004</v>
      </c>
      <c r="AV1748" s="9">
        <v>92336.077594300004</v>
      </c>
      <c r="AW1748" s="9">
        <v>78292.373665299994</v>
      </c>
      <c r="AX1748" s="9">
        <v>65485.280830000003</v>
      </c>
      <c r="AY1748" s="9">
        <v>95859.422441500006</v>
      </c>
      <c r="AZ1748" s="9">
        <v>104673.184949</v>
      </c>
      <c r="BA1748" s="9">
        <v>97977.637277600006</v>
      </c>
      <c r="BB1748" s="9">
        <v>93909.174776100001</v>
      </c>
      <c r="BC1748" s="9">
        <v>85984.367049699998</v>
      </c>
      <c r="BD1748" s="9">
        <v>114714.238817</v>
      </c>
      <c r="BE1748" s="9">
        <v>101273.588234</v>
      </c>
      <c r="BF1748" s="9">
        <v>103837.175887</v>
      </c>
      <c r="BG1748" s="11">
        <v>0</v>
      </c>
      <c r="BH1748" s="13">
        <v>0</v>
      </c>
      <c r="BI1748" s="6">
        <v>0</v>
      </c>
      <c r="BJ1748" s="13">
        <v>0</v>
      </c>
      <c r="BK1748" s="6">
        <v>0</v>
      </c>
      <c r="BL1748" s="13">
        <v>0</v>
      </c>
      <c r="BM1748" s="11">
        <v>0</v>
      </c>
      <c r="BN1748" s="13">
        <v>0</v>
      </c>
      <c r="BO1748" s="11">
        <v>0</v>
      </c>
      <c r="BP1748" s="13">
        <v>0</v>
      </c>
      <c r="BQ1748" s="6">
        <v>4</v>
      </c>
      <c r="BR1748" s="6">
        <v>4</v>
      </c>
      <c r="BS1748" s="6">
        <v>4</v>
      </c>
      <c r="BT1748" s="6">
        <v>4</v>
      </c>
      <c r="BU1748" s="6">
        <v>4</v>
      </c>
      <c r="BV1748" s="6">
        <v>4</v>
      </c>
      <c r="BW1748" s="6">
        <v>4</v>
      </c>
      <c r="BX1748" s="6">
        <v>4</v>
      </c>
      <c r="BY1748" s="6">
        <v>4</v>
      </c>
      <c r="BZ1748" s="6">
        <v>4</v>
      </c>
      <c r="CA1748" s="6">
        <v>4</v>
      </c>
      <c r="CB1748" s="6">
        <v>4</v>
      </c>
      <c r="CC1748" s="11">
        <v>4</v>
      </c>
      <c r="CD1748" s="11">
        <v>4.2608899999999998</v>
      </c>
      <c r="CE1748" s="11">
        <v>-5.4170299999999996</v>
      </c>
      <c r="CF1748" s="11">
        <v>3.6362899999999998</v>
      </c>
      <c r="CG1748" s="11">
        <v>-1</v>
      </c>
      <c r="CH1748" s="20">
        <v>1.0687800000000001</v>
      </c>
      <c r="CI1748" s="20">
        <v>0.86788799999999999</v>
      </c>
      <c r="CJ1748" s="20">
        <v>0.96065400000000001</v>
      </c>
      <c r="CK1748" s="20">
        <v>1.18832</v>
      </c>
      <c r="CL1748" s="20">
        <v>1.1160600000000001</v>
      </c>
      <c r="CM1748" s="20">
        <v>1.5288999999999999</v>
      </c>
      <c r="CN1748" s="20">
        <v>1.36392</v>
      </c>
      <c r="CO1748" s="20">
        <v>1.47563</v>
      </c>
      <c r="CP1748" s="20">
        <v>1.3944000000000001</v>
      </c>
      <c r="CQ1748" s="20">
        <v>1.3173600000000001</v>
      </c>
      <c r="CR1748" s="20">
        <v>1.31613</v>
      </c>
      <c r="CS1748" s="20">
        <v>1.6295999999999999</v>
      </c>
      <c r="CT1748" s="20">
        <v>1.17045</v>
      </c>
      <c r="CU1748" s="20">
        <v>1.24149</v>
      </c>
      <c r="CV1748" s="20">
        <v>1.2408600000000001</v>
      </c>
      <c r="CW1748" s="20">
        <v>1.33189</v>
      </c>
      <c r="CX1748" s="20">
        <v>1.3108500000000001</v>
      </c>
      <c r="CY1748" s="6" t="s">
        <v>647</v>
      </c>
      <c r="CZ1748" s="6" t="s">
        <v>648</v>
      </c>
      <c r="DA1748" s="6" t="s">
        <v>161</v>
      </c>
      <c r="DB1748" s="6"/>
      <c r="DC1748" s="6"/>
      <c r="DD1748" s="6"/>
      <c r="DE1748" s="6"/>
      <c r="DF1748" s="6"/>
      <c r="DG1748" s="6"/>
      <c r="DH1748" s="6" t="s">
        <v>333</v>
      </c>
      <c r="DI1748" s="6"/>
      <c r="DJ1748" s="6"/>
      <c r="DK1748" s="6"/>
      <c r="DL1748" s="6">
        <v>4</v>
      </c>
      <c r="DM1748" s="6" t="s">
        <v>446</v>
      </c>
      <c r="DN1748" s="6">
        <v>6</v>
      </c>
      <c r="DO1748" s="6" t="s">
        <v>393</v>
      </c>
      <c r="DP1748" s="6"/>
      <c r="DQ1748" s="6"/>
    </row>
    <row r="1749" spans="1:121" x14ac:dyDescent="0.2">
      <c r="A1749" s="6" t="s">
        <v>312</v>
      </c>
      <c r="B1749" s="6" t="s">
        <v>312</v>
      </c>
      <c r="C1749" s="6" t="s">
        <v>175</v>
      </c>
      <c r="D1749" s="6" t="s">
        <v>161</v>
      </c>
      <c r="E1749" s="6" t="s">
        <v>300</v>
      </c>
      <c r="F1749" s="11">
        <v>120</v>
      </c>
      <c r="G1749" s="13">
        <v>0.31662269129300002</v>
      </c>
      <c r="H1749" s="11">
        <v>-8.5659987349999938</v>
      </c>
      <c r="I1749" s="13">
        <v>-2.2581031985201127E-2</v>
      </c>
      <c r="J1749" s="11">
        <v>-32.752339975000041</v>
      </c>
      <c r="K1749" s="13">
        <v>-8.8333888883537895E-2</v>
      </c>
      <c r="L1749" s="11">
        <v>160.95154264500002</v>
      </c>
      <c r="M1749" s="13">
        <v>0.47615061483057958</v>
      </c>
      <c r="N1749" s="11">
        <v>128.19920266999998</v>
      </c>
      <c r="O1749" s="13">
        <v>0.34575649044476908</v>
      </c>
      <c r="P1749" s="7">
        <v>379.34487407900002</v>
      </c>
      <c r="Q1749" s="7">
        <v>422.852186012</v>
      </c>
      <c r="R1749" s="7">
        <v>421.61538055300002</v>
      </c>
      <c r="S1749" s="7">
        <v>431.06737221600002</v>
      </c>
      <c r="T1749" s="7">
        <v>445.04282207300002</v>
      </c>
      <c r="U1749" s="7">
        <v>375.46945180300003</v>
      </c>
      <c r="V1749" s="7">
        <v>370.77887534400003</v>
      </c>
      <c r="W1749" s="7">
        <v>374.50214225799999</v>
      </c>
      <c r="X1749" s="7">
        <v>344.07673216000001</v>
      </c>
      <c r="Y1749" s="7">
        <v>338.02653536899999</v>
      </c>
      <c r="Z1749" s="7">
        <v>350.92860551299998</v>
      </c>
      <c r="AA1749" s="7">
        <v>386.63537743400002</v>
      </c>
      <c r="AB1749" s="7">
        <v>420.09073163400001</v>
      </c>
      <c r="AC1749" s="7">
        <v>434.08645093199999</v>
      </c>
      <c r="AD1749" s="7">
        <v>466.43018397999998</v>
      </c>
      <c r="AE1749" s="7">
        <v>474.085874069</v>
      </c>
      <c r="AF1749" s="7">
        <v>498.978078014</v>
      </c>
      <c r="AG1749" s="9">
        <v>20328.644853899998</v>
      </c>
      <c r="AH1749" s="13">
        <v>0.64661348008645958</v>
      </c>
      <c r="AI1749" s="9">
        <v>-72.864235099998041</v>
      </c>
      <c r="AJ1749" s="13">
        <v>-2.3176653913951771E-3</v>
      </c>
      <c r="AK1749" s="9">
        <v>3169.8835807999967</v>
      </c>
      <c r="AL1749" s="13">
        <v>0.10106187590752584</v>
      </c>
      <c r="AM1749" s="9">
        <v>17231.625508199999</v>
      </c>
      <c r="AN1749" s="13">
        <v>0.49895176713240075</v>
      </c>
      <c r="AO1749" s="9">
        <v>20401.509088999996</v>
      </c>
      <c r="AP1749" s="13">
        <v>0.65043864461370193</v>
      </c>
      <c r="AQ1749" s="9">
        <v>31438.6344856</v>
      </c>
      <c r="AR1749" s="9">
        <v>33005.180189899998</v>
      </c>
      <c r="AS1749" s="9">
        <v>32602.362401999999</v>
      </c>
      <c r="AT1749" s="9">
        <v>33865.862213799999</v>
      </c>
      <c r="AU1749" s="9">
        <v>35158.080619699998</v>
      </c>
      <c r="AV1749" s="9">
        <v>29081.0313565</v>
      </c>
      <c r="AW1749" s="9">
        <v>31365.770250500002</v>
      </c>
      <c r="AX1749" s="9">
        <v>34438.260463099999</v>
      </c>
      <c r="AY1749" s="9">
        <v>32460.669874499999</v>
      </c>
      <c r="AZ1749" s="9">
        <v>34535.653831299998</v>
      </c>
      <c r="BA1749" s="9">
        <v>39572.928780499999</v>
      </c>
      <c r="BB1749" s="9">
        <v>42924.4142393</v>
      </c>
      <c r="BC1749" s="9">
        <v>43100.9670109</v>
      </c>
      <c r="BD1749" s="9">
        <v>46544.426066799999</v>
      </c>
      <c r="BE1749" s="9">
        <v>52765.017015899997</v>
      </c>
      <c r="BF1749" s="9">
        <v>51767.279339499997</v>
      </c>
      <c r="BG1749" s="11">
        <v>0.75</v>
      </c>
      <c r="BH1749" s="13">
        <v>1.6666666666666666E-2</v>
      </c>
      <c r="BI1749" s="6">
        <v>5</v>
      </c>
      <c r="BJ1749" s="13">
        <v>0.1111111111111111</v>
      </c>
      <c r="BK1749" s="6">
        <v>-10</v>
      </c>
      <c r="BL1749" s="13">
        <v>-0.2</v>
      </c>
      <c r="BM1749" s="11">
        <v>5.75</v>
      </c>
      <c r="BN1749" s="13">
        <v>0.14374999999999999</v>
      </c>
      <c r="BO1749" s="11">
        <v>-4.25</v>
      </c>
      <c r="BP1749" s="13">
        <v>-8.5000000000000006E-2</v>
      </c>
      <c r="BQ1749" s="6">
        <v>45</v>
      </c>
      <c r="BR1749" s="6">
        <v>46</v>
      </c>
      <c r="BS1749" s="6">
        <v>51</v>
      </c>
      <c r="BT1749" s="6">
        <v>50</v>
      </c>
      <c r="BU1749" s="6">
        <v>47</v>
      </c>
      <c r="BV1749" s="6">
        <v>45</v>
      </c>
      <c r="BW1749" s="6">
        <v>40</v>
      </c>
      <c r="BX1749" s="6">
        <v>45</v>
      </c>
      <c r="BY1749" s="6">
        <v>45</v>
      </c>
      <c r="BZ1749" s="6">
        <v>44</v>
      </c>
      <c r="CA1749" s="6">
        <v>44</v>
      </c>
      <c r="CB1749" s="6">
        <v>46</v>
      </c>
      <c r="CC1749" s="11">
        <v>45.75</v>
      </c>
      <c r="CD1749" s="11">
        <v>124.11499999999999</v>
      </c>
      <c r="CE1749" s="11">
        <v>-45.948300000000003</v>
      </c>
      <c r="CF1749" s="11">
        <v>41.466999999999999</v>
      </c>
      <c r="CG1749" s="11">
        <v>-5</v>
      </c>
      <c r="CH1749" s="20">
        <v>0.84030199999999999</v>
      </c>
      <c r="CI1749" s="20">
        <v>0.984846</v>
      </c>
      <c r="CJ1749" s="20">
        <v>0.93706900000000004</v>
      </c>
      <c r="CK1749" s="20">
        <v>0.91050200000000003</v>
      </c>
      <c r="CL1749" s="20">
        <v>0.91413299999999997</v>
      </c>
      <c r="CM1749" s="20">
        <v>0.74274399999999996</v>
      </c>
      <c r="CN1749" s="20">
        <v>0.75950200000000001</v>
      </c>
      <c r="CO1749" s="20">
        <v>0.80194200000000004</v>
      </c>
      <c r="CP1749" s="20">
        <v>0.81599699999999997</v>
      </c>
      <c r="CQ1749" s="20">
        <v>0.88183599999999995</v>
      </c>
      <c r="CR1749" s="20">
        <v>0.93781999999999999</v>
      </c>
      <c r="CS1749" s="20">
        <v>1.02389</v>
      </c>
      <c r="CT1749" s="20">
        <v>1.10758</v>
      </c>
      <c r="CU1749" s="20">
        <v>1.10544</v>
      </c>
      <c r="CV1749" s="20">
        <v>1.1637</v>
      </c>
      <c r="CW1749" s="20">
        <v>1.16923</v>
      </c>
      <c r="CX1749" s="20">
        <v>1.2083299999999999</v>
      </c>
      <c r="CY1749" s="6" t="s">
        <v>647</v>
      </c>
      <c r="CZ1749" s="6" t="s">
        <v>648</v>
      </c>
      <c r="DA1749" s="6" t="s">
        <v>161</v>
      </c>
      <c r="DB1749" s="6"/>
      <c r="DC1749" s="6"/>
      <c r="DD1749" s="6"/>
      <c r="DE1749" s="6"/>
      <c r="DF1749" s="6"/>
      <c r="DG1749" s="6"/>
      <c r="DH1749" s="6" t="s">
        <v>333</v>
      </c>
      <c r="DI1749" s="6"/>
      <c r="DJ1749" s="6"/>
      <c r="DK1749" s="6"/>
      <c r="DL1749" s="6">
        <v>4</v>
      </c>
      <c r="DM1749" s="6" t="s">
        <v>446</v>
      </c>
      <c r="DN1749" s="6">
        <v>6</v>
      </c>
      <c r="DO1749" s="6" t="s">
        <v>393</v>
      </c>
      <c r="DP1749" s="6"/>
      <c r="DQ1749" s="6"/>
    </row>
    <row r="1750" spans="1:121" x14ac:dyDescent="0.2">
      <c r="A1750" s="6" t="s">
        <v>792</v>
      </c>
      <c r="B1750" s="6" t="s">
        <v>176</v>
      </c>
      <c r="C1750" s="6" t="s">
        <v>177</v>
      </c>
      <c r="D1750" s="6" t="s">
        <v>161</v>
      </c>
      <c r="E1750" s="6" t="s">
        <v>300</v>
      </c>
      <c r="F1750" s="11">
        <v>-430</v>
      </c>
      <c r="G1750" s="13">
        <v>-0.56282722513100003</v>
      </c>
      <c r="H1750" s="11">
        <v>-169.32922479399997</v>
      </c>
      <c r="I1750" s="13">
        <v>-0.22170578979560213</v>
      </c>
      <c r="J1750" s="11">
        <v>-210.20301583500003</v>
      </c>
      <c r="K1750" s="13">
        <v>-0.3536227991827372</v>
      </c>
      <c r="L1750" s="11">
        <v>-50.566878104000011</v>
      </c>
      <c r="M1750" s="13">
        <v>-0.13160773880385945</v>
      </c>
      <c r="N1750" s="11">
        <v>-260.76989393900004</v>
      </c>
      <c r="O1750" s="13">
        <v>-0.43869104099666534</v>
      </c>
      <c r="P1750" s="7">
        <v>763.756440236</v>
      </c>
      <c r="Q1750" s="7">
        <v>709.52208284400001</v>
      </c>
      <c r="R1750" s="7">
        <v>682.23786003999999</v>
      </c>
      <c r="S1750" s="7">
        <v>664.41391180000005</v>
      </c>
      <c r="T1750" s="7">
        <v>645.70759157600003</v>
      </c>
      <c r="U1750" s="7">
        <v>636.41934173100003</v>
      </c>
      <c r="V1750" s="7">
        <v>594.42721544200003</v>
      </c>
      <c r="W1750" s="7">
        <v>628.05827151999995</v>
      </c>
      <c r="X1750" s="7">
        <v>478.41269780699997</v>
      </c>
      <c r="Y1750" s="7">
        <v>384.224199607</v>
      </c>
      <c r="Z1750" s="7">
        <v>359.11411436600002</v>
      </c>
      <c r="AA1750" s="7">
        <v>312.40722430199997</v>
      </c>
      <c r="AB1750" s="7">
        <v>298.39790830499999</v>
      </c>
      <c r="AC1750" s="7">
        <v>313.12911903100002</v>
      </c>
      <c r="AD1750" s="7">
        <v>321.597571319</v>
      </c>
      <c r="AE1750" s="7">
        <v>330.58894067</v>
      </c>
      <c r="AF1750" s="7">
        <v>333.65732150299999</v>
      </c>
      <c r="AG1750" s="9">
        <v>20401.548077299994</v>
      </c>
      <c r="AH1750" s="13">
        <v>0.42188907486834726</v>
      </c>
      <c r="AI1750" s="9">
        <v>10095.563425799999</v>
      </c>
      <c r="AJ1750" s="13">
        <v>0.20876885900264297</v>
      </c>
      <c r="AK1750" s="9">
        <v>6821.5172692000051</v>
      </c>
      <c r="AL1750" s="13">
        <v>0.116700542794318</v>
      </c>
      <c r="AM1750" s="9">
        <v>3484.4673822999903</v>
      </c>
      <c r="AN1750" s="13">
        <v>5.3381597869497178E-2</v>
      </c>
      <c r="AO1750" s="9">
        <v>10305.984651499995</v>
      </c>
      <c r="AP1750" s="13">
        <v>0.1763118021104135</v>
      </c>
      <c r="AQ1750" s="9">
        <v>48357.611733999998</v>
      </c>
      <c r="AR1750" s="9">
        <v>47091.727641999998</v>
      </c>
      <c r="AS1750" s="9">
        <v>49777.611537099998</v>
      </c>
      <c r="AT1750" s="9">
        <v>49258.763836799997</v>
      </c>
      <c r="AU1750" s="9">
        <v>53037.999390099998</v>
      </c>
      <c r="AV1750" s="9">
        <v>54272.133695600001</v>
      </c>
      <c r="AW1750" s="9">
        <v>58453.175159799997</v>
      </c>
      <c r="AX1750" s="9">
        <v>65698.476149299997</v>
      </c>
      <c r="AY1750" s="9">
        <v>64862.119251700002</v>
      </c>
      <c r="AZ1750" s="9">
        <v>65274.692429000002</v>
      </c>
      <c r="BA1750" s="9">
        <v>65473.995439600003</v>
      </c>
      <c r="BB1750" s="9">
        <v>58891.189966600003</v>
      </c>
      <c r="BC1750" s="9">
        <v>60656.142671499998</v>
      </c>
      <c r="BD1750" s="9">
        <v>59112.9386915</v>
      </c>
      <c r="BE1750" s="9">
        <v>61687.9509129</v>
      </c>
      <c r="BF1750" s="9">
        <v>68759.159811299993</v>
      </c>
      <c r="BG1750" s="11">
        <v>-3.5</v>
      </c>
      <c r="BH1750" s="13">
        <v>-0.14583333333333334</v>
      </c>
      <c r="BI1750" s="6">
        <v>0</v>
      </c>
      <c r="BJ1750" s="13">
        <v>0</v>
      </c>
      <c r="BK1750" s="6">
        <v>-1</v>
      </c>
      <c r="BL1750" s="13">
        <v>-4.1666666666666664E-2</v>
      </c>
      <c r="BM1750" s="11">
        <v>-2.5</v>
      </c>
      <c r="BN1750" s="13">
        <v>-0.10869565217391304</v>
      </c>
      <c r="BO1750" s="11">
        <v>-3.5</v>
      </c>
      <c r="BP1750" s="13">
        <v>-0.14583333333333334</v>
      </c>
      <c r="BQ1750" s="6">
        <v>24</v>
      </c>
      <c r="BR1750" s="6">
        <v>25</v>
      </c>
      <c r="BS1750" s="6">
        <v>23</v>
      </c>
      <c r="BT1750" s="6">
        <v>24</v>
      </c>
      <c r="BU1750" s="6">
        <v>24</v>
      </c>
      <c r="BV1750" s="6">
        <v>22</v>
      </c>
      <c r="BW1750" s="6">
        <v>23</v>
      </c>
      <c r="BX1750" s="6">
        <v>22</v>
      </c>
      <c r="BY1750" s="6">
        <v>24</v>
      </c>
      <c r="BZ1750" s="6">
        <v>20</v>
      </c>
      <c r="CA1750" s="6">
        <v>20</v>
      </c>
      <c r="CB1750" s="6">
        <v>20</v>
      </c>
      <c r="CC1750" s="11">
        <v>20.5</v>
      </c>
      <c r="CD1750" s="11">
        <v>-243.99799999999999</v>
      </c>
      <c r="CE1750" s="11">
        <v>-269.589</v>
      </c>
      <c r="CF1750" s="11">
        <v>83.487799999999993</v>
      </c>
      <c r="CG1750" s="11">
        <v>-187</v>
      </c>
      <c r="CH1750" s="20">
        <v>0.88371299999999997</v>
      </c>
      <c r="CI1750" s="20">
        <v>0.922431</v>
      </c>
      <c r="CJ1750" s="20">
        <v>0.90477300000000005</v>
      </c>
      <c r="CK1750" s="20">
        <v>0.88692800000000005</v>
      </c>
      <c r="CL1750" s="20">
        <v>0.88266</v>
      </c>
      <c r="CM1750" s="20">
        <v>0.87817999999999996</v>
      </c>
      <c r="CN1750" s="20">
        <v>0.85989499999999996</v>
      </c>
      <c r="CO1750" s="20">
        <v>0.929257</v>
      </c>
      <c r="CP1750" s="20">
        <v>0.77236899999999997</v>
      </c>
      <c r="CQ1750" s="20">
        <v>0.645509</v>
      </c>
      <c r="CR1750" s="20">
        <v>0.59963</v>
      </c>
      <c r="CS1750" s="20">
        <v>0.513212</v>
      </c>
      <c r="CT1750" s="20">
        <v>0.49571700000000002</v>
      </c>
      <c r="CU1750" s="20">
        <v>0.51476200000000005</v>
      </c>
      <c r="CV1750" s="20">
        <v>0.53246199999999999</v>
      </c>
      <c r="CW1750" s="20">
        <v>0.55287299999999995</v>
      </c>
      <c r="CX1750" s="20">
        <v>0.551423</v>
      </c>
      <c r="CY1750" s="6" t="s">
        <v>647</v>
      </c>
      <c r="CZ1750" s="6" t="s">
        <v>648</v>
      </c>
      <c r="DA1750" s="6" t="s">
        <v>161</v>
      </c>
      <c r="DB1750" s="6"/>
      <c r="DC1750" s="6"/>
      <c r="DD1750" s="6"/>
      <c r="DE1750" s="6"/>
      <c r="DF1750" s="6"/>
      <c r="DG1750" s="6"/>
      <c r="DH1750" s="6" t="s">
        <v>333</v>
      </c>
      <c r="DI1750" s="6"/>
      <c r="DJ1750" s="6"/>
      <c r="DK1750" s="6"/>
      <c r="DL1750" s="6">
        <v>4</v>
      </c>
      <c r="DM1750" s="6" t="s">
        <v>446</v>
      </c>
      <c r="DN1750" s="6">
        <v>6</v>
      </c>
      <c r="DO1750" s="6" t="s">
        <v>393</v>
      </c>
      <c r="DP1750" s="6"/>
      <c r="DQ1750" s="6"/>
    </row>
    <row r="1751" spans="1:121" x14ac:dyDescent="0.2">
      <c r="A1751" s="6" t="s">
        <v>313</v>
      </c>
      <c r="B1751" s="6" t="s">
        <v>313</v>
      </c>
      <c r="C1751" s="6" t="s">
        <v>178</v>
      </c>
      <c r="D1751" s="6" t="s">
        <v>161</v>
      </c>
      <c r="E1751" s="6" t="s">
        <v>300</v>
      </c>
      <c r="F1751" s="11">
        <v>90</v>
      </c>
      <c r="G1751" s="13">
        <v>0.252100840336</v>
      </c>
      <c r="H1751" s="11">
        <v>50.465388194000013</v>
      </c>
      <c r="I1751" s="13">
        <v>0.14133591954924163</v>
      </c>
      <c r="J1751" s="11">
        <v>-77.135479102000033</v>
      </c>
      <c r="K1751" s="13">
        <v>-0.18927777691019049</v>
      </c>
      <c r="L1751" s="11">
        <v>116.50608207300002</v>
      </c>
      <c r="M1751" s="13">
        <v>0.35263219877846769</v>
      </c>
      <c r="N1751" s="11">
        <v>39.370602970999983</v>
      </c>
      <c r="O1751" s="13">
        <v>9.6608983216536437E-2</v>
      </c>
      <c r="P1751" s="7">
        <v>357.05989217000001</v>
      </c>
      <c r="Q1751" s="7">
        <v>369.37478260099999</v>
      </c>
      <c r="R1751" s="7">
        <v>317.48072610499997</v>
      </c>
      <c r="S1751" s="7">
        <v>375.97290197299998</v>
      </c>
      <c r="T1751" s="7">
        <v>377.91277206199999</v>
      </c>
      <c r="U1751" s="7">
        <v>405.40612261000001</v>
      </c>
      <c r="V1751" s="7">
        <v>407.52528036400003</v>
      </c>
      <c r="W1751" s="7">
        <v>375.18756114000001</v>
      </c>
      <c r="X1751" s="7">
        <v>332.81614508899997</v>
      </c>
      <c r="Y1751" s="7">
        <v>330.38980126199999</v>
      </c>
      <c r="Z1751" s="7">
        <v>390.527962645</v>
      </c>
      <c r="AA1751" s="7">
        <v>402.90956255899999</v>
      </c>
      <c r="AB1751" s="7">
        <v>421.61857374700003</v>
      </c>
      <c r="AC1751" s="7">
        <v>442.50712169000002</v>
      </c>
      <c r="AD1751" s="7">
        <v>434.11743175100003</v>
      </c>
      <c r="AE1751" s="7">
        <v>425.94496793600001</v>
      </c>
      <c r="AF1751" s="7">
        <v>446.89588333500001</v>
      </c>
      <c r="AG1751" s="9">
        <v>26140.0245665</v>
      </c>
      <c r="AH1751" s="13">
        <v>1.1778497723488719</v>
      </c>
      <c r="AI1751" s="9">
        <v>12874.503523199997</v>
      </c>
      <c r="AJ1751" s="13">
        <v>0.58011540904746262</v>
      </c>
      <c r="AK1751" s="9">
        <v>5956.7602843000059</v>
      </c>
      <c r="AL1751" s="13">
        <v>0.16986551727207416</v>
      </c>
      <c r="AM1751" s="9">
        <v>7308.7607589999971</v>
      </c>
      <c r="AN1751" s="13">
        <v>0.17815700733209996</v>
      </c>
      <c r="AO1751" s="9">
        <v>13265.521043300003</v>
      </c>
      <c r="AP1751" s="13">
        <v>0.37828525681028602</v>
      </c>
      <c r="AQ1751" s="9">
        <v>22193.003878899999</v>
      </c>
      <c r="AR1751" s="9">
        <v>23192.516955499999</v>
      </c>
      <c r="AS1751" s="9">
        <v>28717.769536200001</v>
      </c>
      <c r="AT1751" s="9">
        <v>30721.162293500001</v>
      </c>
      <c r="AU1751" s="9">
        <v>31380.478311399998</v>
      </c>
      <c r="AV1751" s="9">
        <v>33451.810967199999</v>
      </c>
      <c r="AW1751" s="9">
        <v>35067.507402099996</v>
      </c>
      <c r="AX1751" s="9">
        <v>33452.127425300001</v>
      </c>
      <c r="AY1751" s="9">
        <v>36671.917307399999</v>
      </c>
      <c r="AZ1751" s="9">
        <v>41024.267686400002</v>
      </c>
      <c r="BA1751" s="9">
        <v>42101.238206299997</v>
      </c>
      <c r="BB1751" s="9">
        <v>40573.3274437</v>
      </c>
      <c r="BC1751" s="9">
        <v>41353.094315200004</v>
      </c>
      <c r="BD1751" s="9">
        <v>42708.542936899998</v>
      </c>
      <c r="BE1751" s="9">
        <v>47713.0153679</v>
      </c>
      <c r="BF1751" s="9">
        <v>48333.028445399999</v>
      </c>
      <c r="BG1751" s="11">
        <v>-5.25</v>
      </c>
      <c r="BH1751" s="13">
        <v>-0.15441176470588236</v>
      </c>
      <c r="BI1751" s="6">
        <v>2</v>
      </c>
      <c r="BJ1751" s="13">
        <v>5.8823529411764705E-2</v>
      </c>
      <c r="BK1751" s="6">
        <v>-6</v>
      </c>
      <c r="BL1751" s="13">
        <v>-0.16666666666666666</v>
      </c>
      <c r="BM1751" s="11">
        <v>-1.25</v>
      </c>
      <c r="BN1751" s="13">
        <v>-4.1666666666666664E-2</v>
      </c>
      <c r="BO1751" s="11">
        <v>-7.25</v>
      </c>
      <c r="BP1751" s="13">
        <v>-0.2013888888888889</v>
      </c>
      <c r="BQ1751" s="6">
        <v>34</v>
      </c>
      <c r="BR1751" s="6">
        <v>33</v>
      </c>
      <c r="BS1751" s="6">
        <v>35</v>
      </c>
      <c r="BT1751" s="6">
        <v>36</v>
      </c>
      <c r="BU1751" s="6">
        <v>35</v>
      </c>
      <c r="BV1751" s="6">
        <v>30</v>
      </c>
      <c r="BW1751" s="6">
        <v>30</v>
      </c>
      <c r="BX1751" s="6">
        <v>30</v>
      </c>
      <c r="BY1751" s="6">
        <v>30</v>
      </c>
      <c r="BZ1751" s="6">
        <v>30</v>
      </c>
      <c r="CA1751" s="6">
        <v>32</v>
      </c>
      <c r="CB1751" s="6">
        <v>31</v>
      </c>
      <c r="CC1751" s="11">
        <v>28.75</v>
      </c>
      <c r="CD1751" s="11">
        <v>80.000900000000001</v>
      </c>
      <c r="CE1751" s="11">
        <v>-29.195900000000002</v>
      </c>
      <c r="CF1751" s="11">
        <v>39.030900000000003</v>
      </c>
      <c r="CG1751" s="11">
        <v>10</v>
      </c>
      <c r="CH1751" s="20">
        <v>1.16025</v>
      </c>
      <c r="CI1751" s="20">
        <v>1.2808600000000001</v>
      </c>
      <c r="CJ1751" s="20">
        <v>1.07351</v>
      </c>
      <c r="CK1751" s="20">
        <v>1.24936</v>
      </c>
      <c r="CL1751" s="20">
        <v>1.2554799999999999</v>
      </c>
      <c r="CM1751" s="20">
        <v>1.3227800000000001</v>
      </c>
      <c r="CN1751" s="20">
        <v>1.34463</v>
      </c>
      <c r="CO1751" s="20">
        <v>1.2337100000000001</v>
      </c>
      <c r="CP1751" s="20">
        <v>1.1288100000000001</v>
      </c>
      <c r="CQ1751" s="20">
        <v>1.15449</v>
      </c>
      <c r="CR1751" s="20">
        <v>1.3622300000000001</v>
      </c>
      <c r="CS1751" s="20">
        <v>1.3810899999999999</v>
      </c>
      <c r="CT1751" s="20">
        <v>1.4532099999999999</v>
      </c>
      <c r="CU1751" s="20">
        <v>1.51118</v>
      </c>
      <c r="CV1751" s="20">
        <v>1.4941</v>
      </c>
      <c r="CW1751" s="20">
        <v>1.4845900000000001</v>
      </c>
      <c r="CX1751" s="20">
        <v>1.52671</v>
      </c>
      <c r="CY1751" s="6" t="s">
        <v>647</v>
      </c>
      <c r="CZ1751" s="6" t="s">
        <v>648</v>
      </c>
      <c r="DA1751" s="6" t="s">
        <v>161</v>
      </c>
      <c r="DB1751" s="6"/>
      <c r="DC1751" s="6"/>
      <c r="DD1751" s="6"/>
      <c r="DE1751" s="6"/>
      <c r="DF1751" s="6"/>
      <c r="DG1751" s="6"/>
      <c r="DH1751" s="6" t="s">
        <v>333</v>
      </c>
      <c r="DI1751" s="6"/>
      <c r="DJ1751" s="6"/>
      <c r="DK1751" s="6"/>
      <c r="DL1751" s="6">
        <v>4</v>
      </c>
      <c r="DM1751" s="6" t="s">
        <v>446</v>
      </c>
      <c r="DN1751" s="6">
        <v>6</v>
      </c>
      <c r="DO1751" s="6" t="s">
        <v>393</v>
      </c>
      <c r="DP1751" s="6"/>
      <c r="DQ1751" s="6"/>
    </row>
    <row r="1752" spans="1:121" x14ac:dyDescent="0.2">
      <c r="A1752" s="6" t="s">
        <v>793</v>
      </c>
      <c r="B1752" s="6" t="s">
        <v>179</v>
      </c>
      <c r="C1752" s="6" t="s">
        <v>180</v>
      </c>
      <c r="D1752" s="6" t="s">
        <v>161</v>
      </c>
      <c r="E1752" s="6" t="s">
        <v>300</v>
      </c>
      <c r="F1752" s="11">
        <v>594</v>
      </c>
      <c r="G1752" s="13">
        <v>0.83</v>
      </c>
      <c r="H1752" s="11">
        <v>275</v>
      </c>
      <c r="I1752" s="13">
        <v>0.38461538461538464</v>
      </c>
      <c r="J1752" s="11">
        <v>159</v>
      </c>
      <c r="K1752" s="13">
        <v>0.16060606060606061</v>
      </c>
      <c r="L1752" s="11">
        <v>160</v>
      </c>
      <c r="M1752" s="13">
        <v>0.1392515230635335</v>
      </c>
      <c r="N1752" s="11">
        <v>319</v>
      </c>
      <c r="O1752" s="13">
        <v>0.32222222222222224</v>
      </c>
      <c r="P1752" s="7">
        <v>715</v>
      </c>
      <c r="Q1752" s="7">
        <v>778</v>
      </c>
      <c r="R1752" s="7">
        <v>824</v>
      </c>
      <c r="S1752" s="7">
        <v>841</v>
      </c>
      <c r="T1752" s="7">
        <v>880</v>
      </c>
      <c r="U1752" s="7">
        <v>956</v>
      </c>
      <c r="V1752" s="7">
        <v>990</v>
      </c>
      <c r="W1752" s="7">
        <v>1034</v>
      </c>
      <c r="X1752" s="7">
        <v>1110</v>
      </c>
      <c r="Y1752" s="7">
        <v>1149</v>
      </c>
      <c r="Z1752" s="7">
        <v>1132</v>
      </c>
      <c r="AA1752" s="7">
        <v>1173</v>
      </c>
      <c r="AB1752" s="7">
        <v>1138</v>
      </c>
      <c r="AC1752" s="7">
        <v>1176</v>
      </c>
      <c r="AD1752" s="7">
        <v>1222</v>
      </c>
      <c r="AE1752" s="7">
        <v>1211</v>
      </c>
      <c r="AF1752" s="7">
        <v>1309</v>
      </c>
      <c r="AG1752" s="9">
        <v>12207</v>
      </c>
      <c r="AH1752" s="13">
        <v>0.64799872597940333</v>
      </c>
      <c r="AI1752" s="9">
        <v>7623</v>
      </c>
      <c r="AJ1752" s="13">
        <v>0.40466079201613758</v>
      </c>
      <c r="AK1752" s="9">
        <v>912</v>
      </c>
      <c r="AL1752" s="13">
        <v>3.4465817618381772E-2</v>
      </c>
      <c r="AM1752" s="9">
        <v>3672</v>
      </c>
      <c r="AN1752" s="13">
        <v>0.13414678697987067</v>
      </c>
      <c r="AO1752" s="9">
        <v>4584</v>
      </c>
      <c r="AP1752" s="13">
        <v>0.17323608329239257</v>
      </c>
      <c r="AQ1752" s="9">
        <v>18838</v>
      </c>
      <c r="AR1752" s="9">
        <v>20207</v>
      </c>
      <c r="AS1752" s="9">
        <v>21177</v>
      </c>
      <c r="AT1752" s="9">
        <v>21721</v>
      </c>
      <c r="AU1752" s="9">
        <v>22580</v>
      </c>
      <c r="AV1752" s="9">
        <v>24488</v>
      </c>
      <c r="AW1752" s="9">
        <v>26461</v>
      </c>
      <c r="AX1752" s="9">
        <v>27846</v>
      </c>
      <c r="AY1752" s="9">
        <v>27631</v>
      </c>
      <c r="AZ1752" s="9">
        <v>27373</v>
      </c>
      <c r="BA1752" s="9">
        <v>28196</v>
      </c>
      <c r="BB1752" s="9">
        <v>29163</v>
      </c>
      <c r="BC1752" s="9">
        <v>29222</v>
      </c>
      <c r="BD1752" s="9">
        <v>28805</v>
      </c>
      <c r="BE1752" s="9">
        <v>30402</v>
      </c>
      <c r="BF1752" s="9">
        <v>31045</v>
      </c>
      <c r="BG1752" s="11">
        <v>-16</v>
      </c>
      <c r="BH1752" s="13">
        <v>-0.19277108433734941</v>
      </c>
      <c r="BI1752" s="6">
        <v>-7</v>
      </c>
      <c r="BJ1752" s="13">
        <v>-8.4337349397590355E-2</v>
      </c>
      <c r="BK1752" s="6">
        <v>-6</v>
      </c>
      <c r="BL1752" s="13">
        <v>-7.8947368421052627E-2</v>
      </c>
      <c r="BM1752" s="11">
        <v>-3</v>
      </c>
      <c r="BN1752" s="13">
        <v>-4.2857142857142858E-2</v>
      </c>
      <c r="BO1752" s="11">
        <v>-9</v>
      </c>
      <c r="BP1752" s="13">
        <v>-0.11842105263157894</v>
      </c>
      <c r="BQ1752" s="6">
        <v>83</v>
      </c>
      <c r="BR1752" s="6">
        <v>81</v>
      </c>
      <c r="BS1752" s="6">
        <v>83</v>
      </c>
      <c r="BT1752" s="6">
        <v>76</v>
      </c>
      <c r="BU1752" s="6">
        <v>72</v>
      </c>
      <c r="BV1752" s="6">
        <v>70</v>
      </c>
      <c r="BW1752" s="6">
        <v>70</v>
      </c>
      <c r="BX1752" s="6">
        <v>70</v>
      </c>
      <c r="BY1752" s="6">
        <v>70</v>
      </c>
      <c r="BZ1752" s="6">
        <v>72</v>
      </c>
      <c r="CA1752" s="6">
        <v>72</v>
      </c>
      <c r="CB1752" s="6">
        <v>68</v>
      </c>
      <c r="CC1752" s="11">
        <v>67</v>
      </c>
      <c r="CD1752" s="11">
        <v>562</v>
      </c>
      <c r="CE1752" s="11">
        <v>-46</v>
      </c>
      <c r="CF1752" s="11">
        <v>78</v>
      </c>
      <c r="CG1752" s="11">
        <v>32</v>
      </c>
      <c r="CH1752" s="20">
        <v>0.87</v>
      </c>
      <c r="CI1752" s="20">
        <v>0.99</v>
      </c>
      <c r="CJ1752" s="20">
        <v>1.03</v>
      </c>
      <c r="CK1752" s="20">
        <v>1.03</v>
      </c>
      <c r="CL1752" s="20">
        <v>1.08</v>
      </c>
      <c r="CM1752" s="20">
        <v>1.17</v>
      </c>
      <c r="CN1752" s="20">
        <v>1.24</v>
      </c>
      <c r="CO1752" s="20">
        <v>1.3</v>
      </c>
      <c r="CP1752" s="20">
        <v>1.42</v>
      </c>
      <c r="CQ1752" s="20">
        <v>1.49</v>
      </c>
      <c r="CR1752" s="20">
        <v>1.47</v>
      </c>
      <c r="CS1752" s="20">
        <v>1.51</v>
      </c>
      <c r="CT1752" s="20">
        <v>1.47</v>
      </c>
      <c r="CU1752" s="20">
        <v>1.5</v>
      </c>
      <c r="CV1752" s="20">
        <v>1.55</v>
      </c>
      <c r="CW1752" s="20">
        <v>1.54</v>
      </c>
      <c r="CX1752" s="20">
        <v>1.64</v>
      </c>
      <c r="CY1752" s="6" t="s">
        <v>647</v>
      </c>
      <c r="CZ1752" s="6" t="s">
        <v>648</v>
      </c>
      <c r="DA1752" s="6" t="s">
        <v>161</v>
      </c>
      <c r="DB1752" s="6"/>
      <c r="DC1752" s="6"/>
      <c r="DD1752" s="6"/>
      <c r="DE1752" s="6"/>
      <c r="DF1752" s="6"/>
      <c r="DG1752" s="6"/>
      <c r="DH1752" s="6" t="s">
        <v>333</v>
      </c>
      <c r="DI1752" s="6"/>
      <c r="DJ1752" s="6"/>
      <c r="DK1752" s="6"/>
      <c r="DL1752" s="6">
        <v>4</v>
      </c>
      <c r="DM1752" s="6" t="s">
        <v>446</v>
      </c>
      <c r="DN1752" s="6">
        <v>6</v>
      </c>
      <c r="DO1752" s="6" t="s">
        <v>393</v>
      </c>
      <c r="DP1752" s="6"/>
      <c r="DQ1752" s="6"/>
    </row>
    <row r="1753" spans="1:121" x14ac:dyDescent="0.2">
      <c r="A1753" s="6" t="s">
        <v>794</v>
      </c>
      <c r="B1753" s="6" t="s">
        <v>181</v>
      </c>
      <c r="C1753" s="6" t="s">
        <v>182</v>
      </c>
      <c r="D1753" s="6" t="s">
        <v>161</v>
      </c>
      <c r="E1753" s="6" t="s">
        <v>300</v>
      </c>
      <c r="F1753" s="11">
        <v>14</v>
      </c>
      <c r="G1753" s="13">
        <v>8.97435897436E-2</v>
      </c>
      <c r="H1753" s="11">
        <v>-4.3013907790000019</v>
      </c>
      <c r="I1753" s="13">
        <v>-2.7585458402096495E-2</v>
      </c>
      <c r="J1753" s="11">
        <v>10.035844348000012</v>
      </c>
      <c r="K1753" s="13">
        <v>6.6187164759699393E-2</v>
      </c>
      <c r="L1753" s="11">
        <v>8.685862869999994</v>
      </c>
      <c r="M1753" s="13">
        <v>5.3727839778570104E-2</v>
      </c>
      <c r="N1753" s="11">
        <v>18.721707218000006</v>
      </c>
      <c r="O1753" s="13">
        <v>0.12347109792187644</v>
      </c>
      <c r="P1753" s="7">
        <v>155.929646566</v>
      </c>
      <c r="Q1753" s="7">
        <v>141.66664824099999</v>
      </c>
      <c r="R1753" s="7">
        <v>128.87836214500001</v>
      </c>
      <c r="S1753" s="7">
        <v>119.308403676</v>
      </c>
      <c r="T1753" s="7">
        <v>131.65532839299999</v>
      </c>
      <c r="U1753" s="7">
        <v>150.453652084</v>
      </c>
      <c r="V1753" s="7">
        <v>151.628255787</v>
      </c>
      <c r="W1753" s="7">
        <v>151.566467902</v>
      </c>
      <c r="X1753" s="7">
        <v>163.362184762</v>
      </c>
      <c r="Y1753" s="7">
        <v>161.66410013500001</v>
      </c>
      <c r="Z1753" s="7">
        <v>173.96278855700001</v>
      </c>
      <c r="AA1753" s="7">
        <v>177.03154873700001</v>
      </c>
      <c r="AB1753" s="7">
        <v>160.51584121499999</v>
      </c>
      <c r="AC1753" s="7">
        <v>158.87730180899999</v>
      </c>
      <c r="AD1753" s="7">
        <v>161.285820008</v>
      </c>
      <c r="AE1753" s="7">
        <v>164.88338451000001</v>
      </c>
      <c r="AF1753" s="7">
        <v>170.34996300500001</v>
      </c>
      <c r="AG1753" s="9">
        <v>15196.210851799995</v>
      </c>
      <c r="AH1753" s="13">
        <v>0.35946302335354441</v>
      </c>
      <c r="AI1753" s="9">
        <v>4707.1842004999999</v>
      </c>
      <c r="AJ1753" s="13">
        <v>0.11134740631697287</v>
      </c>
      <c r="AK1753" s="9">
        <v>-1009.008528600003</v>
      </c>
      <c r="AL1753" s="13">
        <v>-2.1476519896640567E-2</v>
      </c>
      <c r="AM1753" s="9">
        <v>11498.035179899998</v>
      </c>
      <c r="AN1753" s="13">
        <v>0.2501044698395064</v>
      </c>
      <c r="AO1753" s="9">
        <v>10489.026651299995</v>
      </c>
      <c r="AP1753" s="13">
        <v>0.22325657632011897</v>
      </c>
      <c r="AQ1753" s="9">
        <v>42274.753909400002</v>
      </c>
      <c r="AR1753" s="9">
        <v>39748.3067257</v>
      </c>
      <c r="AS1753" s="9">
        <v>38486.7240772</v>
      </c>
      <c r="AT1753" s="9">
        <v>41771.3339108</v>
      </c>
      <c r="AU1753" s="9">
        <v>42329.800304700002</v>
      </c>
      <c r="AV1753" s="9">
        <v>40187.319969299999</v>
      </c>
      <c r="AW1753" s="9">
        <v>46981.938109900002</v>
      </c>
      <c r="AX1753" s="9">
        <v>52979.611860199999</v>
      </c>
      <c r="AY1753" s="9">
        <v>45770.317221800004</v>
      </c>
      <c r="AZ1753" s="9">
        <v>45972.929581299999</v>
      </c>
      <c r="BA1753" s="9">
        <v>49249.864524800003</v>
      </c>
      <c r="BB1753" s="9">
        <v>55864.8390516</v>
      </c>
      <c r="BC1753" s="9">
        <v>54419.107861999997</v>
      </c>
      <c r="BD1753" s="9">
        <v>53938.298503600003</v>
      </c>
      <c r="BE1753" s="9">
        <v>58894.203694299998</v>
      </c>
      <c r="BF1753" s="9">
        <v>57470.964761199997</v>
      </c>
      <c r="BG1753" s="11">
        <v>-0.25</v>
      </c>
      <c r="BH1753" s="13">
        <v>-1.6666666666666666E-2</v>
      </c>
      <c r="BI1753" s="6">
        <v>0</v>
      </c>
      <c r="BJ1753" s="13">
        <v>0</v>
      </c>
      <c r="BK1753" s="6">
        <v>-4</v>
      </c>
      <c r="BL1753" s="13">
        <v>-0.26666666666666666</v>
      </c>
      <c r="BM1753" s="11">
        <v>3.75</v>
      </c>
      <c r="BN1753" s="13">
        <v>0.34090909090909088</v>
      </c>
      <c r="BO1753" s="11">
        <v>-0.25</v>
      </c>
      <c r="BP1753" s="13">
        <v>-1.6666666666666666E-2</v>
      </c>
      <c r="BQ1753" s="6">
        <v>15</v>
      </c>
      <c r="BR1753" s="6">
        <v>15</v>
      </c>
      <c r="BS1753" s="6">
        <v>15</v>
      </c>
      <c r="BT1753" s="6">
        <v>15</v>
      </c>
      <c r="BU1753" s="6">
        <v>11</v>
      </c>
      <c r="BV1753" s="6">
        <v>11</v>
      </c>
      <c r="BW1753" s="6">
        <v>11</v>
      </c>
      <c r="BX1753" s="6">
        <v>13</v>
      </c>
      <c r="BY1753" s="6">
        <v>15</v>
      </c>
      <c r="BZ1753" s="6">
        <v>15</v>
      </c>
      <c r="CA1753" s="6">
        <v>15</v>
      </c>
      <c r="CB1753" s="6">
        <v>15</v>
      </c>
      <c r="CC1753" s="11">
        <v>14.75</v>
      </c>
      <c r="CD1753" s="11">
        <v>-12.452999999999999</v>
      </c>
      <c r="CE1753" s="11">
        <v>9.8283100000000001</v>
      </c>
      <c r="CF1753" s="11">
        <v>17.045000000000002</v>
      </c>
      <c r="CG1753" s="11">
        <v>27</v>
      </c>
      <c r="CH1753" s="20">
        <v>0.64007400000000003</v>
      </c>
      <c r="CI1753" s="20">
        <v>0.62583900000000003</v>
      </c>
      <c r="CJ1753" s="20">
        <v>0.55634300000000003</v>
      </c>
      <c r="CK1753" s="20">
        <v>0.50127299999999997</v>
      </c>
      <c r="CL1753" s="20">
        <v>0.54968899999999998</v>
      </c>
      <c r="CM1753" s="20">
        <v>0.61519100000000004</v>
      </c>
      <c r="CN1753" s="20">
        <v>0.62561100000000003</v>
      </c>
      <c r="CO1753" s="20">
        <v>0.62329199999999996</v>
      </c>
      <c r="CP1753" s="20">
        <v>0.69091100000000005</v>
      </c>
      <c r="CQ1753" s="20">
        <v>0.70016800000000001</v>
      </c>
      <c r="CR1753" s="20">
        <v>0.74236100000000005</v>
      </c>
      <c r="CS1753" s="20">
        <v>0.73948199999999997</v>
      </c>
      <c r="CT1753" s="20">
        <v>0.67015400000000003</v>
      </c>
      <c r="CU1753" s="20">
        <v>0.642567</v>
      </c>
      <c r="CV1753" s="20">
        <v>0.63488999999999995</v>
      </c>
      <c r="CW1753" s="20">
        <v>0.64049199999999995</v>
      </c>
      <c r="CX1753" s="20">
        <v>0.64436300000000002</v>
      </c>
      <c r="CY1753" s="6" t="s">
        <v>647</v>
      </c>
      <c r="CZ1753" s="6" t="s">
        <v>648</v>
      </c>
      <c r="DA1753" s="6" t="s">
        <v>161</v>
      </c>
      <c r="DB1753" s="6"/>
      <c r="DC1753" s="6"/>
      <c r="DD1753" s="6"/>
      <c r="DE1753" s="6"/>
      <c r="DF1753" s="6"/>
      <c r="DG1753" s="6"/>
      <c r="DH1753" s="6" t="s">
        <v>333</v>
      </c>
      <c r="DI1753" s="6"/>
      <c r="DJ1753" s="6"/>
      <c r="DK1753" s="6"/>
      <c r="DL1753" s="6">
        <v>4</v>
      </c>
      <c r="DM1753" s="6" t="s">
        <v>446</v>
      </c>
      <c r="DN1753" s="6">
        <v>6</v>
      </c>
      <c r="DO1753" s="6" t="s">
        <v>393</v>
      </c>
      <c r="DP1753" s="6"/>
      <c r="DQ1753" s="6"/>
    </row>
    <row r="1754" spans="1:121" x14ac:dyDescent="0.2">
      <c r="A1754" s="6" t="s">
        <v>314</v>
      </c>
      <c r="B1754" s="6" t="s">
        <v>314</v>
      </c>
      <c r="C1754" s="6" t="s">
        <v>183</v>
      </c>
      <c r="D1754" s="6" t="s">
        <v>161</v>
      </c>
      <c r="E1754" s="6" t="s">
        <v>300</v>
      </c>
      <c r="F1754" s="11">
        <v>-14</v>
      </c>
      <c r="G1754" s="13">
        <v>-0.18666666666699999</v>
      </c>
      <c r="H1754" s="11">
        <v>-4.9094557755000068</v>
      </c>
      <c r="I1754" s="13">
        <v>-6.5495106882498683E-2</v>
      </c>
      <c r="J1754" s="11">
        <v>-7.3611287873999913</v>
      </c>
      <c r="K1754" s="13">
        <v>-0.10508442187628722</v>
      </c>
      <c r="L1754" s="11">
        <v>-1.7307361905999983</v>
      </c>
      <c r="M1754" s="13">
        <v>-2.7608494831279085E-2</v>
      </c>
      <c r="N1754" s="11">
        <v>-9.0918649779999896</v>
      </c>
      <c r="O1754" s="13">
        <v>-0.12979169398934687</v>
      </c>
      <c r="P1754" s="7">
        <v>74.9591230427</v>
      </c>
      <c r="Q1754" s="7">
        <v>73.986784</v>
      </c>
      <c r="R1754" s="7">
        <v>67.446958858200006</v>
      </c>
      <c r="S1754" s="7">
        <v>68.151709277199998</v>
      </c>
      <c r="T1754" s="7">
        <v>71.5695024786</v>
      </c>
      <c r="U1754" s="7">
        <v>73.076486616099999</v>
      </c>
      <c r="V1754" s="7">
        <v>70.049667267199993</v>
      </c>
      <c r="W1754" s="7">
        <v>66.343879675799997</v>
      </c>
      <c r="X1754" s="7">
        <v>65.525981000000002</v>
      </c>
      <c r="Y1754" s="7">
        <v>62.688538479800002</v>
      </c>
      <c r="Z1754" s="7">
        <v>61.190220609599997</v>
      </c>
      <c r="AA1754" s="7">
        <v>60.305091603000001</v>
      </c>
      <c r="AB1754" s="7">
        <v>64.054342240599993</v>
      </c>
      <c r="AC1754" s="7">
        <v>63.294682258800002</v>
      </c>
      <c r="AD1754" s="7">
        <v>60.826441201500003</v>
      </c>
      <c r="AE1754" s="7">
        <v>59.439441375500003</v>
      </c>
      <c r="AF1754" s="7">
        <v>60.957802289200004</v>
      </c>
      <c r="AG1754" s="9">
        <v>9279.2588756999976</v>
      </c>
      <c r="AH1754" s="13">
        <v>0.28928475886684735</v>
      </c>
      <c r="AI1754" s="9">
        <v>908.90150480000011</v>
      </c>
      <c r="AJ1754" s="13">
        <v>2.8335382833033423E-2</v>
      </c>
      <c r="AK1754" s="9">
        <v>2976.1662915999987</v>
      </c>
      <c r="AL1754" s="13">
        <v>9.022661751756321E-2</v>
      </c>
      <c r="AM1754" s="9">
        <v>5394.1910792999988</v>
      </c>
      <c r="AN1754" s="13">
        <v>0.14999853882739686</v>
      </c>
      <c r="AO1754" s="9">
        <v>8370.3573708999975</v>
      </c>
      <c r="AP1754" s="13">
        <v>0.25375901713593296</v>
      </c>
      <c r="AQ1754" s="9">
        <v>32076.556373200001</v>
      </c>
      <c r="AR1754" s="9">
        <v>34844.139872899999</v>
      </c>
      <c r="AS1754" s="9">
        <v>33573.054279099997</v>
      </c>
      <c r="AT1754" s="9">
        <v>32767.608919800001</v>
      </c>
      <c r="AU1754" s="9">
        <v>30775.646866399999</v>
      </c>
      <c r="AV1754" s="9">
        <v>31476.0225641</v>
      </c>
      <c r="AW1754" s="9">
        <v>32985.457878000001</v>
      </c>
      <c r="AX1754" s="9">
        <v>34710.625925499997</v>
      </c>
      <c r="AY1754" s="9">
        <v>35425.091662300001</v>
      </c>
      <c r="AZ1754" s="9">
        <v>35961.6241696</v>
      </c>
      <c r="BA1754" s="9">
        <v>35808.280138000002</v>
      </c>
      <c r="BB1754" s="9">
        <v>38155.597467400003</v>
      </c>
      <c r="BC1754" s="9">
        <v>35839.272654599998</v>
      </c>
      <c r="BD1754" s="9">
        <v>38553.843392499999</v>
      </c>
      <c r="BE1754" s="9">
        <v>40892.505468299998</v>
      </c>
      <c r="BF1754" s="9">
        <v>41355.815248899999</v>
      </c>
      <c r="BG1754" s="11">
        <v>-2</v>
      </c>
      <c r="BH1754" s="13">
        <v>-0.25</v>
      </c>
      <c r="BI1754" s="6">
        <v>-1</v>
      </c>
      <c r="BJ1754" s="13">
        <v>-0.125</v>
      </c>
      <c r="BK1754" s="6">
        <v>0</v>
      </c>
      <c r="BL1754" s="13">
        <v>0</v>
      </c>
      <c r="BM1754" s="11">
        <v>-1</v>
      </c>
      <c r="BN1754" s="13">
        <v>-0.14285714285714285</v>
      </c>
      <c r="BO1754" s="11">
        <v>-1</v>
      </c>
      <c r="BP1754" s="13">
        <v>-0.14285714285714285</v>
      </c>
      <c r="BQ1754" s="6">
        <v>8</v>
      </c>
      <c r="BR1754" s="6">
        <v>9</v>
      </c>
      <c r="BS1754" s="6">
        <v>7</v>
      </c>
      <c r="BT1754" s="6">
        <v>7</v>
      </c>
      <c r="BU1754" s="6">
        <v>7</v>
      </c>
      <c r="BV1754" s="6">
        <v>8</v>
      </c>
      <c r="BW1754" s="6">
        <v>7</v>
      </c>
      <c r="BX1754" s="6">
        <v>6</v>
      </c>
      <c r="BY1754" s="6">
        <v>6</v>
      </c>
      <c r="BZ1754" s="6">
        <v>6</v>
      </c>
      <c r="CA1754" s="6">
        <v>7</v>
      </c>
      <c r="CB1754" s="6">
        <v>7</v>
      </c>
      <c r="CC1754" s="11">
        <v>6</v>
      </c>
      <c r="CD1754" s="11">
        <v>0.76400900000000005</v>
      </c>
      <c r="CE1754" s="11">
        <v>-22.959299999999999</v>
      </c>
      <c r="CF1754" s="11">
        <v>8.1939299999999999</v>
      </c>
      <c r="CG1754" s="11">
        <v>-15</v>
      </c>
      <c r="CH1754" s="20">
        <v>0.39073799999999997</v>
      </c>
      <c r="CI1754" s="20">
        <v>0.42676700000000001</v>
      </c>
      <c r="CJ1754" s="20">
        <v>0.396951</v>
      </c>
      <c r="CK1754" s="20">
        <v>0.40689700000000001</v>
      </c>
      <c r="CL1754" s="20">
        <v>0.44073000000000001</v>
      </c>
      <c r="CM1754" s="20">
        <v>0.45384200000000002</v>
      </c>
      <c r="CN1754" s="20">
        <v>0.44903700000000002</v>
      </c>
      <c r="CO1754" s="20">
        <v>0.427564</v>
      </c>
      <c r="CP1754" s="20">
        <v>0.43224899999999999</v>
      </c>
      <c r="CQ1754" s="20">
        <v>0.43437100000000001</v>
      </c>
      <c r="CR1754" s="20">
        <v>0.433307</v>
      </c>
      <c r="CS1754" s="20">
        <v>0.426452</v>
      </c>
      <c r="CT1754" s="20">
        <v>0.45743400000000001</v>
      </c>
      <c r="CU1754" s="20">
        <v>0.44727099999999997</v>
      </c>
      <c r="CV1754" s="20">
        <v>0.43363000000000002</v>
      </c>
      <c r="CW1754" s="20">
        <v>0.42271199999999998</v>
      </c>
      <c r="CX1754" s="20">
        <v>0.42747000000000002</v>
      </c>
      <c r="CY1754" s="6" t="s">
        <v>647</v>
      </c>
      <c r="CZ1754" s="6" t="s">
        <v>648</v>
      </c>
      <c r="DA1754" s="6" t="s">
        <v>161</v>
      </c>
      <c r="DB1754" s="6"/>
      <c r="DC1754" s="6"/>
      <c r="DD1754" s="6"/>
      <c r="DE1754" s="6"/>
      <c r="DF1754" s="6"/>
      <c r="DG1754" s="6"/>
      <c r="DH1754" s="6" t="s">
        <v>333</v>
      </c>
      <c r="DI1754" s="6"/>
      <c r="DJ1754" s="6"/>
      <c r="DK1754" s="6"/>
      <c r="DL1754" s="6">
        <v>4</v>
      </c>
      <c r="DM1754" s="6" t="s">
        <v>446</v>
      </c>
      <c r="DN1754" s="6">
        <v>6</v>
      </c>
      <c r="DO1754" s="6" t="s">
        <v>393</v>
      </c>
      <c r="DP1754" s="6"/>
      <c r="DQ1754" s="6"/>
    </row>
    <row r="1755" spans="1:121" x14ac:dyDescent="0.2">
      <c r="A1755" s="6" t="s">
        <v>315</v>
      </c>
      <c r="B1755" s="6" t="s">
        <v>315</v>
      </c>
      <c r="C1755" s="6" t="s">
        <v>184</v>
      </c>
      <c r="D1755" s="6" t="s">
        <v>161</v>
      </c>
      <c r="E1755" s="6" t="s">
        <v>300</v>
      </c>
      <c r="F1755" s="11">
        <v>-15</v>
      </c>
      <c r="G1755" s="13">
        <v>-0.08</v>
      </c>
      <c r="H1755" s="11">
        <v>16</v>
      </c>
      <c r="I1755" s="13">
        <v>8.7431693989071038E-2</v>
      </c>
      <c r="J1755" s="11">
        <v>-13</v>
      </c>
      <c r="K1755" s="13">
        <v>-6.5326633165829151E-2</v>
      </c>
      <c r="L1755" s="11">
        <v>-18</v>
      </c>
      <c r="M1755" s="13">
        <v>-9.6774193548387094E-2</v>
      </c>
      <c r="N1755" s="11">
        <v>-31</v>
      </c>
      <c r="O1755" s="13">
        <v>-0.15577889447236182</v>
      </c>
      <c r="P1755" s="7">
        <v>183</v>
      </c>
      <c r="Q1755" s="7">
        <v>182</v>
      </c>
      <c r="R1755" s="7">
        <v>187</v>
      </c>
      <c r="S1755" s="7">
        <v>186</v>
      </c>
      <c r="T1755" s="7">
        <v>190</v>
      </c>
      <c r="U1755" s="7">
        <v>197</v>
      </c>
      <c r="V1755" s="7">
        <v>199</v>
      </c>
      <c r="W1755" s="7">
        <v>197</v>
      </c>
      <c r="X1755" s="7">
        <v>185</v>
      </c>
      <c r="Y1755" s="7">
        <v>186</v>
      </c>
      <c r="Z1755" s="7">
        <v>180</v>
      </c>
      <c r="AA1755" s="7">
        <v>180</v>
      </c>
      <c r="AB1755" s="7">
        <v>186</v>
      </c>
      <c r="AC1755" s="7">
        <v>183</v>
      </c>
      <c r="AD1755" s="7">
        <v>170</v>
      </c>
      <c r="AE1755" s="7">
        <v>169</v>
      </c>
      <c r="AF1755" s="7">
        <v>168</v>
      </c>
      <c r="AG1755" s="9">
        <v>12099</v>
      </c>
      <c r="AH1755" s="13">
        <v>0.34413220319699639</v>
      </c>
      <c r="AI1755" s="9">
        <v>3719</v>
      </c>
      <c r="AJ1755" s="13">
        <v>0.10577962341430117</v>
      </c>
      <c r="AK1755" s="9">
        <v>1175</v>
      </c>
      <c r="AL1755" s="13">
        <v>3.0223525477788924E-2</v>
      </c>
      <c r="AM1755" s="9">
        <v>7205</v>
      </c>
      <c r="AN1755" s="13">
        <v>0.17989114151602917</v>
      </c>
      <c r="AO1755" s="9">
        <v>8380</v>
      </c>
      <c r="AP1755" s="13">
        <v>0.21555161149265631</v>
      </c>
      <c r="AQ1755" s="9">
        <v>35158</v>
      </c>
      <c r="AR1755" s="9">
        <v>33976</v>
      </c>
      <c r="AS1755" s="9">
        <v>35153</v>
      </c>
      <c r="AT1755" s="9">
        <v>36411</v>
      </c>
      <c r="AU1755" s="9">
        <v>37563</v>
      </c>
      <c r="AV1755" s="9">
        <v>38003</v>
      </c>
      <c r="AW1755" s="9">
        <v>38877</v>
      </c>
      <c r="AX1755" s="9">
        <v>39413</v>
      </c>
      <c r="AY1755" s="9">
        <v>39722</v>
      </c>
      <c r="AZ1755" s="9">
        <v>40052</v>
      </c>
      <c r="BA1755" s="9">
        <v>39492</v>
      </c>
      <c r="BB1755" s="9">
        <v>40502</v>
      </c>
      <c r="BC1755" s="9">
        <v>41249</v>
      </c>
      <c r="BD1755" s="9">
        <v>42886</v>
      </c>
      <c r="BE1755" s="9">
        <v>45840</v>
      </c>
      <c r="BF1755" s="9">
        <v>47257</v>
      </c>
      <c r="BG1755" s="11">
        <v>2</v>
      </c>
      <c r="BH1755" s="13">
        <v>7.407407407407407E-2</v>
      </c>
      <c r="BI1755" s="6">
        <v>2</v>
      </c>
      <c r="BJ1755" s="13">
        <v>7.407407407407407E-2</v>
      </c>
      <c r="BK1755" s="6">
        <v>1</v>
      </c>
      <c r="BL1755" s="13">
        <v>3.4482758620689655E-2</v>
      </c>
      <c r="BM1755" s="11">
        <v>-1</v>
      </c>
      <c r="BN1755" s="13">
        <v>-3.3333333333333333E-2</v>
      </c>
      <c r="BO1755" s="11">
        <v>0</v>
      </c>
      <c r="BP1755" s="13">
        <v>0</v>
      </c>
      <c r="BQ1755" s="6">
        <v>27</v>
      </c>
      <c r="BR1755" s="6">
        <v>26</v>
      </c>
      <c r="BS1755" s="6">
        <v>26</v>
      </c>
      <c r="BT1755" s="6">
        <v>29</v>
      </c>
      <c r="BU1755" s="6">
        <v>28</v>
      </c>
      <c r="BV1755" s="6">
        <v>30</v>
      </c>
      <c r="BW1755" s="6">
        <v>30</v>
      </c>
      <c r="BX1755" s="6">
        <v>30</v>
      </c>
      <c r="BY1755" s="6">
        <v>30</v>
      </c>
      <c r="BZ1755" s="6">
        <v>30</v>
      </c>
      <c r="CA1755" s="6">
        <v>30</v>
      </c>
      <c r="CB1755" s="6">
        <v>29</v>
      </c>
      <c r="CC1755" s="11">
        <v>29</v>
      </c>
      <c r="CD1755" s="11">
        <v>-21</v>
      </c>
      <c r="CE1755" s="11">
        <v>-15</v>
      </c>
      <c r="CF1755" s="11">
        <v>20</v>
      </c>
      <c r="CG1755" s="11">
        <v>5</v>
      </c>
      <c r="CH1755" s="20">
        <v>0.59</v>
      </c>
      <c r="CI1755" s="20">
        <v>0.61</v>
      </c>
      <c r="CJ1755" s="20">
        <v>0.6</v>
      </c>
      <c r="CK1755" s="20">
        <v>0.57999999999999996</v>
      </c>
      <c r="CL1755" s="20">
        <v>0.6</v>
      </c>
      <c r="CM1755" s="20">
        <v>0.61</v>
      </c>
      <c r="CN1755" s="20">
        <v>0.64</v>
      </c>
      <c r="CO1755" s="20">
        <v>0.64</v>
      </c>
      <c r="CP1755" s="20">
        <v>0.61</v>
      </c>
      <c r="CQ1755" s="20">
        <v>0.63</v>
      </c>
      <c r="CR1755" s="20">
        <v>0.61</v>
      </c>
      <c r="CS1755" s="20">
        <v>0.61</v>
      </c>
      <c r="CT1755" s="20">
        <v>0.64</v>
      </c>
      <c r="CU1755" s="20">
        <v>0.62</v>
      </c>
      <c r="CV1755" s="20">
        <v>0.57999999999999996</v>
      </c>
      <c r="CW1755" s="20">
        <v>0.57999999999999996</v>
      </c>
      <c r="CX1755" s="20">
        <v>0.56000000000000005</v>
      </c>
      <c r="CY1755" s="6" t="s">
        <v>647</v>
      </c>
      <c r="CZ1755" s="6" t="s">
        <v>648</v>
      </c>
      <c r="DA1755" s="6" t="s">
        <v>161</v>
      </c>
      <c r="DB1755" s="6"/>
      <c r="DC1755" s="6"/>
      <c r="DD1755" s="6"/>
      <c r="DE1755" s="6"/>
      <c r="DF1755" s="6"/>
      <c r="DG1755" s="6"/>
      <c r="DH1755" s="6" t="s">
        <v>333</v>
      </c>
      <c r="DI1755" s="6"/>
      <c r="DJ1755" s="6"/>
      <c r="DK1755" s="6"/>
      <c r="DL1755" s="6">
        <v>4</v>
      </c>
      <c r="DM1755" s="6" t="s">
        <v>446</v>
      </c>
      <c r="DN1755" s="6">
        <v>6</v>
      </c>
      <c r="DO1755" s="6" t="s">
        <v>393</v>
      </c>
      <c r="DP1755" s="6"/>
      <c r="DQ1755" s="6"/>
    </row>
    <row r="1756" spans="1:121" x14ac:dyDescent="0.2">
      <c r="A1756" s="6" t="s">
        <v>316</v>
      </c>
      <c r="B1756" s="6" t="s">
        <v>316</v>
      </c>
      <c r="C1756" s="6" t="s">
        <v>185</v>
      </c>
      <c r="D1756" s="6" t="s">
        <v>161</v>
      </c>
      <c r="E1756" s="6" t="s">
        <v>300</v>
      </c>
      <c r="F1756" s="11">
        <v>4</v>
      </c>
      <c r="G1756" s="13">
        <v>7.0000000000000007E-2</v>
      </c>
      <c r="H1756" s="11">
        <v>-19</v>
      </c>
      <c r="I1756" s="13">
        <v>-0.33333333333333331</v>
      </c>
      <c r="J1756" s="11">
        <v>-3</v>
      </c>
      <c r="K1756" s="13">
        <v>-7.8947368421052627E-2</v>
      </c>
      <c r="L1756" s="11">
        <v>26</v>
      </c>
      <c r="M1756" s="13">
        <v>0.74285714285714288</v>
      </c>
      <c r="N1756" s="11">
        <v>23</v>
      </c>
      <c r="O1756" s="13">
        <v>0.60526315789473684</v>
      </c>
      <c r="P1756" s="7">
        <v>57</v>
      </c>
      <c r="Q1756" s="7">
        <v>58</v>
      </c>
      <c r="R1756" s="7">
        <v>75</v>
      </c>
      <c r="S1756" s="7">
        <v>83</v>
      </c>
      <c r="T1756" s="7">
        <v>84</v>
      </c>
      <c r="U1756" s="7">
        <v>37</v>
      </c>
      <c r="V1756" s="7">
        <v>38</v>
      </c>
      <c r="W1756" s="7">
        <v>41</v>
      </c>
      <c r="X1756" s="7">
        <v>42</v>
      </c>
      <c r="Y1756" s="7">
        <v>35</v>
      </c>
      <c r="Z1756" s="7">
        <v>27</v>
      </c>
      <c r="AA1756" s="7">
        <v>31</v>
      </c>
      <c r="AB1756" s="7">
        <v>33</v>
      </c>
      <c r="AC1756" s="7">
        <v>38</v>
      </c>
      <c r="AD1756" s="7">
        <v>47</v>
      </c>
      <c r="AE1756" s="7">
        <v>56</v>
      </c>
      <c r="AF1756" s="7">
        <v>61</v>
      </c>
      <c r="AG1756" s="9">
        <v>-4062</v>
      </c>
      <c r="AH1756" s="13">
        <v>-0.16391590331302208</v>
      </c>
      <c r="AI1756" s="9">
        <v>-6782</v>
      </c>
      <c r="AJ1756" s="13">
        <v>-0.27367741414793589</v>
      </c>
      <c r="AK1756" s="9">
        <v>5489</v>
      </c>
      <c r="AL1756" s="13">
        <v>0.30496138674370799</v>
      </c>
      <c r="AM1756" s="9">
        <v>-2769</v>
      </c>
      <c r="AN1756" s="13">
        <v>-0.1178899863760218</v>
      </c>
      <c r="AO1756" s="9">
        <v>2720</v>
      </c>
      <c r="AP1756" s="13">
        <v>0.15111950663925774</v>
      </c>
      <c r="AQ1756" s="9">
        <v>24781</v>
      </c>
      <c r="AR1756" s="9">
        <v>28651</v>
      </c>
      <c r="AS1756" s="9">
        <v>21879</v>
      </c>
      <c r="AT1756" s="9">
        <v>21731</v>
      </c>
      <c r="AU1756" s="9">
        <v>20632</v>
      </c>
      <c r="AV1756" s="9">
        <v>19100</v>
      </c>
      <c r="AW1756" s="9">
        <v>17999</v>
      </c>
      <c r="AX1756" s="9">
        <v>19008</v>
      </c>
      <c r="AY1756" s="9">
        <v>22574</v>
      </c>
      <c r="AZ1756" s="9">
        <v>23488</v>
      </c>
      <c r="BA1756" s="9">
        <v>25263</v>
      </c>
      <c r="BB1756" s="9">
        <v>24296</v>
      </c>
      <c r="BC1756" s="9">
        <v>24187</v>
      </c>
      <c r="BD1756" s="9">
        <v>25375</v>
      </c>
      <c r="BE1756" s="9">
        <v>24176</v>
      </c>
      <c r="BF1756" s="9">
        <v>20719</v>
      </c>
      <c r="BG1756" s="11">
        <v>-1</v>
      </c>
      <c r="BH1756" s="13">
        <v>-0.1111111111111111</v>
      </c>
      <c r="BI1756" s="6">
        <v>-3</v>
      </c>
      <c r="BJ1756" s="13">
        <v>-0.33333333333333331</v>
      </c>
      <c r="BK1756" s="6">
        <v>1</v>
      </c>
      <c r="BL1756" s="13">
        <v>0.16666666666666666</v>
      </c>
      <c r="BM1756" s="11">
        <v>1</v>
      </c>
      <c r="BN1756" s="13">
        <v>0.14285714285714285</v>
      </c>
      <c r="BO1756" s="11">
        <v>2</v>
      </c>
      <c r="BP1756" s="13">
        <v>0.33333333333333331</v>
      </c>
      <c r="BQ1756" s="6">
        <v>9</v>
      </c>
      <c r="BR1756" s="6">
        <v>9</v>
      </c>
      <c r="BS1756" s="6">
        <v>8</v>
      </c>
      <c r="BT1756" s="6">
        <v>6</v>
      </c>
      <c r="BU1756" s="6">
        <v>7</v>
      </c>
      <c r="BV1756" s="6">
        <v>8</v>
      </c>
      <c r="BW1756" s="6">
        <v>7</v>
      </c>
      <c r="BX1756" s="6">
        <v>4</v>
      </c>
      <c r="BY1756" s="6">
        <v>5</v>
      </c>
      <c r="BZ1756" s="6">
        <v>5</v>
      </c>
      <c r="CA1756" s="6">
        <v>7</v>
      </c>
      <c r="CB1756" s="6">
        <v>8</v>
      </c>
      <c r="CC1756" s="11">
        <v>8</v>
      </c>
      <c r="CD1756" s="11">
        <v>1</v>
      </c>
      <c r="CE1756" s="11">
        <v>-3</v>
      </c>
      <c r="CF1756" s="11">
        <v>6</v>
      </c>
      <c r="CG1756" s="11">
        <v>3</v>
      </c>
      <c r="CH1756" s="20">
        <v>0.44</v>
      </c>
      <c r="CI1756" s="20">
        <v>0.47</v>
      </c>
      <c r="CJ1756" s="20">
        <v>0.57999999999999996</v>
      </c>
      <c r="CK1756" s="20">
        <v>0.61</v>
      </c>
      <c r="CL1756" s="20">
        <v>0.61</v>
      </c>
      <c r="CM1756" s="20">
        <v>0.26</v>
      </c>
      <c r="CN1756" s="20">
        <v>0.28000000000000003</v>
      </c>
      <c r="CO1756" s="20">
        <v>0.31</v>
      </c>
      <c r="CP1756" s="20">
        <v>0.32</v>
      </c>
      <c r="CQ1756" s="20">
        <v>0.28999999999999998</v>
      </c>
      <c r="CR1756" s="20">
        <v>0.22</v>
      </c>
      <c r="CS1756" s="20">
        <v>0.26</v>
      </c>
      <c r="CT1756" s="20">
        <v>0.27</v>
      </c>
      <c r="CU1756" s="20">
        <v>0.31</v>
      </c>
      <c r="CV1756" s="20">
        <v>0.38</v>
      </c>
      <c r="CW1756" s="20">
        <v>0.45</v>
      </c>
      <c r="CX1756" s="20">
        <v>0.48</v>
      </c>
      <c r="CY1756" s="6" t="s">
        <v>647</v>
      </c>
      <c r="CZ1756" s="6" t="s">
        <v>648</v>
      </c>
      <c r="DA1756" s="6" t="s">
        <v>161</v>
      </c>
      <c r="DB1756" s="6"/>
      <c r="DC1756" s="6"/>
      <c r="DD1756" s="6"/>
      <c r="DE1756" s="6"/>
      <c r="DF1756" s="6"/>
      <c r="DG1756" s="6"/>
      <c r="DH1756" s="6" t="s">
        <v>333</v>
      </c>
      <c r="DI1756" s="6"/>
      <c r="DJ1756" s="6"/>
      <c r="DK1756" s="6"/>
      <c r="DL1756" s="6">
        <v>4</v>
      </c>
      <c r="DM1756" s="6" t="s">
        <v>446</v>
      </c>
      <c r="DN1756" s="6">
        <v>6</v>
      </c>
      <c r="DO1756" s="6" t="s">
        <v>393</v>
      </c>
      <c r="DP1756" s="6"/>
      <c r="DQ1756" s="6"/>
    </row>
    <row r="1757" spans="1:121" x14ac:dyDescent="0.2">
      <c r="A1757" s="6" t="s">
        <v>317</v>
      </c>
      <c r="B1757" s="6" t="s">
        <v>317</v>
      </c>
      <c r="C1757" s="6" t="s">
        <v>186</v>
      </c>
      <c r="D1757" s="6" t="s">
        <v>161</v>
      </c>
      <c r="E1757" s="6" t="s">
        <v>300</v>
      </c>
      <c r="F1757" s="11">
        <v>12</v>
      </c>
      <c r="G1757" s="13">
        <v>0.08</v>
      </c>
      <c r="H1757" s="11">
        <v>20</v>
      </c>
      <c r="I1757" s="13">
        <v>0.12738853503184713</v>
      </c>
      <c r="J1757" s="11">
        <v>-6</v>
      </c>
      <c r="K1757" s="13">
        <v>-3.3898305084745763E-2</v>
      </c>
      <c r="L1757" s="11">
        <v>-2</v>
      </c>
      <c r="M1757" s="13">
        <v>-1.1695906432748536E-2</v>
      </c>
      <c r="N1757" s="11">
        <v>-8</v>
      </c>
      <c r="O1757" s="13">
        <v>-4.519774011299435E-2</v>
      </c>
      <c r="P1757" s="7">
        <v>157</v>
      </c>
      <c r="Q1757" s="7">
        <v>155</v>
      </c>
      <c r="R1757" s="7">
        <v>154</v>
      </c>
      <c r="S1757" s="7">
        <v>151</v>
      </c>
      <c r="T1757" s="7">
        <v>168</v>
      </c>
      <c r="U1757" s="7">
        <v>167</v>
      </c>
      <c r="V1757" s="7">
        <v>177</v>
      </c>
      <c r="W1757" s="7">
        <v>180</v>
      </c>
      <c r="X1757" s="7">
        <v>169</v>
      </c>
      <c r="Y1757" s="7">
        <v>171</v>
      </c>
      <c r="Z1757" s="7">
        <v>168</v>
      </c>
      <c r="AA1757" s="7">
        <v>166</v>
      </c>
      <c r="AB1757" s="7">
        <v>173</v>
      </c>
      <c r="AC1757" s="7">
        <v>175</v>
      </c>
      <c r="AD1757" s="7">
        <v>168</v>
      </c>
      <c r="AE1757" s="7">
        <v>167</v>
      </c>
      <c r="AF1757" s="7">
        <v>169</v>
      </c>
      <c r="AG1757" s="9">
        <v>12127</v>
      </c>
      <c r="AH1757" s="13">
        <v>0.36240026297701938</v>
      </c>
      <c r="AI1757" s="9">
        <v>10291</v>
      </c>
      <c r="AJ1757" s="13">
        <v>0.30753369393060992</v>
      </c>
      <c r="AK1757" s="9">
        <v>1098</v>
      </c>
      <c r="AL1757" s="13">
        <v>2.5094848470996939E-2</v>
      </c>
      <c r="AM1757" s="9">
        <v>738</v>
      </c>
      <c r="AN1757" s="13">
        <v>1.6454115758494606E-2</v>
      </c>
      <c r="AO1757" s="9">
        <v>1836</v>
      </c>
      <c r="AP1757" s="13">
        <v>4.1961877771175209E-2</v>
      </c>
      <c r="AQ1757" s="9">
        <v>33463</v>
      </c>
      <c r="AR1757" s="9">
        <v>37538</v>
      </c>
      <c r="AS1757" s="9">
        <v>36475</v>
      </c>
      <c r="AT1757" s="9">
        <v>37583</v>
      </c>
      <c r="AU1757" s="9">
        <v>41238</v>
      </c>
      <c r="AV1757" s="9">
        <v>42887</v>
      </c>
      <c r="AW1757" s="9">
        <v>43754</v>
      </c>
      <c r="AX1757" s="9">
        <v>44769</v>
      </c>
      <c r="AY1757" s="9">
        <v>45418</v>
      </c>
      <c r="AZ1757" s="9">
        <v>44852</v>
      </c>
      <c r="BA1757" s="9">
        <v>44516</v>
      </c>
      <c r="BB1757" s="9">
        <v>44902</v>
      </c>
      <c r="BC1757" s="9">
        <v>46678</v>
      </c>
      <c r="BD1757" s="9">
        <v>45519</v>
      </c>
      <c r="BE1757" s="9">
        <v>46312</v>
      </c>
      <c r="BF1757" s="9">
        <v>45590</v>
      </c>
      <c r="BG1757" s="11">
        <v>4</v>
      </c>
      <c r="BH1757" s="13">
        <v>0.21052631578947367</v>
      </c>
      <c r="BI1757" s="6">
        <v>2</v>
      </c>
      <c r="BJ1757" s="13">
        <v>0.10526315789473684</v>
      </c>
      <c r="BK1757" s="6">
        <v>0</v>
      </c>
      <c r="BL1757" s="13">
        <v>0</v>
      </c>
      <c r="BM1757" s="11">
        <v>2</v>
      </c>
      <c r="BN1757" s="13">
        <v>9.5238095238095233E-2</v>
      </c>
      <c r="BO1757" s="11">
        <v>2</v>
      </c>
      <c r="BP1757" s="13">
        <v>9.5238095238095233E-2</v>
      </c>
      <c r="BQ1757" s="6">
        <v>19</v>
      </c>
      <c r="BR1757" s="6">
        <v>21</v>
      </c>
      <c r="BS1757" s="6">
        <v>19</v>
      </c>
      <c r="BT1757" s="6">
        <v>21</v>
      </c>
      <c r="BU1757" s="6">
        <v>22</v>
      </c>
      <c r="BV1757" s="6">
        <v>20</v>
      </c>
      <c r="BW1757" s="6">
        <v>21</v>
      </c>
      <c r="BX1757" s="6">
        <v>23</v>
      </c>
      <c r="BY1757" s="6">
        <v>22</v>
      </c>
      <c r="BZ1757" s="6">
        <v>24</v>
      </c>
      <c r="CA1757" s="6">
        <v>24</v>
      </c>
      <c r="CB1757" s="6">
        <v>23</v>
      </c>
      <c r="CC1757" s="11">
        <v>23</v>
      </c>
      <c r="CD1757" s="11">
        <v>-36</v>
      </c>
      <c r="CE1757" s="11">
        <v>31</v>
      </c>
      <c r="CF1757" s="11">
        <v>17</v>
      </c>
      <c r="CG1757" s="11">
        <v>48</v>
      </c>
      <c r="CH1757" s="20">
        <v>0.38</v>
      </c>
      <c r="CI1757" s="20">
        <v>0.4</v>
      </c>
      <c r="CJ1757" s="20">
        <v>0.39</v>
      </c>
      <c r="CK1757" s="20">
        <v>0.37</v>
      </c>
      <c r="CL1757" s="20">
        <v>0.4</v>
      </c>
      <c r="CM1757" s="20">
        <v>0.38</v>
      </c>
      <c r="CN1757" s="20">
        <v>0.41</v>
      </c>
      <c r="CO1757" s="20">
        <v>0.4</v>
      </c>
      <c r="CP1757" s="20">
        <v>0.38</v>
      </c>
      <c r="CQ1757" s="20">
        <v>0.39</v>
      </c>
      <c r="CR1757" s="20">
        <v>0.38</v>
      </c>
      <c r="CS1757" s="20">
        <v>0.36</v>
      </c>
      <c r="CT1757" s="20">
        <v>0.38</v>
      </c>
      <c r="CU1757" s="20">
        <v>0.37</v>
      </c>
      <c r="CV1757" s="20">
        <v>0.35</v>
      </c>
      <c r="CW1757" s="20">
        <v>0.35</v>
      </c>
      <c r="CX1757" s="20">
        <v>0.34</v>
      </c>
      <c r="CY1757" s="6" t="s">
        <v>647</v>
      </c>
      <c r="CZ1757" s="6" t="s">
        <v>648</v>
      </c>
      <c r="DA1757" s="6" t="s">
        <v>161</v>
      </c>
      <c r="DB1757" s="6"/>
      <c r="DC1757" s="6"/>
      <c r="DD1757" s="6"/>
      <c r="DE1757" s="6"/>
      <c r="DF1757" s="6"/>
      <c r="DG1757" s="6"/>
      <c r="DH1757" s="6" t="s">
        <v>333</v>
      </c>
      <c r="DI1757" s="6"/>
      <c r="DJ1757" s="6"/>
      <c r="DK1757" s="6"/>
      <c r="DL1757" s="6">
        <v>4</v>
      </c>
      <c r="DM1757" s="6" t="s">
        <v>446</v>
      </c>
      <c r="DN1757" s="6">
        <v>6</v>
      </c>
      <c r="DO1757" s="6" t="s">
        <v>393</v>
      </c>
      <c r="DP1757" s="6"/>
      <c r="DQ1757" s="6"/>
    </row>
    <row r="1758" spans="1:121" x14ac:dyDescent="0.2">
      <c r="A1758" s="6" t="s">
        <v>318</v>
      </c>
      <c r="B1758" s="6" t="s">
        <v>318</v>
      </c>
      <c r="C1758" s="6" t="s">
        <v>187</v>
      </c>
      <c r="D1758" s="6" t="s">
        <v>161</v>
      </c>
      <c r="E1758" s="6" t="s">
        <v>300</v>
      </c>
      <c r="F1758" s="11">
        <v>2</v>
      </c>
      <c r="G1758" s="13">
        <v>5.1282051282099998E-2</v>
      </c>
      <c r="H1758" s="11">
        <v>-6.0333109999999976</v>
      </c>
      <c r="I1758" s="13">
        <v>-0.15466708811467891</v>
      </c>
      <c r="J1758" s="11">
        <v>2.1437669999999969</v>
      </c>
      <c r="K1758" s="13">
        <v>6.5011771472493707E-2</v>
      </c>
      <c r="L1758" s="11">
        <v>6.1387043203000005</v>
      </c>
      <c r="M1758" s="13">
        <v>0.17479810743958243</v>
      </c>
      <c r="N1758" s="11">
        <v>8.2824713202999973</v>
      </c>
      <c r="O1758" s="13">
        <v>0.25117381352676266</v>
      </c>
      <c r="P1758" s="7">
        <v>39.008369999999999</v>
      </c>
      <c r="Q1758" s="7">
        <v>38.991092999999999</v>
      </c>
      <c r="R1758" s="7">
        <v>36.726016999999999</v>
      </c>
      <c r="S1758" s="7">
        <v>35.953150000000001</v>
      </c>
      <c r="T1758" s="7">
        <v>33.937795999999999</v>
      </c>
      <c r="U1758" s="7">
        <v>33.434843999999998</v>
      </c>
      <c r="V1758" s="7">
        <v>32.975059000000002</v>
      </c>
      <c r="W1758" s="7">
        <v>33.472648</v>
      </c>
      <c r="X1758" s="7">
        <v>34.391944000000002</v>
      </c>
      <c r="Y1758" s="7">
        <v>35.118825999999999</v>
      </c>
      <c r="Z1758" s="7">
        <v>30.946228000000001</v>
      </c>
      <c r="AA1758" s="7">
        <v>30.974079</v>
      </c>
      <c r="AB1758" s="7">
        <v>35.989935000000003</v>
      </c>
      <c r="AC1758" s="7">
        <v>38.127521999999999</v>
      </c>
      <c r="AD1758" s="7">
        <v>40.971963000000002</v>
      </c>
      <c r="AE1758" s="7">
        <v>40.289504999999998</v>
      </c>
      <c r="AF1758" s="7">
        <v>41.257530320299999</v>
      </c>
      <c r="AG1758" s="9">
        <v>-8495.5435842000006</v>
      </c>
      <c r="AH1758" s="13">
        <v>-0.1062546912051215</v>
      </c>
      <c r="AI1758" s="9">
        <v>13294.175479099998</v>
      </c>
      <c r="AJ1758" s="13">
        <v>0.16627170425981469</v>
      </c>
      <c r="AK1758" s="9">
        <v>-22429.297234800004</v>
      </c>
      <c r="AL1758" s="13">
        <v>-0.24053200336120767</v>
      </c>
      <c r="AM1758" s="9">
        <v>639.57817150000483</v>
      </c>
      <c r="AN1758" s="13">
        <v>9.0311146876741934E-3</v>
      </c>
      <c r="AO1758" s="9">
        <v>-21789.719063299999</v>
      </c>
      <c r="AP1758" s="13">
        <v>-0.23367316078194456</v>
      </c>
      <c r="AQ1758" s="9">
        <v>79954.527069300006</v>
      </c>
      <c r="AR1758" s="9">
        <v>72317.950583700003</v>
      </c>
      <c r="AS1758" s="9">
        <v>79167.518617599999</v>
      </c>
      <c r="AT1758" s="9">
        <v>80686.592883699996</v>
      </c>
      <c r="AU1758" s="9">
        <v>78565.667543400006</v>
      </c>
      <c r="AV1758" s="9">
        <v>89094.133958699997</v>
      </c>
      <c r="AW1758" s="9">
        <v>93248.702548400004</v>
      </c>
      <c r="AX1758" s="9">
        <v>79813.051416300004</v>
      </c>
      <c r="AY1758" s="9">
        <v>71802.369769199999</v>
      </c>
      <c r="AZ1758" s="9">
        <v>70819.4053136</v>
      </c>
      <c r="BA1758" s="9">
        <v>79312.375019600004</v>
      </c>
      <c r="BB1758" s="9">
        <v>80092.553055800003</v>
      </c>
      <c r="BC1758" s="9">
        <v>72593.953608299998</v>
      </c>
      <c r="BD1758" s="9">
        <v>67398.868921600006</v>
      </c>
      <c r="BE1758" s="9">
        <v>71309.814756299995</v>
      </c>
      <c r="BF1758" s="9">
        <v>71458.983485100005</v>
      </c>
      <c r="BG1758" s="11">
        <v>1</v>
      </c>
      <c r="BH1758" s="13">
        <v>0.25</v>
      </c>
      <c r="BI1758" s="6">
        <v>0</v>
      </c>
      <c r="BJ1758" s="13">
        <v>0</v>
      </c>
      <c r="BK1758" s="6">
        <v>0</v>
      </c>
      <c r="BL1758" s="13">
        <v>0</v>
      </c>
      <c r="BM1758" s="11">
        <v>1</v>
      </c>
      <c r="BN1758" s="13">
        <v>0.25</v>
      </c>
      <c r="BO1758" s="11">
        <v>1</v>
      </c>
      <c r="BP1758" s="13">
        <v>0.25</v>
      </c>
      <c r="BQ1758" s="6">
        <v>4</v>
      </c>
      <c r="BR1758" s="6">
        <v>4</v>
      </c>
      <c r="BS1758" s="6">
        <v>4</v>
      </c>
      <c r="BT1758" s="6">
        <v>4</v>
      </c>
      <c r="BU1758" s="6">
        <v>4</v>
      </c>
      <c r="BV1758" s="6">
        <v>3</v>
      </c>
      <c r="BW1758" s="6">
        <v>4</v>
      </c>
      <c r="BX1758" s="6">
        <v>3</v>
      </c>
      <c r="BY1758" s="6">
        <v>3</v>
      </c>
      <c r="BZ1758" s="6">
        <v>4</v>
      </c>
      <c r="CA1758" s="6">
        <v>4</v>
      </c>
      <c r="CB1758" s="6">
        <v>5</v>
      </c>
      <c r="CC1758" s="11">
        <v>5</v>
      </c>
      <c r="CD1758" s="11">
        <v>-10.366899999999999</v>
      </c>
      <c r="CE1758" s="11">
        <v>8.3520099999999999</v>
      </c>
      <c r="CF1758" s="11">
        <v>4.2640799999999999</v>
      </c>
      <c r="CG1758" s="11">
        <v>12</v>
      </c>
      <c r="CH1758" s="20">
        <v>0.43811299999999997</v>
      </c>
      <c r="CI1758" s="20">
        <v>0.46320899999999998</v>
      </c>
      <c r="CJ1758" s="20">
        <v>0.432753</v>
      </c>
      <c r="CK1758" s="20">
        <v>0.411472</v>
      </c>
      <c r="CL1758" s="20">
        <v>0.384963</v>
      </c>
      <c r="CM1758" s="20">
        <v>0.37171700000000002</v>
      </c>
      <c r="CN1758" s="20">
        <v>0.36551299999999998</v>
      </c>
      <c r="CO1758" s="20">
        <v>0.356157</v>
      </c>
      <c r="CP1758" s="20">
        <v>0.36073499999999997</v>
      </c>
      <c r="CQ1758" s="20">
        <v>0.372587</v>
      </c>
      <c r="CR1758" s="20">
        <v>0.32174599999999998</v>
      </c>
      <c r="CS1758" s="20">
        <v>0.30800899999999998</v>
      </c>
      <c r="CT1758" s="20">
        <v>0.34987499999999999</v>
      </c>
      <c r="CU1758" s="20">
        <v>0.36021799999999998</v>
      </c>
      <c r="CV1758" s="20">
        <v>0.38621100000000003</v>
      </c>
      <c r="CW1758" s="20">
        <v>0.37978499999999998</v>
      </c>
      <c r="CX1758" s="20">
        <v>0.378247</v>
      </c>
      <c r="CY1758" s="6" t="s">
        <v>647</v>
      </c>
      <c r="CZ1758" s="6" t="s">
        <v>648</v>
      </c>
      <c r="DA1758" s="6" t="s">
        <v>161</v>
      </c>
      <c r="DB1758" s="6"/>
      <c r="DC1758" s="6"/>
      <c r="DD1758" s="6"/>
      <c r="DE1758" s="6"/>
      <c r="DF1758" s="6"/>
      <c r="DG1758" s="6"/>
      <c r="DH1758" s="6" t="s">
        <v>333</v>
      </c>
      <c r="DI1758" s="6"/>
      <c r="DJ1758" s="6"/>
      <c r="DK1758" s="6"/>
      <c r="DL1758" s="6">
        <v>4</v>
      </c>
      <c r="DM1758" s="6" t="s">
        <v>446</v>
      </c>
      <c r="DN1758" s="6">
        <v>6</v>
      </c>
      <c r="DO1758" s="6" t="s">
        <v>393</v>
      </c>
      <c r="DP1758" s="6"/>
      <c r="DQ1758" s="6"/>
    </row>
    <row r="1759" spans="1:121" x14ac:dyDescent="0.2">
      <c r="A1759" s="6" t="s">
        <v>319</v>
      </c>
      <c r="B1759" s="6" t="s">
        <v>319</v>
      </c>
      <c r="C1759" s="6" t="s">
        <v>188</v>
      </c>
      <c r="D1759" s="6" t="s">
        <v>161</v>
      </c>
      <c r="E1759" s="6" t="s">
        <v>300</v>
      </c>
      <c r="F1759" s="11">
        <v>11</v>
      </c>
      <c r="G1759" s="13">
        <v>0.10576923076899999</v>
      </c>
      <c r="H1759" s="11">
        <v>-23.236635953700002</v>
      </c>
      <c r="I1759" s="13">
        <v>-0.22295365127564923</v>
      </c>
      <c r="J1759" s="11">
        <v>3.5970799808000038</v>
      </c>
      <c r="K1759" s="13">
        <v>4.4416517604305837E-2</v>
      </c>
      <c r="L1759" s="11">
        <v>30.678969099899987</v>
      </c>
      <c r="M1759" s="13">
        <v>0.36271159690713767</v>
      </c>
      <c r="N1759" s="11">
        <v>34.276049080699991</v>
      </c>
      <c r="O1759" s="13">
        <v>0.42323850054075529</v>
      </c>
      <c r="P1759" s="7">
        <v>104.22182288</v>
      </c>
      <c r="Q1759" s="7">
        <v>80.939481358600005</v>
      </c>
      <c r="R1759" s="7">
        <v>77.539487239600007</v>
      </c>
      <c r="S1759" s="7">
        <v>91.750784991499998</v>
      </c>
      <c r="T1759" s="7">
        <v>78.525152274299998</v>
      </c>
      <c r="U1759" s="7">
        <v>68.379287632399993</v>
      </c>
      <c r="V1759" s="7">
        <v>80.985186926300003</v>
      </c>
      <c r="W1759" s="7">
        <v>100.94065665799999</v>
      </c>
      <c r="X1759" s="7">
        <v>87.550071886500007</v>
      </c>
      <c r="Y1759" s="7">
        <v>84.582266907100006</v>
      </c>
      <c r="Z1759" s="7">
        <v>90.642082071600001</v>
      </c>
      <c r="AA1759" s="7">
        <v>97.334321379399995</v>
      </c>
      <c r="AB1759" s="7">
        <v>103.75418869799999</v>
      </c>
      <c r="AC1759" s="7">
        <v>113.99565870799999</v>
      </c>
      <c r="AD1759" s="7">
        <v>107.612747461</v>
      </c>
      <c r="AE1759" s="7">
        <v>111.03816101300001</v>
      </c>
      <c r="AF1759" s="7">
        <v>115.26123600699999</v>
      </c>
      <c r="AG1759" s="9">
        <v>9302.5975268999991</v>
      </c>
      <c r="AH1759" s="13">
        <v>0.62852377859127839</v>
      </c>
      <c r="AI1759" s="9">
        <v>13601.71767</v>
      </c>
      <c r="AJ1759" s="13">
        <v>0.91899095500577155</v>
      </c>
      <c r="AK1759" s="9">
        <v>-8446.8946012999986</v>
      </c>
      <c r="AL1759" s="13">
        <v>-0.29740045485271532</v>
      </c>
      <c r="AM1759" s="9">
        <v>4147.7744581999978</v>
      </c>
      <c r="AN1759" s="13">
        <v>0.20785085811821957</v>
      </c>
      <c r="AO1759" s="9">
        <v>-4299.1201431000009</v>
      </c>
      <c r="AP1759" s="13">
        <v>-0.15136453648038148</v>
      </c>
      <c r="AQ1759" s="9">
        <v>14800.7089688</v>
      </c>
      <c r="AR1759" s="9">
        <v>15752.1646722</v>
      </c>
      <c r="AS1759" s="9">
        <v>15385.7944111</v>
      </c>
      <c r="AT1759" s="9">
        <v>25211.228271</v>
      </c>
      <c r="AU1759" s="9">
        <v>26933.948157399998</v>
      </c>
      <c r="AV1759" s="9">
        <v>28983.0592731</v>
      </c>
      <c r="AW1759" s="9">
        <v>28402.4266388</v>
      </c>
      <c r="AX1759" s="9">
        <v>27555.217990500001</v>
      </c>
      <c r="AY1759" s="9">
        <v>24534.430515299999</v>
      </c>
      <c r="AZ1759" s="9">
        <v>19955.532037500001</v>
      </c>
      <c r="BA1759" s="9">
        <v>20425.814671100001</v>
      </c>
      <c r="BB1759" s="9">
        <v>24073.836128700001</v>
      </c>
      <c r="BC1759" s="9">
        <v>19185.499708899999</v>
      </c>
      <c r="BD1759" s="9">
        <v>19578.559932100001</v>
      </c>
      <c r="BE1759" s="9">
        <v>22843.057741699999</v>
      </c>
      <c r="BF1759" s="9">
        <v>24103.306495699999</v>
      </c>
      <c r="BG1759" s="11">
        <v>-1.5</v>
      </c>
      <c r="BH1759" s="13">
        <v>-0.11538461538461539</v>
      </c>
      <c r="BI1759" s="6">
        <v>2</v>
      </c>
      <c r="BJ1759" s="13">
        <v>0.15384615384615385</v>
      </c>
      <c r="BK1759" s="6">
        <v>0</v>
      </c>
      <c r="BL1759" s="13">
        <v>0</v>
      </c>
      <c r="BM1759" s="11">
        <v>-3.5</v>
      </c>
      <c r="BN1759" s="13">
        <v>-0.23333333333333334</v>
      </c>
      <c r="BO1759" s="11">
        <v>-3.5</v>
      </c>
      <c r="BP1759" s="13">
        <v>-0.23333333333333334</v>
      </c>
      <c r="BQ1759" s="6">
        <v>13</v>
      </c>
      <c r="BR1759" s="6">
        <v>14</v>
      </c>
      <c r="BS1759" s="6">
        <v>12</v>
      </c>
      <c r="BT1759" s="6">
        <v>15</v>
      </c>
      <c r="BU1759" s="6">
        <v>14</v>
      </c>
      <c r="BV1759" s="6">
        <v>15</v>
      </c>
      <c r="BW1759" s="6">
        <v>15</v>
      </c>
      <c r="BX1759" s="6">
        <v>13</v>
      </c>
      <c r="BY1759" s="6">
        <v>10</v>
      </c>
      <c r="BZ1759" s="6">
        <v>10</v>
      </c>
      <c r="CA1759" s="6">
        <v>11</v>
      </c>
      <c r="CB1759" s="6">
        <v>11</v>
      </c>
      <c r="CC1759" s="11">
        <v>11.5</v>
      </c>
      <c r="CD1759" s="11">
        <v>-9.7303899999999999</v>
      </c>
      <c r="CE1759" s="11">
        <v>9.3771000000000004</v>
      </c>
      <c r="CF1759" s="11">
        <v>11.3927</v>
      </c>
      <c r="CG1759" s="11">
        <v>20</v>
      </c>
      <c r="CH1759" s="20">
        <v>0.23863100000000001</v>
      </c>
      <c r="CI1759" s="20">
        <v>0.19411300000000001</v>
      </c>
      <c r="CJ1759" s="20">
        <v>0.18117</v>
      </c>
      <c r="CK1759" s="20">
        <v>0.20577999999999999</v>
      </c>
      <c r="CL1759" s="20">
        <v>0.17332500000000001</v>
      </c>
      <c r="CM1759" s="20">
        <v>0.147255</v>
      </c>
      <c r="CN1759" s="20">
        <v>0.177533</v>
      </c>
      <c r="CO1759" s="20">
        <v>0.228882</v>
      </c>
      <c r="CP1759" s="20">
        <v>0.210671</v>
      </c>
      <c r="CQ1759" s="20">
        <v>0.20010600000000001</v>
      </c>
      <c r="CR1759" s="20">
        <v>0.20899999999999999</v>
      </c>
      <c r="CS1759" s="20">
        <v>0.217415</v>
      </c>
      <c r="CT1759" s="20">
        <v>0.22914899999999999</v>
      </c>
      <c r="CU1759" s="20">
        <v>0.244368</v>
      </c>
      <c r="CV1759" s="20">
        <v>0.22953399999999999</v>
      </c>
      <c r="CW1759" s="20">
        <v>0.23577699999999999</v>
      </c>
      <c r="CX1759" s="20">
        <v>0.23772299999999999</v>
      </c>
      <c r="CY1759" s="6" t="s">
        <v>647</v>
      </c>
      <c r="CZ1759" s="6" t="s">
        <v>648</v>
      </c>
      <c r="DA1759" s="6" t="s">
        <v>161</v>
      </c>
      <c r="DB1759" s="6"/>
      <c r="DC1759" s="6"/>
      <c r="DD1759" s="6"/>
      <c r="DE1759" s="6"/>
      <c r="DF1759" s="6"/>
      <c r="DG1759" s="6"/>
      <c r="DH1759" s="6" t="s">
        <v>333</v>
      </c>
      <c r="DI1759" s="6"/>
      <c r="DJ1759" s="6"/>
      <c r="DK1759" s="6"/>
      <c r="DL1759" s="6">
        <v>4</v>
      </c>
      <c r="DM1759" s="6" t="s">
        <v>446</v>
      </c>
      <c r="DN1759" s="6">
        <v>6</v>
      </c>
      <c r="DO1759" s="6" t="s">
        <v>393</v>
      </c>
      <c r="DP1759" s="6"/>
      <c r="DQ1759" s="6"/>
    </row>
    <row r="1760" spans="1:121" x14ac:dyDescent="0.2">
      <c r="A1760" s="6" t="s">
        <v>320</v>
      </c>
      <c r="B1760" s="6" t="s">
        <v>320</v>
      </c>
      <c r="C1760" s="6" t="s">
        <v>189</v>
      </c>
      <c r="D1760" s="6" t="s">
        <v>161</v>
      </c>
      <c r="E1760" s="6" t="s">
        <v>300</v>
      </c>
      <c r="F1760" s="11">
        <v>1</v>
      </c>
      <c r="G1760" s="13">
        <v>1</v>
      </c>
      <c r="H1760" s="11">
        <v>0</v>
      </c>
      <c r="I1760" s="13">
        <v>0</v>
      </c>
      <c r="J1760" s="11">
        <v>0</v>
      </c>
      <c r="K1760" s="13">
        <v>0</v>
      </c>
      <c r="L1760" s="11">
        <v>0</v>
      </c>
      <c r="M1760" s="13">
        <v>0</v>
      </c>
      <c r="N1760" s="11">
        <v>0</v>
      </c>
      <c r="O1760" s="13">
        <v>0</v>
      </c>
      <c r="P1760" s="7">
        <v>5</v>
      </c>
      <c r="Q1760" s="7">
        <v>5</v>
      </c>
      <c r="R1760" s="7">
        <v>5</v>
      </c>
      <c r="S1760" s="7">
        <v>5</v>
      </c>
      <c r="T1760" s="7">
        <v>5</v>
      </c>
      <c r="U1760" s="7">
        <v>0</v>
      </c>
      <c r="V1760" s="7">
        <v>5</v>
      </c>
      <c r="W1760" s="7">
        <v>5</v>
      </c>
      <c r="X1760" s="7">
        <v>12.7187618881</v>
      </c>
      <c r="Y1760" s="7">
        <v>5</v>
      </c>
      <c r="Z1760" s="7">
        <v>5</v>
      </c>
      <c r="AA1760" s="7">
        <v>5</v>
      </c>
      <c r="AB1760" s="7">
        <v>13.058827855200001</v>
      </c>
      <c r="AC1760" s="7">
        <v>5</v>
      </c>
      <c r="AD1760" s="7">
        <v>5</v>
      </c>
      <c r="AE1760" s="7">
        <v>5</v>
      </c>
      <c r="AF1760" s="7">
        <v>5</v>
      </c>
      <c r="AG1760" s="9">
        <v>0</v>
      </c>
      <c r="AH1760" s="13">
        <v>0</v>
      </c>
      <c r="AI1760" s="9">
        <v>0</v>
      </c>
      <c r="AJ1760" s="13">
        <v>0</v>
      </c>
      <c r="AK1760" s="9">
        <v>0</v>
      </c>
      <c r="AL1760" s="13">
        <v>0</v>
      </c>
      <c r="AM1760" s="9">
        <v>0</v>
      </c>
      <c r="AN1760" s="13">
        <v>0</v>
      </c>
      <c r="AO1760" s="9">
        <v>0</v>
      </c>
      <c r="AP1760" s="13">
        <v>0</v>
      </c>
      <c r="AQ1760" s="9">
        <v>1</v>
      </c>
      <c r="AR1760" s="9">
        <v>1</v>
      </c>
      <c r="AS1760" s="9">
        <v>1</v>
      </c>
      <c r="AT1760" s="9">
        <v>1</v>
      </c>
      <c r="AU1760" s="9">
        <v>1</v>
      </c>
      <c r="AV1760" s="9">
        <v>0</v>
      </c>
      <c r="AW1760" s="9">
        <v>1</v>
      </c>
      <c r="AX1760" s="9">
        <v>1</v>
      </c>
      <c r="AY1760" s="9">
        <v>26646.869900400001</v>
      </c>
      <c r="AZ1760" s="9">
        <v>1</v>
      </c>
      <c r="BA1760" s="9">
        <v>1</v>
      </c>
      <c r="BB1760" s="9">
        <v>1</v>
      </c>
      <c r="BC1760" s="9">
        <v>21023.840723599998</v>
      </c>
      <c r="BD1760" s="9">
        <v>1</v>
      </c>
      <c r="BE1760" s="9">
        <v>1</v>
      </c>
      <c r="BF1760" s="9">
        <v>1</v>
      </c>
      <c r="BG1760" s="11">
        <v>0</v>
      </c>
      <c r="BH1760" s="13" t="e">
        <v>#DIV/0!</v>
      </c>
      <c r="BI1760" s="6">
        <v>0</v>
      </c>
      <c r="BJ1760" s="13" t="e">
        <v>#DIV/0!</v>
      </c>
      <c r="BK1760" s="6">
        <v>2</v>
      </c>
      <c r="BL1760" s="13" t="e">
        <v>#DIV/0!</v>
      </c>
      <c r="BM1760" s="11">
        <v>-2</v>
      </c>
      <c r="BN1760" s="13">
        <v>-1</v>
      </c>
      <c r="BO1760" s="11">
        <v>0</v>
      </c>
      <c r="BP1760" s="13" t="e">
        <v>#DIV/0!</v>
      </c>
      <c r="BQ1760" s="6">
        <v>0</v>
      </c>
      <c r="BR1760" s="6">
        <v>0</v>
      </c>
      <c r="BS1760" s="6">
        <v>0</v>
      </c>
      <c r="BT1760" s="6">
        <v>0</v>
      </c>
      <c r="BU1760" s="6">
        <v>1</v>
      </c>
      <c r="BV1760" s="6">
        <v>2</v>
      </c>
      <c r="BW1760" s="6">
        <v>2</v>
      </c>
      <c r="BX1760" s="6">
        <v>0</v>
      </c>
      <c r="BY1760" s="6">
        <v>0</v>
      </c>
      <c r="BZ1760" s="6">
        <v>0</v>
      </c>
      <c r="CA1760" s="6">
        <v>0</v>
      </c>
      <c r="CB1760" s="6">
        <v>0</v>
      </c>
      <c r="CC1760" s="11">
        <v>0</v>
      </c>
      <c r="CD1760" s="11">
        <v>-3.6702400000000002</v>
      </c>
      <c r="CE1760" s="11">
        <v>1.7007399999999999</v>
      </c>
      <c r="CF1760" s="11">
        <v>0.51341800000000004</v>
      </c>
      <c r="CG1760" s="11">
        <v>3</v>
      </c>
      <c r="CH1760" s="20">
        <v>3.2233600000000001E-2</v>
      </c>
      <c r="CI1760" s="20">
        <v>1.8676700000000001E-2</v>
      </c>
      <c r="CJ1760" s="20">
        <v>1.12941E-2</v>
      </c>
      <c r="CK1760" s="20">
        <v>2.40533E-2</v>
      </c>
      <c r="CL1760" s="20">
        <v>2.7601799999999999E-2</v>
      </c>
      <c r="CM1760" s="20">
        <v>0</v>
      </c>
      <c r="CN1760" s="20">
        <v>2.30087E-2</v>
      </c>
      <c r="CO1760" s="20">
        <v>1.5503299999999999E-2</v>
      </c>
      <c r="CP1760" s="20">
        <v>7.0575899999999997E-2</v>
      </c>
      <c r="CQ1760" s="20">
        <v>2.0603400000000001E-2</v>
      </c>
      <c r="CR1760" s="20">
        <v>1.9714200000000001E-2</v>
      </c>
      <c r="CS1760" s="20">
        <v>2.23492E-2</v>
      </c>
      <c r="CT1760" s="20">
        <v>6.9040199999999996E-2</v>
      </c>
      <c r="CU1760" s="20">
        <v>1.5608500000000001E-2</v>
      </c>
      <c r="CV1760" s="20">
        <v>1.2844E-2</v>
      </c>
      <c r="CW1760" s="20">
        <v>1.50344E-2</v>
      </c>
      <c r="CX1760" s="20">
        <v>1.6328800000000001E-2</v>
      </c>
      <c r="CY1760" s="6" t="s">
        <v>647</v>
      </c>
      <c r="CZ1760" s="6" t="s">
        <v>648</v>
      </c>
      <c r="DA1760" s="6" t="s">
        <v>161</v>
      </c>
      <c r="DB1760" s="6"/>
      <c r="DC1760" s="6"/>
      <c r="DD1760" s="6"/>
      <c r="DE1760" s="6"/>
      <c r="DF1760" s="6"/>
      <c r="DG1760" s="6"/>
      <c r="DH1760" s="6" t="s">
        <v>333</v>
      </c>
      <c r="DI1760" s="6"/>
      <c r="DJ1760" s="6"/>
      <c r="DK1760" s="6"/>
      <c r="DL1760" s="6">
        <v>4</v>
      </c>
      <c r="DM1760" s="6" t="s">
        <v>446</v>
      </c>
      <c r="DN1760" s="6">
        <v>6</v>
      </c>
      <c r="DO1760" s="6" t="s">
        <v>393</v>
      </c>
      <c r="DP1760" s="6"/>
      <c r="DQ1760" s="6"/>
    </row>
    <row r="1761" spans="1:121" x14ac:dyDescent="0.2">
      <c r="A1761" s="6" t="s">
        <v>321</v>
      </c>
      <c r="B1761" s="6" t="s">
        <v>321</v>
      </c>
      <c r="C1761" s="6" t="s">
        <v>190</v>
      </c>
      <c r="D1761" s="6" t="s">
        <v>161</v>
      </c>
      <c r="E1761" s="6" t="s">
        <v>300</v>
      </c>
      <c r="F1761" s="11">
        <v>76</v>
      </c>
      <c r="G1761" s="13">
        <v>0.13380281690099999</v>
      </c>
      <c r="H1761" s="11">
        <v>20.207497590000003</v>
      </c>
      <c r="I1761" s="13">
        <v>3.5605751696442665E-2</v>
      </c>
      <c r="J1761" s="11">
        <v>54.295369650999987</v>
      </c>
      <c r="K1761" s="13">
        <v>9.2379575786091919E-2</v>
      </c>
      <c r="L1761" s="11">
        <v>1.9191908280000689</v>
      </c>
      <c r="M1761" s="13">
        <v>2.9892191598811183E-3</v>
      </c>
      <c r="N1761" s="11">
        <v>56.214560479000056</v>
      </c>
      <c r="O1761" s="13">
        <v>9.5644937743894515E-2</v>
      </c>
      <c r="P1761" s="7">
        <v>567.53464334299997</v>
      </c>
      <c r="Q1761" s="7">
        <v>576.20480501600002</v>
      </c>
      <c r="R1761" s="7">
        <v>575.79092670299997</v>
      </c>
      <c r="S1761" s="7">
        <v>583.09267326300005</v>
      </c>
      <c r="T1761" s="7">
        <v>588.30213979200005</v>
      </c>
      <c r="U1761" s="7">
        <v>601.71019829800002</v>
      </c>
      <c r="V1761" s="7">
        <v>587.74214093299997</v>
      </c>
      <c r="W1761" s="7">
        <v>585.08871016000001</v>
      </c>
      <c r="X1761" s="7">
        <v>601.11934588400004</v>
      </c>
      <c r="Y1761" s="7">
        <v>642.03751058399996</v>
      </c>
      <c r="Z1761" s="7">
        <v>603.89745620899998</v>
      </c>
      <c r="AA1761" s="7">
        <v>660.64745182199999</v>
      </c>
      <c r="AB1761" s="7">
        <v>659.59820242399996</v>
      </c>
      <c r="AC1761" s="7">
        <v>643.19272452400003</v>
      </c>
      <c r="AD1761" s="7">
        <v>634.49317172200006</v>
      </c>
      <c r="AE1761" s="7">
        <v>638.74571758800005</v>
      </c>
      <c r="AF1761" s="7">
        <v>643.95670141200003</v>
      </c>
      <c r="AG1761" s="9">
        <v>8602.3526285000007</v>
      </c>
      <c r="AH1761" s="13">
        <v>0.45639302189962594</v>
      </c>
      <c r="AI1761" s="9">
        <v>3407.4784065000022</v>
      </c>
      <c r="AJ1761" s="13">
        <v>0.18078186679397151</v>
      </c>
      <c r="AK1761" s="9">
        <v>5603.9656149000002</v>
      </c>
      <c r="AL1761" s="13">
        <v>0.25179525465403008</v>
      </c>
      <c r="AM1761" s="9">
        <v>-409.09139290000167</v>
      </c>
      <c r="AN1761" s="13">
        <v>-1.4683822315854952E-2</v>
      </c>
      <c r="AO1761" s="9">
        <v>5194.8742219999986</v>
      </c>
      <c r="AP1761" s="13">
        <v>0.23341411555885991</v>
      </c>
      <c r="AQ1761" s="9">
        <v>18848.563005399999</v>
      </c>
      <c r="AR1761" s="9">
        <v>19852.8212743</v>
      </c>
      <c r="AS1761" s="9">
        <v>20706.366591099999</v>
      </c>
      <c r="AT1761" s="9">
        <v>20661.819690100001</v>
      </c>
      <c r="AU1761" s="9">
        <v>21342.041454599999</v>
      </c>
      <c r="AV1761" s="9">
        <v>22522.158013299999</v>
      </c>
      <c r="AW1761" s="9">
        <v>22256.041411900002</v>
      </c>
      <c r="AX1761" s="9">
        <v>23762.878723000002</v>
      </c>
      <c r="AY1761" s="9">
        <v>25739.219924199999</v>
      </c>
      <c r="AZ1761" s="9">
        <v>27860.007026800002</v>
      </c>
      <c r="BA1761" s="9">
        <v>26541.509544299999</v>
      </c>
      <c r="BB1761" s="9">
        <v>27535.801103000002</v>
      </c>
      <c r="BC1761" s="9">
        <v>27393.0510392</v>
      </c>
      <c r="BD1761" s="9">
        <v>26746.138517200001</v>
      </c>
      <c r="BE1761" s="9">
        <v>27293.550279999999</v>
      </c>
      <c r="BF1761" s="9">
        <v>27450.9156339</v>
      </c>
      <c r="BG1761" s="11">
        <v>53.25</v>
      </c>
      <c r="BH1761" s="13">
        <v>1.6640625</v>
      </c>
      <c r="BI1761" s="6">
        <v>2</v>
      </c>
      <c r="BJ1761" s="13">
        <v>6.25E-2</v>
      </c>
      <c r="BK1761" s="6">
        <v>3</v>
      </c>
      <c r="BL1761" s="13">
        <v>8.8235294117647065E-2</v>
      </c>
      <c r="BM1761" s="11">
        <v>48.25</v>
      </c>
      <c r="BN1761" s="13">
        <v>1.3040540540540539</v>
      </c>
      <c r="BO1761" s="11">
        <v>51.25</v>
      </c>
      <c r="BP1761" s="13">
        <v>1.5073529411764706</v>
      </c>
      <c r="BQ1761" s="6">
        <v>32</v>
      </c>
      <c r="BR1761" s="6">
        <v>34</v>
      </c>
      <c r="BS1761" s="6">
        <v>34</v>
      </c>
      <c r="BT1761" s="6">
        <v>34</v>
      </c>
      <c r="BU1761" s="6">
        <v>34</v>
      </c>
      <c r="BV1761" s="6">
        <v>37</v>
      </c>
      <c r="BW1761" s="6">
        <v>37</v>
      </c>
      <c r="BX1761" s="6">
        <v>35</v>
      </c>
      <c r="BY1761" s="6">
        <v>38</v>
      </c>
      <c r="BZ1761" s="6">
        <v>82</v>
      </c>
      <c r="CA1761" s="6">
        <v>85</v>
      </c>
      <c r="CB1761" s="6">
        <v>86</v>
      </c>
      <c r="CC1761" s="11">
        <v>85.25</v>
      </c>
      <c r="CD1761" s="11">
        <v>-192.29300000000001</v>
      </c>
      <c r="CE1761" s="11">
        <v>206.67699999999999</v>
      </c>
      <c r="CF1761" s="11">
        <v>62.038400000000003</v>
      </c>
      <c r="CG1761" s="11">
        <v>269</v>
      </c>
      <c r="CH1761" s="20">
        <v>0.78864900000000004</v>
      </c>
      <c r="CI1761" s="20">
        <v>0.807284</v>
      </c>
      <c r="CJ1761" s="20">
        <v>0.76192199999999999</v>
      </c>
      <c r="CK1761" s="20">
        <v>0.74980400000000003</v>
      </c>
      <c r="CL1761" s="20">
        <v>0.752942</v>
      </c>
      <c r="CM1761" s="20">
        <v>0.752641</v>
      </c>
      <c r="CN1761" s="20">
        <v>0.73506800000000005</v>
      </c>
      <c r="CO1761" s="20">
        <v>0.70584100000000005</v>
      </c>
      <c r="CP1761" s="20">
        <v>0.68654099999999996</v>
      </c>
      <c r="CQ1761" s="20">
        <v>0.73091799999999996</v>
      </c>
      <c r="CR1761" s="20">
        <v>0.68700300000000003</v>
      </c>
      <c r="CS1761" s="20">
        <v>0.72299100000000005</v>
      </c>
      <c r="CT1761" s="20">
        <v>0.71924600000000005</v>
      </c>
      <c r="CU1761" s="20">
        <v>0.69031399999999998</v>
      </c>
      <c r="CV1761" s="20">
        <v>0.67807399999999995</v>
      </c>
      <c r="CW1761" s="20">
        <v>0.67635000000000001</v>
      </c>
      <c r="CX1761" s="20">
        <v>0.65606399999999998</v>
      </c>
      <c r="CY1761" s="6" t="s">
        <v>647</v>
      </c>
      <c r="CZ1761" s="6" t="s">
        <v>648</v>
      </c>
      <c r="DA1761" s="6" t="s">
        <v>161</v>
      </c>
      <c r="DB1761" s="6"/>
      <c r="DC1761" s="6"/>
      <c r="DD1761" s="6"/>
      <c r="DE1761" s="6"/>
      <c r="DF1761" s="6"/>
      <c r="DG1761" s="6"/>
      <c r="DH1761" s="6" t="s">
        <v>333</v>
      </c>
      <c r="DI1761" s="6"/>
      <c r="DJ1761" s="6"/>
      <c r="DK1761" s="6"/>
      <c r="DL1761" s="6">
        <v>4</v>
      </c>
      <c r="DM1761" s="6" t="s">
        <v>446</v>
      </c>
      <c r="DN1761" s="6">
        <v>6</v>
      </c>
      <c r="DO1761" s="6" t="s">
        <v>393</v>
      </c>
      <c r="DP1761" s="6"/>
      <c r="DQ1761" s="6"/>
    </row>
    <row r="1762" spans="1:121" x14ac:dyDescent="0.2">
      <c r="A1762" s="6" t="s">
        <v>322</v>
      </c>
      <c r="B1762" s="6" t="s">
        <v>322</v>
      </c>
      <c r="C1762" s="6" t="s">
        <v>191</v>
      </c>
      <c r="D1762" s="6" t="s">
        <v>161</v>
      </c>
      <c r="E1762" s="6" t="s">
        <v>300</v>
      </c>
      <c r="F1762" s="11">
        <v>89</v>
      </c>
      <c r="G1762" s="13">
        <v>2.34</v>
      </c>
      <c r="H1762" s="11">
        <v>45</v>
      </c>
      <c r="I1762" s="13">
        <v>1.1842105263157894</v>
      </c>
      <c r="J1762" s="11">
        <v>20</v>
      </c>
      <c r="K1762" s="13">
        <v>0.24096385542168677</v>
      </c>
      <c r="L1762" s="11">
        <v>24</v>
      </c>
      <c r="M1762" s="13">
        <v>0.23300970873786409</v>
      </c>
      <c r="N1762" s="11">
        <v>44</v>
      </c>
      <c r="O1762" s="13">
        <v>0.53012048192771088</v>
      </c>
      <c r="P1762" s="7">
        <v>38</v>
      </c>
      <c r="Q1762" s="7">
        <v>43</v>
      </c>
      <c r="R1762" s="7">
        <v>72</v>
      </c>
      <c r="S1762" s="7">
        <v>86</v>
      </c>
      <c r="T1762" s="7">
        <v>71</v>
      </c>
      <c r="U1762" s="7">
        <v>72</v>
      </c>
      <c r="V1762" s="7">
        <v>83</v>
      </c>
      <c r="W1762" s="7">
        <v>102</v>
      </c>
      <c r="X1762" s="7">
        <v>109</v>
      </c>
      <c r="Y1762" s="7">
        <v>103</v>
      </c>
      <c r="Z1762" s="7">
        <v>100</v>
      </c>
      <c r="AA1762" s="7">
        <v>93</v>
      </c>
      <c r="AB1762" s="7">
        <v>99</v>
      </c>
      <c r="AC1762" s="7">
        <v>109</v>
      </c>
      <c r="AD1762" s="7">
        <v>107</v>
      </c>
      <c r="AE1762" s="7">
        <v>120</v>
      </c>
      <c r="AF1762" s="7">
        <v>127</v>
      </c>
      <c r="AG1762" s="9">
        <v>907</v>
      </c>
      <c r="AH1762" s="13">
        <v>6.9936001233711159E-2</v>
      </c>
      <c r="AI1762" s="9">
        <v>1834</v>
      </c>
      <c r="AJ1762" s="13">
        <v>0.14141414141414141</v>
      </c>
      <c r="AK1762" s="9">
        <v>337</v>
      </c>
      <c r="AL1762" s="13">
        <v>2.2765655610349253E-2</v>
      </c>
      <c r="AM1762" s="9">
        <v>-1264</v>
      </c>
      <c r="AN1762" s="13">
        <v>-8.3487450462351398E-2</v>
      </c>
      <c r="AO1762" s="9">
        <v>-927</v>
      </c>
      <c r="AP1762" s="13">
        <v>-6.2622441397014117E-2</v>
      </c>
      <c r="AQ1762" s="9">
        <v>12969</v>
      </c>
      <c r="AR1762" s="9">
        <v>14550</v>
      </c>
      <c r="AS1762" s="9">
        <v>12855</v>
      </c>
      <c r="AT1762" s="9">
        <v>12437</v>
      </c>
      <c r="AU1762" s="9">
        <v>14079</v>
      </c>
      <c r="AV1762" s="9">
        <v>14646</v>
      </c>
      <c r="AW1762" s="9">
        <v>14803</v>
      </c>
      <c r="AX1762" s="9">
        <v>14872</v>
      </c>
      <c r="AY1762" s="9">
        <v>14889</v>
      </c>
      <c r="AZ1762" s="9">
        <v>15140</v>
      </c>
      <c r="BA1762" s="9">
        <v>13844</v>
      </c>
      <c r="BB1762" s="9">
        <v>14144</v>
      </c>
      <c r="BC1762" s="9">
        <v>14507</v>
      </c>
      <c r="BD1762" s="9">
        <v>14595</v>
      </c>
      <c r="BE1762" s="9">
        <v>15301</v>
      </c>
      <c r="BF1762" s="9">
        <v>13876</v>
      </c>
      <c r="BG1762" s="11">
        <v>-2</v>
      </c>
      <c r="BH1762" s="13">
        <v>-0.25</v>
      </c>
      <c r="BI1762" s="6">
        <v>0</v>
      </c>
      <c r="BJ1762" s="13">
        <v>0</v>
      </c>
      <c r="BK1762" s="6">
        <v>-2</v>
      </c>
      <c r="BL1762" s="13">
        <v>-0.25</v>
      </c>
      <c r="BM1762" s="11">
        <v>0</v>
      </c>
      <c r="BN1762" s="13">
        <v>0</v>
      </c>
      <c r="BO1762" s="11">
        <v>-2</v>
      </c>
      <c r="BP1762" s="13">
        <v>-0.25</v>
      </c>
      <c r="BQ1762" s="6">
        <v>8</v>
      </c>
      <c r="BR1762" s="6">
        <v>7</v>
      </c>
      <c r="BS1762" s="6">
        <v>7</v>
      </c>
      <c r="BT1762" s="6">
        <v>8</v>
      </c>
      <c r="BU1762" s="6">
        <v>8</v>
      </c>
      <c r="BV1762" s="6">
        <v>7</v>
      </c>
      <c r="BW1762" s="6">
        <v>6</v>
      </c>
      <c r="BX1762" s="6">
        <v>6</v>
      </c>
      <c r="BY1762" s="6">
        <v>6</v>
      </c>
      <c r="BZ1762" s="6">
        <v>6</v>
      </c>
      <c r="CA1762" s="6">
        <v>6</v>
      </c>
      <c r="CB1762" s="6">
        <v>6</v>
      </c>
      <c r="CC1762" s="11">
        <v>6</v>
      </c>
      <c r="CD1762" s="11">
        <v>78</v>
      </c>
      <c r="CE1762" s="11">
        <v>7</v>
      </c>
      <c r="CF1762" s="11">
        <v>4</v>
      </c>
      <c r="CG1762" s="11">
        <v>11</v>
      </c>
      <c r="CH1762" s="20">
        <v>0.34</v>
      </c>
      <c r="CI1762" s="20">
        <v>0.4</v>
      </c>
      <c r="CJ1762" s="20">
        <v>0.64</v>
      </c>
      <c r="CK1762" s="20">
        <v>0.74</v>
      </c>
      <c r="CL1762" s="20">
        <v>0.62</v>
      </c>
      <c r="CM1762" s="20">
        <v>0.62</v>
      </c>
      <c r="CN1762" s="20">
        <v>0.71</v>
      </c>
      <c r="CO1762" s="20">
        <v>0.86</v>
      </c>
      <c r="CP1762" s="20">
        <v>0.91</v>
      </c>
      <c r="CQ1762" s="20">
        <v>0.88</v>
      </c>
      <c r="CR1762" s="20">
        <v>0.85</v>
      </c>
      <c r="CS1762" s="20">
        <v>0.77</v>
      </c>
      <c r="CT1762" s="20">
        <v>0.82</v>
      </c>
      <c r="CU1762" s="20">
        <v>0.88</v>
      </c>
      <c r="CV1762" s="20">
        <v>0.85</v>
      </c>
      <c r="CW1762" s="20">
        <v>0.94</v>
      </c>
      <c r="CX1762" s="20">
        <v>0.96</v>
      </c>
      <c r="CY1762" s="6" t="s">
        <v>647</v>
      </c>
      <c r="CZ1762" s="6" t="s">
        <v>648</v>
      </c>
      <c r="DA1762" s="6" t="s">
        <v>161</v>
      </c>
      <c r="DB1762" s="6"/>
      <c r="DC1762" s="6"/>
      <c r="DD1762" s="6"/>
      <c r="DE1762" s="6"/>
      <c r="DF1762" s="6"/>
      <c r="DG1762" s="6"/>
      <c r="DH1762" s="6" t="s">
        <v>333</v>
      </c>
      <c r="DI1762" s="6"/>
      <c r="DJ1762" s="6"/>
      <c r="DK1762" s="6"/>
      <c r="DL1762" s="6">
        <v>4</v>
      </c>
      <c r="DM1762" s="6" t="s">
        <v>446</v>
      </c>
      <c r="DN1762" s="6">
        <v>6</v>
      </c>
      <c r="DO1762" s="6" t="s">
        <v>393</v>
      </c>
      <c r="DP1762" s="6"/>
      <c r="DQ1762" s="6"/>
    </row>
    <row r="1763" spans="1:121" x14ac:dyDescent="0.2">
      <c r="A1763" s="6" t="s">
        <v>323</v>
      </c>
      <c r="B1763" s="6" t="s">
        <v>323</v>
      </c>
      <c r="C1763" s="6" t="s">
        <v>192</v>
      </c>
      <c r="D1763" s="6" t="s">
        <v>161</v>
      </c>
      <c r="E1763" s="6" t="s">
        <v>300</v>
      </c>
      <c r="F1763" s="11">
        <v>-12</v>
      </c>
      <c r="G1763" s="13">
        <v>-3.2967032967000001E-2</v>
      </c>
      <c r="H1763" s="11">
        <v>-24.42120932399996</v>
      </c>
      <c r="I1763" s="13">
        <v>-6.7150074858001715E-2</v>
      </c>
      <c r="J1763" s="11">
        <v>11.264099732999966</v>
      </c>
      <c r="K1763" s="13">
        <v>3.3201984391248544E-2</v>
      </c>
      <c r="L1763" s="11">
        <v>1.1893571260000044</v>
      </c>
      <c r="M1763" s="13">
        <v>3.3930839223854951E-3</v>
      </c>
      <c r="N1763" s="11">
        <v>12.453456858999971</v>
      </c>
      <c r="O1763" s="13">
        <v>3.6707725433063283E-2</v>
      </c>
      <c r="P1763" s="7">
        <v>363.68104392499998</v>
      </c>
      <c r="Q1763" s="7">
        <v>338.22106999099998</v>
      </c>
      <c r="R1763" s="7">
        <v>297.35202024699998</v>
      </c>
      <c r="S1763" s="7">
        <v>333.80126657800002</v>
      </c>
      <c r="T1763" s="7">
        <v>378.13172050200001</v>
      </c>
      <c r="U1763" s="7">
        <v>396.47679142300001</v>
      </c>
      <c r="V1763" s="7">
        <v>339.25983460100002</v>
      </c>
      <c r="W1763" s="7">
        <v>355.53223111300002</v>
      </c>
      <c r="X1763" s="7">
        <v>354.51522620100002</v>
      </c>
      <c r="Y1763" s="7">
        <v>350.52393433399999</v>
      </c>
      <c r="Z1763" s="7">
        <v>366.49141654699997</v>
      </c>
      <c r="AA1763" s="7">
        <v>373.31090030399997</v>
      </c>
      <c r="AB1763" s="7">
        <v>361.88199575900001</v>
      </c>
      <c r="AC1763" s="7">
        <v>375.60671888500002</v>
      </c>
      <c r="AD1763" s="7">
        <v>343.62249620099999</v>
      </c>
      <c r="AE1763" s="7">
        <v>353.590389566</v>
      </c>
      <c r="AF1763" s="7">
        <v>351.71329145999999</v>
      </c>
      <c r="AG1763" s="9">
        <v>6798.0504723999984</v>
      </c>
      <c r="AH1763" s="13">
        <v>0.58588676300896814</v>
      </c>
      <c r="AI1763" s="9">
        <v>1432.7449051000003</v>
      </c>
      <c r="AJ1763" s="13">
        <v>0.12348044164642361</v>
      </c>
      <c r="AK1763" s="9">
        <v>1830.8877884999984</v>
      </c>
      <c r="AL1763" s="13">
        <v>0.14045121908212785</v>
      </c>
      <c r="AM1763" s="9">
        <v>3534.4177787999997</v>
      </c>
      <c r="AN1763" s="13">
        <v>0.2377414758533212</v>
      </c>
      <c r="AO1763" s="9">
        <v>5365.3055672999981</v>
      </c>
      <c r="AP1763" s="13">
        <v>0.41158377504543231</v>
      </c>
      <c r="AQ1763" s="9">
        <v>11603.010857400001</v>
      </c>
      <c r="AR1763" s="9">
        <v>10642.324359</v>
      </c>
      <c r="AS1763" s="9">
        <v>11796.895129299999</v>
      </c>
      <c r="AT1763" s="9">
        <v>11009.903271499999</v>
      </c>
      <c r="AU1763" s="9">
        <v>11581.0201223</v>
      </c>
      <c r="AV1763" s="9">
        <v>11966.469334199999</v>
      </c>
      <c r="AW1763" s="9">
        <v>13035.755762500001</v>
      </c>
      <c r="AX1763" s="9">
        <v>14042.2948911</v>
      </c>
      <c r="AY1763" s="9">
        <v>14116.2180214</v>
      </c>
      <c r="AZ1763" s="9">
        <v>14866.643550999999</v>
      </c>
      <c r="BA1763" s="9">
        <v>14385.739044399999</v>
      </c>
      <c r="BB1763" s="9">
        <v>14802.448049799999</v>
      </c>
      <c r="BC1763" s="9">
        <v>14566.105998200001</v>
      </c>
      <c r="BD1763" s="9">
        <v>15969.532461299999</v>
      </c>
      <c r="BE1763" s="9">
        <v>17185.638568599999</v>
      </c>
      <c r="BF1763" s="9">
        <v>18401.061329799999</v>
      </c>
      <c r="BG1763" s="11">
        <v>2.75</v>
      </c>
      <c r="BH1763" s="13">
        <v>0.10185185185185185</v>
      </c>
      <c r="BI1763" s="6">
        <v>0</v>
      </c>
      <c r="BJ1763" s="13">
        <v>0</v>
      </c>
      <c r="BK1763" s="6">
        <v>0</v>
      </c>
      <c r="BL1763" s="13">
        <v>0</v>
      </c>
      <c r="BM1763" s="11">
        <v>2.75</v>
      </c>
      <c r="BN1763" s="13">
        <v>0.10185185185185185</v>
      </c>
      <c r="BO1763" s="11">
        <v>2.75</v>
      </c>
      <c r="BP1763" s="13">
        <v>0.10185185185185185</v>
      </c>
      <c r="BQ1763" s="6">
        <v>27</v>
      </c>
      <c r="BR1763" s="6">
        <v>25</v>
      </c>
      <c r="BS1763" s="6">
        <v>29</v>
      </c>
      <c r="BT1763" s="6">
        <v>27</v>
      </c>
      <c r="BU1763" s="6">
        <v>27</v>
      </c>
      <c r="BV1763" s="6">
        <v>30</v>
      </c>
      <c r="BW1763" s="6">
        <v>27</v>
      </c>
      <c r="BX1763" s="6">
        <v>26</v>
      </c>
      <c r="BY1763" s="6">
        <v>29</v>
      </c>
      <c r="BZ1763" s="6">
        <v>26</v>
      </c>
      <c r="CA1763" s="6">
        <v>28</v>
      </c>
      <c r="CB1763" s="6">
        <v>30</v>
      </c>
      <c r="CC1763" s="11">
        <v>29.75</v>
      </c>
      <c r="CD1763" s="11">
        <v>-134.42599999999999</v>
      </c>
      <c r="CE1763" s="11">
        <v>82.703100000000006</v>
      </c>
      <c r="CF1763" s="11">
        <v>39.7547</v>
      </c>
      <c r="CG1763" s="11">
        <v>123</v>
      </c>
      <c r="CH1763" s="20">
        <v>0.68098400000000003</v>
      </c>
      <c r="CI1763" s="20">
        <v>0.65475799999999995</v>
      </c>
      <c r="CJ1763" s="20">
        <v>0.55034000000000005</v>
      </c>
      <c r="CK1763" s="20">
        <v>0.59722600000000003</v>
      </c>
      <c r="CL1763" s="20">
        <v>0.67284999999999995</v>
      </c>
      <c r="CM1763" s="20">
        <v>0.69222499999999998</v>
      </c>
      <c r="CN1763" s="20">
        <v>0.59556600000000004</v>
      </c>
      <c r="CO1763" s="20">
        <v>0.61581900000000001</v>
      </c>
      <c r="CP1763" s="20">
        <v>0.61015799999999998</v>
      </c>
      <c r="CQ1763" s="20">
        <v>0.60921700000000001</v>
      </c>
      <c r="CR1763" s="20">
        <v>0.62954299999999996</v>
      </c>
      <c r="CS1763" s="20">
        <v>0.620703</v>
      </c>
      <c r="CT1763" s="20">
        <v>0.59313899999999997</v>
      </c>
      <c r="CU1763" s="20">
        <v>0.59955800000000004</v>
      </c>
      <c r="CV1763" s="20">
        <v>0.54093500000000005</v>
      </c>
      <c r="CW1763" s="20">
        <v>0.55021799999999998</v>
      </c>
      <c r="CX1763" s="20">
        <v>0.53223900000000002</v>
      </c>
      <c r="CY1763" s="6" t="s">
        <v>647</v>
      </c>
      <c r="CZ1763" s="6" t="s">
        <v>648</v>
      </c>
      <c r="DA1763" s="6" t="s">
        <v>161</v>
      </c>
      <c r="DB1763" s="6"/>
      <c r="DC1763" s="6"/>
      <c r="DD1763" s="6"/>
      <c r="DE1763" s="6"/>
      <c r="DF1763" s="6"/>
      <c r="DG1763" s="6"/>
      <c r="DH1763" s="6" t="s">
        <v>333</v>
      </c>
      <c r="DI1763" s="6"/>
      <c r="DJ1763" s="6"/>
      <c r="DK1763" s="6"/>
      <c r="DL1763" s="6">
        <v>4</v>
      </c>
      <c r="DM1763" s="6" t="s">
        <v>446</v>
      </c>
      <c r="DN1763" s="6">
        <v>6</v>
      </c>
      <c r="DO1763" s="6" t="s">
        <v>393</v>
      </c>
      <c r="DP1763" s="6"/>
      <c r="DQ1763" s="6"/>
    </row>
    <row r="1764" spans="1:121" x14ac:dyDescent="0.2">
      <c r="A1764" s="6" t="s">
        <v>325</v>
      </c>
      <c r="B1764" s="6" t="s">
        <v>325</v>
      </c>
      <c r="C1764" s="6" t="s">
        <v>193</v>
      </c>
      <c r="D1764" s="6" t="s">
        <v>161</v>
      </c>
      <c r="E1764" s="6" t="s">
        <v>300</v>
      </c>
      <c r="F1764" s="11">
        <v>-17</v>
      </c>
      <c r="G1764" s="13">
        <v>-6.4885496183199998E-2</v>
      </c>
      <c r="H1764" s="11">
        <v>141.07706411499998</v>
      </c>
      <c r="I1764" s="13">
        <v>0.53941365722693779</v>
      </c>
      <c r="J1764" s="11">
        <v>-52.423678908999989</v>
      </c>
      <c r="K1764" s="13">
        <v>-0.13020800491519466</v>
      </c>
      <c r="L1764" s="11">
        <v>-105.466801444</v>
      </c>
      <c r="M1764" s="13">
        <v>-0.30116920206042053</v>
      </c>
      <c r="N1764" s="11">
        <v>-157.89048035299999</v>
      </c>
      <c r="O1764" s="13">
        <v>-0.3921625660334267</v>
      </c>
      <c r="P1764" s="7">
        <v>261.537805402</v>
      </c>
      <c r="Q1764" s="7">
        <v>274.00367194699999</v>
      </c>
      <c r="R1764" s="7">
        <v>274.29972002099998</v>
      </c>
      <c r="S1764" s="7">
        <v>289.77066237899999</v>
      </c>
      <c r="T1764" s="7">
        <v>255.556948742</v>
      </c>
      <c r="U1764" s="7">
        <v>408.02249850700002</v>
      </c>
      <c r="V1764" s="7">
        <v>402.61486951699999</v>
      </c>
      <c r="W1764" s="7">
        <v>384.59984407899998</v>
      </c>
      <c r="X1764" s="7">
        <v>377.76814474999998</v>
      </c>
      <c r="Y1764" s="7">
        <v>350.191190608</v>
      </c>
      <c r="Z1764" s="7">
        <v>358.801390255</v>
      </c>
      <c r="AA1764" s="7">
        <v>388.34515144400001</v>
      </c>
      <c r="AB1764" s="7">
        <v>325.059172601</v>
      </c>
      <c r="AC1764" s="7">
        <v>285.90098506499999</v>
      </c>
      <c r="AD1764" s="7">
        <v>260.40864778399998</v>
      </c>
      <c r="AE1764" s="7">
        <v>250.95324869500001</v>
      </c>
      <c r="AF1764" s="7">
        <v>244.724389164</v>
      </c>
      <c r="AG1764" s="9">
        <v>9976.3938784000002</v>
      </c>
      <c r="AH1764" s="13">
        <v>0.67738887861362584</v>
      </c>
      <c r="AI1764" s="9">
        <v>5673.831499599999</v>
      </c>
      <c r="AJ1764" s="13">
        <v>0.38524845788998735</v>
      </c>
      <c r="AK1764" s="9">
        <v>4931.6221425000003</v>
      </c>
      <c r="AL1764" s="13">
        <v>0.24172779661114407</v>
      </c>
      <c r="AM1764" s="9">
        <v>-629.05976369999917</v>
      </c>
      <c r="AN1764" s="13">
        <v>-2.4831462782467562E-2</v>
      </c>
      <c r="AO1764" s="9">
        <v>4302.5623788000012</v>
      </c>
      <c r="AP1764" s="13">
        <v>0.21089387904363899</v>
      </c>
      <c r="AQ1764" s="9">
        <v>14727.7202112</v>
      </c>
      <c r="AR1764" s="9">
        <v>14816.730245799999</v>
      </c>
      <c r="AS1764" s="9">
        <v>15847.2449626</v>
      </c>
      <c r="AT1764" s="9">
        <v>14520.0942932</v>
      </c>
      <c r="AU1764" s="9">
        <v>15070.1048854</v>
      </c>
      <c r="AV1764" s="9">
        <v>20559.7257727</v>
      </c>
      <c r="AW1764" s="9">
        <v>20401.551710799999</v>
      </c>
      <c r="AX1764" s="9">
        <v>23368.2098448</v>
      </c>
      <c r="AY1764" s="9">
        <v>23252.862312199999</v>
      </c>
      <c r="AZ1764" s="9">
        <v>25333.173853299999</v>
      </c>
      <c r="BA1764" s="9">
        <v>24906.915708799999</v>
      </c>
      <c r="BB1764" s="9">
        <v>22622.745970799999</v>
      </c>
      <c r="BC1764" s="9">
        <v>24500.187030100002</v>
      </c>
      <c r="BD1764" s="9">
        <v>22209.0330044</v>
      </c>
      <c r="BE1764" s="9">
        <v>24055.098167799999</v>
      </c>
      <c r="BF1764" s="9">
        <v>24704.1140896</v>
      </c>
      <c r="BG1764" s="11">
        <v>-25.25</v>
      </c>
      <c r="BH1764" s="13">
        <v>-0.48557692307692307</v>
      </c>
      <c r="BI1764" s="6">
        <v>2</v>
      </c>
      <c r="BJ1764" s="13">
        <v>3.8461538461538464E-2</v>
      </c>
      <c r="BK1764" s="6">
        <v>0</v>
      </c>
      <c r="BL1764" s="13">
        <v>0</v>
      </c>
      <c r="BM1764" s="11">
        <v>-27.25</v>
      </c>
      <c r="BN1764" s="13">
        <v>-0.50462962962962965</v>
      </c>
      <c r="BO1764" s="11">
        <v>-27.25</v>
      </c>
      <c r="BP1764" s="13">
        <v>-0.50462962962962965</v>
      </c>
      <c r="BQ1764" s="6">
        <v>52</v>
      </c>
      <c r="BR1764" s="6">
        <v>49</v>
      </c>
      <c r="BS1764" s="6">
        <v>54</v>
      </c>
      <c r="BT1764" s="6">
        <v>54</v>
      </c>
      <c r="BU1764" s="6">
        <v>56</v>
      </c>
      <c r="BV1764" s="6">
        <v>54</v>
      </c>
      <c r="BW1764" s="6">
        <v>54</v>
      </c>
      <c r="BX1764" s="6">
        <v>53</v>
      </c>
      <c r="BY1764" s="6">
        <v>61</v>
      </c>
      <c r="BZ1764" s="6">
        <v>29</v>
      </c>
      <c r="CA1764" s="6">
        <v>26</v>
      </c>
      <c r="CB1764" s="6">
        <v>29</v>
      </c>
      <c r="CC1764" s="11">
        <v>26.75</v>
      </c>
      <c r="CD1764" s="11">
        <v>-42.994100000000003</v>
      </c>
      <c r="CE1764" s="11">
        <v>-2.4085100000000002</v>
      </c>
      <c r="CF1764" s="11">
        <v>28.589200000000002</v>
      </c>
      <c r="CG1764" s="11">
        <v>27</v>
      </c>
      <c r="CH1764" s="20">
        <v>0.72097100000000003</v>
      </c>
      <c r="CI1764" s="20">
        <v>0.77767600000000003</v>
      </c>
      <c r="CJ1764" s="20">
        <v>0.74857300000000004</v>
      </c>
      <c r="CK1764" s="20">
        <v>0.77829800000000005</v>
      </c>
      <c r="CL1764" s="20">
        <v>0.69397699999999996</v>
      </c>
      <c r="CM1764" s="20">
        <v>1.09734</v>
      </c>
      <c r="CN1764" s="20">
        <v>1.0941000000000001</v>
      </c>
      <c r="CO1764" s="20">
        <v>1.03024</v>
      </c>
      <c r="CP1764" s="20">
        <v>0.98501899999999998</v>
      </c>
      <c r="CQ1764" s="20">
        <v>0.92891999999999997</v>
      </c>
      <c r="CR1764" s="20">
        <v>0.95439200000000002</v>
      </c>
      <c r="CS1764" s="20">
        <v>1.0076000000000001</v>
      </c>
      <c r="CT1764" s="20">
        <v>0.90692099999999998</v>
      </c>
      <c r="CU1764" s="20">
        <v>0.78510999999999997</v>
      </c>
      <c r="CV1764" s="20">
        <v>0.71919500000000003</v>
      </c>
      <c r="CW1764" s="20">
        <v>0.69237899999999997</v>
      </c>
      <c r="CX1764" s="20">
        <v>0.66247400000000001</v>
      </c>
      <c r="CY1764" s="6" t="s">
        <v>647</v>
      </c>
      <c r="CZ1764" s="6" t="s">
        <v>648</v>
      </c>
      <c r="DA1764" s="6" t="s">
        <v>161</v>
      </c>
      <c r="DB1764" s="6"/>
      <c r="DC1764" s="6"/>
      <c r="DD1764" s="6"/>
      <c r="DE1764" s="6"/>
      <c r="DF1764" s="6"/>
      <c r="DG1764" s="6"/>
      <c r="DH1764" s="6" t="s">
        <v>333</v>
      </c>
      <c r="DI1764" s="6"/>
      <c r="DJ1764" s="6"/>
      <c r="DK1764" s="6"/>
      <c r="DL1764" s="6">
        <v>4</v>
      </c>
      <c r="DM1764" s="6" t="s">
        <v>446</v>
      </c>
      <c r="DN1764" s="6">
        <v>6</v>
      </c>
      <c r="DO1764" s="6" t="s">
        <v>393</v>
      </c>
      <c r="DP1764" s="6"/>
      <c r="DQ1764" s="6"/>
    </row>
    <row r="1765" spans="1:121" x14ac:dyDescent="0.2">
      <c r="A1765" s="6" t="s">
        <v>327</v>
      </c>
      <c r="B1765" s="6" t="s">
        <v>327</v>
      </c>
      <c r="C1765" s="6" t="s">
        <v>194</v>
      </c>
      <c r="D1765" s="6" t="s">
        <v>161</v>
      </c>
      <c r="E1765" s="6" t="s">
        <v>300</v>
      </c>
      <c r="F1765" s="11">
        <v>-5</v>
      </c>
      <c r="G1765" s="13">
        <v>-2.73224043716E-3</v>
      </c>
      <c r="H1765" s="11">
        <v>-73.698987000000216</v>
      </c>
      <c r="I1765" s="13">
        <v>-4.026760537715085E-2</v>
      </c>
      <c r="J1765" s="11">
        <v>79.037738000000218</v>
      </c>
      <c r="K1765" s="13">
        <v>4.4996489621139231E-2</v>
      </c>
      <c r="L1765" s="11">
        <v>-10.898081270000148</v>
      </c>
      <c r="M1765" s="13">
        <v>-5.9371680531923512E-3</v>
      </c>
      <c r="N1765" s="11">
        <v>68.13965673000007</v>
      </c>
      <c r="O1765" s="13">
        <v>3.8792169847262456E-2</v>
      </c>
      <c r="P1765" s="7">
        <v>1830.2301890000001</v>
      </c>
      <c r="Q1765" s="7">
        <v>1858.1699430000001</v>
      </c>
      <c r="R1765" s="7">
        <v>1902.864065</v>
      </c>
      <c r="S1765" s="7">
        <v>1817.52</v>
      </c>
      <c r="T1765" s="7">
        <v>1777.21795</v>
      </c>
      <c r="U1765" s="7">
        <v>1759.2308889999999</v>
      </c>
      <c r="V1765" s="7">
        <v>1756.5312019999999</v>
      </c>
      <c r="W1765" s="7">
        <v>1828.776145</v>
      </c>
      <c r="X1765" s="7">
        <v>1822.163517</v>
      </c>
      <c r="Y1765" s="7">
        <v>1835.5689400000001</v>
      </c>
      <c r="Z1765" s="7">
        <v>1850.4621500000001</v>
      </c>
      <c r="AA1765" s="7">
        <v>1801.3343440000001</v>
      </c>
      <c r="AB1765" s="7">
        <v>1809.696588</v>
      </c>
      <c r="AC1765" s="7">
        <v>1829.9135719999999</v>
      </c>
      <c r="AD1765" s="7">
        <v>1813.0066830000001</v>
      </c>
      <c r="AE1765" s="7">
        <v>1817.74349375</v>
      </c>
      <c r="AF1765" s="7">
        <v>1824.67085873</v>
      </c>
      <c r="AG1765" s="9">
        <v>12516.0311664</v>
      </c>
      <c r="AH1765" s="13">
        <v>0.41159598201831993</v>
      </c>
      <c r="AI1765" s="9">
        <v>9088.1484051000043</v>
      </c>
      <c r="AJ1765" s="13">
        <v>0.29886833276409064</v>
      </c>
      <c r="AK1765" s="9">
        <v>1570.472970099996</v>
      </c>
      <c r="AL1765" s="13">
        <v>3.9762147140751075E-2</v>
      </c>
      <c r="AM1765" s="9">
        <v>1857.4097911999997</v>
      </c>
      <c r="AN1765" s="13">
        <v>4.5228594274270131E-2</v>
      </c>
      <c r="AO1765" s="9">
        <v>3427.8827612999958</v>
      </c>
      <c r="AP1765" s="13">
        <v>8.6789127435524041E-2</v>
      </c>
      <c r="AQ1765" s="9">
        <v>30408.535829299999</v>
      </c>
      <c r="AR1765" s="9">
        <v>30690.2432711</v>
      </c>
      <c r="AS1765" s="9">
        <v>32596.106622700001</v>
      </c>
      <c r="AT1765" s="9">
        <v>35917.561844299998</v>
      </c>
      <c r="AU1765" s="9">
        <v>37641.142407500003</v>
      </c>
      <c r="AV1765" s="9">
        <v>38267.369154499997</v>
      </c>
      <c r="AW1765" s="9">
        <v>39496.684234400003</v>
      </c>
      <c r="AX1765" s="9">
        <v>40952.101925900002</v>
      </c>
      <c r="AY1765" s="9">
        <v>41249.378846300002</v>
      </c>
      <c r="AZ1765" s="9">
        <v>41067.157204499999</v>
      </c>
      <c r="BA1765" s="9">
        <v>41094.845285199997</v>
      </c>
      <c r="BB1765" s="9">
        <v>41330.8573206</v>
      </c>
      <c r="BC1765" s="9">
        <v>42395.296460700003</v>
      </c>
      <c r="BD1765" s="9">
        <v>43048.043343500001</v>
      </c>
      <c r="BE1765" s="9">
        <v>41472.278626500003</v>
      </c>
      <c r="BF1765" s="9">
        <v>42924.566995699999</v>
      </c>
      <c r="BG1765" s="11">
        <v>-4.5</v>
      </c>
      <c r="BH1765" s="13">
        <v>-7.2580645161290328E-2</v>
      </c>
      <c r="BI1765" s="6">
        <v>-3</v>
      </c>
      <c r="BJ1765" s="13">
        <v>-4.8387096774193547E-2</v>
      </c>
      <c r="BK1765" s="6">
        <v>5</v>
      </c>
      <c r="BL1765" s="13">
        <v>8.4745762711864403E-2</v>
      </c>
      <c r="BM1765" s="11">
        <v>-6.5</v>
      </c>
      <c r="BN1765" s="13">
        <v>-0.1015625</v>
      </c>
      <c r="BO1765" s="11">
        <v>-1.5</v>
      </c>
      <c r="BP1765" s="13">
        <v>-2.5423728813559324E-2</v>
      </c>
      <c r="BQ1765" s="6">
        <v>62</v>
      </c>
      <c r="BR1765" s="6">
        <v>61</v>
      </c>
      <c r="BS1765" s="6">
        <v>61</v>
      </c>
      <c r="BT1765" s="6">
        <v>59</v>
      </c>
      <c r="BU1765" s="6">
        <v>59</v>
      </c>
      <c r="BV1765" s="6">
        <v>62</v>
      </c>
      <c r="BW1765" s="6">
        <v>64</v>
      </c>
      <c r="BX1765" s="6">
        <v>62</v>
      </c>
      <c r="BY1765" s="6">
        <v>63</v>
      </c>
      <c r="BZ1765" s="6">
        <v>59</v>
      </c>
      <c r="CA1765" s="6">
        <v>60</v>
      </c>
      <c r="CB1765" s="6">
        <v>58</v>
      </c>
      <c r="CC1765" s="11">
        <v>57.5</v>
      </c>
      <c r="CD1765" s="11">
        <v>-98.328999999999994</v>
      </c>
      <c r="CE1765" s="11">
        <v>-107.297</v>
      </c>
      <c r="CF1765" s="11">
        <v>200.066</v>
      </c>
      <c r="CG1765" s="11">
        <v>93</v>
      </c>
      <c r="CH1765" s="20">
        <v>1.51885</v>
      </c>
      <c r="CI1765" s="20">
        <v>1.5845199999999999</v>
      </c>
      <c r="CJ1765" s="20">
        <v>1.5717300000000001</v>
      </c>
      <c r="CK1765" s="20">
        <v>1.4882200000000001</v>
      </c>
      <c r="CL1765" s="20">
        <v>1.4746699999999999</v>
      </c>
      <c r="CM1765" s="20">
        <v>1.45523</v>
      </c>
      <c r="CN1765" s="20">
        <v>1.4786999999999999</v>
      </c>
      <c r="CO1765" s="20">
        <v>1.5023899999999999</v>
      </c>
      <c r="CP1765" s="20">
        <v>1.4408300000000001</v>
      </c>
      <c r="CQ1765" s="20">
        <v>1.4681</v>
      </c>
      <c r="CR1765" s="20">
        <v>1.51895</v>
      </c>
      <c r="CS1765" s="20">
        <v>1.4912099999999999</v>
      </c>
      <c r="CT1765" s="20">
        <v>1.5301499999999999</v>
      </c>
      <c r="CU1765" s="20">
        <v>1.5516799999999999</v>
      </c>
      <c r="CV1765" s="20">
        <v>1.55942</v>
      </c>
      <c r="CW1765" s="20">
        <v>1.5698099999999999</v>
      </c>
      <c r="CX1765" s="20">
        <v>1.55691</v>
      </c>
      <c r="CY1765" s="6" t="s">
        <v>647</v>
      </c>
      <c r="CZ1765" s="6" t="s">
        <v>648</v>
      </c>
      <c r="DA1765" s="6" t="s">
        <v>161</v>
      </c>
      <c r="DB1765" s="6"/>
      <c r="DC1765" s="6"/>
      <c r="DD1765" s="6"/>
      <c r="DE1765" s="6"/>
      <c r="DF1765" s="6"/>
      <c r="DG1765" s="6"/>
      <c r="DH1765" s="6" t="s">
        <v>333</v>
      </c>
      <c r="DI1765" s="6"/>
      <c r="DJ1765" s="6"/>
      <c r="DK1765" s="6"/>
      <c r="DL1765" s="6">
        <v>4</v>
      </c>
      <c r="DM1765" s="6" t="s">
        <v>446</v>
      </c>
      <c r="DN1765" s="6">
        <v>6</v>
      </c>
      <c r="DO1765" s="6" t="s">
        <v>393</v>
      </c>
      <c r="DP1765" s="6"/>
      <c r="DQ1765" s="6"/>
    </row>
    <row r="1766" spans="1:121" x14ac:dyDescent="0.2">
      <c r="A1766" s="6" t="s">
        <v>1</v>
      </c>
      <c r="B1766" s="6" t="s">
        <v>1</v>
      </c>
      <c r="C1766" s="6" t="s">
        <v>2</v>
      </c>
      <c r="D1766" s="6" t="s">
        <v>81</v>
      </c>
      <c r="E1766" s="6" t="s">
        <v>222</v>
      </c>
      <c r="F1766" s="11">
        <v>64</v>
      </c>
      <c r="G1766" s="13">
        <v>0.477611940299</v>
      </c>
      <c r="H1766" s="11">
        <v>120.433308958</v>
      </c>
      <c r="I1766" s="13">
        <v>0.89939638709186942</v>
      </c>
      <c r="J1766" s="11">
        <v>-37.875976368000011</v>
      </c>
      <c r="K1766" s="13">
        <v>-0.14891990449938852</v>
      </c>
      <c r="L1766" s="11">
        <v>-18.026701189999983</v>
      </c>
      <c r="M1766" s="13">
        <v>-8.3278853656631541E-2</v>
      </c>
      <c r="N1766" s="11">
        <v>-55.902677557999993</v>
      </c>
      <c r="O1766" s="13">
        <v>-0.21979687922265595</v>
      </c>
      <c r="P1766" s="7">
        <v>133.904595</v>
      </c>
      <c r="Q1766" s="7">
        <v>192.89568528300001</v>
      </c>
      <c r="R1766" s="7">
        <v>162.72826076499999</v>
      </c>
      <c r="S1766" s="7">
        <v>206.04622126199999</v>
      </c>
      <c r="T1766" s="7">
        <v>258.42851682899999</v>
      </c>
      <c r="U1766" s="7">
        <v>261.140763327</v>
      </c>
      <c r="V1766" s="7">
        <v>254.337903958</v>
      </c>
      <c r="W1766" s="7">
        <v>283.08533363999999</v>
      </c>
      <c r="X1766" s="7">
        <v>178.113795168</v>
      </c>
      <c r="Y1766" s="7">
        <v>216.46192758999999</v>
      </c>
      <c r="Z1766" s="7">
        <v>205.69730122199999</v>
      </c>
      <c r="AA1766" s="7">
        <v>268.53051296299998</v>
      </c>
      <c r="AB1766" s="7">
        <v>248.362946335</v>
      </c>
      <c r="AC1766" s="7">
        <v>212.12766296699999</v>
      </c>
      <c r="AD1766" s="7">
        <v>216.82736126500001</v>
      </c>
      <c r="AE1766" s="7">
        <v>197.29010182299999</v>
      </c>
      <c r="AF1766" s="7">
        <v>198.4352264</v>
      </c>
      <c r="AG1766" s="9">
        <v>18424.817458600002</v>
      </c>
      <c r="AH1766" s="13">
        <v>0.86173964329411168</v>
      </c>
      <c r="AI1766" s="9">
        <v>1767.8015582000007</v>
      </c>
      <c r="AJ1766" s="13">
        <v>8.2681127647589558E-2</v>
      </c>
      <c r="AK1766" s="9">
        <v>4639.1219743000001</v>
      </c>
      <c r="AL1766" s="13">
        <v>0.20040479270852343</v>
      </c>
      <c r="AM1766" s="9">
        <v>12017.893926100001</v>
      </c>
      <c r="AN1766" s="13">
        <v>0.4324869006644288</v>
      </c>
      <c r="AO1766" s="9">
        <v>16657.015900400002</v>
      </c>
      <c r="AP1766" s="13">
        <v>0.71956414104975885</v>
      </c>
      <c r="AQ1766" s="9">
        <v>21380.956071799999</v>
      </c>
      <c r="AR1766" s="9">
        <v>20541.202577700002</v>
      </c>
      <c r="AS1766" s="9">
        <v>23457.173072699999</v>
      </c>
      <c r="AT1766" s="9">
        <v>23527.463581799999</v>
      </c>
      <c r="AU1766" s="9">
        <v>24670.14518</v>
      </c>
      <c r="AV1766" s="9">
        <v>23703.448254300001</v>
      </c>
      <c r="AW1766" s="9">
        <v>23148.75763</v>
      </c>
      <c r="AX1766" s="9">
        <v>28973.168059299998</v>
      </c>
      <c r="AY1766" s="9">
        <v>25563.815896700002</v>
      </c>
      <c r="AZ1766" s="9">
        <v>27787.8796043</v>
      </c>
      <c r="BA1766" s="9">
        <v>31714.007275399999</v>
      </c>
      <c r="BB1766" s="9">
        <v>35058.230926600001</v>
      </c>
      <c r="BC1766" s="9">
        <v>32411.0754026</v>
      </c>
      <c r="BD1766" s="9">
        <v>33444.173536599999</v>
      </c>
      <c r="BE1766" s="9">
        <v>37519.9324462</v>
      </c>
      <c r="BF1766" s="9">
        <v>39805.773530400002</v>
      </c>
      <c r="BG1766" s="11">
        <v>2</v>
      </c>
      <c r="BH1766" s="13">
        <v>0.15384615384615385</v>
      </c>
      <c r="BI1766" s="6">
        <v>-1</v>
      </c>
      <c r="BJ1766" s="13">
        <v>-7.6923076923076927E-2</v>
      </c>
      <c r="BK1766" s="6">
        <v>3</v>
      </c>
      <c r="BL1766" s="13">
        <v>0.25</v>
      </c>
      <c r="BM1766" s="11">
        <v>0</v>
      </c>
      <c r="BN1766" s="13">
        <v>0</v>
      </c>
      <c r="BO1766" s="11">
        <v>3</v>
      </c>
      <c r="BP1766" s="13">
        <v>0.25</v>
      </c>
      <c r="BQ1766" s="6">
        <v>13</v>
      </c>
      <c r="BR1766" s="6">
        <v>12</v>
      </c>
      <c r="BS1766" s="6">
        <v>12</v>
      </c>
      <c r="BT1766" s="6">
        <v>12</v>
      </c>
      <c r="BU1766" s="6">
        <v>13</v>
      </c>
      <c r="BV1766" s="6">
        <v>13</v>
      </c>
      <c r="BW1766" s="6">
        <v>15</v>
      </c>
      <c r="BX1766" s="6">
        <v>16</v>
      </c>
      <c r="BY1766" s="6">
        <v>15</v>
      </c>
      <c r="BZ1766" s="6">
        <v>14</v>
      </c>
      <c r="CA1766" s="6">
        <v>13</v>
      </c>
      <c r="CB1766" s="6">
        <v>14</v>
      </c>
      <c r="CC1766" s="11">
        <v>15</v>
      </c>
      <c r="CD1766" s="11">
        <v>62.101799999999997</v>
      </c>
      <c r="CE1766" s="11">
        <v>-12.208600000000001</v>
      </c>
      <c r="CF1766" s="11">
        <v>14.6374</v>
      </c>
      <c r="CG1766" s="11">
        <v>3</v>
      </c>
      <c r="CH1766" s="20">
        <v>0.26008500000000001</v>
      </c>
      <c r="CI1766" s="20">
        <v>0.38166800000000001</v>
      </c>
      <c r="CJ1766" s="20">
        <v>0.30543199999999998</v>
      </c>
      <c r="CK1766" s="20">
        <v>0.37683699999999998</v>
      </c>
      <c r="CL1766" s="20">
        <v>0.48487999999999998</v>
      </c>
      <c r="CM1766" s="20">
        <v>0.48589100000000002</v>
      </c>
      <c r="CN1766" s="20">
        <v>0.46372799999999997</v>
      </c>
      <c r="CO1766" s="20">
        <v>0.51286699999999996</v>
      </c>
      <c r="CP1766" s="20">
        <v>0.31667000000000001</v>
      </c>
      <c r="CQ1766" s="20">
        <v>0.38767699999999999</v>
      </c>
      <c r="CR1766" s="20">
        <v>0.37034800000000001</v>
      </c>
      <c r="CS1766" s="20">
        <v>0.48250100000000001</v>
      </c>
      <c r="CT1766" s="20">
        <v>0.44406200000000001</v>
      </c>
      <c r="CU1766" s="20">
        <v>0.36819200000000002</v>
      </c>
      <c r="CV1766" s="20">
        <v>0.37275999999999998</v>
      </c>
      <c r="CW1766" s="20">
        <v>0.32825100000000001</v>
      </c>
      <c r="CX1766" s="20">
        <v>0.32421</v>
      </c>
      <c r="CY1766" s="6" t="s">
        <v>649</v>
      </c>
      <c r="CZ1766" s="6" t="s">
        <v>650</v>
      </c>
      <c r="DA1766" s="6" t="s">
        <v>81</v>
      </c>
      <c r="DB1766" s="6"/>
      <c r="DC1766" s="6">
        <v>28140</v>
      </c>
      <c r="DD1766" s="6">
        <v>312</v>
      </c>
      <c r="DE1766" s="6" t="s">
        <v>402</v>
      </c>
      <c r="DF1766" s="6" t="s">
        <v>375</v>
      </c>
      <c r="DG1766" s="6" t="s">
        <v>364</v>
      </c>
      <c r="DH1766" s="6" t="s">
        <v>419</v>
      </c>
      <c r="DI1766" s="6" t="s">
        <v>377</v>
      </c>
      <c r="DJ1766" s="6">
        <v>29</v>
      </c>
      <c r="DK1766" s="6">
        <v>165</v>
      </c>
      <c r="DL1766" s="6">
        <v>1</v>
      </c>
      <c r="DM1766" s="6" t="s">
        <v>404</v>
      </c>
      <c r="DN1766" s="6">
        <v>1</v>
      </c>
      <c r="DO1766" s="6" t="s">
        <v>405</v>
      </c>
      <c r="DP1766" s="6"/>
      <c r="DQ1766" s="6"/>
    </row>
    <row r="1767" spans="1:121" x14ac:dyDescent="0.2">
      <c r="A1767" s="6" t="s">
        <v>310</v>
      </c>
      <c r="B1767" s="6" t="s">
        <v>310</v>
      </c>
      <c r="C1767" s="6" t="s">
        <v>173</v>
      </c>
      <c r="D1767" s="6" t="s">
        <v>81</v>
      </c>
      <c r="E1767" s="6" t="s">
        <v>222</v>
      </c>
      <c r="F1767" s="11">
        <v>16</v>
      </c>
      <c r="G1767" s="13">
        <v>0.444444444444</v>
      </c>
      <c r="H1767" s="11">
        <v>23.331890999999999</v>
      </c>
      <c r="I1767" s="13">
        <v>0.65465099267967031</v>
      </c>
      <c r="J1767" s="11">
        <v>-3.6288159999999934</v>
      </c>
      <c r="K1767" s="13">
        <v>-6.1534465906405197E-2</v>
      </c>
      <c r="L1767" s="11">
        <v>-3.2160084335000008</v>
      </c>
      <c r="M1767" s="13">
        <v>-5.8110195858853533E-2</v>
      </c>
      <c r="N1767" s="11">
        <v>-6.8448244334999941</v>
      </c>
      <c r="O1767" s="13">
        <v>-0.11606888189936761</v>
      </c>
      <c r="P1767" s="7">
        <v>35.640197999999998</v>
      </c>
      <c r="Q1767" s="7">
        <v>33.424508898299997</v>
      </c>
      <c r="R1767" s="7">
        <v>38.247029801399997</v>
      </c>
      <c r="S1767" s="7">
        <v>33.930441844800001</v>
      </c>
      <c r="T1767" s="7">
        <v>55.580422384599999</v>
      </c>
      <c r="U1767" s="7">
        <v>61.680148000000003</v>
      </c>
      <c r="V1767" s="7">
        <v>58.972088999999997</v>
      </c>
      <c r="W1767" s="7">
        <v>32.702862000000003</v>
      </c>
      <c r="X1767" s="7">
        <v>62.033783999999997</v>
      </c>
      <c r="Y1767" s="7">
        <v>55.343273000000003</v>
      </c>
      <c r="Z1767" s="7">
        <v>52.376601000000001</v>
      </c>
      <c r="AA1767" s="7">
        <v>34.915072000000002</v>
      </c>
      <c r="AB1767" s="7">
        <v>43.918191999999998</v>
      </c>
      <c r="AC1767" s="7">
        <v>36.969710936600002</v>
      </c>
      <c r="AD1767" s="7">
        <v>39.480691253300002</v>
      </c>
      <c r="AE1767" s="7">
        <v>51.754381791</v>
      </c>
      <c r="AF1767" s="7">
        <v>52.127264566500003</v>
      </c>
      <c r="AG1767" s="9">
        <v>38186.872414099998</v>
      </c>
      <c r="AH1767" s="13">
        <v>0.77136872500597109</v>
      </c>
      <c r="AI1767" s="9">
        <v>5560.4110602000001</v>
      </c>
      <c r="AJ1767" s="13">
        <v>0.11231941551808967</v>
      </c>
      <c r="AK1767" s="9">
        <v>4047.1434223999968</v>
      </c>
      <c r="AL1767" s="13">
        <v>7.3496560192794325E-2</v>
      </c>
      <c r="AM1767" s="9">
        <v>28579.317931500002</v>
      </c>
      <c r="AN1767" s="13">
        <v>0.48347010061543205</v>
      </c>
      <c r="AO1767" s="9">
        <v>32626.461353899998</v>
      </c>
      <c r="AP1767" s="13">
        <v>0.59250005015952478</v>
      </c>
      <c r="AQ1767" s="9">
        <v>49505.341837400003</v>
      </c>
      <c r="AR1767" s="9">
        <v>64649.927125200004</v>
      </c>
      <c r="AS1767" s="9">
        <v>48754.556024199999</v>
      </c>
      <c r="AT1767" s="9">
        <v>52806.553870399999</v>
      </c>
      <c r="AU1767" s="9">
        <v>53377.449806800003</v>
      </c>
      <c r="AV1767" s="9">
        <v>64084.947920300001</v>
      </c>
      <c r="AW1767" s="9">
        <v>55065.752897600003</v>
      </c>
      <c r="AX1767" s="9">
        <v>31940.8541725</v>
      </c>
      <c r="AY1767" s="9">
        <v>54569.568288900002</v>
      </c>
      <c r="AZ1767" s="9">
        <v>59112.89632</v>
      </c>
      <c r="BA1767" s="9">
        <v>58918.542947000002</v>
      </c>
      <c r="BB1767" s="9">
        <v>28222.6820573</v>
      </c>
      <c r="BC1767" s="9">
        <v>52271.601887299999</v>
      </c>
      <c r="BD1767" s="9">
        <v>95980.500366499997</v>
      </c>
      <c r="BE1767" s="9">
        <v>94592.253731000004</v>
      </c>
      <c r="BF1767" s="9">
        <v>87692.214251500001</v>
      </c>
      <c r="BG1767" s="11">
        <v>0</v>
      </c>
      <c r="BH1767" s="13">
        <v>0</v>
      </c>
      <c r="BI1767" s="6">
        <v>1</v>
      </c>
      <c r="BJ1767" s="13">
        <v>0.33333333333333331</v>
      </c>
      <c r="BK1767" s="6">
        <v>-1</v>
      </c>
      <c r="BL1767" s="13">
        <v>-0.25</v>
      </c>
      <c r="BM1767" s="11">
        <v>0</v>
      </c>
      <c r="BN1767" s="13">
        <v>0</v>
      </c>
      <c r="BO1767" s="11">
        <v>-1</v>
      </c>
      <c r="BP1767" s="13">
        <v>-0.25</v>
      </c>
      <c r="BQ1767" s="6">
        <v>3</v>
      </c>
      <c r="BR1767" s="6">
        <v>4</v>
      </c>
      <c r="BS1767" s="6">
        <v>4</v>
      </c>
      <c r="BT1767" s="6">
        <v>4</v>
      </c>
      <c r="BU1767" s="6">
        <v>3</v>
      </c>
      <c r="BV1767" s="6">
        <v>3</v>
      </c>
      <c r="BW1767" s="6">
        <v>3</v>
      </c>
      <c r="BX1767" s="6">
        <v>3</v>
      </c>
      <c r="BY1767" s="6">
        <v>3</v>
      </c>
      <c r="BZ1767" s="6">
        <v>3</v>
      </c>
      <c r="CA1767" s="6">
        <v>3</v>
      </c>
      <c r="CB1767" s="6">
        <v>3</v>
      </c>
      <c r="CC1767" s="11">
        <v>3</v>
      </c>
      <c r="CD1767" s="11">
        <v>8.8935700000000004</v>
      </c>
      <c r="CE1767" s="11">
        <v>3.6975899999999999</v>
      </c>
      <c r="CF1767" s="11">
        <v>3.8959000000000001</v>
      </c>
      <c r="CG1767" s="11">
        <v>8</v>
      </c>
      <c r="CH1767" s="20">
        <v>0.24398700000000001</v>
      </c>
      <c r="CI1767" s="20">
        <v>0.24348800000000001</v>
      </c>
      <c r="CJ1767" s="20">
        <v>0.26804499999999998</v>
      </c>
      <c r="CK1767" s="20">
        <v>0.22420200000000001</v>
      </c>
      <c r="CL1767" s="20">
        <v>0.351522</v>
      </c>
      <c r="CM1767" s="20">
        <v>0.35116900000000001</v>
      </c>
      <c r="CN1767" s="20">
        <v>0.305309</v>
      </c>
      <c r="CO1767" s="20">
        <v>0.15178700000000001</v>
      </c>
      <c r="CP1767" s="20">
        <v>0.310388</v>
      </c>
      <c r="CQ1767" s="20">
        <v>0.27354299999999998</v>
      </c>
      <c r="CR1767" s="20">
        <v>0.23427899999999999</v>
      </c>
      <c r="CS1767" s="20">
        <v>0.14463699999999999</v>
      </c>
      <c r="CT1767" s="20">
        <v>0.17966599999999999</v>
      </c>
      <c r="CU1767" s="20">
        <v>0.14408499999999999</v>
      </c>
      <c r="CV1767" s="20">
        <v>0.172263</v>
      </c>
      <c r="CW1767" s="20">
        <v>0.25724599999999997</v>
      </c>
      <c r="CX1767" s="20">
        <v>0.251944</v>
      </c>
      <c r="CY1767" s="6" t="s">
        <v>649</v>
      </c>
      <c r="CZ1767" s="6" t="s">
        <v>650</v>
      </c>
      <c r="DA1767" s="6" t="s">
        <v>81</v>
      </c>
      <c r="DB1767" s="6"/>
      <c r="DC1767" s="6">
        <v>28140</v>
      </c>
      <c r="DD1767" s="6">
        <v>312</v>
      </c>
      <c r="DE1767" s="6" t="s">
        <v>402</v>
      </c>
      <c r="DF1767" s="6" t="s">
        <v>375</v>
      </c>
      <c r="DG1767" s="6" t="s">
        <v>364</v>
      </c>
      <c r="DH1767" s="6" t="s">
        <v>419</v>
      </c>
      <c r="DI1767" s="6" t="s">
        <v>377</v>
      </c>
      <c r="DJ1767" s="6">
        <v>29</v>
      </c>
      <c r="DK1767" s="6">
        <v>165</v>
      </c>
      <c r="DL1767" s="6">
        <v>1</v>
      </c>
      <c r="DM1767" s="6" t="s">
        <v>404</v>
      </c>
      <c r="DN1767" s="6">
        <v>1</v>
      </c>
      <c r="DO1767" s="6" t="s">
        <v>405</v>
      </c>
      <c r="DP1767" s="6"/>
      <c r="DQ1767" s="6"/>
    </row>
    <row r="1768" spans="1:121" x14ac:dyDescent="0.2">
      <c r="A1768" s="6" t="s">
        <v>311</v>
      </c>
      <c r="B1768" s="6" t="s">
        <v>311</v>
      </c>
      <c r="C1768" s="6" t="s">
        <v>174</v>
      </c>
      <c r="D1768" s="6" t="s">
        <v>81</v>
      </c>
      <c r="E1768" s="6" t="s">
        <v>222</v>
      </c>
      <c r="F1768" s="11">
        <v>109</v>
      </c>
      <c r="G1768" s="13">
        <v>0.622857142857</v>
      </c>
      <c r="H1768" s="11">
        <v>7.3424320000000023</v>
      </c>
      <c r="I1768" s="13">
        <v>4.2007803849264079E-2</v>
      </c>
      <c r="J1768" s="11">
        <v>170.90134000000003</v>
      </c>
      <c r="K1768" s="13">
        <v>0.93834931374341823</v>
      </c>
      <c r="L1768" s="11">
        <v>-68.969568258000038</v>
      </c>
      <c r="M1768" s="13">
        <v>-0.19536399847259928</v>
      </c>
      <c r="N1768" s="11">
        <v>101.931771742</v>
      </c>
      <c r="O1768" s="13">
        <v>0.5596656413738853</v>
      </c>
      <c r="P1768" s="7">
        <v>174.78733299999999</v>
      </c>
      <c r="Q1768" s="7">
        <v>182.25424599999999</v>
      </c>
      <c r="R1768" s="7">
        <v>172.94372300000001</v>
      </c>
      <c r="S1768" s="7">
        <v>172.39265</v>
      </c>
      <c r="T1768" s="7">
        <v>174.045332</v>
      </c>
      <c r="U1768" s="7">
        <v>169.15252799999999</v>
      </c>
      <c r="V1768" s="7">
        <v>182.12976499999999</v>
      </c>
      <c r="W1768" s="7">
        <v>200.51043200000001</v>
      </c>
      <c r="X1768" s="7">
        <v>209.796325</v>
      </c>
      <c r="Y1768" s="7">
        <v>353.03110500000003</v>
      </c>
      <c r="Z1768" s="7">
        <v>370.92501199999998</v>
      </c>
      <c r="AA1768" s="7">
        <v>373.07607100000001</v>
      </c>
      <c r="AB1768" s="7">
        <v>281.79230826399998</v>
      </c>
      <c r="AC1768" s="7">
        <v>284.10031975599998</v>
      </c>
      <c r="AD1768" s="7">
        <v>286.61281929500001</v>
      </c>
      <c r="AE1768" s="7">
        <v>284.971173975</v>
      </c>
      <c r="AF1768" s="7">
        <v>284.06153674199999</v>
      </c>
      <c r="AG1768" s="9">
        <v>53842.597617699983</v>
      </c>
      <c r="AH1768" s="13">
        <v>0.6249429858007618</v>
      </c>
      <c r="AI1768" s="9">
        <v>21205.313254699999</v>
      </c>
      <c r="AJ1768" s="13">
        <v>0.24612690261207321</v>
      </c>
      <c r="AK1768" s="9">
        <v>42833.208641999983</v>
      </c>
      <c r="AL1768" s="13">
        <v>0.39896310067308011</v>
      </c>
      <c r="AM1768" s="9">
        <v>-10195.924278999999</v>
      </c>
      <c r="AN1768" s="13">
        <v>-6.7884787627304086E-2</v>
      </c>
      <c r="AO1768" s="9">
        <v>32637.284362999984</v>
      </c>
      <c r="AP1768" s="13">
        <v>0.30399478768545324</v>
      </c>
      <c r="AQ1768" s="9">
        <v>86156.015574300007</v>
      </c>
      <c r="AR1768" s="9">
        <v>85309.144851399993</v>
      </c>
      <c r="AS1768" s="9">
        <v>83327.804295599999</v>
      </c>
      <c r="AT1768" s="9">
        <v>84775.593745999999</v>
      </c>
      <c r="AU1768" s="9">
        <v>94105.762066399999</v>
      </c>
      <c r="AV1768" s="9">
        <v>112007.43717999999</v>
      </c>
      <c r="AW1768" s="9">
        <v>107361.32882900001</v>
      </c>
      <c r="AX1768" s="9">
        <v>117592.22478</v>
      </c>
      <c r="AY1768" s="9">
        <v>131718.993048</v>
      </c>
      <c r="AZ1768" s="9">
        <v>150194.53747099999</v>
      </c>
      <c r="BA1768" s="9">
        <v>164052.04774499999</v>
      </c>
      <c r="BB1768" s="9">
        <v>127219.750063</v>
      </c>
      <c r="BC1768" s="9">
        <v>144838.47654800001</v>
      </c>
      <c r="BD1768" s="9">
        <v>141802.603562</v>
      </c>
      <c r="BE1768" s="9">
        <v>143588.54826499999</v>
      </c>
      <c r="BF1768" s="9">
        <v>139998.61319199999</v>
      </c>
      <c r="BG1768" s="11">
        <v>1.25</v>
      </c>
      <c r="BH1768" s="13">
        <v>0.17857142857142858</v>
      </c>
      <c r="BI1768" s="6">
        <v>1</v>
      </c>
      <c r="BJ1768" s="13">
        <v>0.14285714285714285</v>
      </c>
      <c r="BK1768" s="6">
        <v>1</v>
      </c>
      <c r="BL1768" s="13">
        <v>0.125</v>
      </c>
      <c r="BM1768" s="11">
        <v>-0.75</v>
      </c>
      <c r="BN1768" s="13">
        <v>-8.3333333333333329E-2</v>
      </c>
      <c r="BO1768" s="11">
        <v>0.25</v>
      </c>
      <c r="BP1768" s="13">
        <v>3.125E-2</v>
      </c>
      <c r="BQ1768" s="6">
        <v>7</v>
      </c>
      <c r="BR1768" s="6">
        <v>7</v>
      </c>
      <c r="BS1768" s="6">
        <v>7</v>
      </c>
      <c r="BT1768" s="6">
        <v>8</v>
      </c>
      <c r="BU1768" s="6">
        <v>7</v>
      </c>
      <c r="BV1768" s="6">
        <v>8</v>
      </c>
      <c r="BW1768" s="6">
        <v>9</v>
      </c>
      <c r="BX1768" s="6">
        <v>10</v>
      </c>
      <c r="BY1768" s="6">
        <v>10</v>
      </c>
      <c r="BZ1768" s="6">
        <v>8</v>
      </c>
      <c r="CA1768" s="6">
        <v>8</v>
      </c>
      <c r="CB1768" s="6">
        <v>8</v>
      </c>
      <c r="CC1768" s="11">
        <v>8.25</v>
      </c>
      <c r="CD1768" s="11">
        <v>118.631</v>
      </c>
      <c r="CE1768" s="11">
        <v>-28.463000000000001</v>
      </c>
      <c r="CF1768" s="11">
        <v>19.106400000000001</v>
      </c>
      <c r="CG1768" s="11">
        <v>-9</v>
      </c>
      <c r="CH1768" s="20">
        <v>1.0921099999999999</v>
      </c>
      <c r="CI1768" s="20">
        <v>1.1639200000000001</v>
      </c>
      <c r="CJ1768" s="20">
        <v>1.08185</v>
      </c>
      <c r="CK1768" s="20">
        <v>1.0793900000000001</v>
      </c>
      <c r="CL1768" s="20">
        <v>1.1522399999999999</v>
      </c>
      <c r="CM1768" s="20">
        <v>1.11635</v>
      </c>
      <c r="CN1768" s="20">
        <v>1.1619699999999999</v>
      </c>
      <c r="CO1768" s="20">
        <v>1.2173400000000001</v>
      </c>
      <c r="CP1768" s="20">
        <v>1.23278</v>
      </c>
      <c r="CQ1768" s="20">
        <v>2.1116299999999999</v>
      </c>
      <c r="CR1768" s="20">
        <v>2.2495400000000001</v>
      </c>
      <c r="CS1768" s="20">
        <v>2.2877000000000001</v>
      </c>
      <c r="CT1768" s="20">
        <v>1.74071</v>
      </c>
      <c r="CU1768" s="20">
        <v>1.71644</v>
      </c>
      <c r="CV1768" s="20">
        <v>1.71763</v>
      </c>
      <c r="CW1768" s="20">
        <v>1.6507000000000001</v>
      </c>
      <c r="CX1768" s="20">
        <v>1.60605</v>
      </c>
      <c r="CY1768" s="6" t="s">
        <v>649</v>
      </c>
      <c r="CZ1768" s="6" t="s">
        <v>650</v>
      </c>
      <c r="DA1768" s="6" t="s">
        <v>81</v>
      </c>
      <c r="DB1768" s="6"/>
      <c r="DC1768" s="6">
        <v>28140</v>
      </c>
      <c r="DD1768" s="6">
        <v>312</v>
      </c>
      <c r="DE1768" s="6" t="s">
        <v>402</v>
      </c>
      <c r="DF1768" s="6" t="s">
        <v>375</v>
      </c>
      <c r="DG1768" s="6" t="s">
        <v>364</v>
      </c>
      <c r="DH1768" s="6" t="s">
        <v>419</v>
      </c>
      <c r="DI1768" s="6" t="s">
        <v>377</v>
      </c>
      <c r="DJ1768" s="6">
        <v>29</v>
      </c>
      <c r="DK1768" s="6">
        <v>165</v>
      </c>
      <c r="DL1768" s="6">
        <v>1</v>
      </c>
      <c r="DM1768" s="6" t="s">
        <v>404</v>
      </c>
      <c r="DN1768" s="6">
        <v>1</v>
      </c>
      <c r="DO1768" s="6" t="s">
        <v>405</v>
      </c>
      <c r="DP1768" s="6"/>
      <c r="DQ1768" s="6"/>
    </row>
    <row r="1769" spans="1:121" x14ac:dyDescent="0.2">
      <c r="A1769" s="6" t="s">
        <v>312</v>
      </c>
      <c r="B1769" s="6" t="s">
        <v>312</v>
      </c>
      <c r="C1769" s="6" t="s">
        <v>175</v>
      </c>
      <c r="D1769" s="6" t="s">
        <v>81</v>
      </c>
      <c r="E1769" s="6" t="s">
        <v>222</v>
      </c>
      <c r="F1769" s="11">
        <v>436</v>
      </c>
      <c r="G1769" s="13">
        <v>0.21237213833400001</v>
      </c>
      <c r="H1769" s="11">
        <v>-2.8383500000018103E-2</v>
      </c>
      <c r="I1769" s="13">
        <v>-1.3826381322754068E-5</v>
      </c>
      <c r="J1769" s="11">
        <v>-79.870919110000159</v>
      </c>
      <c r="K1769" s="13">
        <v>-3.8907853268748231E-2</v>
      </c>
      <c r="L1769" s="11">
        <v>516.50315739999996</v>
      </c>
      <c r="M1769" s="13">
        <v>0.26179210155343352</v>
      </c>
      <c r="N1769" s="11">
        <v>436.6322382899998</v>
      </c>
      <c r="O1769" s="13">
        <v>0.21269847961052707</v>
      </c>
      <c r="P1769" s="7">
        <v>2052.8509475800001</v>
      </c>
      <c r="Q1769" s="7">
        <v>1959.9052157399999</v>
      </c>
      <c r="R1769" s="7">
        <v>1961.1139992400001</v>
      </c>
      <c r="S1769" s="7">
        <v>2183.6537035299998</v>
      </c>
      <c r="T1769" s="7">
        <v>2215.7106553200001</v>
      </c>
      <c r="U1769" s="7">
        <v>2265.4659910400001</v>
      </c>
      <c r="V1769" s="7">
        <v>2052.8225640800001</v>
      </c>
      <c r="W1769" s="7">
        <v>2437.6702928899999</v>
      </c>
      <c r="X1769" s="7">
        <v>3008.98952108</v>
      </c>
      <c r="Y1769" s="7">
        <v>1972.95164497</v>
      </c>
      <c r="Z1769" s="7">
        <v>1651.4077293400001</v>
      </c>
      <c r="AA1769" s="7">
        <v>1839.3714734600001</v>
      </c>
      <c r="AB1769" s="7">
        <v>1899.63012546</v>
      </c>
      <c r="AC1769" s="7">
        <v>1846.0091183300001</v>
      </c>
      <c r="AD1769" s="7">
        <v>2145.83285867</v>
      </c>
      <c r="AE1769" s="7">
        <v>2396.3648454700001</v>
      </c>
      <c r="AF1769" s="7">
        <v>2489.4548023699999</v>
      </c>
      <c r="AG1769" s="9">
        <v>23020.724142999999</v>
      </c>
      <c r="AH1769" s="13">
        <v>0.5826753583768659</v>
      </c>
      <c r="AI1769" s="9">
        <v>4435.6087830000033</v>
      </c>
      <c r="AJ1769" s="13">
        <v>0.11226927186128444</v>
      </c>
      <c r="AK1769" s="9">
        <v>9842.2679610999985</v>
      </c>
      <c r="AL1769" s="13">
        <v>0.22397158150496241</v>
      </c>
      <c r="AM1769" s="9">
        <v>8742.8473988999976</v>
      </c>
      <c r="AN1769" s="13">
        <v>0.16254712618664671</v>
      </c>
      <c r="AO1769" s="9">
        <v>18585.115359999996</v>
      </c>
      <c r="AP1769" s="13">
        <v>0.42292464461271906</v>
      </c>
      <c r="AQ1769" s="9">
        <v>39508.662606099999</v>
      </c>
      <c r="AR1769" s="9">
        <v>39353.323816999997</v>
      </c>
      <c r="AS1769" s="9">
        <v>40231.810537999998</v>
      </c>
      <c r="AT1769" s="9">
        <v>40556.041608200001</v>
      </c>
      <c r="AU1769" s="9">
        <v>42101.515914399999</v>
      </c>
      <c r="AV1769" s="9">
        <v>42185.607783400003</v>
      </c>
      <c r="AW1769" s="9">
        <v>43944.271389100002</v>
      </c>
      <c r="AX1769" s="9">
        <v>53155.723697399997</v>
      </c>
      <c r="AY1769" s="9">
        <v>67306.969861399994</v>
      </c>
      <c r="AZ1769" s="9">
        <v>53786.539350200001</v>
      </c>
      <c r="BA1769" s="9">
        <v>46575.018842400001</v>
      </c>
      <c r="BB1769" s="9">
        <v>53113.794763400001</v>
      </c>
      <c r="BC1769" s="9">
        <v>48789.021243199997</v>
      </c>
      <c r="BD1769" s="9">
        <v>51989.671678799998</v>
      </c>
      <c r="BE1769" s="9">
        <v>57210.210314099997</v>
      </c>
      <c r="BF1769" s="9">
        <v>62529.386749099998</v>
      </c>
      <c r="BG1769" s="11">
        <v>-62.75</v>
      </c>
      <c r="BH1769" s="13">
        <v>-0.22410714285714287</v>
      </c>
      <c r="BI1769" s="6">
        <v>19</v>
      </c>
      <c r="BJ1769" s="13">
        <v>6.7857142857142852E-2</v>
      </c>
      <c r="BK1769" s="6">
        <v>-56</v>
      </c>
      <c r="BL1769" s="13">
        <v>-0.18729096989966554</v>
      </c>
      <c r="BM1769" s="11">
        <v>-25.75</v>
      </c>
      <c r="BN1769" s="13">
        <v>-0.10596707818930041</v>
      </c>
      <c r="BO1769" s="11">
        <v>-81.75</v>
      </c>
      <c r="BP1769" s="13">
        <v>-0.27341137123745818</v>
      </c>
      <c r="BQ1769" s="6">
        <v>280</v>
      </c>
      <c r="BR1769" s="6">
        <v>296</v>
      </c>
      <c r="BS1769" s="6">
        <v>290</v>
      </c>
      <c r="BT1769" s="6">
        <v>299</v>
      </c>
      <c r="BU1769" s="6">
        <v>277</v>
      </c>
      <c r="BV1769" s="6">
        <v>262</v>
      </c>
      <c r="BW1769" s="6">
        <v>243</v>
      </c>
      <c r="BX1769" s="6">
        <v>226</v>
      </c>
      <c r="BY1769" s="6">
        <v>217</v>
      </c>
      <c r="BZ1769" s="6">
        <v>214</v>
      </c>
      <c r="CA1769" s="6">
        <v>218</v>
      </c>
      <c r="CB1769" s="6">
        <v>229</v>
      </c>
      <c r="CC1769" s="11">
        <v>217.25</v>
      </c>
      <c r="CD1769" s="11">
        <v>460.85500000000002</v>
      </c>
      <c r="CE1769" s="11">
        <v>-248.65199999999999</v>
      </c>
      <c r="CF1769" s="11">
        <v>224.40100000000001</v>
      </c>
      <c r="CG1769" s="11">
        <v>-25</v>
      </c>
      <c r="CH1769" s="20">
        <v>0.88433200000000001</v>
      </c>
      <c r="CI1769" s="20">
        <v>0.85697900000000005</v>
      </c>
      <c r="CJ1769" s="20">
        <v>0.80267299999999997</v>
      </c>
      <c r="CK1769" s="20">
        <v>0.83875500000000003</v>
      </c>
      <c r="CL1769" s="20">
        <v>0.83897100000000002</v>
      </c>
      <c r="CM1769" s="20">
        <v>0.81440000000000001</v>
      </c>
      <c r="CN1769" s="20">
        <v>0.72299400000000003</v>
      </c>
      <c r="CO1769" s="20">
        <v>0.87680400000000003</v>
      </c>
      <c r="CP1769" s="20">
        <v>1.2082999999999999</v>
      </c>
      <c r="CQ1769" s="20">
        <v>0.86279399999999995</v>
      </c>
      <c r="CR1769" s="20">
        <v>0.73993500000000001</v>
      </c>
      <c r="CS1769" s="20">
        <v>0.82545599999999997</v>
      </c>
      <c r="CT1769" s="20">
        <v>0.83800399999999997</v>
      </c>
      <c r="CU1769" s="20">
        <v>0.77229700000000001</v>
      </c>
      <c r="CV1769" s="20">
        <v>0.86581799999999998</v>
      </c>
      <c r="CW1769" s="20">
        <v>0.91530100000000003</v>
      </c>
      <c r="CX1769" s="20">
        <v>0.92943299999999995</v>
      </c>
      <c r="CY1769" s="6" t="s">
        <v>649</v>
      </c>
      <c r="CZ1769" s="6" t="s">
        <v>650</v>
      </c>
      <c r="DA1769" s="6" t="s">
        <v>81</v>
      </c>
      <c r="DB1769" s="6"/>
      <c r="DC1769" s="6">
        <v>28140</v>
      </c>
      <c r="DD1769" s="6">
        <v>312</v>
      </c>
      <c r="DE1769" s="6" t="s">
        <v>402</v>
      </c>
      <c r="DF1769" s="6" t="s">
        <v>375</v>
      </c>
      <c r="DG1769" s="6" t="s">
        <v>364</v>
      </c>
      <c r="DH1769" s="6" t="s">
        <v>419</v>
      </c>
      <c r="DI1769" s="6" t="s">
        <v>377</v>
      </c>
      <c r="DJ1769" s="6">
        <v>29</v>
      </c>
      <c r="DK1769" s="6">
        <v>165</v>
      </c>
      <c r="DL1769" s="6">
        <v>1</v>
      </c>
      <c r="DM1769" s="6" t="s">
        <v>404</v>
      </c>
      <c r="DN1769" s="6">
        <v>1</v>
      </c>
      <c r="DO1769" s="6" t="s">
        <v>405</v>
      </c>
      <c r="DP1769" s="6"/>
      <c r="DQ1769" s="6"/>
    </row>
    <row r="1770" spans="1:121" x14ac:dyDescent="0.2">
      <c r="A1770" s="6" t="s">
        <v>792</v>
      </c>
      <c r="B1770" s="6" t="s">
        <v>176</v>
      </c>
      <c r="C1770" s="6" t="s">
        <v>177</v>
      </c>
      <c r="D1770" s="6" t="s">
        <v>81</v>
      </c>
      <c r="E1770" s="6" t="s">
        <v>222</v>
      </c>
      <c r="F1770" s="11">
        <v>1902</v>
      </c>
      <c r="G1770" s="13">
        <v>0.74500587544100005</v>
      </c>
      <c r="H1770" s="11">
        <v>468.67517033000013</v>
      </c>
      <c r="I1770" s="13">
        <v>0.18359858684193175</v>
      </c>
      <c r="J1770" s="11">
        <v>-490.42579720000003</v>
      </c>
      <c r="K1770" s="13">
        <v>-0.16231784080720824</v>
      </c>
      <c r="L1770" s="11">
        <v>1923.8978534500002</v>
      </c>
      <c r="M1770" s="13">
        <v>0.76014368925922549</v>
      </c>
      <c r="N1770" s="11">
        <v>1433.4720562500002</v>
      </c>
      <c r="O1770" s="13">
        <v>0.47444096610823422</v>
      </c>
      <c r="P1770" s="7">
        <v>2552.7166542599998</v>
      </c>
      <c r="Q1770" s="7">
        <v>2786.56300474</v>
      </c>
      <c r="R1770" s="7">
        <v>2811.4811926100001</v>
      </c>
      <c r="S1770" s="7">
        <v>2959.7328148199999</v>
      </c>
      <c r="T1770" s="7">
        <v>2878.8764487799999</v>
      </c>
      <c r="U1770" s="7">
        <v>2835.1842677099999</v>
      </c>
      <c r="V1770" s="7">
        <v>3021.3918245899999</v>
      </c>
      <c r="W1770" s="7">
        <v>2798.8977713600002</v>
      </c>
      <c r="X1770" s="7">
        <v>2427.8891806299998</v>
      </c>
      <c r="Y1770" s="7">
        <v>2530.9660273899999</v>
      </c>
      <c r="Z1770" s="7">
        <v>2764.0432541700002</v>
      </c>
      <c r="AA1770" s="7">
        <v>3229.0937893099999</v>
      </c>
      <c r="AB1770" s="7">
        <v>3406.8780900000002</v>
      </c>
      <c r="AC1770" s="7">
        <v>3743.2927663300002</v>
      </c>
      <c r="AD1770" s="7">
        <v>3598.00315473</v>
      </c>
      <c r="AE1770" s="7">
        <v>4232.8693111499997</v>
      </c>
      <c r="AF1770" s="7">
        <v>4454.8638808400001</v>
      </c>
      <c r="AG1770" s="9">
        <v>13231.411428699997</v>
      </c>
      <c r="AH1770" s="13">
        <v>0.24938454896741835</v>
      </c>
      <c r="AI1770" s="9">
        <v>8051.8497152999989</v>
      </c>
      <c r="AJ1770" s="13">
        <v>0.15176059790930521</v>
      </c>
      <c r="AK1770" s="9">
        <v>3845.6409625000015</v>
      </c>
      <c r="AL1770" s="13">
        <v>6.2931761280755921E-2</v>
      </c>
      <c r="AM1770" s="9">
        <v>1333.9207508999971</v>
      </c>
      <c r="AN1770" s="13">
        <v>2.0536470032618857E-2</v>
      </c>
      <c r="AO1770" s="9">
        <v>5179.5617133999986</v>
      </c>
      <c r="AP1770" s="13">
        <v>8.4760627543016942E-2</v>
      </c>
      <c r="AQ1770" s="9">
        <v>53056.2598344</v>
      </c>
      <c r="AR1770" s="9">
        <v>56609.377365200002</v>
      </c>
      <c r="AS1770" s="9">
        <v>57781.486666299999</v>
      </c>
      <c r="AT1770" s="9">
        <v>57862.059007299998</v>
      </c>
      <c r="AU1770" s="9">
        <v>56713.914283300001</v>
      </c>
      <c r="AV1770" s="9">
        <v>57215.7302996</v>
      </c>
      <c r="AW1770" s="9">
        <v>61108.109549699999</v>
      </c>
      <c r="AX1770" s="9">
        <v>64293.925751000002</v>
      </c>
      <c r="AY1770" s="9">
        <v>64571.910890599996</v>
      </c>
      <c r="AZ1770" s="9">
        <v>64953.7505122</v>
      </c>
      <c r="BA1770" s="9">
        <v>70048.239135399999</v>
      </c>
      <c r="BB1770" s="9">
        <v>65703.870018000001</v>
      </c>
      <c r="BC1770" s="9">
        <v>63691.224116400001</v>
      </c>
      <c r="BD1770" s="9">
        <v>63093.121777699998</v>
      </c>
      <c r="BE1770" s="9">
        <v>69825.902890199999</v>
      </c>
      <c r="BF1770" s="9">
        <v>66287.671263099997</v>
      </c>
      <c r="BG1770" s="11">
        <v>7</v>
      </c>
      <c r="BH1770" s="13">
        <v>0.1044776119402985</v>
      </c>
      <c r="BI1770" s="6">
        <v>-1</v>
      </c>
      <c r="BJ1770" s="13">
        <v>-1.4925373134328358E-2</v>
      </c>
      <c r="BK1770" s="6">
        <v>-6</v>
      </c>
      <c r="BL1770" s="13">
        <v>-9.0909090909090912E-2</v>
      </c>
      <c r="BM1770" s="11">
        <v>14</v>
      </c>
      <c r="BN1770" s="13">
        <v>0.23333333333333334</v>
      </c>
      <c r="BO1770" s="11">
        <v>8</v>
      </c>
      <c r="BP1770" s="13">
        <v>0.12121212121212122</v>
      </c>
      <c r="BQ1770" s="6">
        <v>67</v>
      </c>
      <c r="BR1770" s="6">
        <v>62</v>
      </c>
      <c r="BS1770" s="6">
        <v>60</v>
      </c>
      <c r="BT1770" s="6">
        <v>66</v>
      </c>
      <c r="BU1770" s="6">
        <v>65</v>
      </c>
      <c r="BV1770" s="6">
        <v>65</v>
      </c>
      <c r="BW1770" s="6">
        <v>60</v>
      </c>
      <c r="BX1770" s="6">
        <v>59</v>
      </c>
      <c r="BY1770" s="6">
        <v>62</v>
      </c>
      <c r="BZ1770" s="6">
        <v>66</v>
      </c>
      <c r="CA1770" s="6">
        <v>72</v>
      </c>
      <c r="CB1770" s="6">
        <v>73</v>
      </c>
      <c r="CC1770" s="11">
        <v>74</v>
      </c>
      <c r="CD1770" s="11">
        <v>2524.16</v>
      </c>
      <c r="CE1770" s="11">
        <v>-901.05200000000002</v>
      </c>
      <c r="CF1770" s="11">
        <v>279.04300000000001</v>
      </c>
      <c r="CG1770" s="11">
        <v>-622</v>
      </c>
      <c r="CH1770" s="20">
        <v>0.57440199999999997</v>
      </c>
      <c r="CI1770" s="20">
        <v>0.68013000000000001</v>
      </c>
      <c r="CJ1770" s="20">
        <v>0.68662500000000004</v>
      </c>
      <c r="CK1770" s="20">
        <v>0.71848500000000004</v>
      </c>
      <c r="CL1770" s="20">
        <v>0.72544900000000001</v>
      </c>
      <c r="CM1770" s="20">
        <v>0.710947</v>
      </c>
      <c r="CN1770" s="20">
        <v>0.75148999999999999</v>
      </c>
      <c r="CO1770" s="20">
        <v>0.69560299999999997</v>
      </c>
      <c r="CP1770" s="20">
        <v>0.66370099999999999</v>
      </c>
      <c r="CQ1770" s="20">
        <v>0.71278300000000006</v>
      </c>
      <c r="CR1770" s="20">
        <v>0.77380899999999997</v>
      </c>
      <c r="CS1770" s="20">
        <v>0.89893299999999998</v>
      </c>
      <c r="CT1770" s="20">
        <v>0.94698099999999996</v>
      </c>
      <c r="CU1770" s="20">
        <v>1.01095</v>
      </c>
      <c r="CV1770" s="20">
        <v>0.96342000000000005</v>
      </c>
      <c r="CW1770" s="20">
        <v>1.09633</v>
      </c>
      <c r="CX1770" s="20">
        <v>1.1350899999999999</v>
      </c>
      <c r="CY1770" s="6" t="s">
        <v>649</v>
      </c>
      <c r="CZ1770" s="6" t="s">
        <v>650</v>
      </c>
      <c r="DA1770" s="6" t="s">
        <v>81</v>
      </c>
      <c r="DB1770" s="6"/>
      <c r="DC1770" s="6">
        <v>28140</v>
      </c>
      <c r="DD1770" s="6">
        <v>312</v>
      </c>
      <c r="DE1770" s="6" t="s">
        <v>402</v>
      </c>
      <c r="DF1770" s="6" t="s">
        <v>375</v>
      </c>
      <c r="DG1770" s="6" t="s">
        <v>364</v>
      </c>
      <c r="DH1770" s="6" t="s">
        <v>419</v>
      </c>
      <c r="DI1770" s="6" t="s">
        <v>377</v>
      </c>
      <c r="DJ1770" s="6">
        <v>29</v>
      </c>
      <c r="DK1770" s="6">
        <v>165</v>
      </c>
      <c r="DL1770" s="6">
        <v>1</v>
      </c>
      <c r="DM1770" s="6" t="s">
        <v>404</v>
      </c>
      <c r="DN1770" s="6">
        <v>1</v>
      </c>
      <c r="DO1770" s="6" t="s">
        <v>405</v>
      </c>
      <c r="DP1770" s="6"/>
      <c r="DQ1770" s="6"/>
    </row>
    <row r="1771" spans="1:121" x14ac:dyDescent="0.2">
      <c r="A1771" s="6" t="s">
        <v>313</v>
      </c>
      <c r="B1771" s="6" t="s">
        <v>313</v>
      </c>
      <c r="C1771" s="6" t="s">
        <v>178</v>
      </c>
      <c r="D1771" s="6" t="s">
        <v>81</v>
      </c>
      <c r="E1771" s="6" t="s">
        <v>222</v>
      </c>
      <c r="F1771" s="11">
        <v>798</v>
      </c>
      <c r="G1771" s="13">
        <v>0.47841726618699998</v>
      </c>
      <c r="H1771" s="11">
        <v>-59.385840209999969</v>
      </c>
      <c r="I1771" s="13">
        <v>-3.5595901171785148E-2</v>
      </c>
      <c r="J1771" s="11">
        <v>161.13335802000006</v>
      </c>
      <c r="K1771" s="13">
        <v>0.10014828055983932</v>
      </c>
      <c r="L1771" s="11">
        <v>695.44771048999974</v>
      </c>
      <c r="M1771" s="13">
        <v>0.39289029102485074</v>
      </c>
      <c r="N1771" s="11">
        <v>856.5810685099998</v>
      </c>
      <c r="O1771" s="13">
        <v>0.53238585867948363</v>
      </c>
      <c r="P1771" s="7">
        <v>1668.33366357</v>
      </c>
      <c r="Q1771" s="7">
        <v>1544.4306535999999</v>
      </c>
      <c r="R1771" s="7">
        <v>1572.48306484</v>
      </c>
      <c r="S1771" s="7">
        <v>1636.8934479300001</v>
      </c>
      <c r="T1771" s="7">
        <v>1643.30918081</v>
      </c>
      <c r="U1771" s="7">
        <v>1530.8191916000001</v>
      </c>
      <c r="V1771" s="7">
        <v>1608.94782336</v>
      </c>
      <c r="W1771" s="7">
        <v>1705.8806122799999</v>
      </c>
      <c r="X1771" s="7">
        <v>1754.40537703</v>
      </c>
      <c r="Y1771" s="7">
        <v>1770.0811813800001</v>
      </c>
      <c r="Z1771" s="7">
        <v>1754.2809090000001</v>
      </c>
      <c r="AA1771" s="7">
        <v>1947.9009433199999</v>
      </c>
      <c r="AB1771" s="7">
        <v>1925.3768085500001</v>
      </c>
      <c r="AC1771" s="7">
        <v>2188.6654312599999</v>
      </c>
      <c r="AD1771" s="7">
        <v>2205.8587560699998</v>
      </c>
      <c r="AE1771" s="7">
        <v>2308.1802163699999</v>
      </c>
      <c r="AF1771" s="7">
        <v>2465.5288918699998</v>
      </c>
      <c r="AG1771" s="9">
        <v>32676.697129699998</v>
      </c>
      <c r="AH1771" s="13">
        <v>0.52323954976676879</v>
      </c>
      <c r="AI1771" s="9">
        <v>11362.284793800005</v>
      </c>
      <c r="AJ1771" s="13">
        <v>0.18193995421973361</v>
      </c>
      <c r="AK1771" s="9">
        <v>785.99654480000027</v>
      </c>
      <c r="AL1771" s="13">
        <v>1.0648480345960224E-2</v>
      </c>
      <c r="AM1771" s="9">
        <v>20528.415791099993</v>
      </c>
      <c r="AN1771" s="13">
        <v>0.27518344606547213</v>
      </c>
      <c r="AO1771" s="9">
        <v>21314.412335899993</v>
      </c>
      <c r="AP1771" s="13">
        <v>0.28876221192839413</v>
      </c>
      <c r="AQ1771" s="9">
        <v>62450.740094599998</v>
      </c>
      <c r="AR1771" s="9">
        <v>70647.494839599996</v>
      </c>
      <c r="AS1771" s="9">
        <v>68192.627406500003</v>
      </c>
      <c r="AT1771" s="9">
        <v>68058.612842699993</v>
      </c>
      <c r="AU1771" s="9">
        <v>69752.625239300003</v>
      </c>
      <c r="AV1771" s="9">
        <v>71434.553181199997</v>
      </c>
      <c r="AW1771" s="9">
        <v>73813.024888400003</v>
      </c>
      <c r="AX1771" s="9">
        <v>74840.848704999997</v>
      </c>
      <c r="AY1771" s="9">
        <v>75405.218782600001</v>
      </c>
      <c r="AZ1771" s="9">
        <v>74599.021433200003</v>
      </c>
      <c r="BA1771" s="9">
        <v>77585.776815699995</v>
      </c>
      <c r="BB1771" s="9">
        <v>75858.120330999998</v>
      </c>
      <c r="BC1771" s="9">
        <v>72361.462612300005</v>
      </c>
      <c r="BD1771" s="9">
        <v>85021.453055000005</v>
      </c>
      <c r="BE1771" s="9">
        <v>95227.072224100004</v>
      </c>
      <c r="BF1771" s="9">
        <v>95127.437224299996</v>
      </c>
      <c r="BG1771" s="11">
        <v>6.75</v>
      </c>
      <c r="BH1771" s="13">
        <v>3.8571428571428569E-2</v>
      </c>
      <c r="BI1771" s="6">
        <v>-21</v>
      </c>
      <c r="BJ1771" s="13">
        <v>-0.12</v>
      </c>
      <c r="BK1771" s="6">
        <v>9</v>
      </c>
      <c r="BL1771" s="13">
        <v>5.844155844155844E-2</v>
      </c>
      <c r="BM1771" s="11">
        <v>18.75</v>
      </c>
      <c r="BN1771" s="13">
        <v>0.11503067484662577</v>
      </c>
      <c r="BO1771" s="11">
        <v>27.75</v>
      </c>
      <c r="BP1771" s="13">
        <v>0.18019480519480519</v>
      </c>
      <c r="BQ1771" s="6">
        <v>175</v>
      </c>
      <c r="BR1771" s="6">
        <v>162</v>
      </c>
      <c r="BS1771" s="6">
        <v>164</v>
      </c>
      <c r="BT1771" s="6">
        <v>154</v>
      </c>
      <c r="BU1771" s="6">
        <v>160</v>
      </c>
      <c r="BV1771" s="6">
        <v>162</v>
      </c>
      <c r="BW1771" s="6">
        <v>163</v>
      </c>
      <c r="BX1771" s="6">
        <v>169</v>
      </c>
      <c r="BY1771" s="6">
        <v>171</v>
      </c>
      <c r="BZ1771" s="6">
        <v>175</v>
      </c>
      <c r="CA1771" s="6">
        <v>178</v>
      </c>
      <c r="CB1771" s="6">
        <v>181</v>
      </c>
      <c r="CC1771" s="11">
        <v>181.75</v>
      </c>
      <c r="CD1771" s="11">
        <v>751.24199999999996</v>
      </c>
      <c r="CE1771" s="11">
        <v>-136.416</v>
      </c>
      <c r="CF1771" s="11">
        <v>182.369</v>
      </c>
      <c r="CG1771" s="11">
        <v>46</v>
      </c>
      <c r="CH1771" s="20">
        <v>1.05426</v>
      </c>
      <c r="CI1771" s="20">
        <v>1.0054399999999999</v>
      </c>
      <c r="CJ1771" s="20">
        <v>0.97916400000000003</v>
      </c>
      <c r="CK1771" s="20">
        <v>0.98916499999999996</v>
      </c>
      <c r="CL1771" s="20">
        <v>1.0063800000000001</v>
      </c>
      <c r="CM1771" s="20">
        <v>0.90768599999999999</v>
      </c>
      <c r="CN1771" s="20">
        <v>0.91276800000000002</v>
      </c>
      <c r="CO1771" s="20">
        <v>0.942222</v>
      </c>
      <c r="CP1771" s="20">
        <v>1.0075499999999999</v>
      </c>
      <c r="CQ1771" s="20">
        <v>1.03684</v>
      </c>
      <c r="CR1771" s="20">
        <v>1.02597</v>
      </c>
      <c r="CS1771" s="20">
        <v>1.1315</v>
      </c>
      <c r="CT1771" s="20">
        <v>1.1103799999999999</v>
      </c>
      <c r="CU1771" s="20">
        <v>1.2279100000000001</v>
      </c>
      <c r="CV1771" s="20">
        <v>1.2278</v>
      </c>
      <c r="CW1771" s="20">
        <v>1.2459199999999999</v>
      </c>
      <c r="CX1771" s="20">
        <v>1.2985899999999999</v>
      </c>
      <c r="CY1771" s="6" t="s">
        <v>649</v>
      </c>
      <c r="CZ1771" s="6" t="s">
        <v>650</v>
      </c>
      <c r="DA1771" s="6" t="s">
        <v>81</v>
      </c>
      <c r="DB1771" s="6"/>
      <c r="DC1771" s="6">
        <v>28140</v>
      </c>
      <c r="DD1771" s="6">
        <v>312</v>
      </c>
      <c r="DE1771" s="6" t="s">
        <v>402</v>
      </c>
      <c r="DF1771" s="6" t="s">
        <v>375</v>
      </c>
      <c r="DG1771" s="6" t="s">
        <v>364</v>
      </c>
      <c r="DH1771" s="6" t="s">
        <v>419</v>
      </c>
      <c r="DI1771" s="6" t="s">
        <v>377</v>
      </c>
      <c r="DJ1771" s="6">
        <v>29</v>
      </c>
      <c r="DK1771" s="6">
        <v>165</v>
      </c>
      <c r="DL1771" s="6">
        <v>1</v>
      </c>
      <c r="DM1771" s="6" t="s">
        <v>404</v>
      </c>
      <c r="DN1771" s="6">
        <v>1</v>
      </c>
      <c r="DO1771" s="6" t="s">
        <v>405</v>
      </c>
      <c r="DP1771" s="6"/>
      <c r="DQ1771" s="6"/>
    </row>
    <row r="1772" spans="1:121" x14ac:dyDescent="0.2">
      <c r="A1772" s="6" t="s">
        <v>793</v>
      </c>
      <c r="B1772" s="6" t="s">
        <v>179</v>
      </c>
      <c r="C1772" s="6" t="s">
        <v>180</v>
      </c>
      <c r="D1772" s="6" t="s">
        <v>81</v>
      </c>
      <c r="E1772" s="6" t="s">
        <v>222</v>
      </c>
      <c r="F1772" s="11">
        <v>3586</v>
      </c>
      <c r="G1772" s="13">
        <v>1.28</v>
      </c>
      <c r="H1772" s="11">
        <v>2440</v>
      </c>
      <c r="I1772" s="13">
        <v>0.86863652545389813</v>
      </c>
      <c r="J1772" s="11">
        <v>490</v>
      </c>
      <c r="K1772" s="13">
        <v>9.3351114497999613E-2</v>
      </c>
      <c r="L1772" s="11">
        <v>656</v>
      </c>
      <c r="M1772" s="13">
        <v>0.11430562815821572</v>
      </c>
      <c r="N1772" s="11">
        <v>1146</v>
      </c>
      <c r="O1772" s="13">
        <v>0.21832730043817869</v>
      </c>
      <c r="P1772" s="7">
        <v>2809</v>
      </c>
      <c r="Q1772" s="7">
        <v>2991</v>
      </c>
      <c r="R1772" s="7">
        <v>3130</v>
      </c>
      <c r="S1772" s="7">
        <v>3535</v>
      </c>
      <c r="T1772" s="7">
        <v>3992</v>
      </c>
      <c r="U1772" s="7">
        <v>4144</v>
      </c>
      <c r="V1772" s="7">
        <v>5249</v>
      </c>
      <c r="W1772" s="7">
        <v>5334</v>
      </c>
      <c r="X1772" s="7">
        <v>5634</v>
      </c>
      <c r="Y1772" s="7">
        <v>5739</v>
      </c>
      <c r="Z1772" s="7">
        <v>6000</v>
      </c>
      <c r="AA1772" s="7">
        <v>5984</v>
      </c>
      <c r="AB1772" s="7">
        <v>6016</v>
      </c>
      <c r="AC1772" s="7">
        <v>6031</v>
      </c>
      <c r="AD1772" s="7">
        <v>5957</v>
      </c>
      <c r="AE1772" s="7">
        <v>6217</v>
      </c>
      <c r="AF1772" s="7">
        <v>6395</v>
      </c>
      <c r="AG1772" s="9">
        <v>7740</v>
      </c>
      <c r="AH1772" s="13">
        <v>0.31457020930705143</v>
      </c>
      <c r="AI1772" s="9">
        <v>6165</v>
      </c>
      <c r="AJ1772" s="13">
        <v>0.2505588295061979</v>
      </c>
      <c r="AK1772" s="9">
        <v>-840</v>
      </c>
      <c r="AL1772" s="13">
        <v>-2.729931751706207E-2</v>
      </c>
      <c r="AM1772" s="9">
        <v>2415</v>
      </c>
      <c r="AN1772" s="13">
        <v>8.0688272636151012E-2</v>
      </c>
      <c r="AO1772" s="9">
        <v>1575</v>
      </c>
      <c r="AP1772" s="13">
        <v>5.1186220344491384E-2</v>
      </c>
      <c r="AQ1772" s="9">
        <v>24605</v>
      </c>
      <c r="AR1772" s="9">
        <v>27263</v>
      </c>
      <c r="AS1772" s="9">
        <v>29096</v>
      </c>
      <c r="AT1772" s="9">
        <v>29166</v>
      </c>
      <c r="AU1772" s="9">
        <v>29879</v>
      </c>
      <c r="AV1772" s="9">
        <v>31094</v>
      </c>
      <c r="AW1772" s="9">
        <v>30770</v>
      </c>
      <c r="AX1772" s="9">
        <v>31316</v>
      </c>
      <c r="AY1772" s="9">
        <v>30607</v>
      </c>
      <c r="AZ1772" s="9">
        <v>29930</v>
      </c>
      <c r="BA1772" s="9">
        <v>29276</v>
      </c>
      <c r="BB1772" s="9">
        <v>29942</v>
      </c>
      <c r="BC1772" s="9">
        <v>30335</v>
      </c>
      <c r="BD1772" s="9">
        <v>30459</v>
      </c>
      <c r="BE1772" s="9">
        <v>31515</v>
      </c>
      <c r="BF1772" s="9">
        <v>32345</v>
      </c>
      <c r="BG1772" s="11">
        <v>81</v>
      </c>
      <c r="BH1772" s="13">
        <v>0.36</v>
      </c>
      <c r="BI1772" s="6">
        <v>26</v>
      </c>
      <c r="BJ1772" s="13">
        <v>0.11555555555555555</v>
      </c>
      <c r="BK1772" s="6">
        <v>27</v>
      </c>
      <c r="BL1772" s="13">
        <v>0.10756972111553785</v>
      </c>
      <c r="BM1772" s="11">
        <v>28</v>
      </c>
      <c r="BN1772" s="13">
        <v>0.10071942446043165</v>
      </c>
      <c r="BO1772" s="11">
        <v>55</v>
      </c>
      <c r="BP1772" s="13">
        <v>0.21912350597609562</v>
      </c>
      <c r="BQ1772" s="6">
        <v>225</v>
      </c>
      <c r="BR1772" s="6">
        <v>232</v>
      </c>
      <c r="BS1772" s="6">
        <v>239</v>
      </c>
      <c r="BT1772" s="6">
        <v>251</v>
      </c>
      <c r="BU1772" s="6">
        <v>259</v>
      </c>
      <c r="BV1772" s="6">
        <v>268</v>
      </c>
      <c r="BW1772" s="6">
        <v>278</v>
      </c>
      <c r="BX1772" s="6">
        <v>288</v>
      </c>
      <c r="BY1772" s="6">
        <v>288</v>
      </c>
      <c r="BZ1772" s="6">
        <v>293</v>
      </c>
      <c r="CA1772" s="6">
        <v>302</v>
      </c>
      <c r="CB1772" s="6">
        <v>300</v>
      </c>
      <c r="CC1772" s="11">
        <v>306</v>
      </c>
      <c r="CD1772" s="11">
        <v>3459</v>
      </c>
      <c r="CE1772" s="11">
        <v>-180</v>
      </c>
      <c r="CF1772" s="11">
        <v>307</v>
      </c>
      <c r="CG1772" s="11">
        <v>127</v>
      </c>
      <c r="CH1772" s="20">
        <v>0.66</v>
      </c>
      <c r="CI1772" s="20">
        <v>0.71</v>
      </c>
      <c r="CJ1772" s="20">
        <v>0.72</v>
      </c>
      <c r="CK1772" s="20">
        <v>0.79</v>
      </c>
      <c r="CL1772" s="20">
        <v>0.91</v>
      </c>
      <c r="CM1772" s="20">
        <v>0.92</v>
      </c>
      <c r="CN1772" s="20">
        <v>1.1299999999999999</v>
      </c>
      <c r="CO1772" s="20">
        <v>1.1299999999999999</v>
      </c>
      <c r="CP1772" s="20">
        <v>1.22</v>
      </c>
      <c r="CQ1772" s="20">
        <v>1.25</v>
      </c>
      <c r="CR1772" s="20">
        <v>1.31</v>
      </c>
      <c r="CS1772" s="20">
        <v>1.3</v>
      </c>
      <c r="CT1772" s="20">
        <v>1.3</v>
      </c>
      <c r="CU1772" s="20">
        <v>1.26</v>
      </c>
      <c r="CV1772" s="20">
        <v>1.23</v>
      </c>
      <c r="CW1772" s="20">
        <v>1.23</v>
      </c>
      <c r="CX1772" s="20">
        <v>1.23</v>
      </c>
      <c r="CY1772" s="6" t="s">
        <v>649</v>
      </c>
      <c r="CZ1772" s="6" t="s">
        <v>650</v>
      </c>
      <c r="DA1772" s="6" t="s">
        <v>81</v>
      </c>
      <c r="DB1772" s="6"/>
      <c r="DC1772" s="6">
        <v>28140</v>
      </c>
      <c r="DD1772" s="6">
        <v>312</v>
      </c>
      <c r="DE1772" s="6" t="s">
        <v>402</v>
      </c>
      <c r="DF1772" s="6" t="s">
        <v>375</v>
      </c>
      <c r="DG1772" s="6" t="s">
        <v>364</v>
      </c>
      <c r="DH1772" s="6" t="s">
        <v>419</v>
      </c>
      <c r="DI1772" s="6" t="s">
        <v>377</v>
      </c>
      <c r="DJ1772" s="6">
        <v>29</v>
      </c>
      <c r="DK1772" s="6">
        <v>165</v>
      </c>
      <c r="DL1772" s="6">
        <v>1</v>
      </c>
      <c r="DM1772" s="6" t="s">
        <v>404</v>
      </c>
      <c r="DN1772" s="6">
        <v>1</v>
      </c>
      <c r="DO1772" s="6" t="s">
        <v>405</v>
      </c>
      <c r="DP1772" s="6"/>
      <c r="DQ1772" s="6"/>
    </row>
    <row r="1773" spans="1:121" x14ac:dyDescent="0.2">
      <c r="A1773" s="6" t="s">
        <v>794</v>
      </c>
      <c r="B1773" s="6" t="s">
        <v>181</v>
      </c>
      <c r="C1773" s="6" t="s">
        <v>182</v>
      </c>
      <c r="D1773" s="6" t="s">
        <v>81</v>
      </c>
      <c r="E1773" s="6" t="s">
        <v>222</v>
      </c>
      <c r="F1773" s="11">
        <v>-3089</v>
      </c>
      <c r="G1773" s="13">
        <v>-0.51261201460299999</v>
      </c>
      <c r="H1773" s="11">
        <v>-1535.2713893</v>
      </c>
      <c r="I1773" s="13">
        <v>-0.25478844210064366</v>
      </c>
      <c r="J1773" s="11">
        <v>-995.90051440000025</v>
      </c>
      <c r="K1773" s="13">
        <v>-0.22178437249475635</v>
      </c>
      <c r="L1773" s="11">
        <v>-557.30123559000003</v>
      </c>
      <c r="M1773" s="13">
        <v>-0.15947956518218592</v>
      </c>
      <c r="N1773" s="11">
        <v>-1553.2017499900003</v>
      </c>
      <c r="O1773" s="13">
        <v>-0.34589386238727454</v>
      </c>
      <c r="P1773" s="7">
        <v>6025.6712456900004</v>
      </c>
      <c r="Q1773" s="7">
        <v>5670.6970545900003</v>
      </c>
      <c r="R1773" s="7">
        <v>5417.3756524999999</v>
      </c>
      <c r="S1773" s="7">
        <v>5718.41765063</v>
      </c>
      <c r="T1773" s="7">
        <v>4628.7748798299999</v>
      </c>
      <c r="U1773" s="7">
        <v>4503.8852917300001</v>
      </c>
      <c r="V1773" s="7">
        <v>4490.3998563900004</v>
      </c>
      <c r="W1773" s="7">
        <v>4674.7773413499999</v>
      </c>
      <c r="X1773" s="7">
        <v>3780.6160765499999</v>
      </c>
      <c r="Y1773" s="7">
        <v>3494.4993419900002</v>
      </c>
      <c r="Z1773" s="7">
        <v>3267.8610256000002</v>
      </c>
      <c r="AA1773" s="7">
        <v>3216.6720957799998</v>
      </c>
      <c r="AB1773" s="7">
        <v>3201.3100767300002</v>
      </c>
      <c r="AC1773" s="7">
        <v>3516.79599087</v>
      </c>
      <c r="AD1773" s="7">
        <v>3216.49613662</v>
      </c>
      <c r="AE1773" s="7">
        <v>3000.4268992100001</v>
      </c>
      <c r="AF1773" s="7">
        <v>2937.1981064000001</v>
      </c>
      <c r="AG1773" s="9">
        <v>9092.281309799997</v>
      </c>
      <c r="AH1773" s="13">
        <v>0.19185840365201592</v>
      </c>
      <c r="AI1773" s="9">
        <v>4259.2870027000026</v>
      </c>
      <c r="AJ1773" s="13">
        <v>8.9876234268402508E-2</v>
      </c>
      <c r="AK1773" s="9">
        <v>1085.2475228999974</v>
      </c>
      <c r="AL1773" s="13">
        <v>2.1011622195771219E-2</v>
      </c>
      <c r="AM1773" s="9">
        <v>3747.7467841999969</v>
      </c>
      <c r="AN1773" s="13">
        <v>7.1067384856176363E-2</v>
      </c>
      <c r="AO1773" s="9">
        <v>4832.9943070999943</v>
      </c>
      <c r="AP1773" s="13">
        <v>9.3572248092987018E-2</v>
      </c>
      <c r="AQ1773" s="9">
        <v>47390.581474300001</v>
      </c>
      <c r="AR1773" s="9">
        <v>54045.270496600002</v>
      </c>
      <c r="AS1773" s="9">
        <v>52036.658028799997</v>
      </c>
      <c r="AT1773" s="9">
        <v>52387.753138599997</v>
      </c>
      <c r="AU1773" s="9">
        <v>53986.6981065</v>
      </c>
      <c r="AV1773" s="9">
        <v>51673.850870100003</v>
      </c>
      <c r="AW1773" s="9">
        <v>51649.868477000004</v>
      </c>
      <c r="AX1773" s="9">
        <v>51984.718945300003</v>
      </c>
      <c r="AY1773" s="9">
        <v>48710.9071262</v>
      </c>
      <c r="AZ1773" s="9">
        <v>52735.115999900001</v>
      </c>
      <c r="BA1773" s="9">
        <v>46099.168573199997</v>
      </c>
      <c r="BB1773" s="9">
        <v>48940.982722000001</v>
      </c>
      <c r="BC1773" s="9">
        <v>48080.713511399998</v>
      </c>
      <c r="BD1773" s="9">
        <v>50414.821013300003</v>
      </c>
      <c r="BE1773" s="9">
        <v>54568.238147299999</v>
      </c>
      <c r="BF1773" s="9">
        <v>56482.862784099998</v>
      </c>
      <c r="BG1773" s="11">
        <v>-0.25</v>
      </c>
      <c r="BH1773" s="13">
        <v>-1.8796992481203006E-3</v>
      </c>
      <c r="BI1773" s="6">
        <v>-2</v>
      </c>
      <c r="BJ1773" s="13">
        <v>-1.5037593984962405E-2</v>
      </c>
      <c r="BK1773" s="6">
        <v>4</v>
      </c>
      <c r="BL1773" s="13">
        <v>3.0534351145038167E-2</v>
      </c>
      <c r="BM1773" s="11">
        <v>-2.25</v>
      </c>
      <c r="BN1773" s="13">
        <v>-1.6666666666666666E-2</v>
      </c>
      <c r="BO1773" s="11">
        <v>1.75</v>
      </c>
      <c r="BP1773" s="13">
        <v>1.3358778625954198E-2</v>
      </c>
      <c r="BQ1773" s="6">
        <v>133</v>
      </c>
      <c r="BR1773" s="6">
        <v>130</v>
      </c>
      <c r="BS1773" s="6">
        <v>135</v>
      </c>
      <c r="BT1773" s="6">
        <v>131</v>
      </c>
      <c r="BU1773" s="6">
        <v>142</v>
      </c>
      <c r="BV1773" s="6">
        <v>138</v>
      </c>
      <c r="BW1773" s="6">
        <v>135</v>
      </c>
      <c r="BX1773" s="6">
        <v>133</v>
      </c>
      <c r="BY1773" s="6">
        <v>127</v>
      </c>
      <c r="BZ1773" s="6">
        <v>126</v>
      </c>
      <c r="CA1773" s="6">
        <v>131</v>
      </c>
      <c r="CB1773" s="6">
        <v>134</v>
      </c>
      <c r="CC1773" s="11">
        <v>132.75</v>
      </c>
      <c r="CD1773" s="11">
        <v>-4126.95</v>
      </c>
      <c r="CE1773" s="11">
        <v>379.8</v>
      </c>
      <c r="CF1773" s="11">
        <v>658.678</v>
      </c>
      <c r="CG1773" s="11">
        <v>1039</v>
      </c>
      <c r="CH1773" s="20">
        <v>4.8102099999999997</v>
      </c>
      <c r="CI1773" s="20">
        <v>4.7031299999999998</v>
      </c>
      <c r="CJ1773" s="20">
        <v>4.3065800000000003</v>
      </c>
      <c r="CK1773" s="20">
        <v>4.3691300000000002</v>
      </c>
      <c r="CL1773" s="20">
        <v>3.56263</v>
      </c>
      <c r="CM1773" s="20">
        <v>3.3466499999999999</v>
      </c>
      <c r="CN1773" s="20">
        <v>3.1855099999999998</v>
      </c>
      <c r="CO1773" s="20">
        <v>3.2291500000000002</v>
      </c>
      <c r="CP1773" s="20">
        <v>2.7074099999999999</v>
      </c>
      <c r="CQ1773" s="20">
        <v>2.5370400000000002</v>
      </c>
      <c r="CR1773" s="20">
        <v>2.3380899999999998</v>
      </c>
      <c r="CS1773" s="20">
        <v>2.2769599999999999</v>
      </c>
      <c r="CT1773" s="20">
        <v>2.2363</v>
      </c>
      <c r="CU1773" s="20">
        <v>2.3366600000000002</v>
      </c>
      <c r="CV1773" s="20">
        <v>2.0476800000000002</v>
      </c>
      <c r="CW1773" s="20">
        <v>1.80505</v>
      </c>
      <c r="CX1773" s="20">
        <v>1.7129000000000001</v>
      </c>
      <c r="CY1773" s="6" t="s">
        <v>649</v>
      </c>
      <c r="CZ1773" s="6" t="s">
        <v>650</v>
      </c>
      <c r="DA1773" s="6" t="s">
        <v>81</v>
      </c>
      <c r="DB1773" s="6"/>
      <c r="DC1773" s="6">
        <v>28140</v>
      </c>
      <c r="DD1773" s="6">
        <v>312</v>
      </c>
      <c r="DE1773" s="6" t="s">
        <v>402</v>
      </c>
      <c r="DF1773" s="6" t="s">
        <v>375</v>
      </c>
      <c r="DG1773" s="6" t="s">
        <v>364</v>
      </c>
      <c r="DH1773" s="6" t="s">
        <v>419</v>
      </c>
      <c r="DI1773" s="6" t="s">
        <v>377</v>
      </c>
      <c r="DJ1773" s="6">
        <v>29</v>
      </c>
      <c r="DK1773" s="6">
        <v>165</v>
      </c>
      <c r="DL1773" s="6">
        <v>1</v>
      </c>
      <c r="DM1773" s="6" t="s">
        <v>404</v>
      </c>
      <c r="DN1773" s="6">
        <v>1</v>
      </c>
      <c r="DO1773" s="6" t="s">
        <v>405</v>
      </c>
      <c r="DP1773" s="6"/>
      <c r="DQ1773" s="6"/>
    </row>
    <row r="1774" spans="1:121" x14ac:dyDescent="0.2">
      <c r="A1774" s="6" t="s">
        <v>314</v>
      </c>
      <c r="B1774" s="6" t="s">
        <v>314</v>
      </c>
      <c r="C1774" s="6" t="s">
        <v>183</v>
      </c>
      <c r="D1774" s="6" t="s">
        <v>81</v>
      </c>
      <c r="E1774" s="6" t="s">
        <v>222</v>
      </c>
      <c r="F1774" s="11">
        <v>-311</v>
      </c>
      <c r="G1774" s="13">
        <v>-0.47408536585400002</v>
      </c>
      <c r="H1774" s="11">
        <v>84.273007918999951</v>
      </c>
      <c r="I1774" s="13">
        <v>0.12850201067650158</v>
      </c>
      <c r="J1774" s="11">
        <v>-24.468061246999923</v>
      </c>
      <c r="K1774" s="13">
        <v>-3.3061202799451794E-2</v>
      </c>
      <c r="L1774" s="11">
        <v>-370.13044253500004</v>
      </c>
      <c r="M1774" s="13">
        <v>-0.51721952491457679</v>
      </c>
      <c r="N1774" s="11">
        <v>-394.59850378199997</v>
      </c>
      <c r="O1774" s="13">
        <v>-0.5331808281089917</v>
      </c>
      <c r="P1774" s="7">
        <v>655.81081163900001</v>
      </c>
      <c r="Q1774" s="7">
        <v>683.408218293</v>
      </c>
      <c r="R1774" s="7">
        <v>665.49539574699998</v>
      </c>
      <c r="S1774" s="7">
        <v>673.62897150499998</v>
      </c>
      <c r="T1774" s="7">
        <v>707.07191585099997</v>
      </c>
      <c r="U1774" s="7">
        <v>705.53395324099995</v>
      </c>
      <c r="V1774" s="7">
        <v>740.08381955799996</v>
      </c>
      <c r="W1774" s="7">
        <v>725.51833704800003</v>
      </c>
      <c r="X1774" s="7">
        <v>612.32294081299995</v>
      </c>
      <c r="Y1774" s="7">
        <v>715.61575831100004</v>
      </c>
      <c r="Z1774" s="7">
        <v>674.22517261899998</v>
      </c>
      <c r="AA1774" s="7">
        <v>727.02573724599995</v>
      </c>
      <c r="AB1774" s="7">
        <v>692.16993256600006</v>
      </c>
      <c r="AC1774" s="7">
        <v>679.44009185599998</v>
      </c>
      <c r="AD1774" s="7">
        <v>372.37363142800001</v>
      </c>
      <c r="AE1774" s="7">
        <v>380.786747289</v>
      </c>
      <c r="AF1774" s="7">
        <v>345.48531577599999</v>
      </c>
      <c r="AG1774" s="9">
        <v>33363.405566500005</v>
      </c>
      <c r="AH1774" s="13">
        <v>0.95181539712373675</v>
      </c>
      <c r="AI1774" s="9">
        <v>9572.227415100002</v>
      </c>
      <c r="AJ1774" s="13">
        <v>0.27308343629076115</v>
      </c>
      <c r="AK1774" s="9">
        <v>9617.6656453999967</v>
      </c>
      <c r="AL1774" s="13">
        <v>0.21552376161014689</v>
      </c>
      <c r="AM1774" s="9">
        <v>14173.512506000006</v>
      </c>
      <c r="AN1774" s="13">
        <v>0.26130006732201055</v>
      </c>
      <c r="AO1774" s="9">
        <v>23791.178151400003</v>
      </c>
      <c r="AP1774" s="13">
        <v>0.53314020235038173</v>
      </c>
      <c r="AQ1774" s="9">
        <v>35052.391112099998</v>
      </c>
      <c r="AR1774" s="9">
        <v>37248.286704999999</v>
      </c>
      <c r="AS1774" s="9">
        <v>39398.237744099999</v>
      </c>
      <c r="AT1774" s="9">
        <v>44942.1687934</v>
      </c>
      <c r="AU1774" s="9">
        <v>45238.579930799999</v>
      </c>
      <c r="AV1774" s="9">
        <v>44869.850954699999</v>
      </c>
      <c r="AW1774" s="9">
        <v>44624.6185272</v>
      </c>
      <c r="AX1774" s="9">
        <v>46711.511212999998</v>
      </c>
      <c r="AY1774" s="9">
        <v>51044.0456749</v>
      </c>
      <c r="AZ1774" s="9">
        <v>54242.284172599997</v>
      </c>
      <c r="BA1774" s="9">
        <v>60504.177898299997</v>
      </c>
      <c r="BB1774" s="9">
        <v>58760.165395199998</v>
      </c>
      <c r="BC1774" s="9">
        <v>59136.146727899999</v>
      </c>
      <c r="BD1774" s="9">
        <v>62235.8968389</v>
      </c>
      <c r="BE1774" s="9">
        <v>66416.985651399998</v>
      </c>
      <c r="BF1774" s="9">
        <v>68415.796678600003</v>
      </c>
      <c r="BG1774" s="11">
        <v>-0.5</v>
      </c>
      <c r="BH1774" s="13">
        <v>-1.2195121951219513E-2</v>
      </c>
      <c r="BI1774" s="6">
        <v>-4</v>
      </c>
      <c r="BJ1774" s="13">
        <v>-9.7560975609756101E-2</v>
      </c>
      <c r="BK1774" s="6">
        <v>5</v>
      </c>
      <c r="BL1774" s="13">
        <v>0.13513513513513514</v>
      </c>
      <c r="BM1774" s="11">
        <v>-1.5</v>
      </c>
      <c r="BN1774" s="13">
        <v>-3.5714285714285712E-2</v>
      </c>
      <c r="BO1774" s="11">
        <v>3.5</v>
      </c>
      <c r="BP1774" s="13">
        <v>9.45945945945946E-2</v>
      </c>
      <c r="BQ1774" s="6">
        <v>41</v>
      </c>
      <c r="BR1774" s="6">
        <v>44</v>
      </c>
      <c r="BS1774" s="6">
        <v>39</v>
      </c>
      <c r="BT1774" s="6">
        <v>37</v>
      </c>
      <c r="BU1774" s="6">
        <v>38</v>
      </c>
      <c r="BV1774" s="6">
        <v>42</v>
      </c>
      <c r="BW1774" s="6">
        <v>42</v>
      </c>
      <c r="BX1774" s="6">
        <v>40</v>
      </c>
      <c r="BY1774" s="6">
        <v>39</v>
      </c>
      <c r="BZ1774" s="6">
        <v>43</v>
      </c>
      <c r="CA1774" s="6">
        <v>44</v>
      </c>
      <c r="CB1774" s="6">
        <v>41</v>
      </c>
      <c r="CC1774" s="11">
        <v>40.5</v>
      </c>
      <c r="CD1774" s="11">
        <v>-181.14500000000001</v>
      </c>
      <c r="CE1774" s="11">
        <v>-200.869</v>
      </c>
      <c r="CF1774" s="11">
        <v>71.688000000000002</v>
      </c>
      <c r="CG1774" s="11">
        <v>-129</v>
      </c>
      <c r="CH1774" s="20">
        <v>0.66480899999999998</v>
      </c>
      <c r="CI1774" s="20">
        <v>0.74007000000000001</v>
      </c>
      <c r="CJ1774" s="20">
        <v>0.72127399999999997</v>
      </c>
      <c r="CK1774" s="20">
        <v>0.73138300000000001</v>
      </c>
      <c r="CL1774" s="20">
        <v>0.80266499999999996</v>
      </c>
      <c r="CM1774" s="20">
        <v>0.79627000000000003</v>
      </c>
      <c r="CN1774" s="20">
        <v>0.815693</v>
      </c>
      <c r="CO1774" s="20">
        <v>0.78539400000000004</v>
      </c>
      <c r="CP1774" s="20">
        <v>0.68394699999999997</v>
      </c>
      <c r="CQ1774" s="20">
        <v>0.83120099999999997</v>
      </c>
      <c r="CR1774" s="20">
        <v>0.80049099999999995</v>
      </c>
      <c r="CS1774" s="20">
        <v>0.87123899999999999</v>
      </c>
      <c r="CT1774" s="20">
        <v>0.82706400000000002</v>
      </c>
      <c r="CU1774" s="20">
        <v>0.78876299999999999</v>
      </c>
      <c r="CV1774" s="20">
        <v>0.42932300000000001</v>
      </c>
      <c r="CW1774" s="20">
        <v>0.41939199999999999</v>
      </c>
      <c r="CX1774" s="20">
        <v>0.37352200000000002</v>
      </c>
      <c r="CY1774" s="6" t="s">
        <v>649</v>
      </c>
      <c r="CZ1774" s="6" t="s">
        <v>650</v>
      </c>
      <c r="DA1774" s="6" t="s">
        <v>81</v>
      </c>
      <c r="DB1774" s="6"/>
      <c r="DC1774" s="6">
        <v>28140</v>
      </c>
      <c r="DD1774" s="6">
        <v>312</v>
      </c>
      <c r="DE1774" s="6" t="s">
        <v>402</v>
      </c>
      <c r="DF1774" s="6" t="s">
        <v>375</v>
      </c>
      <c r="DG1774" s="6" t="s">
        <v>364</v>
      </c>
      <c r="DH1774" s="6" t="s">
        <v>419</v>
      </c>
      <c r="DI1774" s="6" t="s">
        <v>377</v>
      </c>
      <c r="DJ1774" s="6">
        <v>29</v>
      </c>
      <c r="DK1774" s="6">
        <v>165</v>
      </c>
      <c r="DL1774" s="6">
        <v>1</v>
      </c>
      <c r="DM1774" s="6" t="s">
        <v>404</v>
      </c>
      <c r="DN1774" s="6">
        <v>1</v>
      </c>
      <c r="DO1774" s="6" t="s">
        <v>405</v>
      </c>
      <c r="DP1774" s="6"/>
      <c r="DQ1774" s="6"/>
    </row>
    <row r="1775" spans="1:121" x14ac:dyDescent="0.2">
      <c r="A1775" s="6" t="s">
        <v>315</v>
      </c>
      <c r="B1775" s="6" t="s">
        <v>315</v>
      </c>
      <c r="C1775" s="6" t="s">
        <v>184</v>
      </c>
      <c r="D1775" s="6" t="s">
        <v>81</v>
      </c>
      <c r="E1775" s="6" t="s">
        <v>222</v>
      </c>
      <c r="F1775" s="11">
        <v>783</v>
      </c>
      <c r="G1775" s="13">
        <v>0.66</v>
      </c>
      <c r="H1775" s="11">
        <v>-115</v>
      </c>
      <c r="I1775" s="13">
        <v>-9.6314907872696823E-2</v>
      </c>
      <c r="J1775" s="11">
        <v>64</v>
      </c>
      <c r="K1775" s="13">
        <v>5.9314179796107501E-2</v>
      </c>
      <c r="L1775" s="11">
        <v>834</v>
      </c>
      <c r="M1775" s="13">
        <v>0.7296587926509186</v>
      </c>
      <c r="N1775" s="11">
        <v>898</v>
      </c>
      <c r="O1775" s="13">
        <v>0.83225208526413341</v>
      </c>
      <c r="P1775" s="7">
        <v>1194</v>
      </c>
      <c r="Q1775" s="7">
        <v>1061</v>
      </c>
      <c r="R1775" s="7">
        <v>982</v>
      </c>
      <c r="S1775" s="7">
        <v>1068</v>
      </c>
      <c r="T1775" s="7">
        <v>1204</v>
      </c>
      <c r="U1775" s="7">
        <v>1310</v>
      </c>
      <c r="V1775" s="7">
        <v>1079</v>
      </c>
      <c r="W1775" s="7">
        <v>1042</v>
      </c>
      <c r="X1775" s="7">
        <v>1133</v>
      </c>
      <c r="Y1775" s="7">
        <v>1143</v>
      </c>
      <c r="Z1775" s="7">
        <v>1294</v>
      </c>
      <c r="AA1775" s="7">
        <v>1875</v>
      </c>
      <c r="AB1775" s="7">
        <v>1421</v>
      </c>
      <c r="AC1775" s="7">
        <v>1116</v>
      </c>
      <c r="AD1775" s="7">
        <v>1618</v>
      </c>
      <c r="AE1775" s="7">
        <v>1885</v>
      </c>
      <c r="AF1775" s="7">
        <v>1977</v>
      </c>
      <c r="AG1775" s="9">
        <v>18972</v>
      </c>
      <c r="AH1775" s="13">
        <v>0.35559387475868276</v>
      </c>
      <c r="AI1775" s="9">
        <v>17980</v>
      </c>
      <c r="AJ1775" s="13">
        <v>0.33700073098045097</v>
      </c>
      <c r="AK1775" s="9">
        <v>5087</v>
      </c>
      <c r="AL1775" s="13">
        <v>7.131341735241753E-2</v>
      </c>
      <c r="AM1775" s="9">
        <v>-4095</v>
      </c>
      <c r="AN1775" s="13">
        <v>-5.3585448835383409E-2</v>
      </c>
      <c r="AO1775" s="9">
        <v>992</v>
      </c>
      <c r="AP1775" s="13">
        <v>1.3906607040219817E-2</v>
      </c>
      <c r="AQ1775" s="9">
        <v>53353</v>
      </c>
      <c r="AR1775" s="9">
        <v>49560</v>
      </c>
      <c r="AS1775" s="9">
        <v>48165</v>
      </c>
      <c r="AT1775" s="9">
        <v>45465</v>
      </c>
      <c r="AU1775" s="9">
        <v>49235</v>
      </c>
      <c r="AV1775" s="9">
        <v>51119</v>
      </c>
      <c r="AW1775" s="9">
        <v>71333</v>
      </c>
      <c r="AX1775" s="9">
        <v>81067</v>
      </c>
      <c r="AY1775" s="9">
        <v>73407</v>
      </c>
      <c r="AZ1775" s="9">
        <v>76420</v>
      </c>
      <c r="BA1775" s="9">
        <v>80600</v>
      </c>
      <c r="BB1775" s="9">
        <v>62570</v>
      </c>
      <c r="BC1775" s="9">
        <v>69805</v>
      </c>
      <c r="BD1775" s="9">
        <v>72301</v>
      </c>
      <c r="BE1775" s="9">
        <v>75741</v>
      </c>
      <c r="BF1775" s="9">
        <v>72325</v>
      </c>
      <c r="BG1775" s="11">
        <v>23</v>
      </c>
      <c r="BH1775" s="13">
        <v>0.17164179104477612</v>
      </c>
      <c r="BI1775" s="6">
        <v>21</v>
      </c>
      <c r="BJ1775" s="13">
        <v>0.15671641791044777</v>
      </c>
      <c r="BK1775" s="6">
        <v>-7</v>
      </c>
      <c r="BL1775" s="13">
        <v>-4.5161290322580643E-2</v>
      </c>
      <c r="BM1775" s="11">
        <v>9</v>
      </c>
      <c r="BN1775" s="13">
        <v>6.0810810810810814E-2</v>
      </c>
      <c r="BO1775" s="11">
        <v>2</v>
      </c>
      <c r="BP1775" s="13">
        <v>1.2903225806451613E-2</v>
      </c>
      <c r="BQ1775" s="6">
        <v>134</v>
      </c>
      <c r="BR1775" s="6">
        <v>143</v>
      </c>
      <c r="BS1775" s="6">
        <v>153</v>
      </c>
      <c r="BT1775" s="6">
        <v>155</v>
      </c>
      <c r="BU1775" s="6">
        <v>148</v>
      </c>
      <c r="BV1775" s="6">
        <v>149</v>
      </c>
      <c r="BW1775" s="6">
        <v>148</v>
      </c>
      <c r="BX1775" s="6">
        <v>151</v>
      </c>
      <c r="BY1775" s="6">
        <v>149</v>
      </c>
      <c r="BZ1775" s="6">
        <v>147</v>
      </c>
      <c r="CA1775" s="6">
        <v>142</v>
      </c>
      <c r="CB1775" s="6">
        <v>160</v>
      </c>
      <c r="CC1775" s="11">
        <v>157</v>
      </c>
      <c r="CD1775" s="11">
        <v>748</v>
      </c>
      <c r="CE1775" s="11">
        <v>-95</v>
      </c>
      <c r="CF1775" s="11">
        <v>131</v>
      </c>
      <c r="CG1775" s="11">
        <v>36</v>
      </c>
      <c r="CH1775" s="20">
        <v>0.74</v>
      </c>
      <c r="CI1775" s="20">
        <v>0.67</v>
      </c>
      <c r="CJ1775" s="20">
        <v>0.57999999999999996</v>
      </c>
      <c r="CK1775" s="20">
        <v>0.61</v>
      </c>
      <c r="CL1775" s="20">
        <v>0.7</v>
      </c>
      <c r="CM1775" s="20">
        <v>0.74</v>
      </c>
      <c r="CN1775" s="20">
        <v>0.59</v>
      </c>
      <c r="CO1775" s="20">
        <v>0.56999999999999995</v>
      </c>
      <c r="CP1775" s="20">
        <v>0.63</v>
      </c>
      <c r="CQ1775" s="20">
        <v>0.65</v>
      </c>
      <c r="CR1775" s="20">
        <v>0.74</v>
      </c>
      <c r="CS1775" s="20">
        <v>1.07</v>
      </c>
      <c r="CT1775" s="20">
        <v>0.81</v>
      </c>
      <c r="CU1775" s="20">
        <v>0.63</v>
      </c>
      <c r="CV1775" s="20">
        <v>0.89</v>
      </c>
      <c r="CW1775" s="20">
        <v>1</v>
      </c>
      <c r="CX1775" s="20">
        <v>1.02</v>
      </c>
      <c r="CY1775" s="6" t="s">
        <v>649</v>
      </c>
      <c r="CZ1775" s="6" t="s">
        <v>650</v>
      </c>
      <c r="DA1775" s="6" t="s">
        <v>81</v>
      </c>
      <c r="DB1775" s="6"/>
      <c r="DC1775" s="6">
        <v>28140</v>
      </c>
      <c r="DD1775" s="6">
        <v>312</v>
      </c>
      <c r="DE1775" s="6" t="s">
        <v>402</v>
      </c>
      <c r="DF1775" s="6" t="s">
        <v>375</v>
      </c>
      <c r="DG1775" s="6" t="s">
        <v>364</v>
      </c>
      <c r="DH1775" s="6" t="s">
        <v>419</v>
      </c>
      <c r="DI1775" s="6" t="s">
        <v>377</v>
      </c>
      <c r="DJ1775" s="6">
        <v>29</v>
      </c>
      <c r="DK1775" s="6">
        <v>165</v>
      </c>
      <c r="DL1775" s="6">
        <v>1</v>
      </c>
      <c r="DM1775" s="6" t="s">
        <v>404</v>
      </c>
      <c r="DN1775" s="6">
        <v>1</v>
      </c>
      <c r="DO1775" s="6" t="s">
        <v>405</v>
      </c>
      <c r="DP1775" s="6"/>
      <c r="DQ1775" s="6"/>
    </row>
    <row r="1776" spans="1:121" x14ac:dyDescent="0.2">
      <c r="A1776" s="6" t="s">
        <v>316</v>
      </c>
      <c r="B1776" s="6" t="s">
        <v>316</v>
      </c>
      <c r="C1776" s="6" t="s">
        <v>185</v>
      </c>
      <c r="D1776" s="6" t="s">
        <v>81</v>
      </c>
      <c r="E1776" s="6" t="s">
        <v>222</v>
      </c>
      <c r="F1776" s="11">
        <v>93</v>
      </c>
      <c r="G1776" s="13">
        <v>0.08</v>
      </c>
      <c r="H1776" s="11">
        <v>87</v>
      </c>
      <c r="I1776" s="13">
        <v>7.1487263763352502E-2</v>
      </c>
      <c r="J1776" s="11">
        <v>-197</v>
      </c>
      <c r="K1776" s="13">
        <v>-0.15107361963190183</v>
      </c>
      <c r="L1776" s="11">
        <v>203</v>
      </c>
      <c r="M1776" s="13">
        <v>0.18337850045167117</v>
      </c>
      <c r="N1776" s="11">
        <v>6</v>
      </c>
      <c r="O1776" s="13">
        <v>4.601226993865031E-3</v>
      </c>
      <c r="P1776" s="7">
        <v>1217</v>
      </c>
      <c r="Q1776" s="7">
        <v>1360</v>
      </c>
      <c r="R1776" s="7">
        <v>1575</v>
      </c>
      <c r="S1776" s="7">
        <v>1571</v>
      </c>
      <c r="T1776" s="7">
        <v>1576</v>
      </c>
      <c r="U1776" s="7">
        <v>1453</v>
      </c>
      <c r="V1776" s="7">
        <v>1304</v>
      </c>
      <c r="W1776" s="7">
        <v>1245</v>
      </c>
      <c r="X1776" s="7">
        <v>1110</v>
      </c>
      <c r="Y1776" s="7">
        <v>1107</v>
      </c>
      <c r="Z1776" s="7">
        <v>1051</v>
      </c>
      <c r="AA1776" s="7">
        <v>955</v>
      </c>
      <c r="AB1776" s="7">
        <v>1075</v>
      </c>
      <c r="AC1776" s="7">
        <v>1172</v>
      </c>
      <c r="AD1776" s="7">
        <v>1249</v>
      </c>
      <c r="AE1776" s="7">
        <v>1279</v>
      </c>
      <c r="AF1776" s="7">
        <v>1310</v>
      </c>
      <c r="AG1776" s="9">
        <v>15385</v>
      </c>
      <c r="AH1776" s="13">
        <v>0.62808736476832006</v>
      </c>
      <c r="AI1776" s="9">
        <v>7034</v>
      </c>
      <c r="AJ1776" s="13">
        <v>0.28716064502959787</v>
      </c>
      <c r="AK1776" s="9">
        <v>-864</v>
      </c>
      <c r="AL1776" s="13">
        <v>-2.7403342954105743E-2</v>
      </c>
      <c r="AM1776" s="9">
        <v>9215</v>
      </c>
      <c r="AN1776" s="13">
        <v>0.30050546225338332</v>
      </c>
      <c r="AO1776" s="9">
        <v>8351</v>
      </c>
      <c r="AP1776" s="13">
        <v>0.26486726505756603</v>
      </c>
      <c r="AQ1776" s="9">
        <v>24495</v>
      </c>
      <c r="AR1776" s="9">
        <v>27500</v>
      </c>
      <c r="AS1776" s="9">
        <v>28183</v>
      </c>
      <c r="AT1776" s="9">
        <v>28730</v>
      </c>
      <c r="AU1776" s="9">
        <v>28638</v>
      </c>
      <c r="AV1776" s="9">
        <v>29704</v>
      </c>
      <c r="AW1776" s="9">
        <v>31529</v>
      </c>
      <c r="AX1776" s="9">
        <v>31357</v>
      </c>
      <c r="AY1776" s="9">
        <v>32149</v>
      </c>
      <c r="AZ1776" s="9">
        <v>30665</v>
      </c>
      <c r="BA1776" s="9">
        <v>31462</v>
      </c>
      <c r="BB1776" s="9">
        <v>33878</v>
      </c>
      <c r="BC1776" s="9">
        <v>34914</v>
      </c>
      <c r="BD1776" s="9">
        <v>36776</v>
      </c>
      <c r="BE1776" s="9">
        <v>39637</v>
      </c>
      <c r="BF1776" s="9">
        <v>39880</v>
      </c>
      <c r="BG1776" s="11">
        <v>12</v>
      </c>
      <c r="BH1776" s="13">
        <v>0.10344827586206896</v>
      </c>
      <c r="BI1776" s="6">
        <v>17</v>
      </c>
      <c r="BJ1776" s="13">
        <v>0.14655172413793102</v>
      </c>
      <c r="BK1776" s="6">
        <v>-22</v>
      </c>
      <c r="BL1776" s="13">
        <v>-0.16541353383458646</v>
      </c>
      <c r="BM1776" s="11">
        <v>17</v>
      </c>
      <c r="BN1776" s="13">
        <v>0.15315315315315314</v>
      </c>
      <c r="BO1776" s="11">
        <v>-5</v>
      </c>
      <c r="BP1776" s="13">
        <v>-3.7593984962406013E-2</v>
      </c>
      <c r="BQ1776" s="6">
        <v>116</v>
      </c>
      <c r="BR1776" s="6">
        <v>116</v>
      </c>
      <c r="BS1776" s="6">
        <v>122</v>
      </c>
      <c r="BT1776" s="6">
        <v>133</v>
      </c>
      <c r="BU1776" s="6">
        <v>129</v>
      </c>
      <c r="BV1776" s="6">
        <v>119</v>
      </c>
      <c r="BW1776" s="6">
        <v>111</v>
      </c>
      <c r="BX1776" s="6">
        <v>108</v>
      </c>
      <c r="BY1776" s="6">
        <v>109</v>
      </c>
      <c r="BZ1776" s="6">
        <v>110</v>
      </c>
      <c r="CA1776" s="6">
        <v>116</v>
      </c>
      <c r="CB1776" s="6">
        <v>122</v>
      </c>
      <c r="CC1776" s="11">
        <v>128</v>
      </c>
      <c r="CD1776" s="11">
        <v>22</v>
      </c>
      <c r="CE1776" s="11">
        <v>-62</v>
      </c>
      <c r="CF1776" s="11">
        <v>133</v>
      </c>
      <c r="CG1776" s="11">
        <v>71</v>
      </c>
      <c r="CH1776" s="20">
        <v>1.84</v>
      </c>
      <c r="CI1776" s="20">
        <v>2.06</v>
      </c>
      <c r="CJ1776" s="20">
        <v>2.2200000000000002</v>
      </c>
      <c r="CK1776" s="20">
        <v>2.11</v>
      </c>
      <c r="CL1776" s="20">
        <v>2.11</v>
      </c>
      <c r="CM1776" s="20">
        <v>1.9</v>
      </c>
      <c r="CN1776" s="20">
        <v>1.67</v>
      </c>
      <c r="CO1776" s="20">
        <v>1.59</v>
      </c>
      <c r="CP1776" s="20">
        <v>1.46</v>
      </c>
      <c r="CQ1776" s="20">
        <v>1.52</v>
      </c>
      <c r="CR1776" s="20">
        <v>1.47</v>
      </c>
      <c r="CS1776" s="20">
        <v>1.34</v>
      </c>
      <c r="CT1776" s="20">
        <v>1.49</v>
      </c>
      <c r="CU1776" s="20">
        <v>1.56</v>
      </c>
      <c r="CV1776" s="20">
        <v>1.63</v>
      </c>
      <c r="CW1776" s="20">
        <v>1.6</v>
      </c>
      <c r="CX1776" s="20">
        <v>1.6</v>
      </c>
      <c r="CY1776" s="6" t="s">
        <v>649</v>
      </c>
      <c r="CZ1776" s="6" t="s">
        <v>650</v>
      </c>
      <c r="DA1776" s="6" t="s">
        <v>81</v>
      </c>
      <c r="DB1776" s="6"/>
      <c r="DC1776" s="6">
        <v>28140</v>
      </c>
      <c r="DD1776" s="6">
        <v>312</v>
      </c>
      <c r="DE1776" s="6" t="s">
        <v>402</v>
      </c>
      <c r="DF1776" s="6" t="s">
        <v>375</v>
      </c>
      <c r="DG1776" s="6" t="s">
        <v>364</v>
      </c>
      <c r="DH1776" s="6" t="s">
        <v>419</v>
      </c>
      <c r="DI1776" s="6" t="s">
        <v>377</v>
      </c>
      <c r="DJ1776" s="6">
        <v>29</v>
      </c>
      <c r="DK1776" s="6">
        <v>165</v>
      </c>
      <c r="DL1776" s="6">
        <v>1</v>
      </c>
      <c r="DM1776" s="6" t="s">
        <v>404</v>
      </c>
      <c r="DN1776" s="6">
        <v>1</v>
      </c>
      <c r="DO1776" s="6" t="s">
        <v>405</v>
      </c>
      <c r="DP1776" s="6"/>
      <c r="DQ1776" s="6"/>
    </row>
    <row r="1777" spans="1:121" x14ac:dyDescent="0.2">
      <c r="A1777" s="6" t="s">
        <v>317</v>
      </c>
      <c r="B1777" s="6" t="s">
        <v>317</v>
      </c>
      <c r="C1777" s="6" t="s">
        <v>186</v>
      </c>
      <c r="D1777" s="6" t="s">
        <v>81</v>
      </c>
      <c r="E1777" s="6" t="s">
        <v>222</v>
      </c>
      <c r="F1777" s="11">
        <v>941</v>
      </c>
      <c r="G1777" s="13">
        <v>0.68</v>
      </c>
      <c r="H1777" s="11">
        <v>225</v>
      </c>
      <c r="I1777" s="13">
        <v>0.16245487364620939</v>
      </c>
      <c r="J1777" s="11">
        <v>-29</v>
      </c>
      <c r="K1777" s="13">
        <v>-1.8012422360248446E-2</v>
      </c>
      <c r="L1777" s="11">
        <v>745</v>
      </c>
      <c r="M1777" s="13">
        <v>0.47122074636306138</v>
      </c>
      <c r="N1777" s="11">
        <v>716</v>
      </c>
      <c r="O1777" s="13">
        <v>0.4447204968944099</v>
      </c>
      <c r="P1777" s="7">
        <v>1385</v>
      </c>
      <c r="Q1777" s="7">
        <v>1363</v>
      </c>
      <c r="R1777" s="7">
        <v>1325</v>
      </c>
      <c r="S1777" s="7">
        <v>1393</v>
      </c>
      <c r="T1777" s="7">
        <v>1391</v>
      </c>
      <c r="U1777" s="7">
        <v>1385</v>
      </c>
      <c r="V1777" s="7">
        <v>1610</v>
      </c>
      <c r="W1777" s="7">
        <v>1748</v>
      </c>
      <c r="X1777" s="7">
        <v>1593</v>
      </c>
      <c r="Y1777" s="7">
        <v>1581</v>
      </c>
      <c r="Z1777" s="7">
        <v>1652</v>
      </c>
      <c r="AA1777" s="7">
        <v>1629</v>
      </c>
      <c r="AB1777" s="7">
        <v>1769</v>
      </c>
      <c r="AC1777" s="7">
        <v>1909</v>
      </c>
      <c r="AD1777" s="7">
        <v>2011</v>
      </c>
      <c r="AE1777" s="7">
        <v>2221</v>
      </c>
      <c r="AF1777" s="7">
        <v>2326</v>
      </c>
      <c r="AG1777" s="9">
        <v>7586</v>
      </c>
      <c r="AH1777" s="13">
        <v>0.14060385891424018</v>
      </c>
      <c r="AI1777" s="9">
        <v>-3215</v>
      </c>
      <c r="AJ1777" s="13">
        <v>-5.9588901451263138E-2</v>
      </c>
      <c r="AK1777" s="9">
        <v>3245</v>
      </c>
      <c r="AL1777" s="13">
        <v>6.3956009302692268E-2</v>
      </c>
      <c r="AM1777" s="9">
        <v>7556</v>
      </c>
      <c r="AN1777" s="13">
        <v>0.13996999055258136</v>
      </c>
      <c r="AO1777" s="9">
        <v>10801</v>
      </c>
      <c r="AP1777" s="13">
        <v>0.21287792187315227</v>
      </c>
      <c r="AQ1777" s="9">
        <v>53953</v>
      </c>
      <c r="AR1777" s="9">
        <v>51198</v>
      </c>
      <c r="AS1777" s="9">
        <v>50298</v>
      </c>
      <c r="AT1777" s="9">
        <v>48295</v>
      </c>
      <c r="AU1777" s="9">
        <v>51449</v>
      </c>
      <c r="AV1777" s="9">
        <v>52543</v>
      </c>
      <c r="AW1777" s="9">
        <v>50738</v>
      </c>
      <c r="AX1777" s="9">
        <v>60717</v>
      </c>
      <c r="AY1777" s="9">
        <v>55202</v>
      </c>
      <c r="AZ1777" s="9">
        <v>53983</v>
      </c>
      <c r="BA1777" s="9">
        <v>55177</v>
      </c>
      <c r="BB1777" s="9">
        <v>61587</v>
      </c>
      <c r="BC1777" s="9">
        <v>62296</v>
      </c>
      <c r="BD1777" s="9">
        <v>60889</v>
      </c>
      <c r="BE1777" s="9">
        <v>61661</v>
      </c>
      <c r="BF1777" s="9">
        <v>61539</v>
      </c>
      <c r="BG1777" s="11">
        <v>103</v>
      </c>
      <c r="BH1777" s="13">
        <v>0.5</v>
      </c>
      <c r="BI1777" s="6">
        <v>61</v>
      </c>
      <c r="BJ1777" s="13">
        <v>0.29611650485436891</v>
      </c>
      <c r="BK1777" s="6">
        <v>15</v>
      </c>
      <c r="BL1777" s="13">
        <v>5.6179775280898875E-2</v>
      </c>
      <c r="BM1777" s="11">
        <v>27</v>
      </c>
      <c r="BN1777" s="13">
        <v>9.5744680851063829E-2</v>
      </c>
      <c r="BO1777" s="11">
        <v>42</v>
      </c>
      <c r="BP1777" s="13">
        <v>0.15730337078651685</v>
      </c>
      <c r="BQ1777" s="6">
        <v>206</v>
      </c>
      <c r="BR1777" s="6">
        <v>239</v>
      </c>
      <c r="BS1777" s="6">
        <v>253</v>
      </c>
      <c r="BT1777" s="6">
        <v>267</v>
      </c>
      <c r="BU1777" s="6">
        <v>269</v>
      </c>
      <c r="BV1777" s="6">
        <v>275</v>
      </c>
      <c r="BW1777" s="6">
        <v>282</v>
      </c>
      <c r="BX1777" s="6">
        <v>278</v>
      </c>
      <c r="BY1777" s="6">
        <v>280</v>
      </c>
      <c r="BZ1777" s="6">
        <v>289</v>
      </c>
      <c r="CA1777" s="6">
        <v>280</v>
      </c>
      <c r="CB1777" s="6">
        <v>304</v>
      </c>
      <c r="CC1777" s="11">
        <v>309</v>
      </c>
      <c r="CD1777" s="11">
        <v>512</v>
      </c>
      <c r="CE1777" s="11">
        <v>277</v>
      </c>
      <c r="CF1777" s="11">
        <v>151</v>
      </c>
      <c r="CG1777" s="11">
        <v>428</v>
      </c>
      <c r="CH1777" s="20">
        <v>0.66</v>
      </c>
      <c r="CI1777" s="20">
        <v>0.67</v>
      </c>
      <c r="CJ1777" s="20">
        <v>0.61</v>
      </c>
      <c r="CK1777" s="20">
        <v>0.62</v>
      </c>
      <c r="CL1777" s="20">
        <v>0.61</v>
      </c>
      <c r="CM1777" s="20">
        <v>0.57999999999999996</v>
      </c>
      <c r="CN1777" s="20">
        <v>0.64</v>
      </c>
      <c r="CO1777" s="20">
        <v>0.66</v>
      </c>
      <c r="CP1777" s="20">
        <v>0.6</v>
      </c>
      <c r="CQ1777" s="20">
        <v>0.6</v>
      </c>
      <c r="CR1777" s="20">
        <v>0.62</v>
      </c>
      <c r="CS1777" s="20">
        <v>0.6</v>
      </c>
      <c r="CT1777" s="20">
        <v>0.64</v>
      </c>
      <c r="CU1777" s="20">
        <v>0.67</v>
      </c>
      <c r="CV1777" s="20">
        <v>0.68</v>
      </c>
      <c r="CW1777" s="20">
        <v>0.71</v>
      </c>
      <c r="CX1777" s="20">
        <v>0.72</v>
      </c>
      <c r="CY1777" s="6" t="s">
        <v>649</v>
      </c>
      <c r="CZ1777" s="6" t="s">
        <v>650</v>
      </c>
      <c r="DA1777" s="6" t="s">
        <v>81</v>
      </c>
      <c r="DB1777" s="6"/>
      <c r="DC1777" s="6">
        <v>28140</v>
      </c>
      <c r="DD1777" s="6">
        <v>312</v>
      </c>
      <c r="DE1777" s="6" t="s">
        <v>402</v>
      </c>
      <c r="DF1777" s="6" t="s">
        <v>375</v>
      </c>
      <c r="DG1777" s="6" t="s">
        <v>364</v>
      </c>
      <c r="DH1777" s="6" t="s">
        <v>419</v>
      </c>
      <c r="DI1777" s="6" t="s">
        <v>377</v>
      </c>
      <c r="DJ1777" s="6">
        <v>29</v>
      </c>
      <c r="DK1777" s="6">
        <v>165</v>
      </c>
      <c r="DL1777" s="6">
        <v>1</v>
      </c>
      <c r="DM1777" s="6" t="s">
        <v>404</v>
      </c>
      <c r="DN1777" s="6">
        <v>1</v>
      </c>
      <c r="DO1777" s="6" t="s">
        <v>405</v>
      </c>
      <c r="DP1777" s="6"/>
      <c r="DQ1777" s="6"/>
    </row>
    <row r="1778" spans="1:121" x14ac:dyDescent="0.2">
      <c r="A1778" s="6" t="s">
        <v>318</v>
      </c>
      <c r="B1778" s="6" t="s">
        <v>318</v>
      </c>
      <c r="C1778" s="6" t="s">
        <v>187</v>
      </c>
      <c r="D1778" s="6" t="s">
        <v>81</v>
      </c>
      <c r="E1778" s="6" t="s">
        <v>222</v>
      </c>
      <c r="F1778" s="11">
        <v>-1108</v>
      </c>
      <c r="G1778" s="13">
        <v>-0.51036388760899998</v>
      </c>
      <c r="H1778" s="11">
        <v>-1512.9300969999999</v>
      </c>
      <c r="I1778" s="13">
        <v>-0.69688539796851068</v>
      </c>
      <c r="J1778" s="11">
        <v>61.797865000000002</v>
      </c>
      <c r="K1778" s="13">
        <v>9.3909410701022156E-2</v>
      </c>
      <c r="L1778" s="11">
        <v>342.96947611000007</v>
      </c>
      <c r="M1778" s="13">
        <v>0.47644168897012779</v>
      </c>
      <c r="N1778" s="11">
        <v>404.76734111000007</v>
      </c>
      <c r="O1778" s="13">
        <v>0.61509345791573422</v>
      </c>
      <c r="P1778" s="7">
        <v>2170.988374</v>
      </c>
      <c r="Q1778" s="7">
        <v>1243.944058</v>
      </c>
      <c r="R1778" s="7">
        <v>857.65583300000003</v>
      </c>
      <c r="S1778" s="7">
        <v>577.86169500000005</v>
      </c>
      <c r="T1778" s="7">
        <v>602.07275500000003</v>
      </c>
      <c r="U1778" s="7">
        <v>590.43320200000005</v>
      </c>
      <c r="V1778" s="7">
        <v>658.05827699999998</v>
      </c>
      <c r="W1778" s="7">
        <v>717.96741199999997</v>
      </c>
      <c r="X1778" s="7">
        <v>686.14807399999995</v>
      </c>
      <c r="Y1778" s="7">
        <v>719.85614199999998</v>
      </c>
      <c r="Z1778" s="7">
        <v>1002.9981739999999</v>
      </c>
      <c r="AA1778" s="7">
        <v>647.99668899999995</v>
      </c>
      <c r="AB1778" s="7">
        <v>712.89159700000005</v>
      </c>
      <c r="AC1778" s="7">
        <v>1167.9923719999999</v>
      </c>
      <c r="AD1778" s="7">
        <v>1125.928641</v>
      </c>
      <c r="AE1778" s="7">
        <v>1011.05508775</v>
      </c>
      <c r="AF1778" s="7">
        <v>1062.8256181100001</v>
      </c>
      <c r="AG1778" s="9">
        <v>37893.659853500008</v>
      </c>
      <c r="AH1778" s="13">
        <v>0.52678310429984099</v>
      </c>
      <c r="AI1778" s="9">
        <v>20564.975842300002</v>
      </c>
      <c r="AJ1778" s="13">
        <v>0.28588639513682201</v>
      </c>
      <c r="AK1778" s="9">
        <v>9622.283901200004</v>
      </c>
      <c r="AL1778" s="13">
        <v>0.1040257485994308</v>
      </c>
      <c r="AM1778" s="9">
        <v>7706.4001100000023</v>
      </c>
      <c r="AN1778" s="13">
        <v>7.5463168218909318E-2</v>
      </c>
      <c r="AO1778" s="9">
        <v>17328.684011200006</v>
      </c>
      <c r="AP1778" s="13">
        <v>0.18733902938399696</v>
      </c>
      <c r="AQ1778" s="9">
        <v>71934.083580499995</v>
      </c>
      <c r="AR1778" s="9">
        <v>83277.841004500006</v>
      </c>
      <c r="AS1778" s="9">
        <v>93823.126649600003</v>
      </c>
      <c r="AT1778" s="9">
        <v>88340.378894499998</v>
      </c>
      <c r="AU1778" s="9">
        <v>87027.631859800007</v>
      </c>
      <c r="AV1778" s="9">
        <v>90425.555536200001</v>
      </c>
      <c r="AW1778" s="9">
        <v>92499.059422799997</v>
      </c>
      <c r="AX1778" s="9">
        <v>100622.160617</v>
      </c>
      <c r="AY1778" s="9">
        <v>96804.071824300001</v>
      </c>
      <c r="AZ1778" s="9">
        <v>102121.343324</v>
      </c>
      <c r="BA1778" s="9">
        <v>105940.548463</v>
      </c>
      <c r="BB1778" s="9">
        <v>137526.51919399999</v>
      </c>
      <c r="BC1778" s="9">
        <v>146203.00346099999</v>
      </c>
      <c r="BD1778" s="9">
        <v>124224.481567</v>
      </c>
      <c r="BE1778" s="9">
        <v>111680.978069</v>
      </c>
      <c r="BF1778" s="9">
        <v>109827.743434</v>
      </c>
      <c r="BG1778" s="11">
        <v>3.5</v>
      </c>
      <c r="BH1778" s="13">
        <v>0.16666666666666666</v>
      </c>
      <c r="BI1778" s="6">
        <v>6</v>
      </c>
      <c r="BJ1778" s="13">
        <v>0.2857142857142857</v>
      </c>
      <c r="BK1778" s="6">
        <v>-3</v>
      </c>
      <c r="BL1778" s="13">
        <v>-0.1111111111111111</v>
      </c>
      <c r="BM1778" s="11">
        <v>0.5</v>
      </c>
      <c r="BN1778" s="13">
        <v>2.0833333333333332E-2</v>
      </c>
      <c r="BO1778" s="11">
        <v>-2.5</v>
      </c>
      <c r="BP1778" s="13">
        <v>-9.2592592592592587E-2</v>
      </c>
      <c r="BQ1778" s="6">
        <v>21</v>
      </c>
      <c r="BR1778" s="6">
        <v>24</v>
      </c>
      <c r="BS1778" s="6">
        <v>25</v>
      </c>
      <c r="BT1778" s="6">
        <v>27</v>
      </c>
      <c r="BU1778" s="6">
        <v>26</v>
      </c>
      <c r="BV1778" s="6">
        <v>25</v>
      </c>
      <c r="BW1778" s="6">
        <v>24</v>
      </c>
      <c r="BX1778" s="6">
        <v>24</v>
      </c>
      <c r="BY1778" s="6">
        <v>23</v>
      </c>
      <c r="BZ1778" s="6">
        <v>25</v>
      </c>
      <c r="CA1778" s="6">
        <v>27</v>
      </c>
      <c r="CB1778" s="6">
        <v>24</v>
      </c>
      <c r="CC1778" s="11">
        <v>24.5</v>
      </c>
      <c r="CD1778" s="11">
        <v>-1810.3</v>
      </c>
      <c r="CE1778" s="11">
        <v>464.82600000000002</v>
      </c>
      <c r="CF1778" s="11">
        <v>237.315</v>
      </c>
      <c r="CG1778" s="11">
        <v>702</v>
      </c>
      <c r="CH1778" s="20">
        <v>4.7417899999999999</v>
      </c>
      <c r="CI1778" s="20">
        <v>2.7743899999999999</v>
      </c>
      <c r="CJ1778" s="20">
        <v>1.8610599999999999</v>
      </c>
      <c r="CK1778" s="20">
        <v>1.2026600000000001</v>
      </c>
      <c r="CL1778" s="20">
        <v>1.2589600000000001</v>
      </c>
      <c r="CM1778" s="20">
        <v>1.19289</v>
      </c>
      <c r="CN1778" s="20">
        <v>1.2541500000000001</v>
      </c>
      <c r="CO1778" s="20">
        <v>1.2831999999999999</v>
      </c>
      <c r="CP1778" s="20">
        <v>1.2186300000000001</v>
      </c>
      <c r="CQ1778" s="20">
        <v>1.28023</v>
      </c>
      <c r="CR1778" s="20">
        <v>1.74841</v>
      </c>
      <c r="CS1778" s="20">
        <v>1.0919700000000001</v>
      </c>
      <c r="CT1778" s="20">
        <v>1.1595800000000001</v>
      </c>
      <c r="CU1778" s="20">
        <v>1.8128299999999999</v>
      </c>
      <c r="CV1778" s="20">
        <v>1.7164299999999999</v>
      </c>
      <c r="CW1778" s="20">
        <v>1.47601</v>
      </c>
      <c r="CX1778" s="20">
        <v>1.5022599999999999</v>
      </c>
      <c r="CY1778" s="6" t="s">
        <v>649</v>
      </c>
      <c r="CZ1778" s="6" t="s">
        <v>650</v>
      </c>
      <c r="DA1778" s="6" t="s">
        <v>81</v>
      </c>
      <c r="DB1778" s="6"/>
      <c r="DC1778" s="6">
        <v>28140</v>
      </c>
      <c r="DD1778" s="6">
        <v>312</v>
      </c>
      <c r="DE1778" s="6" t="s">
        <v>402</v>
      </c>
      <c r="DF1778" s="6" t="s">
        <v>375</v>
      </c>
      <c r="DG1778" s="6" t="s">
        <v>364</v>
      </c>
      <c r="DH1778" s="6" t="s">
        <v>419</v>
      </c>
      <c r="DI1778" s="6" t="s">
        <v>377</v>
      </c>
      <c r="DJ1778" s="6">
        <v>29</v>
      </c>
      <c r="DK1778" s="6">
        <v>165</v>
      </c>
      <c r="DL1778" s="6">
        <v>1</v>
      </c>
      <c r="DM1778" s="6" t="s">
        <v>404</v>
      </c>
      <c r="DN1778" s="6">
        <v>1</v>
      </c>
      <c r="DO1778" s="6" t="s">
        <v>405</v>
      </c>
      <c r="DP1778" s="6"/>
      <c r="DQ1778" s="6"/>
    </row>
    <row r="1779" spans="1:121" x14ac:dyDescent="0.2">
      <c r="A1779" s="6" t="s">
        <v>319</v>
      </c>
      <c r="B1779" s="6" t="s">
        <v>319</v>
      </c>
      <c r="C1779" s="6" t="s">
        <v>188</v>
      </c>
      <c r="D1779" s="6" t="s">
        <v>81</v>
      </c>
      <c r="E1779" s="6" t="s">
        <v>222</v>
      </c>
      <c r="F1779" s="11">
        <v>2293</v>
      </c>
      <c r="G1779" s="13">
        <v>1.0528007346199999</v>
      </c>
      <c r="H1779" s="11">
        <v>2982.6076933099998</v>
      </c>
      <c r="I1779" s="13">
        <v>1.3695687132236072</v>
      </c>
      <c r="J1779" s="11">
        <v>-308.05110872000023</v>
      </c>
      <c r="K1779" s="13">
        <v>-5.9695440576971549E-2</v>
      </c>
      <c r="L1779" s="11">
        <v>-381.82685323999976</v>
      </c>
      <c r="M1779" s="13">
        <v>-7.8689414152790557E-2</v>
      </c>
      <c r="N1779" s="11">
        <v>-689.87796195999999</v>
      </c>
      <c r="O1779" s="13">
        <v>-0.13368745548316749</v>
      </c>
      <c r="P1779" s="7">
        <v>2177.7714871200001</v>
      </c>
      <c r="Q1779" s="7">
        <v>2291.5001931500001</v>
      </c>
      <c r="R1779" s="7">
        <v>4971.95329846</v>
      </c>
      <c r="S1779" s="7">
        <v>4998.5334917700002</v>
      </c>
      <c r="T1779" s="7">
        <v>4898.8015566499998</v>
      </c>
      <c r="U1779" s="7">
        <v>5499.6208991100002</v>
      </c>
      <c r="V1779" s="7">
        <v>5160.3791804299999</v>
      </c>
      <c r="W1779" s="7">
        <v>5202.2809505200003</v>
      </c>
      <c r="X1779" s="7">
        <v>5039.2426504300001</v>
      </c>
      <c r="Y1779" s="7">
        <v>4852.3280717099997</v>
      </c>
      <c r="Z1779" s="7">
        <v>4719.1726510999997</v>
      </c>
      <c r="AA1779" s="7">
        <v>3823.2518931099999</v>
      </c>
      <c r="AB1779" s="7">
        <v>3929.1788664599999</v>
      </c>
      <c r="AC1779" s="7">
        <v>3781.0331716800001</v>
      </c>
      <c r="AD1779" s="7">
        <v>4113.1639901500002</v>
      </c>
      <c r="AE1779" s="7">
        <v>4383.5037682100001</v>
      </c>
      <c r="AF1779" s="7">
        <v>4470.5012184699999</v>
      </c>
      <c r="AG1779" s="9">
        <v>16230.618932899997</v>
      </c>
      <c r="AH1779" s="13">
        <v>0.43733203715360608</v>
      </c>
      <c r="AI1779" s="9">
        <v>4735.0968271999955</v>
      </c>
      <c r="AJ1779" s="13">
        <v>0.12758660345116918</v>
      </c>
      <c r="AK1779" s="9">
        <v>4702.6735736000046</v>
      </c>
      <c r="AL1779" s="13">
        <v>0.1123753709652284</v>
      </c>
      <c r="AM1779" s="9">
        <v>6792.8485320999971</v>
      </c>
      <c r="AN1779" s="13">
        <v>0.14592404857695579</v>
      </c>
      <c r="AO1779" s="9">
        <v>11495.522105700002</v>
      </c>
      <c r="AP1779" s="13">
        <v>0.27469768863376764</v>
      </c>
      <c r="AQ1779" s="9">
        <v>37112.805726600003</v>
      </c>
      <c r="AR1779" s="9">
        <v>38659.188277300003</v>
      </c>
      <c r="AS1779" s="9">
        <v>37885.8021439</v>
      </c>
      <c r="AT1779" s="9">
        <v>36437.017505199998</v>
      </c>
      <c r="AU1779" s="9">
        <v>37348.7966867</v>
      </c>
      <c r="AV1779" s="9">
        <v>39279.543386500001</v>
      </c>
      <c r="AW1779" s="9">
        <v>41847.902553799999</v>
      </c>
      <c r="AX1779" s="9">
        <v>44287.379719099998</v>
      </c>
      <c r="AY1779" s="9">
        <v>45268.611044800004</v>
      </c>
      <c r="AZ1779" s="9">
        <v>46550.576127400003</v>
      </c>
      <c r="BA1779" s="9">
        <v>48608.809401099999</v>
      </c>
      <c r="BB1779" s="9">
        <v>51300.799391300003</v>
      </c>
      <c r="BC1779" s="9">
        <v>53460.516130099997</v>
      </c>
      <c r="BD1779" s="9">
        <v>56529.4403408</v>
      </c>
      <c r="BE1779" s="9">
        <v>51055.856187899997</v>
      </c>
      <c r="BF1779" s="9">
        <v>53343.4246595</v>
      </c>
      <c r="BG1779" s="11">
        <v>55</v>
      </c>
      <c r="BH1779" s="13">
        <v>0.44715447154471544</v>
      </c>
      <c r="BI1779" s="6">
        <v>11</v>
      </c>
      <c r="BJ1779" s="13">
        <v>8.943089430894309E-2</v>
      </c>
      <c r="BK1779" s="6">
        <v>19</v>
      </c>
      <c r="BL1779" s="13">
        <v>0.1417910447761194</v>
      </c>
      <c r="BM1779" s="11">
        <v>25</v>
      </c>
      <c r="BN1779" s="13">
        <v>0.16339869281045752</v>
      </c>
      <c r="BO1779" s="11">
        <v>44</v>
      </c>
      <c r="BP1779" s="13">
        <v>0.32835820895522388</v>
      </c>
      <c r="BQ1779" s="6">
        <v>123</v>
      </c>
      <c r="BR1779" s="6">
        <v>124</v>
      </c>
      <c r="BS1779" s="6">
        <v>127</v>
      </c>
      <c r="BT1779" s="6">
        <v>134</v>
      </c>
      <c r="BU1779" s="6">
        <v>142</v>
      </c>
      <c r="BV1779" s="6">
        <v>143</v>
      </c>
      <c r="BW1779" s="6">
        <v>153</v>
      </c>
      <c r="BX1779" s="6">
        <v>151</v>
      </c>
      <c r="BY1779" s="6">
        <v>147</v>
      </c>
      <c r="BZ1779" s="6">
        <v>153</v>
      </c>
      <c r="CA1779" s="6">
        <v>147</v>
      </c>
      <c r="CB1779" s="6">
        <v>171</v>
      </c>
      <c r="CC1779" s="11">
        <v>178</v>
      </c>
      <c r="CD1779" s="11">
        <v>1858.73</v>
      </c>
      <c r="CE1779" s="11">
        <v>195.94</v>
      </c>
      <c r="CF1779" s="11">
        <v>238.05699999999999</v>
      </c>
      <c r="CG1779" s="11">
        <v>434</v>
      </c>
      <c r="CH1779" s="20">
        <v>0.96970100000000004</v>
      </c>
      <c r="CI1779" s="20">
        <v>1.0317400000000001</v>
      </c>
      <c r="CJ1779" s="20">
        <v>2.1393</v>
      </c>
      <c r="CK1779" s="20">
        <v>2.0387</v>
      </c>
      <c r="CL1779" s="20">
        <v>1.9932799999999999</v>
      </c>
      <c r="CM1779" s="20">
        <v>2.15225</v>
      </c>
      <c r="CN1779" s="20">
        <v>1.94502</v>
      </c>
      <c r="CO1779" s="20">
        <v>1.98142</v>
      </c>
      <c r="CP1779" s="20">
        <v>2.05322</v>
      </c>
      <c r="CQ1779" s="20">
        <v>1.92435</v>
      </c>
      <c r="CR1779" s="20">
        <v>1.8244</v>
      </c>
      <c r="CS1779" s="20">
        <v>1.4472</v>
      </c>
      <c r="CT1779" s="20">
        <v>1.45198</v>
      </c>
      <c r="CU1779" s="20">
        <v>1.33155</v>
      </c>
      <c r="CV1779" s="20">
        <v>1.4188499999999999</v>
      </c>
      <c r="CW1779" s="20">
        <v>1.4415199999999999</v>
      </c>
      <c r="CX1779" s="20">
        <v>1.4215199999999999</v>
      </c>
      <c r="CY1779" s="6" t="s">
        <v>649</v>
      </c>
      <c r="CZ1779" s="6" t="s">
        <v>650</v>
      </c>
      <c r="DA1779" s="6" t="s">
        <v>81</v>
      </c>
      <c r="DB1779" s="6"/>
      <c r="DC1779" s="6">
        <v>28140</v>
      </c>
      <c r="DD1779" s="6">
        <v>312</v>
      </c>
      <c r="DE1779" s="6" t="s">
        <v>402</v>
      </c>
      <c r="DF1779" s="6" t="s">
        <v>375</v>
      </c>
      <c r="DG1779" s="6" t="s">
        <v>364</v>
      </c>
      <c r="DH1779" s="6" t="s">
        <v>419</v>
      </c>
      <c r="DI1779" s="6" t="s">
        <v>377</v>
      </c>
      <c r="DJ1779" s="6">
        <v>29</v>
      </c>
      <c r="DK1779" s="6">
        <v>165</v>
      </c>
      <c r="DL1779" s="6">
        <v>1</v>
      </c>
      <c r="DM1779" s="6" t="s">
        <v>404</v>
      </c>
      <c r="DN1779" s="6">
        <v>1</v>
      </c>
      <c r="DO1779" s="6" t="s">
        <v>405</v>
      </c>
      <c r="DP1779" s="6"/>
      <c r="DQ1779" s="6"/>
    </row>
    <row r="1780" spans="1:121" x14ac:dyDescent="0.2">
      <c r="A1780" s="6" t="s">
        <v>320</v>
      </c>
      <c r="B1780" s="6" t="s">
        <v>320</v>
      </c>
      <c r="C1780" s="6" t="s">
        <v>189</v>
      </c>
      <c r="D1780" s="6" t="s">
        <v>81</v>
      </c>
      <c r="E1780" s="6" t="s">
        <v>222</v>
      </c>
      <c r="F1780" s="11">
        <v>704</v>
      </c>
      <c r="G1780" s="13">
        <v>0.471533824514</v>
      </c>
      <c r="H1780" s="11">
        <v>436.21523294000008</v>
      </c>
      <c r="I1780" s="13">
        <v>0.29214272081818965</v>
      </c>
      <c r="J1780" s="11">
        <v>381.91843691999975</v>
      </c>
      <c r="K1780" s="13">
        <v>0.19794948726293932</v>
      </c>
      <c r="L1780" s="11">
        <v>-114.33948882000004</v>
      </c>
      <c r="M1780" s="13">
        <v>-4.9469952940335515E-2</v>
      </c>
      <c r="N1780" s="11">
        <v>267.57894809999971</v>
      </c>
      <c r="O1780" s="13">
        <v>0.13868698250314265</v>
      </c>
      <c r="P1780" s="7">
        <v>1493.15797333</v>
      </c>
      <c r="Q1780" s="7">
        <v>1543.31587881</v>
      </c>
      <c r="R1780" s="7">
        <v>1852.20656811</v>
      </c>
      <c r="S1780" s="7">
        <v>1984.1699388500001</v>
      </c>
      <c r="T1780" s="7">
        <v>1433.97405643</v>
      </c>
      <c r="U1780" s="7">
        <v>1610.8359496600001</v>
      </c>
      <c r="V1780" s="7">
        <v>1929.3732062700001</v>
      </c>
      <c r="W1780" s="7">
        <v>1824.77842859</v>
      </c>
      <c r="X1780" s="7">
        <v>1891.88244594</v>
      </c>
      <c r="Y1780" s="7">
        <v>2311.2916431899998</v>
      </c>
      <c r="Z1780" s="7">
        <v>1831.99899157</v>
      </c>
      <c r="AA1780" s="7">
        <v>1926.3389924999999</v>
      </c>
      <c r="AB1780" s="7">
        <v>1981.3970945799999</v>
      </c>
      <c r="AC1780" s="7">
        <v>2173.9770633200001</v>
      </c>
      <c r="AD1780" s="7">
        <v>2138.3953549900002</v>
      </c>
      <c r="AE1780" s="7">
        <v>2139.1501905499999</v>
      </c>
      <c r="AF1780" s="7">
        <v>2196.9521543699998</v>
      </c>
      <c r="AG1780" s="9">
        <v>6598.6292985</v>
      </c>
      <c r="AH1780" s="13">
        <v>0.39355166277097775</v>
      </c>
      <c r="AI1780" s="9">
        <v>7984.3568156000001</v>
      </c>
      <c r="AJ1780" s="13">
        <v>0.47619842830850745</v>
      </c>
      <c r="AK1780" s="9">
        <v>899.93500900000072</v>
      </c>
      <c r="AL1780" s="13">
        <v>3.6359209206064391E-2</v>
      </c>
      <c r="AM1780" s="9">
        <v>-2285.6625261000008</v>
      </c>
      <c r="AN1780" s="13">
        <v>-8.9105616452765046E-2</v>
      </c>
      <c r="AO1780" s="9">
        <v>-1385.7275171000001</v>
      </c>
      <c r="AP1780" s="13">
        <v>-5.5986216996742083E-2</v>
      </c>
      <c r="AQ1780" s="9">
        <v>16766.869315299999</v>
      </c>
      <c r="AR1780" s="9">
        <v>18155.451799800001</v>
      </c>
      <c r="AS1780" s="9">
        <v>17582.2813351</v>
      </c>
      <c r="AT1780" s="9">
        <v>18946.603381199999</v>
      </c>
      <c r="AU1780" s="9">
        <v>24650.336818600001</v>
      </c>
      <c r="AV1780" s="9">
        <v>22698.01038</v>
      </c>
      <c r="AW1780" s="9">
        <v>24751.226130899999</v>
      </c>
      <c r="AX1780" s="9">
        <v>28337.108860699998</v>
      </c>
      <c r="AY1780" s="9">
        <v>27682.705352000001</v>
      </c>
      <c r="AZ1780" s="9">
        <v>25651.161139899999</v>
      </c>
      <c r="BA1780" s="9">
        <v>33596.8589851</v>
      </c>
      <c r="BB1780" s="9">
        <v>38855.233030299998</v>
      </c>
      <c r="BC1780" s="9">
        <v>36283.724999799997</v>
      </c>
      <c r="BD1780" s="9">
        <v>24367.6330762</v>
      </c>
      <c r="BE1780" s="9">
        <v>24506.012847400001</v>
      </c>
      <c r="BF1780" s="9">
        <v>23365.498613799999</v>
      </c>
      <c r="BG1780" s="11">
        <v>26.25</v>
      </c>
      <c r="BH1780" s="13">
        <v>1.640625</v>
      </c>
      <c r="BI1780" s="6">
        <v>7</v>
      </c>
      <c r="BJ1780" s="13">
        <v>0.4375</v>
      </c>
      <c r="BK1780" s="6">
        <v>3</v>
      </c>
      <c r="BL1780" s="13">
        <v>0.13043478260869565</v>
      </c>
      <c r="BM1780" s="11">
        <v>16.25</v>
      </c>
      <c r="BN1780" s="13">
        <v>0.625</v>
      </c>
      <c r="BO1780" s="11">
        <v>19.25</v>
      </c>
      <c r="BP1780" s="13">
        <v>0.83695652173913049</v>
      </c>
      <c r="BQ1780" s="6">
        <v>16</v>
      </c>
      <c r="BR1780" s="6">
        <v>18</v>
      </c>
      <c r="BS1780" s="6">
        <v>19</v>
      </c>
      <c r="BT1780" s="6">
        <v>23</v>
      </c>
      <c r="BU1780" s="6">
        <v>25</v>
      </c>
      <c r="BV1780" s="6">
        <v>26</v>
      </c>
      <c r="BW1780" s="6">
        <v>26</v>
      </c>
      <c r="BX1780" s="6">
        <v>30</v>
      </c>
      <c r="BY1780" s="6">
        <v>36</v>
      </c>
      <c r="BZ1780" s="6">
        <v>37</v>
      </c>
      <c r="CA1780" s="6">
        <v>39</v>
      </c>
      <c r="CB1780" s="6">
        <v>41</v>
      </c>
      <c r="CC1780" s="11">
        <v>42.25</v>
      </c>
      <c r="CD1780" s="11">
        <v>-0.105904</v>
      </c>
      <c r="CE1780" s="11">
        <v>540.67999999999995</v>
      </c>
      <c r="CF1780" s="11">
        <v>163.22</v>
      </c>
      <c r="CG1780" s="11">
        <v>704</v>
      </c>
      <c r="CH1780" s="20">
        <v>1.99282</v>
      </c>
      <c r="CI1780" s="20">
        <v>1.99034</v>
      </c>
      <c r="CJ1780" s="20">
        <v>2.2168600000000001</v>
      </c>
      <c r="CK1780" s="20">
        <v>2.2424900000000001</v>
      </c>
      <c r="CL1780" s="20">
        <v>1.65303</v>
      </c>
      <c r="CM1780" s="20">
        <v>1.7947200000000001</v>
      </c>
      <c r="CN1780" s="20">
        <v>2.0380600000000002</v>
      </c>
      <c r="CO1780" s="20">
        <v>1.8103499999999999</v>
      </c>
      <c r="CP1780" s="20">
        <v>1.7775700000000001</v>
      </c>
      <c r="CQ1780" s="20">
        <v>2.1295999999999999</v>
      </c>
      <c r="CR1780" s="20">
        <v>1.6575200000000001</v>
      </c>
      <c r="CS1780" s="20">
        <v>1.72296</v>
      </c>
      <c r="CT1780" s="20">
        <v>1.75274</v>
      </c>
      <c r="CU1780" s="20">
        <v>1.8546499999999999</v>
      </c>
      <c r="CV1780" s="20">
        <v>1.8062499999999999</v>
      </c>
      <c r="CW1780" s="20">
        <v>1.72478</v>
      </c>
      <c r="CX1780" s="20">
        <v>1.7066399999999999</v>
      </c>
      <c r="CY1780" s="6" t="s">
        <v>649</v>
      </c>
      <c r="CZ1780" s="6" t="s">
        <v>650</v>
      </c>
      <c r="DA1780" s="6" t="s">
        <v>81</v>
      </c>
      <c r="DB1780" s="6"/>
      <c r="DC1780" s="6">
        <v>28140</v>
      </c>
      <c r="DD1780" s="6">
        <v>312</v>
      </c>
      <c r="DE1780" s="6" t="s">
        <v>402</v>
      </c>
      <c r="DF1780" s="6" t="s">
        <v>375</v>
      </c>
      <c r="DG1780" s="6" t="s">
        <v>364</v>
      </c>
      <c r="DH1780" s="6" t="s">
        <v>419</v>
      </c>
      <c r="DI1780" s="6" t="s">
        <v>377</v>
      </c>
      <c r="DJ1780" s="6">
        <v>29</v>
      </c>
      <c r="DK1780" s="6">
        <v>165</v>
      </c>
      <c r="DL1780" s="6">
        <v>1</v>
      </c>
      <c r="DM1780" s="6" t="s">
        <v>404</v>
      </c>
      <c r="DN1780" s="6">
        <v>1</v>
      </c>
      <c r="DO1780" s="6" t="s">
        <v>405</v>
      </c>
      <c r="DP1780" s="6"/>
      <c r="DQ1780" s="6"/>
    </row>
    <row r="1781" spans="1:121" x14ac:dyDescent="0.2">
      <c r="A1781" s="6" t="s">
        <v>321</v>
      </c>
      <c r="B1781" s="6" t="s">
        <v>321</v>
      </c>
      <c r="C1781" s="6" t="s">
        <v>190</v>
      </c>
      <c r="D1781" s="6" t="s">
        <v>81</v>
      </c>
      <c r="E1781" s="6" t="s">
        <v>222</v>
      </c>
      <c r="F1781" s="11">
        <v>1541</v>
      </c>
      <c r="G1781" s="13">
        <v>0.77788995456800003</v>
      </c>
      <c r="H1781" s="11">
        <v>316.23458950000031</v>
      </c>
      <c r="I1781" s="13">
        <v>0.15964131475025151</v>
      </c>
      <c r="J1781" s="11">
        <v>460.83882567000001</v>
      </c>
      <c r="K1781" s="13">
        <v>0.20061403193632979</v>
      </c>
      <c r="L1781" s="11">
        <v>763.89714688999993</v>
      </c>
      <c r="M1781" s="13">
        <v>0.27697700724197027</v>
      </c>
      <c r="N1781" s="11">
        <v>1224.7359725599999</v>
      </c>
      <c r="O1781" s="13">
        <v>0.53315651335476966</v>
      </c>
      <c r="P1781" s="7">
        <v>1980.9069475199999</v>
      </c>
      <c r="Q1781" s="7">
        <v>2091.0548799200001</v>
      </c>
      <c r="R1781" s="7">
        <v>2084.1247495100001</v>
      </c>
      <c r="S1781" s="7">
        <v>2054.3284394900002</v>
      </c>
      <c r="T1781" s="7">
        <v>2184.3109111700001</v>
      </c>
      <c r="U1781" s="7">
        <v>2229.5177083499998</v>
      </c>
      <c r="V1781" s="7">
        <v>2297.1415370200002</v>
      </c>
      <c r="W1781" s="7">
        <v>2416.7465869399998</v>
      </c>
      <c r="X1781" s="7">
        <v>2632.3712433000001</v>
      </c>
      <c r="Y1781" s="7">
        <v>2757.9803626900002</v>
      </c>
      <c r="Z1781" s="7">
        <v>2887.94092701</v>
      </c>
      <c r="AA1781" s="7">
        <v>3026.7881223099998</v>
      </c>
      <c r="AB1781" s="7">
        <v>3103.8955018699999</v>
      </c>
      <c r="AC1781" s="7">
        <v>3194.0862015799999</v>
      </c>
      <c r="AD1781" s="7">
        <v>3247.5860974699999</v>
      </c>
      <c r="AE1781" s="7">
        <v>3361.6699482700001</v>
      </c>
      <c r="AF1781" s="7">
        <v>3521.8775095800002</v>
      </c>
      <c r="AG1781" s="9">
        <v>18534.146164199999</v>
      </c>
      <c r="AH1781" s="13">
        <v>0.54600491099855386</v>
      </c>
      <c r="AI1781" s="9">
        <v>10772.395041399999</v>
      </c>
      <c r="AJ1781" s="13">
        <v>0.31734834417039076</v>
      </c>
      <c r="AK1781" s="9">
        <v>2482.3730691000019</v>
      </c>
      <c r="AL1781" s="13">
        <v>5.5512448901939411E-2</v>
      </c>
      <c r="AM1781" s="9">
        <v>5279.3780536999984</v>
      </c>
      <c r="AN1781" s="13">
        <v>0.1118517384098421</v>
      </c>
      <c r="AO1781" s="9">
        <v>7761.7511228000003</v>
      </c>
      <c r="AP1781" s="13">
        <v>0.17357335122485096</v>
      </c>
      <c r="AQ1781" s="9">
        <v>33945.017326499998</v>
      </c>
      <c r="AR1781" s="9">
        <v>35693.072044799999</v>
      </c>
      <c r="AS1781" s="9">
        <v>36565.737018400003</v>
      </c>
      <c r="AT1781" s="9">
        <v>39356.757133400002</v>
      </c>
      <c r="AU1781" s="9">
        <v>40261.698066500001</v>
      </c>
      <c r="AV1781" s="9">
        <v>41949.1512946</v>
      </c>
      <c r="AW1781" s="9">
        <v>44717.412367899997</v>
      </c>
      <c r="AX1781" s="9">
        <v>46987.674355299998</v>
      </c>
      <c r="AY1781" s="9">
        <v>46363.517049499998</v>
      </c>
      <c r="AZ1781" s="9">
        <v>47199.785436999999</v>
      </c>
      <c r="BA1781" s="9">
        <v>47693.467804599997</v>
      </c>
      <c r="BB1781" s="9">
        <v>47369.648705</v>
      </c>
      <c r="BC1781" s="9">
        <v>51527.312406800003</v>
      </c>
      <c r="BD1781" s="9">
        <v>52585.920847000001</v>
      </c>
      <c r="BE1781" s="9">
        <v>52338.105798999997</v>
      </c>
      <c r="BF1781" s="9">
        <v>52479.163490699997</v>
      </c>
      <c r="BG1781" s="11">
        <v>130</v>
      </c>
      <c r="BH1781" s="13">
        <v>1.0236220472440944</v>
      </c>
      <c r="BI1781" s="6">
        <v>12</v>
      </c>
      <c r="BJ1781" s="13">
        <v>9.4488188976377951E-2</v>
      </c>
      <c r="BK1781" s="6">
        <v>20</v>
      </c>
      <c r="BL1781" s="13">
        <v>0.14388489208633093</v>
      </c>
      <c r="BM1781" s="11">
        <v>98</v>
      </c>
      <c r="BN1781" s="13">
        <v>0.61635220125786161</v>
      </c>
      <c r="BO1781" s="11">
        <v>118</v>
      </c>
      <c r="BP1781" s="13">
        <v>0.84892086330935257</v>
      </c>
      <c r="BQ1781" s="6">
        <v>127</v>
      </c>
      <c r="BR1781" s="6">
        <v>128</v>
      </c>
      <c r="BS1781" s="6">
        <v>131</v>
      </c>
      <c r="BT1781" s="6">
        <v>139</v>
      </c>
      <c r="BU1781" s="6">
        <v>142</v>
      </c>
      <c r="BV1781" s="6">
        <v>147</v>
      </c>
      <c r="BW1781" s="6">
        <v>159</v>
      </c>
      <c r="BX1781" s="6">
        <v>162</v>
      </c>
      <c r="BY1781" s="6">
        <v>171</v>
      </c>
      <c r="BZ1781" s="6">
        <v>229</v>
      </c>
      <c r="CA1781" s="6">
        <v>242</v>
      </c>
      <c r="CB1781" s="6">
        <v>258</v>
      </c>
      <c r="CC1781" s="11">
        <v>257</v>
      </c>
      <c r="CD1781" s="11">
        <v>603.05399999999997</v>
      </c>
      <c r="CE1781" s="11">
        <v>721.38</v>
      </c>
      <c r="CF1781" s="11">
        <v>216.53700000000001</v>
      </c>
      <c r="CG1781" s="11">
        <v>938</v>
      </c>
      <c r="CH1781" s="20">
        <v>0.53531899999999999</v>
      </c>
      <c r="CI1781" s="20">
        <v>0.55001</v>
      </c>
      <c r="CJ1781" s="20">
        <v>0.50786699999999996</v>
      </c>
      <c r="CK1781" s="20">
        <v>0.48039199999999999</v>
      </c>
      <c r="CL1781" s="20">
        <v>0.51534899999999995</v>
      </c>
      <c r="CM1781" s="20">
        <v>0.50678900000000004</v>
      </c>
      <c r="CN1781" s="20">
        <v>0.49396699999999999</v>
      </c>
      <c r="CO1781" s="20">
        <v>0.489728</v>
      </c>
      <c r="CP1781" s="20">
        <v>0.50906600000000002</v>
      </c>
      <c r="CQ1781" s="20">
        <v>0.52632400000000001</v>
      </c>
      <c r="CR1781" s="20">
        <v>0.55083599999999999</v>
      </c>
      <c r="CS1781" s="20">
        <v>0.56132700000000002</v>
      </c>
      <c r="CT1781" s="20">
        <v>0.566307</v>
      </c>
      <c r="CU1781" s="20">
        <v>0.56317499999999998</v>
      </c>
      <c r="CV1781" s="20">
        <v>0.56129200000000001</v>
      </c>
      <c r="CW1781" s="20">
        <v>0.55127400000000004</v>
      </c>
      <c r="CX1781" s="20">
        <v>0.55318900000000004</v>
      </c>
      <c r="CY1781" s="6" t="s">
        <v>649</v>
      </c>
      <c r="CZ1781" s="6" t="s">
        <v>650</v>
      </c>
      <c r="DA1781" s="6" t="s">
        <v>81</v>
      </c>
      <c r="DB1781" s="6"/>
      <c r="DC1781" s="6">
        <v>28140</v>
      </c>
      <c r="DD1781" s="6">
        <v>312</v>
      </c>
      <c r="DE1781" s="6" t="s">
        <v>402</v>
      </c>
      <c r="DF1781" s="6" t="s">
        <v>375</v>
      </c>
      <c r="DG1781" s="6" t="s">
        <v>364</v>
      </c>
      <c r="DH1781" s="6" t="s">
        <v>419</v>
      </c>
      <c r="DI1781" s="6" t="s">
        <v>377</v>
      </c>
      <c r="DJ1781" s="6">
        <v>29</v>
      </c>
      <c r="DK1781" s="6">
        <v>165</v>
      </c>
      <c r="DL1781" s="6">
        <v>1</v>
      </c>
      <c r="DM1781" s="6" t="s">
        <v>404</v>
      </c>
      <c r="DN1781" s="6">
        <v>1</v>
      </c>
      <c r="DO1781" s="6" t="s">
        <v>405</v>
      </c>
      <c r="DP1781" s="6"/>
      <c r="DQ1781" s="6"/>
    </row>
    <row r="1782" spans="1:121" x14ac:dyDescent="0.2">
      <c r="A1782" s="6" t="s">
        <v>322</v>
      </c>
      <c r="B1782" s="6" t="s">
        <v>322</v>
      </c>
      <c r="C1782" s="6" t="s">
        <v>191</v>
      </c>
      <c r="D1782" s="6" t="s">
        <v>81</v>
      </c>
      <c r="E1782" s="6" t="s">
        <v>222</v>
      </c>
      <c r="F1782" s="11">
        <v>-745</v>
      </c>
      <c r="G1782" s="13">
        <v>-0.35</v>
      </c>
      <c r="H1782" s="11">
        <v>-457</v>
      </c>
      <c r="I1782" s="13">
        <v>-0.21669037458511145</v>
      </c>
      <c r="J1782" s="11">
        <v>-38</v>
      </c>
      <c r="K1782" s="13">
        <v>-2.3002421307506057E-2</v>
      </c>
      <c r="L1782" s="11">
        <v>-250</v>
      </c>
      <c r="M1782" s="13">
        <v>-0.15489467162329615</v>
      </c>
      <c r="N1782" s="11">
        <v>-288</v>
      </c>
      <c r="O1782" s="13">
        <v>-0.17433414043583534</v>
      </c>
      <c r="P1782" s="7">
        <v>2109</v>
      </c>
      <c r="Q1782" s="7">
        <v>2055</v>
      </c>
      <c r="R1782" s="7">
        <v>1255</v>
      </c>
      <c r="S1782" s="7">
        <v>1367</v>
      </c>
      <c r="T1782" s="7">
        <v>1363</v>
      </c>
      <c r="U1782" s="7">
        <v>1516</v>
      </c>
      <c r="V1782" s="7">
        <v>1652</v>
      </c>
      <c r="W1782" s="7">
        <v>1677</v>
      </c>
      <c r="X1782" s="7">
        <v>1609</v>
      </c>
      <c r="Y1782" s="7">
        <v>1614</v>
      </c>
      <c r="Z1782" s="7">
        <v>1579</v>
      </c>
      <c r="AA1782" s="7">
        <v>1435</v>
      </c>
      <c r="AB1782" s="7">
        <v>1369</v>
      </c>
      <c r="AC1782" s="7">
        <v>1357</v>
      </c>
      <c r="AD1782" s="7">
        <v>1358</v>
      </c>
      <c r="AE1782" s="7">
        <v>1381</v>
      </c>
      <c r="AF1782" s="7">
        <v>1364</v>
      </c>
      <c r="AG1782" s="9">
        <v>14811</v>
      </c>
      <c r="AH1782" s="13">
        <v>0.78133572483646341</v>
      </c>
      <c r="AI1782" s="9">
        <v>10096</v>
      </c>
      <c r="AJ1782" s="13">
        <v>0.53260181472884571</v>
      </c>
      <c r="AK1782" s="9">
        <v>1487</v>
      </c>
      <c r="AL1782" s="13">
        <v>5.1184083711964749E-2</v>
      </c>
      <c r="AM1782" s="9">
        <v>3228</v>
      </c>
      <c r="AN1782" s="13">
        <v>0.10570090703690364</v>
      </c>
      <c r="AO1782" s="9">
        <v>4715</v>
      </c>
      <c r="AP1782" s="13">
        <v>0.16229519482307586</v>
      </c>
      <c r="AQ1782" s="9">
        <v>18956</v>
      </c>
      <c r="AR1782" s="9">
        <v>19298</v>
      </c>
      <c r="AS1782" s="9">
        <v>24214</v>
      </c>
      <c r="AT1782" s="9">
        <v>26542</v>
      </c>
      <c r="AU1782" s="9">
        <v>27192</v>
      </c>
      <c r="AV1782" s="9">
        <v>27590</v>
      </c>
      <c r="AW1782" s="9">
        <v>29052</v>
      </c>
      <c r="AX1782" s="9">
        <v>29840</v>
      </c>
      <c r="AY1782" s="9">
        <v>31604</v>
      </c>
      <c r="AZ1782" s="9">
        <v>30539</v>
      </c>
      <c r="BA1782" s="9">
        <v>30318</v>
      </c>
      <c r="BB1782" s="9">
        <v>30618</v>
      </c>
      <c r="BC1782" s="9">
        <v>31441</v>
      </c>
      <c r="BD1782" s="9">
        <v>32457</v>
      </c>
      <c r="BE1782" s="9">
        <v>32615</v>
      </c>
      <c r="BF1782" s="9">
        <v>33767</v>
      </c>
      <c r="BG1782" s="11">
        <v>10</v>
      </c>
      <c r="BH1782" s="13">
        <v>0.4</v>
      </c>
      <c r="BI1782" s="6">
        <v>0</v>
      </c>
      <c r="BJ1782" s="13">
        <v>0</v>
      </c>
      <c r="BK1782" s="6">
        <v>3</v>
      </c>
      <c r="BL1782" s="13">
        <v>0.12</v>
      </c>
      <c r="BM1782" s="11">
        <v>7</v>
      </c>
      <c r="BN1782" s="13">
        <v>0.25</v>
      </c>
      <c r="BO1782" s="11">
        <v>10</v>
      </c>
      <c r="BP1782" s="13">
        <v>0.4</v>
      </c>
      <c r="BQ1782" s="6">
        <v>25</v>
      </c>
      <c r="BR1782" s="6">
        <v>25</v>
      </c>
      <c r="BS1782" s="6">
        <v>26</v>
      </c>
      <c r="BT1782" s="6">
        <v>25</v>
      </c>
      <c r="BU1782" s="6">
        <v>28</v>
      </c>
      <c r="BV1782" s="6">
        <v>26</v>
      </c>
      <c r="BW1782" s="6">
        <v>28</v>
      </c>
      <c r="BX1782" s="6">
        <v>30</v>
      </c>
      <c r="BY1782" s="6">
        <v>30</v>
      </c>
      <c r="BZ1782" s="6">
        <v>31</v>
      </c>
      <c r="CA1782" s="6">
        <v>29</v>
      </c>
      <c r="CB1782" s="6">
        <v>33</v>
      </c>
      <c r="CC1782" s="11">
        <v>35</v>
      </c>
      <c r="CD1782" s="11">
        <v>-1360</v>
      </c>
      <c r="CE1782" s="11">
        <v>384</v>
      </c>
      <c r="CF1782" s="11">
        <v>231</v>
      </c>
      <c r="CG1782" s="11">
        <v>615</v>
      </c>
      <c r="CH1782" s="20">
        <v>3.72</v>
      </c>
      <c r="CI1782" s="20">
        <v>3.59</v>
      </c>
      <c r="CJ1782" s="20">
        <v>2.06</v>
      </c>
      <c r="CK1782" s="20">
        <v>2.15</v>
      </c>
      <c r="CL1782" s="20">
        <v>2.1800000000000002</v>
      </c>
      <c r="CM1782" s="20">
        <v>2.36</v>
      </c>
      <c r="CN1782" s="20">
        <v>2.44</v>
      </c>
      <c r="CO1782" s="20">
        <v>2.38</v>
      </c>
      <c r="CP1782" s="20">
        <v>2.27</v>
      </c>
      <c r="CQ1782" s="20">
        <v>2.2999999999999998</v>
      </c>
      <c r="CR1782" s="20">
        <v>2.25</v>
      </c>
      <c r="CS1782" s="20">
        <v>2.0099999999999998</v>
      </c>
      <c r="CT1782" s="20">
        <v>1.89</v>
      </c>
      <c r="CU1782" s="20">
        <v>1.79</v>
      </c>
      <c r="CV1782" s="20">
        <v>1.74</v>
      </c>
      <c r="CW1782" s="20">
        <v>1.67</v>
      </c>
      <c r="CX1782" s="20">
        <v>1.6</v>
      </c>
      <c r="CY1782" s="6" t="s">
        <v>649</v>
      </c>
      <c r="CZ1782" s="6" t="s">
        <v>650</v>
      </c>
      <c r="DA1782" s="6" t="s">
        <v>81</v>
      </c>
      <c r="DB1782" s="6"/>
      <c r="DC1782" s="6">
        <v>28140</v>
      </c>
      <c r="DD1782" s="6">
        <v>312</v>
      </c>
      <c r="DE1782" s="6" t="s">
        <v>402</v>
      </c>
      <c r="DF1782" s="6" t="s">
        <v>375</v>
      </c>
      <c r="DG1782" s="6" t="s">
        <v>364</v>
      </c>
      <c r="DH1782" s="6" t="s">
        <v>419</v>
      </c>
      <c r="DI1782" s="6" t="s">
        <v>377</v>
      </c>
      <c r="DJ1782" s="6">
        <v>29</v>
      </c>
      <c r="DK1782" s="6">
        <v>165</v>
      </c>
      <c r="DL1782" s="6">
        <v>1</v>
      </c>
      <c r="DM1782" s="6" t="s">
        <v>404</v>
      </c>
      <c r="DN1782" s="6">
        <v>1</v>
      </c>
      <c r="DO1782" s="6" t="s">
        <v>405</v>
      </c>
      <c r="DP1782" s="6"/>
      <c r="DQ1782" s="6"/>
    </row>
    <row r="1783" spans="1:121" x14ac:dyDescent="0.2">
      <c r="A1783" s="6" t="s">
        <v>323</v>
      </c>
      <c r="B1783" s="6" t="s">
        <v>323</v>
      </c>
      <c r="C1783" s="6" t="s">
        <v>192</v>
      </c>
      <c r="D1783" s="6" t="s">
        <v>81</v>
      </c>
      <c r="E1783" s="6" t="s">
        <v>222</v>
      </c>
      <c r="F1783" s="11">
        <v>1225</v>
      </c>
      <c r="G1783" s="13">
        <v>0.319509650496</v>
      </c>
      <c r="H1783" s="11">
        <v>893.65792266999961</v>
      </c>
      <c r="I1783" s="13">
        <v>0.23310413524874568</v>
      </c>
      <c r="J1783" s="11">
        <v>148.52262489000077</v>
      </c>
      <c r="K1783" s="13">
        <v>3.1417493209702885E-2</v>
      </c>
      <c r="L1783" s="11">
        <v>183.01624765999986</v>
      </c>
      <c r="M1783" s="13">
        <v>3.7534796686331327E-2</v>
      </c>
      <c r="N1783" s="11">
        <v>331.53887255000063</v>
      </c>
      <c r="O1783" s="13">
        <v>7.0131539116054603E-2</v>
      </c>
      <c r="P1783" s="7">
        <v>3833.72831081</v>
      </c>
      <c r="Q1783" s="7">
        <v>3952.8235384499999</v>
      </c>
      <c r="R1783" s="7">
        <v>4041.8515721099998</v>
      </c>
      <c r="S1783" s="7">
        <v>4045.9960245799998</v>
      </c>
      <c r="T1783" s="7">
        <v>4352.4736510900002</v>
      </c>
      <c r="U1783" s="7">
        <v>4563.8974861699999</v>
      </c>
      <c r="V1783" s="7">
        <v>4727.3862334799996</v>
      </c>
      <c r="W1783" s="7">
        <v>4900.2457515400001</v>
      </c>
      <c r="X1783" s="7">
        <v>4769.22125237</v>
      </c>
      <c r="Y1783" s="7">
        <v>4875.9088583700004</v>
      </c>
      <c r="Z1783" s="7">
        <v>4939.9484457899998</v>
      </c>
      <c r="AA1783" s="7">
        <v>4977.1135239799996</v>
      </c>
      <c r="AB1783" s="7">
        <v>4930.8894655699996</v>
      </c>
      <c r="AC1783" s="7">
        <v>4812.4323215200002</v>
      </c>
      <c r="AD1783" s="7">
        <v>4900.9568118200004</v>
      </c>
      <c r="AE1783" s="7">
        <v>5042.7352475999996</v>
      </c>
      <c r="AF1783" s="7">
        <v>5058.9251060300003</v>
      </c>
      <c r="AG1783" s="9">
        <v>5994.7868611000013</v>
      </c>
      <c r="AH1783" s="13">
        <v>0.36179076768389445</v>
      </c>
      <c r="AI1783" s="9">
        <v>2397.1654318000001</v>
      </c>
      <c r="AJ1783" s="13">
        <v>0.14467108538318879</v>
      </c>
      <c r="AK1783" s="9">
        <v>-207.6394810999991</v>
      </c>
      <c r="AL1783" s="13">
        <v>-1.0947449630784164E-2</v>
      </c>
      <c r="AM1783" s="9">
        <v>3805.2609104000003</v>
      </c>
      <c r="AN1783" s="13">
        <v>0.20284676850417271</v>
      </c>
      <c r="AO1783" s="9">
        <v>3597.6214293000012</v>
      </c>
      <c r="AP1783" s="13">
        <v>0.18967866409242184</v>
      </c>
      <c r="AQ1783" s="9">
        <v>16569.761852899999</v>
      </c>
      <c r="AR1783" s="9">
        <v>16898.248329099999</v>
      </c>
      <c r="AS1783" s="9">
        <v>17050.247318999998</v>
      </c>
      <c r="AT1783" s="9">
        <v>17528.437682200001</v>
      </c>
      <c r="AU1783" s="9">
        <v>17817.901148600002</v>
      </c>
      <c r="AV1783" s="9">
        <v>18245.942981100001</v>
      </c>
      <c r="AW1783" s="9">
        <v>18966.927284699999</v>
      </c>
      <c r="AX1783" s="9">
        <v>19109.327437600001</v>
      </c>
      <c r="AY1783" s="9">
        <v>18725.2807412</v>
      </c>
      <c r="AZ1783" s="9">
        <v>18759.2878036</v>
      </c>
      <c r="BA1783" s="9">
        <v>18607.200999199998</v>
      </c>
      <c r="BB1783" s="9">
        <v>19442.675977999999</v>
      </c>
      <c r="BC1783" s="9">
        <v>19961.052243900001</v>
      </c>
      <c r="BD1783" s="9">
        <v>20951.154171599999</v>
      </c>
      <c r="BE1783" s="9">
        <v>21985.422397400002</v>
      </c>
      <c r="BF1783" s="9">
        <v>22564.548714</v>
      </c>
      <c r="BG1783" s="11">
        <v>28.5</v>
      </c>
      <c r="BH1783" s="13">
        <v>0.15921787709497207</v>
      </c>
      <c r="BI1783" s="6">
        <v>10</v>
      </c>
      <c r="BJ1783" s="13">
        <v>5.5865921787709494E-2</v>
      </c>
      <c r="BK1783" s="6">
        <v>19</v>
      </c>
      <c r="BL1783" s="13">
        <v>0.10052910052910052</v>
      </c>
      <c r="BM1783" s="11">
        <v>-0.5</v>
      </c>
      <c r="BN1783" s="13">
        <v>-2.403846153846154E-3</v>
      </c>
      <c r="BO1783" s="11">
        <v>18.5</v>
      </c>
      <c r="BP1783" s="13">
        <v>9.7883597883597878E-2</v>
      </c>
      <c r="BQ1783" s="6">
        <v>179</v>
      </c>
      <c r="BR1783" s="6">
        <v>187</v>
      </c>
      <c r="BS1783" s="6">
        <v>190</v>
      </c>
      <c r="BT1783" s="6">
        <v>189</v>
      </c>
      <c r="BU1783" s="6">
        <v>202</v>
      </c>
      <c r="BV1783" s="6">
        <v>206</v>
      </c>
      <c r="BW1783" s="6">
        <v>208</v>
      </c>
      <c r="BX1783" s="6">
        <v>207</v>
      </c>
      <c r="BY1783" s="6">
        <v>199</v>
      </c>
      <c r="BZ1783" s="6">
        <v>202</v>
      </c>
      <c r="CA1783" s="6">
        <v>206</v>
      </c>
      <c r="CB1783" s="6">
        <v>206</v>
      </c>
      <c r="CC1783" s="11">
        <v>207.5</v>
      </c>
      <c r="CD1783" s="11">
        <v>-65.687100000000001</v>
      </c>
      <c r="CE1783" s="11">
        <v>871.81100000000004</v>
      </c>
      <c r="CF1783" s="11">
        <v>419.07299999999998</v>
      </c>
      <c r="CG1783" s="11">
        <v>1291</v>
      </c>
      <c r="CH1783" s="20">
        <v>1.3960300000000001</v>
      </c>
      <c r="CI1783" s="20">
        <v>1.43662</v>
      </c>
      <c r="CJ1783" s="20">
        <v>1.3775900000000001</v>
      </c>
      <c r="CK1783" s="20">
        <v>1.3164100000000001</v>
      </c>
      <c r="CL1783" s="20">
        <v>1.4277</v>
      </c>
      <c r="CM1783" s="20">
        <v>1.44804</v>
      </c>
      <c r="CN1783" s="20">
        <v>1.4268799999999999</v>
      </c>
      <c r="CO1783" s="20">
        <v>1.42571</v>
      </c>
      <c r="CP1783" s="20">
        <v>1.38988</v>
      </c>
      <c r="CQ1783" s="20">
        <v>1.4205700000000001</v>
      </c>
      <c r="CR1783" s="20">
        <v>1.4227300000000001</v>
      </c>
      <c r="CS1783" s="20">
        <v>1.4023699999999999</v>
      </c>
      <c r="CT1783" s="20">
        <v>1.35226</v>
      </c>
      <c r="CU1783" s="20">
        <v>1.2619899999999999</v>
      </c>
      <c r="CV1783" s="20">
        <v>1.2477400000000001</v>
      </c>
      <c r="CW1783" s="20">
        <v>1.21526</v>
      </c>
      <c r="CX1783" s="20">
        <v>1.18028</v>
      </c>
      <c r="CY1783" s="6" t="s">
        <v>649</v>
      </c>
      <c r="CZ1783" s="6" t="s">
        <v>650</v>
      </c>
      <c r="DA1783" s="6" t="s">
        <v>81</v>
      </c>
      <c r="DB1783" s="6"/>
      <c r="DC1783" s="6">
        <v>28140</v>
      </c>
      <c r="DD1783" s="6">
        <v>312</v>
      </c>
      <c r="DE1783" s="6" t="s">
        <v>402</v>
      </c>
      <c r="DF1783" s="6" t="s">
        <v>375</v>
      </c>
      <c r="DG1783" s="6" t="s">
        <v>364</v>
      </c>
      <c r="DH1783" s="6" t="s">
        <v>419</v>
      </c>
      <c r="DI1783" s="6" t="s">
        <v>377</v>
      </c>
      <c r="DJ1783" s="6">
        <v>29</v>
      </c>
      <c r="DK1783" s="6">
        <v>165</v>
      </c>
      <c r="DL1783" s="6">
        <v>1</v>
      </c>
      <c r="DM1783" s="6" t="s">
        <v>404</v>
      </c>
      <c r="DN1783" s="6">
        <v>1</v>
      </c>
      <c r="DO1783" s="6" t="s">
        <v>405</v>
      </c>
      <c r="DP1783" s="6"/>
      <c r="DQ1783" s="6"/>
    </row>
    <row r="1784" spans="1:121" x14ac:dyDescent="0.2">
      <c r="A1784" s="6" t="s">
        <v>325</v>
      </c>
      <c r="B1784" s="6" t="s">
        <v>325</v>
      </c>
      <c r="C1784" s="6" t="s">
        <v>193</v>
      </c>
      <c r="D1784" s="6" t="s">
        <v>81</v>
      </c>
      <c r="E1784" s="6" t="s">
        <v>222</v>
      </c>
      <c r="F1784" s="11">
        <v>627</v>
      </c>
      <c r="G1784" s="13">
        <v>0.45500725689400001</v>
      </c>
      <c r="H1784" s="11">
        <v>147.46500648000006</v>
      </c>
      <c r="I1784" s="13">
        <v>0.10699175556873322</v>
      </c>
      <c r="J1784" s="11">
        <v>139.98861574000011</v>
      </c>
      <c r="K1784" s="13">
        <v>9.1750760369800746E-2</v>
      </c>
      <c r="L1784" s="11">
        <v>339.11420342999986</v>
      </c>
      <c r="M1784" s="13">
        <v>0.20358202506014875</v>
      </c>
      <c r="N1784" s="11">
        <v>479.10281916999998</v>
      </c>
      <c r="O1784" s="13">
        <v>0.31401159102684195</v>
      </c>
      <c r="P1784" s="7">
        <v>1378.2838284699999</v>
      </c>
      <c r="Q1784" s="7">
        <v>1368.21912896</v>
      </c>
      <c r="R1784" s="7">
        <v>1427.1112256599999</v>
      </c>
      <c r="S1784" s="7">
        <v>1442.5885596600001</v>
      </c>
      <c r="T1784" s="7">
        <v>1477.3748409499999</v>
      </c>
      <c r="U1784" s="7">
        <v>1475.63201802</v>
      </c>
      <c r="V1784" s="7">
        <v>1525.7488349499999</v>
      </c>
      <c r="W1784" s="7">
        <v>1649.54933304</v>
      </c>
      <c r="X1784" s="7">
        <v>1731.79775797</v>
      </c>
      <c r="Y1784" s="7">
        <v>1665.7374506900001</v>
      </c>
      <c r="Z1784" s="7">
        <v>1682.66255725</v>
      </c>
      <c r="AA1784" s="7">
        <v>1702.08616205</v>
      </c>
      <c r="AB1784" s="7">
        <v>1718.8875751999999</v>
      </c>
      <c r="AC1784" s="7">
        <v>1860.7368813099999</v>
      </c>
      <c r="AD1784" s="7">
        <v>1921.1626303099999</v>
      </c>
      <c r="AE1784" s="7">
        <v>1939.1185753499999</v>
      </c>
      <c r="AF1784" s="7">
        <v>2004.8516541199999</v>
      </c>
      <c r="AG1784" s="9">
        <v>3892.9301807999982</v>
      </c>
      <c r="AH1784" s="13">
        <v>0.15787189309153499</v>
      </c>
      <c r="AI1784" s="9">
        <v>807.71429569999964</v>
      </c>
      <c r="AJ1784" s="13">
        <v>3.275563110999602E-2</v>
      </c>
      <c r="AK1784" s="9">
        <v>-583.05656530000124</v>
      </c>
      <c r="AL1784" s="13">
        <v>-2.2895035447752465E-2</v>
      </c>
      <c r="AM1784" s="9">
        <v>3668.2724503999998</v>
      </c>
      <c r="AN1784" s="13">
        <v>0.14741816284151751</v>
      </c>
      <c r="AO1784" s="9">
        <v>3085.2158850999986</v>
      </c>
      <c r="AP1784" s="13">
        <v>0.12114798332986595</v>
      </c>
      <c r="AQ1784" s="9">
        <v>24658.792040600001</v>
      </c>
      <c r="AR1784" s="9">
        <v>24600.982026500002</v>
      </c>
      <c r="AS1784" s="9">
        <v>25199.348090300002</v>
      </c>
      <c r="AT1784" s="9">
        <v>24374.931076699999</v>
      </c>
      <c r="AU1784" s="9">
        <v>24436.306357900001</v>
      </c>
      <c r="AV1784" s="9">
        <v>24665.784665300002</v>
      </c>
      <c r="AW1784" s="9">
        <v>25466.506336300001</v>
      </c>
      <c r="AX1784" s="9">
        <v>24954.307478899998</v>
      </c>
      <c r="AY1784" s="9">
        <v>24881.1066293</v>
      </c>
      <c r="AZ1784" s="9">
        <v>24883.449771</v>
      </c>
      <c r="BA1784" s="9">
        <v>25082.605887400001</v>
      </c>
      <c r="BB1784" s="9">
        <v>23907.441861800002</v>
      </c>
      <c r="BC1784" s="9">
        <v>24624.273598899999</v>
      </c>
      <c r="BD1784" s="9">
        <v>27436.2426548</v>
      </c>
      <c r="BE1784" s="9">
        <v>28164.682565700001</v>
      </c>
      <c r="BF1784" s="9">
        <v>28551.722221399999</v>
      </c>
      <c r="BG1784" s="11">
        <v>42.75</v>
      </c>
      <c r="BH1784" s="13">
        <v>0.26067073170731708</v>
      </c>
      <c r="BI1784" s="6">
        <v>21</v>
      </c>
      <c r="BJ1784" s="13">
        <v>0.12804878048780488</v>
      </c>
      <c r="BK1784" s="6">
        <v>0</v>
      </c>
      <c r="BL1784" s="13">
        <v>0</v>
      </c>
      <c r="BM1784" s="11">
        <v>21.75</v>
      </c>
      <c r="BN1784" s="13">
        <v>0.11756756756756757</v>
      </c>
      <c r="BO1784" s="11">
        <v>21.75</v>
      </c>
      <c r="BP1784" s="13">
        <v>0.11756756756756757</v>
      </c>
      <c r="BQ1784" s="6">
        <v>164</v>
      </c>
      <c r="BR1784" s="6">
        <v>166</v>
      </c>
      <c r="BS1784" s="6">
        <v>177</v>
      </c>
      <c r="BT1784" s="6">
        <v>185</v>
      </c>
      <c r="BU1784" s="6">
        <v>190</v>
      </c>
      <c r="BV1784" s="6">
        <v>184</v>
      </c>
      <c r="BW1784" s="6">
        <v>185</v>
      </c>
      <c r="BX1784" s="6">
        <v>198</v>
      </c>
      <c r="BY1784" s="6">
        <v>218</v>
      </c>
      <c r="BZ1784" s="6">
        <v>197</v>
      </c>
      <c r="CA1784" s="6">
        <v>210</v>
      </c>
      <c r="CB1784" s="6">
        <v>216</v>
      </c>
      <c r="CC1784" s="11">
        <v>206.75</v>
      </c>
      <c r="CD1784" s="11">
        <v>488.59699999999998</v>
      </c>
      <c r="CE1784" s="11">
        <v>-12.6927</v>
      </c>
      <c r="CF1784" s="11">
        <v>150.66300000000001</v>
      </c>
      <c r="CG1784" s="11">
        <v>138</v>
      </c>
      <c r="CH1784" s="20">
        <v>0.73888799999999999</v>
      </c>
      <c r="CI1784" s="20">
        <v>0.729043</v>
      </c>
      <c r="CJ1784" s="20">
        <v>0.71721199999999996</v>
      </c>
      <c r="CK1784" s="20">
        <v>0.70461200000000002</v>
      </c>
      <c r="CL1784" s="20">
        <v>0.73956100000000002</v>
      </c>
      <c r="CM1784" s="20">
        <v>0.72118899999999997</v>
      </c>
      <c r="CN1784" s="20">
        <v>0.71288499999999999</v>
      </c>
      <c r="CO1784" s="20">
        <v>0.74222200000000005</v>
      </c>
      <c r="CP1784" s="20">
        <v>0.76460600000000001</v>
      </c>
      <c r="CQ1784" s="20">
        <v>0.74068500000000004</v>
      </c>
      <c r="CR1784" s="20">
        <v>0.75042600000000004</v>
      </c>
      <c r="CS1784" s="20">
        <v>0.74837799999999999</v>
      </c>
      <c r="CT1784" s="20">
        <v>0.80241899999999999</v>
      </c>
      <c r="CU1784" s="20">
        <v>0.83944300000000005</v>
      </c>
      <c r="CV1784" s="20">
        <v>0.85809100000000005</v>
      </c>
      <c r="CW1784" s="20">
        <v>0.82855999999999996</v>
      </c>
      <c r="CX1784" s="20">
        <v>0.836727</v>
      </c>
      <c r="CY1784" s="6" t="s">
        <v>649</v>
      </c>
      <c r="CZ1784" s="6" t="s">
        <v>650</v>
      </c>
      <c r="DA1784" s="6" t="s">
        <v>81</v>
      </c>
      <c r="DB1784" s="6"/>
      <c r="DC1784" s="6">
        <v>28140</v>
      </c>
      <c r="DD1784" s="6">
        <v>312</v>
      </c>
      <c r="DE1784" s="6" t="s">
        <v>402</v>
      </c>
      <c r="DF1784" s="6" t="s">
        <v>375</v>
      </c>
      <c r="DG1784" s="6" t="s">
        <v>364</v>
      </c>
      <c r="DH1784" s="6" t="s">
        <v>419</v>
      </c>
      <c r="DI1784" s="6" t="s">
        <v>377</v>
      </c>
      <c r="DJ1784" s="6">
        <v>29</v>
      </c>
      <c r="DK1784" s="6">
        <v>165</v>
      </c>
      <c r="DL1784" s="6">
        <v>1</v>
      </c>
      <c r="DM1784" s="6" t="s">
        <v>404</v>
      </c>
      <c r="DN1784" s="6">
        <v>1</v>
      </c>
      <c r="DO1784" s="6" t="s">
        <v>405</v>
      </c>
      <c r="DP1784" s="6"/>
      <c r="DQ1784" s="6"/>
    </row>
    <row r="1785" spans="1:121" x14ac:dyDescent="0.2">
      <c r="A1785" s="6" t="s">
        <v>327</v>
      </c>
      <c r="B1785" s="6" t="s">
        <v>327</v>
      </c>
      <c r="C1785" s="6" t="s">
        <v>194</v>
      </c>
      <c r="D1785" s="6" t="s">
        <v>81</v>
      </c>
      <c r="E1785" s="6" t="s">
        <v>222</v>
      </c>
      <c r="F1785" s="11">
        <v>1540</v>
      </c>
      <c r="G1785" s="13">
        <v>0.43028778988499999</v>
      </c>
      <c r="H1785" s="11">
        <v>303.7861469999998</v>
      </c>
      <c r="I1785" s="13">
        <v>8.4876098977781284E-2</v>
      </c>
      <c r="J1785" s="11">
        <v>357.52346900000066</v>
      </c>
      <c r="K1785" s="13">
        <v>9.2075027913706475E-2</v>
      </c>
      <c r="L1785" s="11">
        <v>878.53902946999915</v>
      </c>
      <c r="M1785" s="13">
        <v>0.20717907380970255</v>
      </c>
      <c r="N1785" s="11">
        <v>1236.0624984699998</v>
      </c>
      <c r="O1785" s="13">
        <v>0.31833012072757322</v>
      </c>
      <c r="P1785" s="7">
        <v>3579.171883</v>
      </c>
      <c r="Q1785" s="7">
        <v>3710.443338</v>
      </c>
      <c r="R1785" s="7">
        <v>3674.6082620000002</v>
      </c>
      <c r="S1785" s="7">
        <v>3700.6853529999998</v>
      </c>
      <c r="T1785" s="7">
        <v>3683.8026439999999</v>
      </c>
      <c r="U1785" s="7">
        <v>3752.5238669999999</v>
      </c>
      <c r="V1785" s="7">
        <v>3882.9580299999998</v>
      </c>
      <c r="W1785" s="7">
        <v>4116.2662719999998</v>
      </c>
      <c r="X1785" s="7">
        <v>4271.4011499999997</v>
      </c>
      <c r="Y1785" s="7">
        <v>4240.4814990000004</v>
      </c>
      <c r="Z1785" s="7">
        <v>4276.6626070000002</v>
      </c>
      <c r="AA1785" s="7">
        <v>4356.0485280000003</v>
      </c>
      <c r="AB1785" s="7">
        <v>4514.7390759999998</v>
      </c>
      <c r="AC1785" s="7">
        <v>4701.1892280000002</v>
      </c>
      <c r="AD1785" s="7">
        <v>4824.9514989999998</v>
      </c>
      <c r="AE1785" s="7">
        <v>4968.2785407499996</v>
      </c>
      <c r="AF1785" s="7">
        <v>5119.0205284699996</v>
      </c>
      <c r="AG1785" s="9">
        <v>24311.929481300001</v>
      </c>
      <c r="AH1785" s="13">
        <v>0.60578630019624824</v>
      </c>
      <c r="AI1785" s="9">
        <v>13233.458633400005</v>
      </c>
      <c r="AJ1785" s="13">
        <v>0.32974132927185601</v>
      </c>
      <c r="AK1785" s="9">
        <v>5895.618682399996</v>
      </c>
      <c r="AL1785" s="13">
        <v>0.11047454955898516</v>
      </c>
      <c r="AM1785" s="9">
        <v>5182.8521655000004</v>
      </c>
      <c r="AN1785" s="13">
        <v>8.7456695702753356E-2</v>
      </c>
      <c r="AO1785" s="9">
        <v>11078.470847899996</v>
      </c>
      <c r="AP1785" s="13">
        <v>0.20759298432541745</v>
      </c>
      <c r="AQ1785" s="9">
        <v>40132.847958799997</v>
      </c>
      <c r="AR1785" s="9">
        <v>41412.037283999998</v>
      </c>
      <c r="AS1785" s="9">
        <v>44551.6990697</v>
      </c>
      <c r="AT1785" s="9">
        <v>48211.234552399997</v>
      </c>
      <c r="AU1785" s="9">
        <v>50849.064903500002</v>
      </c>
      <c r="AV1785" s="9">
        <v>52638.664825300002</v>
      </c>
      <c r="AW1785" s="9">
        <v>53366.306592200002</v>
      </c>
      <c r="AX1785" s="9">
        <v>55481.250382099999</v>
      </c>
      <c r="AY1785" s="9">
        <v>56197.250106200001</v>
      </c>
      <c r="AZ1785" s="9">
        <v>59261.925274599998</v>
      </c>
      <c r="BA1785" s="9">
        <v>59526.591752400003</v>
      </c>
      <c r="BB1785" s="9">
        <v>60017.196887300001</v>
      </c>
      <c r="BC1785" s="9">
        <v>60114.483867100003</v>
      </c>
      <c r="BD1785" s="9">
        <v>61892.184851500002</v>
      </c>
      <c r="BE1785" s="9">
        <v>64576.554906400001</v>
      </c>
      <c r="BF1785" s="9">
        <v>64444.777440099999</v>
      </c>
      <c r="BG1785" s="11">
        <v>6</v>
      </c>
      <c r="BH1785" s="13">
        <v>5.6603773584905662E-2</v>
      </c>
      <c r="BI1785" s="6">
        <v>4</v>
      </c>
      <c r="BJ1785" s="13">
        <v>3.7735849056603772E-2</v>
      </c>
      <c r="BK1785" s="6">
        <v>3</v>
      </c>
      <c r="BL1785" s="13">
        <v>2.7272727272727271E-2</v>
      </c>
      <c r="BM1785" s="11">
        <v>-1</v>
      </c>
      <c r="BN1785" s="13">
        <v>-8.8495575221238937E-3</v>
      </c>
      <c r="BO1785" s="11">
        <v>2</v>
      </c>
      <c r="BP1785" s="13">
        <v>1.8181818181818181E-2</v>
      </c>
      <c r="BQ1785" s="6">
        <v>106</v>
      </c>
      <c r="BR1785" s="6">
        <v>103</v>
      </c>
      <c r="BS1785" s="6">
        <v>105</v>
      </c>
      <c r="BT1785" s="6">
        <v>110</v>
      </c>
      <c r="BU1785" s="6">
        <v>111</v>
      </c>
      <c r="BV1785" s="6">
        <v>114</v>
      </c>
      <c r="BW1785" s="6">
        <v>113</v>
      </c>
      <c r="BX1785" s="6">
        <v>114</v>
      </c>
      <c r="BY1785" s="6">
        <v>113</v>
      </c>
      <c r="BZ1785" s="6">
        <v>113</v>
      </c>
      <c r="CA1785" s="6">
        <v>113</v>
      </c>
      <c r="CB1785" s="6">
        <v>112</v>
      </c>
      <c r="CC1785" s="11">
        <v>112</v>
      </c>
      <c r="CD1785" s="11">
        <v>1358.43</v>
      </c>
      <c r="CE1785" s="11">
        <v>-209.828</v>
      </c>
      <c r="CF1785" s="11">
        <v>391.24700000000001</v>
      </c>
      <c r="CG1785" s="11">
        <v>181</v>
      </c>
      <c r="CH1785" s="20">
        <v>0.57762999999999998</v>
      </c>
      <c r="CI1785" s="20">
        <v>0.59400900000000001</v>
      </c>
      <c r="CJ1785" s="20">
        <v>0.55893700000000002</v>
      </c>
      <c r="CK1785" s="20">
        <v>0.55104500000000001</v>
      </c>
      <c r="CL1785" s="20">
        <v>0.56347899999999995</v>
      </c>
      <c r="CM1785" s="20">
        <v>0.56408899999999995</v>
      </c>
      <c r="CN1785" s="20">
        <v>0.56202700000000005</v>
      </c>
      <c r="CO1785" s="20">
        <v>0.56801900000000005</v>
      </c>
      <c r="CP1785" s="20">
        <v>0.57189599999999996</v>
      </c>
      <c r="CQ1785" s="20">
        <v>0.56853100000000001</v>
      </c>
      <c r="CR1785" s="20">
        <v>0.58857999999999999</v>
      </c>
      <c r="CS1785" s="20">
        <v>0.611093</v>
      </c>
      <c r="CT1785" s="20">
        <v>0.63871699999999998</v>
      </c>
      <c r="CU1785" s="20">
        <v>0.65489399999999998</v>
      </c>
      <c r="CV1785" s="20">
        <v>0.67117499999999997</v>
      </c>
      <c r="CW1785" s="20">
        <v>0.664489</v>
      </c>
      <c r="CX1785" s="20">
        <v>0.67340299999999997</v>
      </c>
      <c r="CY1785" s="6" t="s">
        <v>649</v>
      </c>
      <c r="CZ1785" s="6" t="s">
        <v>650</v>
      </c>
      <c r="DA1785" s="6" t="s">
        <v>81</v>
      </c>
      <c r="DB1785" s="6"/>
      <c r="DC1785" s="6">
        <v>28140</v>
      </c>
      <c r="DD1785" s="6">
        <v>312</v>
      </c>
      <c r="DE1785" s="6" t="s">
        <v>402</v>
      </c>
      <c r="DF1785" s="6" t="s">
        <v>375</v>
      </c>
      <c r="DG1785" s="6" t="s">
        <v>364</v>
      </c>
      <c r="DH1785" s="6" t="s">
        <v>419</v>
      </c>
      <c r="DI1785" s="6" t="s">
        <v>377</v>
      </c>
      <c r="DJ1785" s="6">
        <v>29</v>
      </c>
      <c r="DK1785" s="6">
        <v>165</v>
      </c>
      <c r="DL1785" s="6">
        <v>1</v>
      </c>
      <c r="DM1785" s="6" t="s">
        <v>404</v>
      </c>
      <c r="DN1785" s="6">
        <v>1</v>
      </c>
      <c r="DO1785" s="6" t="s">
        <v>405</v>
      </c>
      <c r="DP1785" s="6"/>
      <c r="DQ1785" s="6"/>
    </row>
    <row r="1786" spans="1:121" x14ac:dyDescent="0.2">
      <c r="A1786" s="6" t="s">
        <v>1</v>
      </c>
      <c r="B1786" s="6" t="s">
        <v>1</v>
      </c>
      <c r="C1786" s="6" t="s">
        <v>2</v>
      </c>
      <c r="D1786" s="6" t="s">
        <v>121</v>
      </c>
      <c r="E1786" s="6" t="s">
        <v>262</v>
      </c>
      <c r="F1786" s="11">
        <v>-13</v>
      </c>
      <c r="G1786" s="13">
        <v>-7.1428571428599999E-2</v>
      </c>
      <c r="H1786" s="11">
        <v>11.886247748000017</v>
      </c>
      <c r="I1786" s="13">
        <v>6.5470945106410411E-2</v>
      </c>
      <c r="J1786" s="11">
        <v>78.484283223999995</v>
      </c>
      <c r="K1786" s="13">
        <v>0.40573728354862321</v>
      </c>
      <c r="L1786" s="11">
        <v>-103.20570896300001</v>
      </c>
      <c r="M1786" s="13">
        <v>-0.37954369291859663</v>
      </c>
      <c r="N1786" s="11">
        <v>-24.721425739000011</v>
      </c>
      <c r="O1786" s="13">
        <v>-0.12780143632277763</v>
      </c>
      <c r="P1786" s="7">
        <v>181.549964319</v>
      </c>
      <c r="Q1786" s="7">
        <v>157.39088950799999</v>
      </c>
      <c r="R1786" s="7">
        <v>214.00004660600001</v>
      </c>
      <c r="S1786" s="7">
        <v>239.427115738</v>
      </c>
      <c r="T1786" s="7">
        <v>221.89442574200001</v>
      </c>
      <c r="U1786" s="7">
        <v>215.37303630400001</v>
      </c>
      <c r="V1786" s="7">
        <v>193.43621206700001</v>
      </c>
      <c r="W1786" s="7">
        <v>178.73541969499999</v>
      </c>
      <c r="X1786" s="7">
        <v>144.57559097999999</v>
      </c>
      <c r="Y1786" s="7">
        <v>271.92049529100001</v>
      </c>
      <c r="Z1786" s="7">
        <v>261.39036372100003</v>
      </c>
      <c r="AA1786" s="7">
        <v>254.33021545700001</v>
      </c>
      <c r="AB1786" s="7">
        <v>170.452730191</v>
      </c>
      <c r="AC1786" s="7">
        <v>175.92169591800001</v>
      </c>
      <c r="AD1786" s="7">
        <v>178.52436121400001</v>
      </c>
      <c r="AE1786" s="7">
        <v>175.392247075</v>
      </c>
      <c r="AF1786" s="7">
        <v>168.714786328</v>
      </c>
      <c r="AG1786" s="9">
        <v>8576.8211972999998</v>
      </c>
      <c r="AH1786" s="13">
        <v>0.48063483305275062</v>
      </c>
      <c r="AI1786" s="9">
        <v>3483.244600500002</v>
      </c>
      <c r="AJ1786" s="13">
        <v>0.19519687405518552</v>
      </c>
      <c r="AK1786" s="9">
        <v>1274.1623884000001</v>
      </c>
      <c r="AL1786" s="13">
        <v>5.9741238040443671E-2</v>
      </c>
      <c r="AM1786" s="9">
        <v>3819.4142083999977</v>
      </c>
      <c r="AN1786" s="13">
        <v>0.1689843019840577</v>
      </c>
      <c r="AO1786" s="9">
        <v>5093.5765967999978</v>
      </c>
      <c r="AP1786" s="13">
        <v>0.2388208714344292</v>
      </c>
      <c r="AQ1786" s="9">
        <v>17844.776548599999</v>
      </c>
      <c r="AR1786" s="9">
        <v>18672.0702284</v>
      </c>
      <c r="AS1786" s="9">
        <v>18393.424262799999</v>
      </c>
      <c r="AT1786" s="9">
        <v>19812.232488500002</v>
      </c>
      <c r="AU1786" s="9">
        <v>20319.9964697</v>
      </c>
      <c r="AV1786" s="9">
        <v>20870.396924799999</v>
      </c>
      <c r="AW1786" s="9">
        <v>21328.021149100001</v>
      </c>
      <c r="AX1786" s="9">
        <v>21234.9073364</v>
      </c>
      <c r="AY1786" s="9">
        <v>19815.853933999999</v>
      </c>
      <c r="AZ1786" s="9">
        <v>22602.183537500001</v>
      </c>
      <c r="BA1786" s="9">
        <v>22608.724337799998</v>
      </c>
      <c r="BB1786" s="9">
        <v>23945.400044599999</v>
      </c>
      <c r="BC1786" s="9">
        <v>25288.121297199999</v>
      </c>
      <c r="BD1786" s="9">
        <v>24894.129710599998</v>
      </c>
      <c r="BE1786" s="9">
        <v>26262.351761599999</v>
      </c>
      <c r="BF1786" s="9">
        <v>26421.597745899999</v>
      </c>
      <c r="BG1786" s="11">
        <v>-1</v>
      </c>
      <c r="BH1786" s="13">
        <v>-0.125</v>
      </c>
      <c r="BI1786" s="6">
        <v>-1</v>
      </c>
      <c r="BJ1786" s="13">
        <v>-0.125</v>
      </c>
      <c r="BK1786" s="6">
        <v>1</v>
      </c>
      <c r="BL1786" s="13">
        <v>0.14285714285714285</v>
      </c>
      <c r="BM1786" s="11">
        <v>-1</v>
      </c>
      <c r="BN1786" s="13">
        <v>-0.125</v>
      </c>
      <c r="BO1786" s="11">
        <v>0</v>
      </c>
      <c r="BP1786" s="13">
        <v>0</v>
      </c>
      <c r="BQ1786" s="6">
        <v>8</v>
      </c>
      <c r="BR1786" s="6">
        <v>8</v>
      </c>
      <c r="BS1786" s="6">
        <v>8</v>
      </c>
      <c r="BT1786" s="6">
        <v>7</v>
      </c>
      <c r="BU1786" s="6">
        <v>6</v>
      </c>
      <c r="BV1786" s="6">
        <v>6</v>
      </c>
      <c r="BW1786" s="6">
        <v>8</v>
      </c>
      <c r="BX1786" s="6">
        <v>7</v>
      </c>
      <c r="BY1786" s="6">
        <v>8</v>
      </c>
      <c r="BZ1786" s="6">
        <v>8</v>
      </c>
      <c r="CA1786" s="6">
        <v>6</v>
      </c>
      <c r="CB1786" s="6">
        <v>6</v>
      </c>
      <c r="CC1786" s="11">
        <v>7</v>
      </c>
      <c r="CD1786" s="11">
        <v>-16.1282</v>
      </c>
      <c r="CE1786" s="11">
        <v>-16.552600000000002</v>
      </c>
      <c r="CF1786" s="11">
        <v>19.845600000000001</v>
      </c>
      <c r="CG1786" s="11">
        <v>3</v>
      </c>
      <c r="CH1786" s="20">
        <v>1.4992399999999999</v>
      </c>
      <c r="CI1786" s="20">
        <v>1.2698799999999999</v>
      </c>
      <c r="CJ1786" s="20">
        <v>1.69676</v>
      </c>
      <c r="CK1786" s="20">
        <v>1.8793500000000001</v>
      </c>
      <c r="CL1786" s="20">
        <v>1.6863900000000001</v>
      </c>
      <c r="CM1786" s="20">
        <v>1.6698599999999999</v>
      </c>
      <c r="CN1786" s="20">
        <v>1.5269699999999999</v>
      </c>
      <c r="CO1786" s="20">
        <v>1.4412400000000001</v>
      </c>
      <c r="CP1786" s="20">
        <v>1.20746</v>
      </c>
      <c r="CQ1786" s="20">
        <v>2.2595100000000001</v>
      </c>
      <c r="CR1786" s="20">
        <v>2.1954799999999999</v>
      </c>
      <c r="CS1786" s="20">
        <v>2.1754600000000002</v>
      </c>
      <c r="CT1786" s="20">
        <v>1.4335599999999999</v>
      </c>
      <c r="CU1786" s="20">
        <v>1.5124200000000001</v>
      </c>
      <c r="CV1786" s="20">
        <v>1.5105500000000001</v>
      </c>
      <c r="CW1786" s="20">
        <v>1.4685299999999999</v>
      </c>
      <c r="CX1786" s="20">
        <v>1.40022</v>
      </c>
      <c r="CY1786" s="6" t="s">
        <v>652</v>
      </c>
      <c r="CZ1786" s="6" t="s">
        <v>653</v>
      </c>
      <c r="DA1786" s="6" t="s">
        <v>121</v>
      </c>
      <c r="DB1786" s="6" t="s">
        <v>345</v>
      </c>
      <c r="DC1786" s="6">
        <v>44180</v>
      </c>
      <c r="DD1786" s="6">
        <v>520</v>
      </c>
      <c r="DE1786" s="6" t="s">
        <v>460</v>
      </c>
      <c r="DF1786" s="6" t="s">
        <v>375</v>
      </c>
      <c r="DG1786" s="6" t="s">
        <v>376</v>
      </c>
      <c r="DH1786" s="6" t="s">
        <v>328</v>
      </c>
      <c r="DI1786" s="6" t="s">
        <v>461</v>
      </c>
      <c r="DJ1786" s="6">
        <v>29</v>
      </c>
      <c r="DK1786" s="6">
        <v>167</v>
      </c>
      <c r="DL1786" s="6">
        <v>2</v>
      </c>
      <c r="DM1786" s="6" t="s">
        <v>379</v>
      </c>
      <c r="DN1786" s="6">
        <v>2</v>
      </c>
      <c r="DO1786" s="6" t="s">
        <v>463</v>
      </c>
      <c r="DP1786" s="6"/>
      <c r="DQ1786" s="6"/>
    </row>
    <row r="1787" spans="1:121" x14ac:dyDescent="0.2">
      <c r="A1787" s="6" t="s">
        <v>310</v>
      </c>
      <c r="B1787" s="6" t="s">
        <v>310</v>
      </c>
      <c r="C1787" s="6" t="s">
        <v>173</v>
      </c>
      <c r="D1787" s="6" t="s">
        <v>121</v>
      </c>
      <c r="E1787" s="6" t="s">
        <v>262</v>
      </c>
      <c r="F1787" s="11">
        <v>1</v>
      </c>
      <c r="G1787" s="13">
        <v>1</v>
      </c>
      <c r="H1787" s="11">
        <v>12.609846000000001</v>
      </c>
      <c r="I1787" s="13">
        <v>2.5219692</v>
      </c>
      <c r="J1787" s="11">
        <v>-5.7493820000000007</v>
      </c>
      <c r="K1787" s="13">
        <v>-0.32648678472259213</v>
      </c>
      <c r="L1787" s="11">
        <v>-6.8604640000000003</v>
      </c>
      <c r="M1787" s="13">
        <v>-0.57843133287196857</v>
      </c>
      <c r="N1787" s="11">
        <v>-12.609846000000001</v>
      </c>
      <c r="O1787" s="13">
        <v>-0.71606793154238824</v>
      </c>
      <c r="P1787" s="7">
        <v>5</v>
      </c>
      <c r="Q1787" s="7">
        <v>5</v>
      </c>
      <c r="R1787" s="7">
        <v>11.440526</v>
      </c>
      <c r="S1787" s="7">
        <v>11.581319000000001</v>
      </c>
      <c r="T1787" s="7">
        <v>16.948788</v>
      </c>
      <c r="U1787" s="7">
        <v>14.607443999999999</v>
      </c>
      <c r="V1787" s="7">
        <v>17.609846000000001</v>
      </c>
      <c r="W1787" s="7">
        <v>14.234088</v>
      </c>
      <c r="X1787" s="7">
        <v>18.957630000000002</v>
      </c>
      <c r="Y1787" s="7">
        <v>11.860464</v>
      </c>
      <c r="Z1787" s="7">
        <v>5</v>
      </c>
      <c r="AA1787" s="7">
        <v>11.057226999999999</v>
      </c>
      <c r="AB1787" s="7">
        <v>11.541366</v>
      </c>
      <c r="AC1787" s="7">
        <v>12.5828088343</v>
      </c>
      <c r="AD1787" s="7">
        <v>11.592792324199999</v>
      </c>
      <c r="AE1787" s="7">
        <v>5</v>
      </c>
      <c r="AF1787" s="7">
        <v>5</v>
      </c>
      <c r="AG1787" s="9">
        <v>0</v>
      </c>
      <c r="AH1787" s="13">
        <v>0</v>
      </c>
      <c r="AI1787" s="9">
        <v>38845.481973499998</v>
      </c>
      <c r="AJ1787" s="13">
        <v>38845.481973499998</v>
      </c>
      <c r="AK1787" s="9">
        <v>20506.938809400002</v>
      </c>
      <c r="AL1787" s="13">
        <v>0.5278969360311514</v>
      </c>
      <c r="AM1787" s="9">
        <v>-59352.420782900001</v>
      </c>
      <c r="AN1787" s="13">
        <v>-0.99998315177142594</v>
      </c>
      <c r="AO1787" s="9">
        <v>-38845.481973499998</v>
      </c>
      <c r="AP1787" s="13">
        <v>-0.99997425764318437</v>
      </c>
      <c r="AQ1787" s="9">
        <v>1</v>
      </c>
      <c r="AR1787" s="9">
        <v>1</v>
      </c>
      <c r="AS1787" s="9">
        <v>42564.503355599998</v>
      </c>
      <c r="AT1787" s="9">
        <v>38359.850743399998</v>
      </c>
      <c r="AU1787" s="9">
        <v>35401.401610000001</v>
      </c>
      <c r="AV1787" s="9">
        <v>42635.919917899999</v>
      </c>
      <c r="AW1787" s="9">
        <v>38846.481973499998</v>
      </c>
      <c r="AX1787" s="9">
        <v>69522.903796099999</v>
      </c>
      <c r="AY1787" s="9">
        <v>66411.757982900002</v>
      </c>
      <c r="AZ1787" s="9">
        <v>59353.420782900001</v>
      </c>
      <c r="BA1787" s="9">
        <v>1</v>
      </c>
      <c r="BB1787" s="9">
        <v>70267.866332999998</v>
      </c>
      <c r="BC1787" s="9">
        <v>66032.0398002</v>
      </c>
      <c r="BD1787" s="9">
        <v>67442.491681200001</v>
      </c>
      <c r="BE1787" s="9">
        <v>56278.752114900002</v>
      </c>
      <c r="BF1787" s="9">
        <v>1</v>
      </c>
      <c r="BG1787" s="11">
        <v>0.75</v>
      </c>
      <c r="BH1787" s="13">
        <v>0.25</v>
      </c>
      <c r="BI1787" s="6">
        <v>0</v>
      </c>
      <c r="BJ1787" s="13">
        <v>0</v>
      </c>
      <c r="BK1787" s="6">
        <v>1</v>
      </c>
      <c r="BL1787" s="13">
        <v>0.33333333333333331</v>
      </c>
      <c r="BM1787" s="11">
        <v>-0.25</v>
      </c>
      <c r="BN1787" s="13">
        <v>-6.25E-2</v>
      </c>
      <c r="BO1787" s="11">
        <v>0.75</v>
      </c>
      <c r="BP1787" s="13">
        <v>0.25</v>
      </c>
      <c r="BQ1787" s="6">
        <v>3</v>
      </c>
      <c r="BR1787" s="6">
        <v>4</v>
      </c>
      <c r="BS1787" s="6">
        <v>3</v>
      </c>
      <c r="BT1787" s="6">
        <v>3</v>
      </c>
      <c r="BU1787" s="6">
        <v>3</v>
      </c>
      <c r="BV1787" s="6">
        <v>3</v>
      </c>
      <c r="BW1787" s="6">
        <v>4</v>
      </c>
      <c r="BX1787" s="6">
        <v>5</v>
      </c>
      <c r="BY1787" s="6">
        <v>4</v>
      </c>
      <c r="BZ1787" s="6">
        <v>4</v>
      </c>
      <c r="CA1787" s="6">
        <v>4</v>
      </c>
      <c r="CB1787" s="6">
        <v>4</v>
      </c>
      <c r="CC1787" s="11">
        <v>3.75</v>
      </c>
      <c r="CD1787" s="11">
        <v>2.4638300000000002</v>
      </c>
      <c r="CE1787" s="11">
        <v>0.32256099999999999</v>
      </c>
      <c r="CF1787" s="11">
        <v>0.33986</v>
      </c>
      <c r="CG1787" s="11">
        <v>0</v>
      </c>
      <c r="CH1787" s="20">
        <v>9.0492699999999995E-2</v>
      </c>
      <c r="CI1787" s="20">
        <v>0.28891299999999998</v>
      </c>
      <c r="CJ1787" s="20">
        <v>0.338696</v>
      </c>
      <c r="CK1787" s="20">
        <v>0.32843699999999998</v>
      </c>
      <c r="CL1787" s="20">
        <v>0.434197</v>
      </c>
      <c r="CM1787" s="20">
        <v>0.34655200000000003</v>
      </c>
      <c r="CN1787" s="20">
        <v>0.39471899999999999</v>
      </c>
      <c r="CO1787" s="20">
        <v>0.29404799999999998</v>
      </c>
      <c r="CP1787" s="20">
        <v>0.44558500000000001</v>
      </c>
      <c r="CQ1787" s="20">
        <v>0.27198600000000001</v>
      </c>
      <c r="CR1787" s="20">
        <v>0.192938</v>
      </c>
      <c r="CS1787" s="20">
        <v>0.218053</v>
      </c>
      <c r="CT1787" s="20">
        <v>0.22209300000000001</v>
      </c>
      <c r="CU1787" s="20">
        <v>0.242899</v>
      </c>
      <c r="CV1787" s="20">
        <v>0.24895300000000001</v>
      </c>
      <c r="CW1787" s="20">
        <v>0.16647400000000001</v>
      </c>
      <c r="CX1787" s="20">
        <v>0.153085</v>
      </c>
      <c r="CY1787" s="6" t="s">
        <v>652</v>
      </c>
      <c r="CZ1787" s="6" t="s">
        <v>653</v>
      </c>
      <c r="DA1787" s="6" t="s">
        <v>121</v>
      </c>
      <c r="DB1787" s="6" t="s">
        <v>345</v>
      </c>
      <c r="DC1787" s="6">
        <v>44180</v>
      </c>
      <c r="DD1787" s="6">
        <v>520</v>
      </c>
      <c r="DE1787" s="6" t="s">
        <v>460</v>
      </c>
      <c r="DF1787" s="6" t="s">
        <v>375</v>
      </c>
      <c r="DG1787" s="6" t="s">
        <v>376</v>
      </c>
      <c r="DH1787" s="6" t="s">
        <v>328</v>
      </c>
      <c r="DI1787" s="6" t="s">
        <v>461</v>
      </c>
      <c r="DJ1787" s="6">
        <v>29</v>
      </c>
      <c r="DK1787" s="6">
        <v>167</v>
      </c>
      <c r="DL1787" s="6">
        <v>2</v>
      </c>
      <c r="DM1787" s="6" t="s">
        <v>379</v>
      </c>
      <c r="DN1787" s="6">
        <v>2</v>
      </c>
      <c r="DO1787" s="6" t="s">
        <v>463</v>
      </c>
      <c r="DP1787" s="6"/>
      <c r="DQ1787" s="6"/>
    </row>
    <row r="1788" spans="1:121" x14ac:dyDescent="0.2">
      <c r="A1788" s="6" t="s">
        <v>311</v>
      </c>
      <c r="B1788" s="6" t="s">
        <v>311</v>
      </c>
      <c r="C1788" s="6" t="s">
        <v>174</v>
      </c>
      <c r="D1788" s="6" t="s">
        <v>121</v>
      </c>
      <c r="E1788" s="6" t="s">
        <v>262</v>
      </c>
      <c r="F1788" s="11">
        <v>-18</v>
      </c>
      <c r="G1788" s="13">
        <v>-0.27272727272699998</v>
      </c>
      <c r="H1788" s="11">
        <v>-19.642448000000002</v>
      </c>
      <c r="I1788" s="13">
        <v>-0.29610714365934077</v>
      </c>
      <c r="J1788" s="11">
        <v>-2.3635620000000017</v>
      </c>
      <c r="K1788" s="13">
        <v>-5.0619017833917562E-2</v>
      </c>
      <c r="L1788" s="11">
        <v>3.4178430575000007</v>
      </c>
      <c r="M1788" s="13">
        <v>7.7100696994784543E-2</v>
      </c>
      <c r="N1788" s="11">
        <v>1.054281057499999</v>
      </c>
      <c r="O1788" s="13">
        <v>2.2578917604680511E-2</v>
      </c>
      <c r="P1788" s="7">
        <v>66.335610000000003</v>
      </c>
      <c r="Q1788" s="7">
        <v>52.383792999999997</v>
      </c>
      <c r="R1788" s="7">
        <v>47.621678000000003</v>
      </c>
      <c r="S1788" s="7">
        <v>41.690496000000003</v>
      </c>
      <c r="T1788" s="7">
        <v>41.632196</v>
      </c>
      <c r="U1788" s="7">
        <v>56.712977000000002</v>
      </c>
      <c r="V1788" s="7">
        <v>46.693162000000001</v>
      </c>
      <c r="W1788" s="7">
        <v>48.366832000000002</v>
      </c>
      <c r="X1788" s="7">
        <v>41.276969000000001</v>
      </c>
      <c r="Y1788" s="7">
        <v>44.329599999999999</v>
      </c>
      <c r="Z1788" s="7">
        <v>37.769832000000001</v>
      </c>
      <c r="AA1788" s="7">
        <v>40.268315999999999</v>
      </c>
      <c r="AB1788" s="7">
        <v>47.207246957599999</v>
      </c>
      <c r="AC1788" s="7">
        <v>47.5522465596</v>
      </c>
      <c r="AD1788" s="7">
        <v>47.502467484599997</v>
      </c>
      <c r="AE1788" s="7">
        <v>48.2418528663</v>
      </c>
      <c r="AF1788" s="7">
        <v>47.7474430575</v>
      </c>
      <c r="AG1788" s="9">
        <v>58444.7298333</v>
      </c>
      <c r="AH1788" s="13">
        <v>0.93831782599974956</v>
      </c>
      <c r="AI1788" s="9">
        <v>17753.389331699997</v>
      </c>
      <c r="AJ1788" s="13">
        <v>0.2850269259411734</v>
      </c>
      <c r="AK1788" s="9">
        <v>44139.598721600007</v>
      </c>
      <c r="AL1788" s="13">
        <v>0.55146856855209747</v>
      </c>
      <c r="AM1788" s="9">
        <v>-3448.2582200000033</v>
      </c>
      <c r="AN1788" s="13">
        <v>-2.776829295237283E-2</v>
      </c>
      <c r="AO1788" s="9">
        <v>40691.340501600003</v>
      </c>
      <c r="AP1788" s="13">
        <v>0.50838693483414432</v>
      </c>
      <c r="AQ1788" s="9">
        <v>62286.709485699997</v>
      </c>
      <c r="AR1788" s="9">
        <v>68669.766991299999</v>
      </c>
      <c r="AS1788" s="9">
        <v>78981.529089000003</v>
      </c>
      <c r="AT1788" s="9">
        <v>82301.964813900006</v>
      </c>
      <c r="AU1788" s="9">
        <v>97492.152579899994</v>
      </c>
      <c r="AV1788" s="9">
        <v>76545.626865400001</v>
      </c>
      <c r="AW1788" s="9">
        <v>80040.098817399994</v>
      </c>
      <c r="AX1788" s="9">
        <v>76389.049268500006</v>
      </c>
      <c r="AY1788" s="9">
        <v>102394.793372</v>
      </c>
      <c r="AZ1788" s="9">
        <v>124179.697539</v>
      </c>
      <c r="BA1788" s="9">
        <v>106942.985934</v>
      </c>
      <c r="BB1788" s="9">
        <v>119873.84785000001</v>
      </c>
      <c r="BC1788" s="9">
        <v>99676.982360099995</v>
      </c>
      <c r="BD1788" s="9">
        <v>104933.986684</v>
      </c>
      <c r="BE1788" s="9">
        <v>112814.390287</v>
      </c>
      <c r="BF1788" s="9">
        <v>120731.439319</v>
      </c>
      <c r="BG1788" s="11">
        <v>-0.75</v>
      </c>
      <c r="BH1788" s="13">
        <v>-0.1875</v>
      </c>
      <c r="BI1788" s="6">
        <v>1</v>
      </c>
      <c r="BJ1788" s="13">
        <v>0.25</v>
      </c>
      <c r="BK1788" s="6">
        <v>0</v>
      </c>
      <c r="BL1788" s="13">
        <v>0</v>
      </c>
      <c r="BM1788" s="11">
        <v>-1.75</v>
      </c>
      <c r="BN1788" s="13">
        <v>-0.35</v>
      </c>
      <c r="BO1788" s="11">
        <v>-1.75</v>
      </c>
      <c r="BP1788" s="13">
        <v>-0.35</v>
      </c>
      <c r="BQ1788" s="6">
        <v>4</v>
      </c>
      <c r="BR1788" s="6">
        <v>4</v>
      </c>
      <c r="BS1788" s="6">
        <v>5</v>
      </c>
      <c r="BT1788" s="6">
        <v>5</v>
      </c>
      <c r="BU1788" s="6">
        <v>5</v>
      </c>
      <c r="BV1788" s="6">
        <v>5</v>
      </c>
      <c r="BW1788" s="6">
        <v>5</v>
      </c>
      <c r="BX1788" s="6">
        <v>5</v>
      </c>
      <c r="BY1788" s="6">
        <v>5</v>
      </c>
      <c r="BZ1788" s="6">
        <v>5</v>
      </c>
      <c r="CA1788" s="6">
        <v>5</v>
      </c>
      <c r="CB1788" s="6">
        <v>4</v>
      </c>
      <c r="CC1788" s="11">
        <v>3.25</v>
      </c>
      <c r="CD1788" s="11">
        <v>-15.037100000000001</v>
      </c>
      <c r="CE1788" s="11">
        <v>-10.802300000000001</v>
      </c>
      <c r="CF1788" s="11">
        <v>7.2512800000000004</v>
      </c>
      <c r="CG1788" s="11">
        <v>-4</v>
      </c>
      <c r="CH1788" s="20">
        <v>1.7622100000000001</v>
      </c>
      <c r="CI1788" s="20">
        <v>1.36415</v>
      </c>
      <c r="CJ1788" s="20">
        <v>1.25841</v>
      </c>
      <c r="CK1788" s="20">
        <v>1.1203099999999999</v>
      </c>
      <c r="CL1788" s="20">
        <v>1.11642</v>
      </c>
      <c r="CM1788" s="20">
        <v>1.55965</v>
      </c>
      <c r="CN1788" s="20">
        <v>1.28976</v>
      </c>
      <c r="CO1788" s="20">
        <v>1.3069599999999999</v>
      </c>
      <c r="CP1788" s="20">
        <v>1.13937</v>
      </c>
      <c r="CQ1788" s="20">
        <v>1.2302200000000001</v>
      </c>
      <c r="CR1788" s="20">
        <v>1.0685899999999999</v>
      </c>
      <c r="CS1788" s="20">
        <v>1.1754800000000001</v>
      </c>
      <c r="CT1788" s="20">
        <v>1.37171</v>
      </c>
      <c r="CU1788" s="20">
        <v>1.423</v>
      </c>
      <c r="CV1788" s="20">
        <v>1.4011100000000001</v>
      </c>
      <c r="CW1788" s="20">
        <v>1.40625</v>
      </c>
      <c r="CX1788" s="20">
        <v>1.3712899999999999</v>
      </c>
      <c r="CY1788" s="6" t="s">
        <v>652</v>
      </c>
      <c r="CZ1788" s="6" t="s">
        <v>653</v>
      </c>
      <c r="DA1788" s="6" t="s">
        <v>121</v>
      </c>
      <c r="DB1788" s="6" t="s">
        <v>345</v>
      </c>
      <c r="DC1788" s="6">
        <v>44180</v>
      </c>
      <c r="DD1788" s="6">
        <v>520</v>
      </c>
      <c r="DE1788" s="6" t="s">
        <v>460</v>
      </c>
      <c r="DF1788" s="6" t="s">
        <v>375</v>
      </c>
      <c r="DG1788" s="6" t="s">
        <v>376</v>
      </c>
      <c r="DH1788" s="6" t="s">
        <v>328</v>
      </c>
      <c r="DI1788" s="6" t="s">
        <v>461</v>
      </c>
      <c r="DJ1788" s="6">
        <v>29</v>
      </c>
      <c r="DK1788" s="6">
        <v>167</v>
      </c>
      <c r="DL1788" s="6">
        <v>2</v>
      </c>
      <c r="DM1788" s="6" t="s">
        <v>379</v>
      </c>
      <c r="DN1788" s="6">
        <v>2</v>
      </c>
      <c r="DO1788" s="6" t="s">
        <v>463</v>
      </c>
      <c r="DP1788" s="6"/>
      <c r="DQ1788" s="6"/>
    </row>
    <row r="1789" spans="1:121" x14ac:dyDescent="0.2">
      <c r="A1789" s="6" t="s">
        <v>312</v>
      </c>
      <c r="B1789" s="6" t="s">
        <v>312</v>
      </c>
      <c r="C1789" s="6" t="s">
        <v>175</v>
      </c>
      <c r="D1789" s="6" t="s">
        <v>121</v>
      </c>
      <c r="E1789" s="6" t="s">
        <v>262</v>
      </c>
      <c r="F1789" s="11">
        <v>-18</v>
      </c>
      <c r="G1789" s="13">
        <v>-3.0100334448200001E-2</v>
      </c>
      <c r="H1789" s="11">
        <v>117.28529304799997</v>
      </c>
      <c r="I1789" s="13">
        <v>0.19622467903755433</v>
      </c>
      <c r="J1789" s="11">
        <v>-53.39081773199996</v>
      </c>
      <c r="K1789" s="13">
        <v>-7.4673049019298277E-2</v>
      </c>
      <c r="L1789" s="11">
        <v>-81.496580185000084</v>
      </c>
      <c r="M1789" s="13">
        <v>-0.12318036467054104</v>
      </c>
      <c r="N1789" s="11">
        <v>-134.88739791700004</v>
      </c>
      <c r="O1789" s="13">
        <v>-0.18865516028058096</v>
      </c>
      <c r="P1789" s="7">
        <v>597.70918532400003</v>
      </c>
      <c r="Q1789" s="7">
        <v>631.45413310900005</v>
      </c>
      <c r="R1789" s="7">
        <v>679.67165284400005</v>
      </c>
      <c r="S1789" s="7">
        <v>709.59967914799995</v>
      </c>
      <c r="T1789" s="7">
        <v>753.84374874599996</v>
      </c>
      <c r="U1789" s="7">
        <v>789.49607180800001</v>
      </c>
      <c r="V1789" s="7">
        <v>714.994478372</v>
      </c>
      <c r="W1789" s="7">
        <v>741.693491193</v>
      </c>
      <c r="X1789" s="7">
        <v>684.78762203500003</v>
      </c>
      <c r="Y1789" s="7">
        <v>661.60366064000004</v>
      </c>
      <c r="Z1789" s="7">
        <v>601.18311530699998</v>
      </c>
      <c r="AA1789" s="7">
        <v>596.51034476300003</v>
      </c>
      <c r="AB1789" s="7">
        <v>579.77875264700003</v>
      </c>
      <c r="AC1789" s="7">
        <v>554.88814874599996</v>
      </c>
      <c r="AD1789" s="7">
        <v>599.48791372200003</v>
      </c>
      <c r="AE1789" s="7">
        <v>584.27408406300003</v>
      </c>
      <c r="AF1789" s="7">
        <v>580.10708045499996</v>
      </c>
      <c r="AG1789" s="9">
        <v>4417.0903876999982</v>
      </c>
      <c r="AH1789" s="13">
        <v>0.18161184889468329</v>
      </c>
      <c r="AI1789" s="9">
        <v>-817.8719568000015</v>
      </c>
      <c r="AJ1789" s="13">
        <v>-3.3627393871580674E-2</v>
      </c>
      <c r="AK1789" s="9">
        <v>1829.8981009000017</v>
      </c>
      <c r="AL1789" s="13">
        <v>7.785565976226401E-2</v>
      </c>
      <c r="AM1789" s="9">
        <v>3405.064243599998</v>
      </c>
      <c r="AN1789" s="13">
        <v>0.13440888753872965</v>
      </c>
      <c r="AO1789" s="9">
        <v>5234.9623444999997</v>
      </c>
      <c r="AP1789" s="13">
        <v>0.2227290399182334</v>
      </c>
      <c r="AQ1789" s="9">
        <v>24321.598037700001</v>
      </c>
      <c r="AR1789" s="9">
        <v>24093.5165557</v>
      </c>
      <c r="AS1789" s="9">
        <v>24596.742201900001</v>
      </c>
      <c r="AT1789" s="9">
        <v>23476.895333600001</v>
      </c>
      <c r="AU1789" s="9">
        <v>23728.224993700002</v>
      </c>
      <c r="AV1789" s="9">
        <v>23653.627414899998</v>
      </c>
      <c r="AW1789" s="9">
        <v>23503.7260809</v>
      </c>
      <c r="AX1789" s="9">
        <v>24460.7105261</v>
      </c>
      <c r="AY1789" s="9">
        <v>23010.022399599999</v>
      </c>
      <c r="AZ1789" s="9">
        <v>25333.624181800002</v>
      </c>
      <c r="BA1789" s="9">
        <v>24995.789091999999</v>
      </c>
      <c r="BB1789" s="9">
        <v>24208.826714300001</v>
      </c>
      <c r="BC1789" s="9">
        <v>24152.184014400002</v>
      </c>
      <c r="BD1789" s="9">
        <v>26036.7087096</v>
      </c>
      <c r="BE1789" s="9">
        <v>29420.781105599999</v>
      </c>
      <c r="BF1789" s="9">
        <v>28738.6884254</v>
      </c>
      <c r="BG1789" s="11">
        <v>-11</v>
      </c>
      <c r="BH1789" s="13">
        <v>-0.15277777777777779</v>
      </c>
      <c r="BI1789" s="6">
        <v>14</v>
      </c>
      <c r="BJ1789" s="13">
        <v>0.19444444444444445</v>
      </c>
      <c r="BK1789" s="6">
        <v>-14</v>
      </c>
      <c r="BL1789" s="13">
        <v>-0.16279069767441862</v>
      </c>
      <c r="BM1789" s="11">
        <v>-11</v>
      </c>
      <c r="BN1789" s="13">
        <v>-0.15277777777777779</v>
      </c>
      <c r="BO1789" s="11">
        <v>-25</v>
      </c>
      <c r="BP1789" s="13">
        <v>-0.29069767441860467</v>
      </c>
      <c r="BQ1789" s="6">
        <v>72</v>
      </c>
      <c r="BR1789" s="6">
        <v>78</v>
      </c>
      <c r="BS1789" s="6">
        <v>88</v>
      </c>
      <c r="BT1789" s="6">
        <v>86</v>
      </c>
      <c r="BU1789" s="6">
        <v>86</v>
      </c>
      <c r="BV1789" s="6">
        <v>77</v>
      </c>
      <c r="BW1789" s="6">
        <v>72</v>
      </c>
      <c r="BX1789" s="6">
        <v>60</v>
      </c>
      <c r="BY1789" s="6">
        <v>61</v>
      </c>
      <c r="BZ1789" s="6">
        <v>61</v>
      </c>
      <c r="CA1789" s="6">
        <v>57</v>
      </c>
      <c r="CB1789" s="6">
        <v>63</v>
      </c>
      <c r="CC1789" s="11">
        <v>61</v>
      </c>
      <c r="CD1789" s="11">
        <v>-10.5411</v>
      </c>
      <c r="CE1789" s="11">
        <v>-72.397800000000004</v>
      </c>
      <c r="CF1789" s="11">
        <v>65.336799999999997</v>
      </c>
      <c r="CG1789" s="11">
        <v>-7</v>
      </c>
      <c r="CH1789" s="20">
        <v>1.0947199999999999</v>
      </c>
      <c r="CI1789" s="20">
        <v>1.1258900000000001</v>
      </c>
      <c r="CJ1789" s="20">
        <v>1.1751400000000001</v>
      </c>
      <c r="CK1789" s="20">
        <v>1.1698</v>
      </c>
      <c r="CL1789" s="20">
        <v>1.1561999999999999</v>
      </c>
      <c r="CM1789" s="20">
        <v>1.1826399999999999</v>
      </c>
      <c r="CN1789" s="20">
        <v>1.0902499999999999</v>
      </c>
      <c r="CO1789" s="20">
        <v>1.1873800000000001</v>
      </c>
      <c r="CP1789" s="20">
        <v>1.29175</v>
      </c>
      <c r="CQ1789" s="20">
        <v>1.3423700000000001</v>
      </c>
      <c r="CR1789" s="20">
        <v>1.2566200000000001</v>
      </c>
      <c r="CS1789" s="20">
        <v>1.2743599999999999</v>
      </c>
      <c r="CT1789" s="20">
        <v>1.2030799999999999</v>
      </c>
      <c r="CU1789" s="20">
        <v>1.1498299999999999</v>
      </c>
      <c r="CV1789" s="20">
        <v>1.19051</v>
      </c>
      <c r="CW1789" s="20">
        <v>1.1230500000000001</v>
      </c>
      <c r="CX1789" s="20">
        <v>1.10016</v>
      </c>
      <c r="CY1789" s="6" t="s">
        <v>652</v>
      </c>
      <c r="CZ1789" s="6" t="s">
        <v>653</v>
      </c>
      <c r="DA1789" s="6" t="s">
        <v>121</v>
      </c>
      <c r="DB1789" s="6" t="s">
        <v>345</v>
      </c>
      <c r="DC1789" s="6">
        <v>44180</v>
      </c>
      <c r="DD1789" s="6">
        <v>520</v>
      </c>
      <c r="DE1789" s="6" t="s">
        <v>460</v>
      </c>
      <c r="DF1789" s="6" t="s">
        <v>375</v>
      </c>
      <c r="DG1789" s="6" t="s">
        <v>376</v>
      </c>
      <c r="DH1789" s="6" t="s">
        <v>328</v>
      </c>
      <c r="DI1789" s="6" t="s">
        <v>461</v>
      </c>
      <c r="DJ1789" s="6">
        <v>29</v>
      </c>
      <c r="DK1789" s="6">
        <v>167</v>
      </c>
      <c r="DL1789" s="6">
        <v>2</v>
      </c>
      <c r="DM1789" s="6" t="s">
        <v>379</v>
      </c>
      <c r="DN1789" s="6">
        <v>2</v>
      </c>
      <c r="DO1789" s="6" t="s">
        <v>463</v>
      </c>
      <c r="DP1789" s="6"/>
      <c r="DQ1789" s="6"/>
    </row>
    <row r="1790" spans="1:121" x14ac:dyDescent="0.2">
      <c r="A1790" s="6" t="s">
        <v>792</v>
      </c>
      <c r="B1790" s="6" t="s">
        <v>176</v>
      </c>
      <c r="C1790" s="6" t="s">
        <v>177</v>
      </c>
      <c r="D1790" s="6" t="s">
        <v>121</v>
      </c>
      <c r="E1790" s="6" t="s">
        <v>262</v>
      </c>
      <c r="F1790" s="11">
        <v>-422</v>
      </c>
      <c r="G1790" s="13">
        <v>-0.56950067476400001</v>
      </c>
      <c r="H1790" s="11">
        <v>-53.444813428000089</v>
      </c>
      <c r="I1790" s="13">
        <v>-7.2089878507935842E-2</v>
      </c>
      <c r="J1790" s="11">
        <v>-433.83020088199999</v>
      </c>
      <c r="K1790" s="13">
        <v>-0.63064157511427055</v>
      </c>
      <c r="L1790" s="11">
        <v>64.662423920999998</v>
      </c>
      <c r="M1790" s="13">
        <v>0.25448769447743053</v>
      </c>
      <c r="N1790" s="11">
        <v>-369.16777696099996</v>
      </c>
      <c r="O1790" s="13">
        <v>-0.53664440112928602</v>
      </c>
      <c r="P1790" s="7">
        <v>741.36362183100005</v>
      </c>
      <c r="Q1790" s="7">
        <v>766.54928993500005</v>
      </c>
      <c r="R1790" s="7">
        <v>705.43181139599994</v>
      </c>
      <c r="S1790" s="7">
        <v>756.46477767299996</v>
      </c>
      <c r="T1790" s="7">
        <v>824.87506047500005</v>
      </c>
      <c r="U1790" s="7">
        <v>764.91660430800005</v>
      </c>
      <c r="V1790" s="7">
        <v>687.91880840299996</v>
      </c>
      <c r="W1790" s="7">
        <v>585.39221430600003</v>
      </c>
      <c r="X1790" s="7">
        <v>368.22961814600001</v>
      </c>
      <c r="Y1790" s="7">
        <v>254.088607521</v>
      </c>
      <c r="Z1790" s="7">
        <v>258.99677165899999</v>
      </c>
      <c r="AA1790" s="7">
        <v>275.32230097299998</v>
      </c>
      <c r="AB1790" s="7">
        <v>292.818863104</v>
      </c>
      <c r="AC1790" s="7">
        <v>283.48300457099998</v>
      </c>
      <c r="AD1790" s="7">
        <v>299.86799083199998</v>
      </c>
      <c r="AE1790" s="7">
        <v>305.42236831899999</v>
      </c>
      <c r="AF1790" s="7">
        <v>318.751031442</v>
      </c>
      <c r="AG1790" s="9">
        <v>10705.708396700004</v>
      </c>
      <c r="AH1790" s="13">
        <v>0.43504363707443894</v>
      </c>
      <c r="AI1790" s="9">
        <v>6790.9767849000018</v>
      </c>
      <c r="AJ1790" s="13">
        <v>0.27596223718382346</v>
      </c>
      <c r="AK1790" s="9">
        <v>-465.01496609999958</v>
      </c>
      <c r="AL1790" s="13">
        <v>-1.480970883989358E-2</v>
      </c>
      <c r="AM1790" s="9">
        <v>4379.7465779000013</v>
      </c>
      <c r="AN1790" s="13">
        <v>0.14158213221883745</v>
      </c>
      <c r="AO1790" s="9">
        <v>3914.7316118000017</v>
      </c>
      <c r="AP1790" s="13">
        <v>0.12467563322385158</v>
      </c>
      <c r="AQ1790" s="9">
        <v>24608.355310499999</v>
      </c>
      <c r="AR1790" s="9">
        <v>25601.784562600002</v>
      </c>
      <c r="AS1790" s="9">
        <v>27636.675456100002</v>
      </c>
      <c r="AT1790" s="9">
        <v>29637.732707700001</v>
      </c>
      <c r="AU1790" s="9">
        <v>39659.083380700002</v>
      </c>
      <c r="AV1790" s="9">
        <v>30436.816304200001</v>
      </c>
      <c r="AW1790" s="9">
        <v>31399.332095400001</v>
      </c>
      <c r="AX1790" s="9">
        <v>31259.275059200001</v>
      </c>
      <c r="AY1790" s="9">
        <v>37368.218811500003</v>
      </c>
      <c r="AZ1790" s="9">
        <v>30934.317129300001</v>
      </c>
      <c r="BA1790" s="9">
        <v>31538.791844799998</v>
      </c>
      <c r="BB1790" s="9">
        <v>31089.138370199998</v>
      </c>
      <c r="BC1790" s="9">
        <v>32608.215386600001</v>
      </c>
      <c r="BD1790" s="9">
        <v>33958.687703900003</v>
      </c>
      <c r="BE1790" s="9">
        <v>34059.924880600003</v>
      </c>
      <c r="BF1790" s="9">
        <v>35314.063707200003</v>
      </c>
      <c r="BG1790" s="11">
        <v>-12.25</v>
      </c>
      <c r="BH1790" s="13">
        <v>-0.33108108108108109</v>
      </c>
      <c r="BI1790" s="6">
        <v>2</v>
      </c>
      <c r="BJ1790" s="13">
        <v>5.4054054054054057E-2</v>
      </c>
      <c r="BK1790" s="6">
        <v>-10</v>
      </c>
      <c r="BL1790" s="13">
        <v>-0.25641025641025639</v>
      </c>
      <c r="BM1790" s="11">
        <v>-4.25</v>
      </c>
      <c r="BN1790" s="13">
        <v>-0.14655172413793102</v>
      </c>
      <c r="BO1790" s="11">
        <v>-14.25</v>
      </c>
      <c r="BP1790" s="13">
        <v>-0.36538461538461536</v>
      </c>
      <c r="BQ1790" s="6">
        <v>37</v>
      </c>
      <c r="BR1790" s="6">
        <v>36</v>
      </c>
      <c r="BS1790" s="6">
        <v>38</v>
      </c>
      <c r="BT1790" s="6">
        <v>39</v>
      </c>
      <c r="BU1790" s="6">
        <v>36</v>
      </c>
      <c r="BV1790" s="6">
        <v>32</v>
      </c>
      <c r="BW1790" s="6">
        <v>29</v>
      </c>
      <c r="BX1790" s="6">
        <v>28</v>
      </c>
      <c r="BY1790" s="6">
        <v>26</v>
      </c>
      <c r="BZ1790" s="6">
        <v>28</v>
      </c>
      <c r="CA1790" s="6">
        <v>27</v>
      </c>
      <c r="CB1790" s="6">
        <v>26</v>
      </c>
      <c r="CC1790" s="11">
        <v>24.75</v>
      </c>
      <c r="CD1790" s="11">
        <v>-241.96799999999999</v>
      </c>
      <c r="CE1790" s="11">
        <v>-261.685</v>
      </c>
      <c r="CF1790" s="11">
        <v>81.040000000000006</v>
      </c>
      <c r="CG1790" s="11">
        <v>-181</v>
      </c>
      <c r="CH1790" s="20">
        <v>0.70925000000000005</v>
      </c>
      <c r="CI1790" s="20">
        <v>0.76292599999999999</v>
      </c>
      <c r="CJ1790" s="20">
        <v>0.72777000000000003</v>
      </c>
      <c r="CK1790" s="20">
        <v>0.78813200000000005</v>
      </c>
      <c r="CL1790" s="20">
        <v>0.84195600000000004</v>
      </c>
      <c r="CM1790" s="20">
        <v>0.79927099999999995</v>
      </c>
      <c r="CN1790" s="20">
        <v>0.74078699999999997</v>
      </c>
      <c r="CO1790" s="20">
        <v>0.64753099999999997</v>
      </c>
      <c r="CP1790" s="20">
        <v>0.47285899999999997</v>
      </c>
      <c r="CQ1790" s="20">
        <v>0.33200200000000002</v>
      </c>
      <c r="CR1790" s="20">
        <v>0.33825300000000003</v>
      </c>
      <c r="CS1790" s="20">
        <v>0.364869</v>
      </c>
      <c r="CT1790" s="20">
        <v>0.38285999999999998</v>
      </c>
      <c r="CU1790" s="20">
        <v>0.37920900000000002</v>
      </c>
      <c r="CV1790" s="20">
        <v>0.39518999999999999</v>
      </c>
      <c r="CW1790" s="20">
        <v>0.39808700000000002</v>
      </c>
      <c r="CX1790" s="20">
        <v>0.41255399999999998</v>
      </c>
      <c r="CY1790" s="6" t="s">
        <v>652</v>
      </c>
      <c r="CZ1790" s="6" t="s">
        <v>653</v>
      </c>
      <c r="DA1790" s="6" t="s">
        <v>121</v>
      </c>
      <c r="DB1790" s="6" t="s">
        <v>345</v>
      </c>
      <c r="DC1790" s="6">
        <v>44180</v>
      </c>
      <c r="DD1790" s="6">
        <v>520</v>
      </c>
      <c r="DE1790" s="6" t="s">
        <v>460</v>
      </c>
      <c r="DF1790" s="6" t="s">
        <v>375</v>
      </c>
      <c r="DG1790" s="6" t="s">
        <v>376</v>
      </c>
      <c r="DH1790" s="6" t="s">
        <v>328</v>
      </c>
      <c r="DI1790" s="6" t="s">
        <v>461</v>
      </c>
      <c r="DJ1790" s="6">
        <v>29</v>
      </c>
      <c r="DK1790" s="6">
        <v>167</v>
      </c>
      <c r="DL1790" s="6">
        <v>2</v>
      </c>
      <c r="DM1790" s="6" t="s">
        <v>379</v>
      </c>
      <c r="DN1790" s="6">
        <v>2</v>
      </c>
      <c r="DO1790" s="6" t="s">
        <v>463</v>
      </c>
      <c r="DP1790" s="6"/>
      <c r="DQ1790" s="6"/>
    </row>
    <row r="1791" spans="1:121" x14ac:dyDescent="0.2">
      <c r="A1791" s="6" t="s">
        <v>313</v>
      </c>
      <c r="B1791" s="6" t="s">
        <v>313</v>
      </c>
      <c r="C1791" s="6" t="s">
        <v>178</v>
      </c>
      <c r="D1791" s="6" t="s">
        <v>121</v>
      </c>
      <c r="E1791" s="6" t="s">
        <v>262</v>
      </c>
      <c r="F1791" s="11">
        <v>210</v>
      </c>
      <c r="G1791" s="13">
        <v>0.52896725440799996</v>
      </c>
      <c r="H1791" s="11">
        <v>50.790377868999997</v>
      </c>
      <c r="I1791" s="13">
        <v>0.1278974515177897</v>
      </c>
      <c r="J1791" s="11">
        <v>34.665074775000051</v>
      </c>
      <c r="K1791" s="13">
        <v>7.7393230109507646E-2</v>
      </c>
      <c r="L1791" s="11">
        <v>124.13329710400001</v>
      </c>
      <c r="M1791" s="13">
        <v>0.25723193228970953</v>
      </c>
      <c r="N1791" s="11">
        <v>158.79837187900006</v>
      </c>
      <c r="O1791" s="13">
        <v>0.35453317252642796</v>
      </c>
      <c r="P1791" s="7">
        <v>397.11798215099998</v>
      </c>
      <c r="Q1791" s="7">
        <v>353.23870369000002</v>
      </c>
      <c r="R1791" s="7">
        <v>380.829354362</v>
      </c>
      <c r="S1791" s="7">
        <v>392.06248140100001</v>
      </c>
      <c r="T1791" s="7">
        <v>413.12331761199999</v>
      </c>
      <c r="U1791" s="7">
        <v>431.30424160500002</v>
      </c>
      <c r="V1791" s="7">
        <v>447.90836001999998</v>
      </c>
      <c r="W1791" s="7">
        <v>420.64777886500002</v>
      </c>
      <c r="X1791" s="7">
        <v>374.95457461799998</v>
      </c>
      <c r="Y1791" s="7">
        <v>482.57343479500003</v>
      </c>
      <c r="Z1791" s="7">
        <v>515.12355545900004</v>
      </c>
      <c r="AA1791" s="7">
        <v>457.52391131000002</v>
      </c>
      <c r="AB1791" s="7">
        <v>478.97336630900003</v>
      </c>
      <c r="AC1791" s="7">
        <v>460.16652259099999</v>
      </c>
      <c r="AD1791" s="7">
        <v>422.48508918300001</v>
      </c>
      <c r="AE1791" s="7">
        <v>587.47117878400002</v>
      </c>
      <c r="AF1791" s="7">
        <v>606.70673189900003</v>
      </c>
      <c r="AG1791" s="9">
        <v>25380.5612396</v>
      </c>
      <c r="AH1791" s="13">
        <v>0.93144383462715163</v>
      </c>
      <c r="AI1791" s="9">
        <v>2112.4616697999991</v>
      </c>
      <c r="AJ1791" s="13">
        <v>7.7525448694624591E-2</v>
      </c>
      <c r="AK1791" s="9">
        <v>-705.81236079999871</v>
      </c>
      <c r="AL1791" s="13">
        <v>-2.4039043027993721E-2</v>
      </c>
      <c r="AM1791" s="9">
        <v>23973.911930599999</v>
      </c>
      <c r="AN1791" s="13">
        <v>0.83663181634266914</v>
      </c>
      <c r="AO1791" s="9">
        <v>23268.099569800001</v>
      </c>
      <c r="AP1791" s="13">
        <v>0.79248094508302547</v>
      </c>
      <c r="AQ1791" s="9">
        <v>27248.622295900001</v>
      </c>
      <c r="AR1791" s="9">
        <v>26580.276638399999</v>
      </c>
      <c r="AS1791" s="9">
        <v>27392.2695575</v>
      </c>
      <c r="AT1791" s="9">
        <v>27788.453394299999</v>
      </c>
      <c r="AU1791" s="9">
        <v>28213.4701632</v>
      </c>
      <c r="AV1791" s="9">
        <v>28043.361997799999</v>
      </c>
      <c r="AW1791" s="9">
        <v>29361.0839657</v>
      </c>
      <c r="AX1791" s="9">
        <v>29582.778972600001</v>
      </c>
      <c r="AY1791" s="9">
        <v>31774.6833912</v>
      </c>
      <c r="AZ1791" s="9">
        <v>28655.271604900001</v>
      </c>
      <c r="BA1791" s="9">
        <v>30062.095436200001</v>
      </c>
      <c r="BB1791" s="9">
        <v>30774.203512399999</v>
      </c>
      <c r="BC1791" s="9">
        <v>30241.3108378</v>
      </c>
      <c r="BD1791" s="9">
        <v>31780.6929341</v>
      </c>
      <c r="BE1791" s="9">
        <v>37649.667411000002</v>
      </c>
      <c r="BF1791" s="9">
        <v>52629.1835355</v>
      </c>
      <c r="BG1791" s="11">
        <v>9.5</v>
      </c>
      <c r="BH1791" s="13">
        <v>0.25675675675675674</v>
      </c>
      <c r="BI1791" s="6">
        <v>3</v>
      </c>
      <c r="BJ1791" s="13">
        <v>8.1081081081081086E-2</v>
      </c>
      <c r="BK1791" s="6">
        <v>1</v>
      </c>
      <c r="BL1791" s="13">
        <v>2.5000000000000001E-2</v>
      </c>
      <c r="BM1791" s="11">
        <v>5.5</v>
      </c>
      <c r="BN1791" s="13">
        <v>0.13414634146341464</v>
      </c>
      <c r="BO1791" s="11">
        <v>6.5</v>
      </c>
      <c r="BP1791" s="13">
        <v>0.16250000000000001</v>
      </c>
      <c r="BQ1791" s="6">
        <v>37</v>
      </c>
      <c r="BR1791" s="6">
        <v>35</v>
      </c>
      <c r="BS1791" s="6">
        <v>38</v>
      </c>
      <c r="BT1791" s="6">
        <v>40</v>
      </c>
      <c r="BU1791" s="6">
        <v>39</v>
      </c>
      <c r="BV1791" s="6">
        <v>34</v>
      </c>
      <c r="BW1791" s="6">
        <v>41</v>
      </c>
      <c r="BX1791" s="6">
        <v>48</v>
      </c>
      <c r="BY1791" s="6">
        <v>49</v>
      </c>
      <c r="BZ1791" s="6">
        <v>48</v>
      </c>
      <c r="CA1791" s="6">
        <v>48</v>
      </c>
      <c r="CB1791" s="6">
        <v>47</v>
      </c>
      <c r="CC1791" s="11">
        <v>46.5</v>
      </c>
      <c r="CD1791" s="11">
        <v>198.65</v>
      </c>
      <c r="CE1791" s="11">
        <v>-32.471400000000003</v>
      </c>
      <c r="CF1791" s="11">
        <v>43.409799999999997</v>
      </c>
      <c r="CG1791" s="11">
        <v>11</v>
      </c>
      <c r="CH1791" s="20">
        <v>1.06694</v>
      </c>
      <c r="CI1791" s="20">
        <v>0.93772699999999998</v>
      </c>
      <c r="CJ1791" s="20">
        <v>1.0017400000000001</v>
      </c>
      <c r="CK1791" s="20">
        <v>1.0168299999999999</v>
      </c>
      <c r="CL1791" s="20">
        <v>1.0247999999999999</v>
      </c>
      <c r="CM1791" s="20">
        <v>1.0656600000000001</v>
      </c>
      <c r="CN1791" s="20">
        <v>1.1001399999999999</v>
      </c>
      <c r="CO1791" s="20">
        <v>1.0341</v>
      </c>
      <c r="CP1791" s="20">
        <v>1.0115499999999999</v>
      </c>
      <c r="CQ1791" s="20">
        <v>1.31149</v>
      </c>
      <c r="CR1791" s="20">
        <v>1.4054199999999999</v>
      </c>
      <c r="CS1791" s="20">
        <v>1.2651699999999999</v>
      </c>
      <c r="CT1791" s="20">
        <v>1.2993399999999999</v>
      </c>
      <c r="CU1791" s="20">
        <v>1.2787299999999999</v>
      </c>
      <c r="CV1791" s="20">
        <v>1.1574</v>
      </c>
      <c r="CW1791" s="20">
        <v>1.5958000000000001</v>
      </c>
      <c r="CX1791" s="20">
        <v>1.62321</v>
      </c>
      <c r="CY1791" s="6" t="s">
        <v>652</v>
      </c>
      <c r="CZ1791" s="6" t="s">
        <v>653</v>
      </c>
      <c r="DA1791" s="6" t="s">
        <v>121</v>
      </c>
      <c r="DB1791" s="6" t="s">
        <v>345</v>
      </c>
      <c r="DC1791" s="6">
        <v>44180</v>
      </c>
      <c r="DD1791" s="6">
        <v>520</v>
      </c>
      <c r="DE1791" s="6" t="s">
        <v>460</v>
      </c>
      <c r="DF1791" s="6" t="s">
        <v>375</v>
      </c>
      <c r="DG1791" s="6" t="s">
        <v>376</v>
      </c>
      <c r="DH1791" s="6" t="s">
        <v>328</v>
      </c>
      <c r="DI1791" s="6" t="s">
        <v>461</v>
      </c>
      <c r="DJ1791" s="6">
        <v>29</v>
      </c>
      <c r="DK1791" s="6">
        <v>167</v>
      </c>
      <c r="DL1791" s="6">
        <v>2</v>
      </c>
      <c r="DM1791" s="6" t="s">
        <v>379</v>
      </c>
      <c r="DN1791" s="6">
        <v>2</v>
      </c>
      <c r="DO1791" s="6" t="s">
        <v>463</v>
      </c>
      <c r="DP1791" s="6"/>
      <c r="DQ1791" s="6"/>
    </row>
    <row r="1792" spans="1:121" x14ac:dyDescent="0.2">
      <c r="A1792" s="6" t="s">
        <v>793</v>
      </c>
      <c r="B1792" s="6" t="s">
        <v>179</v>
      </c>
      <c r="C1792" s="6" t="s">
        <v>180</v>
      </c>
      <c r="D1792" s="6" t="s">
        <v>121</v>
      </c>
      <c r="E1792" s="6" t="s">
        <v>262</v>
      </c>
      <c r="F1792" s="11">
        <v>92</v>
      </c>
      <c r="G1792" s="13">
        <v>0.08</v>
      </c>
      <c r="H1792" s="11">
        <v>129</v>
      </c>
      <c r="I1792" s="13">
        <v>0.1118820468343452</v>
      </c>
      <c r="J1792" s="11">
        <v>-39</v>
      </c>
      <c r="K1792" s="13">
        <v>-3.0421216848673948E-2</v>
      </c>
      <c r="L1792" s="11">
        <v>2</v>
      </c>
      <c r="M1792" s="13">
        <v>1.6090104585679806E-3</v>
      </c>
      <c r="N1792" s="11">
        <v>-37</v>
      </c>
      <c r="O1792" s="13">
        <v>-2.8861154446177848E-2</v>
      </c>
      <c r="P1792" s="7">
        <v>1153</v>
      </c>
      <c r="Q1792" s="7">
        <v>1177</v>
      </c>
      <c r="R1792" s="7">
        <v>1202</v>
      </c>
      <c r="S1792" s="7">
        <v>1221</v>
      </c>
      <c r="T1792" s="7">
        <v>1284</v>
      </c>
      <c r="U1792" s="7">
        <v>1274</v>
      </c>
      <c r="V1792" s="7">
        <v>1282</v>
      </c>
      <c r="W1792" s="7">
        <v>1311</v>
      </c>
      <c r="X1792" s="7">
        <v>1272</v>
      </c>
      <c r="Y1792" s="7">
        <v>1243</v>
      </c>
      <c r="Z1792" s="7">
        <v>1162</v>
      </c>
      <c r="AA1792" s="7">
        <v>1166</v>
      </c>
      <c r="AB1792" s="7">
        <v>1182</v>
      </c>
      <c r="AC1792" s="7">
        <v>1177</v>
      </c>
      <c r="AD1792" s="7">
        <v>1194</v>
      </c>
      <c r="AE1792" s="7">
        <v>1235</v>
      </c>
      <c r="AF1792" s="7">
        <v>1245</v>
      </c>
      <c r="AG1792" s="9">
        <v>7817</v>
      </c>
      <c r="AH1792" s="13">
        <v>0.38471381465623306</v>
      </c>
      <c r="AI1792" s="9">
        <v>4541</v>
      </c>
      <c r="AJ1792" s="13">
        <v>0.22348540774644421</v>
      </c>
      <c r="AK1792" s="9">
        <v>2429</v>
      </c>
      <c r="AL1792" s="13">
        <v>9.7707160096540624E-2</v>
      </c>
      <c r="AM1792" s="9">
        <v>847</v>
      </c>
      <c r="AN1792" s="13">
        <v>3.1038147238814175E-2</v>
      </c>
      <c r="AO1792" s="9">
        <v>3276</v>
      </c>
      <c r="AP1792" s="13">
        <v>0.13177795655671762</v>
      </c>
      <c r="AQ1792" s="9">
        <v>20319</v>
      </c>
      <c r="AR1792" s="9">
        <v>21118</v>
      </c>
      <c r="AS1792" s="9">
        <v>22994</v>
      </c>
      <c r="AT1792" s="9">
        <v>22731</v>
      </c>
      <c r="AU1792" s="9">
        <v>22403</v>
      </c>
      <c r="AV1792" s="9">
        <v>23581</v>
      </c>
      <c r="AW1792" s="9">
        <v>24860</v>
      </c>
      <c r="AX1792" s="9">
        <v>25259</v>
      </c>
      <c r="AY1792" s="9">
        <v>25922</v>
      </c>
      <c r="AZ1792" s="9">
        <v>27289</v>
      </c>
      <c r="BA1792" s="9">
        <v>27587</v>
      </c>
      <c r="BB1792" s="9">
        <v>27333</v>
      </c>
      <c r="BC1792" s="9">
        <v>27318</v>
      </c>
      <c r="BD1792" s="9">
        <v>27970</v>
      </c>
      <c r="BE1792" s="9">
        <v>27883</v>
      </c>
      <c r="BF1792" s="9">
        <v>28136</v>
      </c>
      <c r="BG1792" s="11">
        <v>-3</v>
      </c>
      <c r="BH1792" s="13">
        <v>-3.1914893617021274E-2</v>
      </c>
      <c r="BI1792" s="6">
        <v>4</v>
      </c>
      <c r="BJ1792" s="13">
        <v>4.2553191489361701E-2</v>
      </c>
      <c r="BK1792" s="6">
        <v>0</v>
      </c>
      <c r="BL1792" s="13">
        <v>0</v>
      </c>
      <c r="BM1792" s="11">
        <v>-7</v>
      </c>
      <c r="BN1792" s="13">
        <v>-7.1428571428571425E-2</v>
      </c>
      <c r="BO1792" s="11">
        <v>-7</v>
      </c>
      <c r="BP1792" s="13">
        <v>-7.1428571428571425E-2</v>
      </c>
      <c r="BQ1792" s="6">
        <v>94</v>
      </c>
      <c r="BR1792" s="6">
        <v>92</v>
      </c>
      <c r="BS1792" s="6">
        <v>96</v>
      </c>
      <c r="BT1792" s="6">
        <v>98</v>
      </c>
      <c r="BU1792" s="6">
        <v>101</v>
      </c>
      <c r="BV1792" s="6">
        <v>101</v>
      </c>
      <c r="BW1792" s="6">
        <v>98</v>
      </c>
      <c r="BX1792" s="6">
        <v>93</v>
      </c>
      <c r="BY1792" s="6">
        <v>94</v>
      </c>
      <c r="BZ1792" s="6">
        <v>91</v>
      </c>
      <c r="CA1792" s="6">
        <v>94</v>
      </c>
      <c r="CB1792" s="6">
        <v>91</v>
      </c>
      <c r="CC1792" s="11">
        <v>91</v>
      </c>
      <c r="CD1792" s="11">
        <v>40</v>
      </c>
      <c r="CE1792" s="11">
        <v>-74</v>
      </c>
      <c r="CF1792" s="11">
        <v>126</v>
      </c>
      <c r="CG1792" s="11">
        <v>52</v>
      </c>
      <c r="CH1792" s="20">
        <v>1.1499999999999999</v>
      </c>
      <c r="CI1792" s="20">
        <v>1.1399999999999999</v>
      </c>
      <c r="CJ1792" s="20">
        <v>1.1599999999999999</v>
      </c>
      <c r="CK1792" s="20">
        <v>1.17</v>
      </c>
      <c r="CL1792" s="20">
        <v>1.18</v>
      </c>
      <c r="CM1792" s="20">
        <v>1.19</v>
      </c>
      <c r="CN1792" s="20">
        <v>1.2</v>
      </c>
      <c r="CO1792" s="20">
        <v>1.23</v>
      </c>
      <c r="CP1792" s="20">
        <v>1.29</v>
      </c>
      <c r="CQ1792" s="20">
        <v>1.26</v>
      </c>
      <c r="CR1792" s="20">
        <v>1.18</v>
      </c>
      <c r="CS1792" s="20">
        <v>1.21</v>
      </c>
      <c r="CT1792" s="20">
        <v>1.2</v>
      </c>
      <c r="CU1792" s="20">
        <v>1.22</v>
      </c>
      <c r="CV1792" s="20">
        <v>1.21</v>
      </c>
      <c r="CW1792" s="20">
        <v>1.23</v>
      </c>
      <c r="CX1792" s="20">
        <v>1.22</v>
      </c>
      <c r="CY1792" s="6" t="s">
        <v>652</v>
      </c>
      <c r="CZ1792" s="6" t="s">
        <v>653</v>
      </c>
      <c r="DA1792" s="6" t="s">
        <v>121</v>
      </c>
      <c r="DB1792" s="6" t="s">
        <v>345</v>
      </c>
      <c r="DC1792" s="6">
        <v>44180</v>
      </c>
      <c r="DD1792" s="6">
        <v>520</v>
      </c>
      <c r="DE1792" s="6" t="s">
        <v>460</v>
      </c>
      <c r="DF1792" s="6" t="s">
        <v>375</v>
      </c>
      <c r="DG1792" s="6" t="s">
        <v>376</v>
      </c>
      <c r="DH1792" s="6" t="s">
        <v>328</v>
      </c>
      <c r="DI1792" s="6" t="s">
        <v>461</v>
      </c>
      <c r="DJ1792" s="6">
        <v>29</v>
      </c>
      <c r="DK1792" s="6">
        <v>167</v>
      </c>
      <c r="DL1792" s="6">
        <v>2</v>
      </c>
      <c r="DM1792" s="6" t="s">
        <v>379</v>
      </c>
      <c r="DN1792" s="6">
        <v>2</v>
      </c>
      <c r="DO1792" s="6" t="s">
        <v>463</v>
      </c>
      <c r="DP1792" s="6"/>
      <c r="DQ1792" s="6"/>
    </row>
    <row r="1793" spans="1:121" x14ac:dyDescent="0.2">
      <c r="A1793" s="6" t="s">
        <v>794</v>
      </c>
      <c r="B1793" s="6" t="s">
        <v>181</v>
      </c>
      <c r="C1793" s="6" t="s">
        <v>182</v>
      </c>
      <c r="D1793" s="6" t="s">
        <v>121</v>
      </c>
      <c r="E1793" s="6" t="s">
        <v>262</v>
      </c>
      <c r="F1793" s="11">
        <v>-28</v>
      </c>
      <c r="G1793" s="13">
        <v>-0.12556053811699999</v>
      </c>
      <c r="H1793" s="11">
        <v>8.8266316079999854</v>
      </c>
      <c r="I1793" s="13">
        <v>3.9604431826472233E-2</v>
      </c>
      <c r="J1793" s="11">
        <v>-17.077632023000007</v>
      </c>
      <c r="K1793" s="13">
        <v>-7.3706928770229233E-2</v>
      </c>
      <c r="L1793" s="11">
        <v>-19.532477249999999</v>
      </c>
      <c r="M1793" s="13">
        <v>-9.1010096644018199E-2</v>
      </c>
      <c r="N1793" s="11">
        <v>-36.610109273000006</v>
      </c>
      <c r="O1793" s="13">
        <v>-0.1580089507035351</v>
      </c>
      <c r="P1793" s="7">
        <v>222.86979514500001</v>
      </c>
      <c r="Q1793" s="7">
        <v>228.53034253000001</v>
      </c>
      <c r="R1793" s="7">
        <v>228.45775208200001</v>
      </c>
      <c r="S1793" s="7">
        <v>223.94907078</v>
      </c>
      <c r="T1793" s="7">
        <v>236.58399432600001</v>
      </c>
      <c r="U1793" s="7">
        <v>244.15563827</v>
      </c>
      <c r="V1793" s="7">
        <v>231.696426753</v>
      </c>
      <c r="W1793" s="7">
        <v>214.37056033499999</v>
      </c>
      <c r="X1793" s="7">
        <v>210.70971190200001</v>
      </c>
      <c r="Y1793" s="7">
        <v>214.61879472999999</v>
      </c>
      <c r="Z1793" s="7">
        <v>215.392707054</v>
      </c>
      <c r="AA1793" s="7">
        <v>210.233755559</v>
      </c>
      <c r="AB1793" s="7">
        <v>209.86716017500001</v>
      </c>
      <c r="AC1793" s="7">
        <v>201.26049279399999</v>
      </c>
      <c r="AD1793" s="7">
        <v>196.75619690900001</v>
      </c>
      <c r="AE1793" s="7">
        <v>194.087204751</v>
      </c>
      <c r="AF1793" s="7">
        <v>195.08631747999999</v>
      </c>
      <c r="AG1793" s="9">
        <v>15186.684332500001</v>
      </c>
      <c r="AH1793" s="13">
        <v>0.51439989435073785</v>
      </c>
      <c r="AI1793" s="9">
        <v>9546.2393033000044</v>
      </c>
      <c r="AJ1793" s="13">
        <v>0.32334803183836336</v>
      </c>
      <c r="AK1793" s="9">
        <v>-4676.9508652000004</v>
      </c>
      <c r="AL1793" s="13">
        <v>-0.11970895410231178</v>
      </c>
      <c r="AM1793" s="9">
        <v>10317.395894399997</v>
      </c>
      <c r="AN1793" s="13">
        <v>0.29999059550392615</v>
      </c>
      <c r="AO1793" s="9">
        <v>5640.4450291999965</v>
      </c>
      <c r="AP1793" s="13">
        <v>0.14437008097330972</v>
      </c>
      <c r="AQ1793" s="9">
        <v>29523.109353799999</v>
      </c>
      <c r="AR1793" s="9">
        <v>30114.435463999998</v>
      </c>
      <c r="AS1793" s="9">
        <v>30161.664243399999</v>
      </c>
      <c r="AT1793" s="9">
        <v>34381.021318699997</v>
      </c>
      <c r="AU1793" s="9">
        <v>32575.476050699999</v>
      </c>
      <c r="AV1793" s="9">
        <v>34970.440898499997</v>
      </c>
      <c r="AW1793" s="9">
        <v>39069.348657100003</v>
      </c>
      <c r="AX1793" s="9">
        <v>42397.308267200002</v>
      </c>
      <c r="AY1793" s="9">
        <v>39047.150641699998</v>
      </c>
      <c r="AZ1793" s="9">
        <v>34392.397791900003</v>
      </c>
      <c r="BA1793" s="9">
        <v>42901.399145099997</v>
      </c>
      <c r="BB1793" s="9">
        <v>41320.992348400003</v>
      </c>
      <c r="BC1793" s="9">
        <v>42193.951211</v>
      </c>
      <c r="BD1793" s="9">
        <v>43865.117815899997</v>
      </c>
      <c r="BE1793" s="9">
        <v>46701.052068199999</v>
      </c>
      <c r="BF1793" s="9">
        <v>44709.7936863</v>
      </c>
      <c r="BG1793" s="11">
        <v>0.5</v>
      </c>
      <c r="BH1793" s="13">
        <v>2.1739130434782608E-2</v>
      </c>
      <c r="BI1793" s="6">
        <v>-1</v>
      </c>
      <c r="BJ1793" s="13">
        <v>-4.3478260869565216E-2</v>
      </c>
      <c r="BK1793" s="6">
        <v>-2</v>
      </c>
      <c r="BL1793" s="13">
        <v>-9.0909090909090912E-2</v>
      </c>
      <c r="BM1793" s="11">
        <v>3.5</v>
      </c>
      <c r="BN1793" s="13">
        <v>0.17499999999999999</v>
      </c>
      <c r="BO1793" s="11">
        <v>1.5</v>
      </c>
      <c r="BP1793" s="13">
        <v>6.8181818181818177E-2</v>
      </c>
      <c r="BQ1793" s="6">
        <v>23</v>
      </c>
      <c r="BR1793" s="6">
        <v>21</v>
      </c>
      <c r="BS1793" s="6">
        <v>24</v>
      </c>
      <c r="BT1793" s="6">
        <v>22</v>
      </c>
      <c r="BU1793" s="6">
        <v>19</v>
      </c>
      <c r="BV1793" s="6">
        <v>17</v>
      </c>
      <c r="BW1793" s="6">
        <v>20</v>
      </c>
      <c r="BX1793" s="6">
        <v>28</v>
      </c>
      <c r="BY1793" s="6">
        <v>24</v>
      </c>
      <c r="BZ1793" s="6">
        <v>19</v>
      </c>
      <c r="CA1793" s="6">
        <v>21</v>
      </c>
      <c r="CB1793" s="6">
        <v>22</v>
      </c>
      <c r="CC1793" s="11">
        <v>23.5</v>
      </c>
      <c r="CD1793" s="11">
        <v>-66.193399999999997</v>
      </c>
      <c r="CE1793" s="11">
        <v>14.047599999999999</v>
      </c>
      <c r="CF1793" s="11">
        <v>24.362400000000001</v>
      </c>
      <c r="CG1793" s="11">
        <v>38</v>
      </c>
      <c r="CH1793" s="20">
        <v>0.75642200000000004</v>
      </c>
      <c r="CI1793" s="20">
        <v>0.77288199999999996</v>
      </c>
      <c r="CJ1793" s="20">
        <v>0.76719099999999996</v>
      </c>
      <c r="CK1793" s="20">
        <v>0.73436699999999999</v>
      </c>
      <c r="CL1793" s="20">
        <v>0.73757700000000004</v>
      </c>
      <c r="CM1793" s="20">
        <v>0.75598600000000005</v>
      </c>
      <c r="CN1793" s="20">
        <v>0.71162899999999996</v>
      </c>
      <c r="CO1793" s="20">
        <v>0.65907000000000004</v>
      </c>
      <c r="CP1793" s="20">
        <v>0.70883600000000002</v>
      </c>
      <c r="CQ1793" s="20">
        <v>0.72292699999999999</v>
      </c>
      <c r="CR1793" s="20">
        <v>0.71892999999999996</v>
      </c>
      <c r="CS1793" s="20">
        <v>0.70843400000000001</v>
      </c>
      <c r="CT1793" s="20">
        <v>0.68960999999999995</v>
      </c>
      <c r="CU1793" s="20">
        <v>0.66234400000000004</v>
      </c>
      <c r="CV1793" s="20">
        <v>0.61649600000000004</v>
      </c>
      <c r="CW1793" s="20">
        <v>0.587588</v>
      </c>
      <c r="CX1793" s="20">
        <v>0.57791000000000003</v>
      </c>
      <c r="CY1793" s="6" t="s">
        <v>652</v>
      </c>
      <c r="CZ1793" s="6" t="s">
        <v>653</v>
      </c>
      <c r="DA1793" s="6" t="s">
        <v>121</v>
      </c>
      <c r="DB1793" s="6" t="s">
        <v>345</v>
      </c>
      <c r="DC1793" s="6">
        <v>44180</v>
      </c>
      <c r="DD1793" s="6">
        <v>520</v>
      </c>
      <c r="DE1793" s="6" t="s">
        <v>460</v>
      </c>
      <c r="DF1793" s="6" t="s">
        <v>375</v>
      </c>
      <c r="DG1793" s="6" t="s">
        <v>376</v>
      </c>
      <c r="DH1793" s="6" t="s">
        <v>328</v>
      </c>
      <c r="DI1793" s="6" t="s">
        <v>461</v>
      </c>
      <c r="DJ1793" s="6">
        <v>29</v>
      </c>
      <c r="DK1793" s="6">
        <v>167</v>
      </c>
      <c r="DL1793" s="6">
        <v>2</v>
      </c>
      <c r="DM1793" s="6" t="s">
        <v>379</v>
      </c>
      <c r="DN1793" s="6">
        <v>2</v>
      </c>
      <c r="DO1793" s="6" t="s">
        <v>463</v>
      </c>
      <c r="DP1793" s="6"/>
      <c r="DQ1793" s="6"/>
    </row>
    <row r="1794" spans="1:121" x14ac:dyDescent="0.2">
      <c r="A1794" s="6" t="s">
        <v>314</v>
      </c>
      <c r="B1794" s="6" t="s">
        <v>314</v>
      </c>
      <c r="C1794" s="6" t="s">
        <v>183</v>
      </c>
      <c r="D1794" s="6" t="s">
        <v>121</v>
      </c>
      <c r="E1794" s="6" t="s">
        <v>262</v>
      </c>
      <c r="F1794" s="11">
        <v>-159</v>
      </c>
      <c r="G1794" s="13">
        <v>-0.65702479338800002</v>
      </c>
      <c r="H1794" s="11">
        <v>25.203637240999967</v>
      </c>
      <c r="I1794" s="13">
        <v>0.1039471725137716</v>
      </c>
      <c r="J1794" s="11">
        <v>14.057389110000031</v>
      </c>
      <c r="K1794" s="13">
        <v>5.2517716590516239E-2</v>
      </c>
      <c r="L1794" s="11">
        <v>-199.13424227510001</v>
      </c>
      <c r="M1794" s="13">
        <v>-0.70683443652308664</v>
      </c>
      <c r="N1794" s="11">
        <v>-185.07685316509998</v>
      </c>
      <c r="O1794" s="13">
        <v>-0.69143805054630714</v>
      </c>
      <c r="P1794" s="7">
        <v>242.46582789600001</v>
      </c>
      <c r="Q1794" s="7">
        <v>201.80606713500001</v>
      </c>
      <c r="R1794" s="7">
        <v>191.567695262</v>
      </c>
      <c r="S1794" s="7">
        <v>162.738354875</v>
      </c>
      <c r="T1794" s="7">
        <v>198.793929357</v>
      </c>
      <c r="U1794" s="7">
        <v>238.378464044</v>
      </c>
      <c r="V1794" s="7">
        <v>267.66946513699997</v>
      </c>
      <c r="W1794" s="7">
        <v>289.62187533500003</v>
      </c>
      <c r="X1794" s="7">
        <v>271.31821744400003</v>
      </c>
      <c r="Y1794" s="7">
        <v>281.72685424700001</v>
      </c>
      <c r="Z1794" s="7">
        <v>294.28365266899999</v>
      </c>
      <c r="AA1794" s="7">
        <v>254.16936030299999</v>
      </c>
      <c r="AB1794" s="7">
        <v>210.203023374</v>
      </c>
      <c r="AC1794" s="7">
        <v>197.492236066</v>
      </c>
      <c r="AD1794" s="7">
        <v>192.21990050900001</v>
      </c>
      <c r="AE1794" s="7">
        <v>91.738691262800003</v>
      </c>
      <c r="AF1794" s="7">
        <v>82.592611971899998</v>
      </c>
      <c r="AG1794" s="9">
        <v>56404.573801399994</v>
      </c>
      <c r="AH1794" s="13">
        <v>1.4811621310983114</v>
      </c>
      <c r="AI1794" s="9">
        <v>23555.426068299996</v>
      </c>
      <c r="AJ1794" s="13">
        <v>0.6185563106477362</v>
      </c>
      <c r="AK1794" s="9">
        <v>5093.7622294000103</v>
      </c>
      <c r="AL1794" s="13">
        <v>8.2641679242423396E-2</v>
      </c>
      <c r="AM1794" s="9">
        <v>27755.385503699988</v>
      </c>
      <c r="AN1794" s="13">
        <v>0.41593262392652824</v>
      </c>
      <c r="AO1794" s="9">
        <v>32849.147733099999</v>
      </c>
      <c r="AP1794" s="13">
        <v>0.53294767366194729</v>
      </c>
      <c r="AQ1794" s="9">
        <v>38081.296177600001</v>
      </c>
      <c r="AR1794" s="9">
        <v>41874.064039999997</v>
      </c>
      <c r="AS1794" s="9">
        <v>43906.868600299997</v>
      </c>
      <c r="AT1794" s="9">
        <v>48641.888434699998</v>
      </c>
      <c r="AU1794" s="9">
        <v>50574.3736689</v>
      </c>
      <c r="AV1794" s="9">
        <v>55297.492342999998</v>
      </c>
      <c r="AW1794" s="9">
        <v>61636.722245899997</v>
      </c>
      <c r="AX1794" s="9">
        <v>57653.913677099998</v>
      </c>
      <c r="AY1794" s="9">
        <v>64660.610063699998</v>
      </c>
      <c r="AZ1794" s="9">
        <v>66730.484475300007</v>
      </c>
      <c r="BA1794" s="9">
        <v>95551.072538299995</v>
      </c>
      <c r="BB1794" s="9">
        <v>100748.77695699999</v>
      </c>
      <c r="BC1794" s="9">
        <v>107451.280897</v>
      </c>
      <c r="BD1794" s="9">
        <v>103785.40504</v>
      </c>
      <c r="BE1794" s="9">
        <v>109647.30394</v>
      </c>
      <c r="BF1794" s="9">
        <v>94485.869978999996</v>
      </c>
      <c r="BG1794" s="11">
        <v>-2.75</v>
      </c>
      <c r="BH1794" s="13">
        <v>-0.27500000000000002</v>
      </c>
      <c r="BI1794" s="6">
        <v>-2</v>
      </c>
      <c r="BJ1794" s="13">
        <v>-0.2</v>
      </c>
      <c r="BK1794" s="6">
        <v>-1</v>
      </c>
      <c r="BL1794" s="13">
        <v>-0.125</v>
      </c>
      <c r="BM1794" s="11">
        <v>0.25</v>
      </c>
      <c r="BN1794" s="13">
        <v>3.5714285714285712E-2</v>
      </c>
      <c r="BO1794" s="11">
        <v>-0.75</v>
      </c>
      <c r="BP1794" s="13">
        <v>-9.375E-2</v>
      </c>
      <c r="BQ1794" s="6">
        <v>10</v>
      </c>
      <c r="BR1794" s="6">
        <v>10</v>
      </c>
      <c r="BS1794" s="6">
        <v>11</v>
      </c>
      <c r="BT1794" s="6">
        <v>8</v>
      </c>
      <c r="BU1794" s="6">
        <v>8</v>
      </c>
      <c r="BV1794" s="6">
        <v>9</v>
      </c>
      <c r="BW1794" s="6">
        <v>7</v>
      </c>
      <c r="BX1794" s="6">
        <v>8</v>
      </c>
      <c r="BY1794" s="6">
        <v>9</v>
      </c>
      <c r="BZ1794" s="6">
        <v>9</v>
      </c>
      <c r="CA1794" s="6">
        <v>8</v>
      </c>
      <c r="CB1794" s="6">
        <v>8</v>
      </c>
      <c r="CC1794" s="11">
        <v>7.25</v>
      </c>
      <c r="CD1794" s="11">
        <v>-112.113</v>
      </c>
      <c r="CE1794" s="11">
        <v>-74.265000000000001</v>
      </c>
      <c r="CF1794" s="11">
        <v>26.5044</v>
      </c>
      <c r="CG1794" s="11">
        <v>-47</v>
      </c>
      <c r="CH1794" s="20">
        <v>1.0450200000000001</v>
      </c>
      <c r="CI1794" s="20">
        <v>0.89114000000000004</v>
      </c>
      <c r="CJ1794" s="20">
        <v>0.87706600000000001</v>
      </c>
      <c r="CK1794" s="20">
        <v>0.75833099999999998</v>
      </c>
      <c r="CL1794" s="20">
        <v>0.91409499999999999</v>
      </c>
      <c r="CM1794" s="20">
        <v>1.12107</v>
      </c>
      <c r="CN1794" s="20">
        <v>1.27728</v>
      </c>
      <c r="CO1794" s="20">
        <v>1.39544</v>
      </c>
      <c r="CP1794" s="20">
        <v>1.42361</v>
      </c>
      <c r="CQ1794" s="20">
        <v>1.51823</v>
      </c>
      <c r="CR1794" s="20">
        <v>1.6299600000000001</v>
      </c>
      <c r="CS1794" s="20">
        <v>1.44997</v>
      </c>
      <c r="CT1794" s="20">
        <v>1.18147</v>
      </c>
      <c r="CU1794" s="20">
        <v>1.1355900000000001</v>
      </c>
      <c r="CV1794" s="20">
        <v>1.0907500000000001</v>
      </c>
      <c r="CW1794" s="20">
        <v>0.50846599999999997</v>
      </c>
      <c r="CX1794" s="20">
        <v>0.45358799999999999</v>
      </c>
      <c r="CY1794" s="6" t="s">
        <v>652</v>
      </c>
      <c r="CZ1794" s="6" t="s">
        <v>653</v>
      </c>
      <c r="DA1794" s="6" t="s">
        <v>121</v>
      </c>
      <c r="DB1794" s="6" t="s">
        <v>345</v>
      </c>
      <c r="DC1794" s="6">
        <v>44180</v>
      </c>
      <c r="DD1794" s="6">
        <v>520</v>
      </c>
      <c r="DE1794" s="6" t="s">
        <v>460</v>
      </c>
      <c r="DF1794" s="6" t="s">
        <v>375</v>
      </c>
      <c r="DG1794" s="6" t="s">
        <v>376</v>
      </c>
      <c r="DH1794" s="6" t="s">
        <v>328</v>
      </c>
      <c r="DI1794" s="6" t="s">
        <v>461</v>
      </c>
      <c r="DJ1794" s="6">
        <v>29</v>
      </c>
      <c r="DK1794" s="6">
        <v>167</v>
      </c>
      <c r="DL1794" s="6">
        <v>2</v>
      </c>
      <c r="DM1794" s="6" t="s">
        <v>379</v>
      </c>
      <c r="DN1794" s="6">
        <v>2</v>
      </c>
      <c r="DO1794" s="6" t="s">
        <v>463</v>
      </c>
      <c r="DP1794" s="6"/>
      <c r="DQ1794" s="6"/>
    </row>
    <row r="1795" spans="1:121" x14ac:dyDescent="0.2">
      <c r="A1795" s="6" t="s">
        <v>315</v>
      </c>
      <c r="B1795" s="6" t="s">
        <v>315</v>
      </c>
      <c r="C1795" s="6" t="s">
        <v>184</v>
      </c>
      <c r="D1795" s="6" t="s">
        <v>121</v>
      </c>
      <c r="E1795" s="6" t="s">
        <v>262</v>
      </c>
      <c r="F1795" s="11">
        <v>-59</v>
      </c>
      <c r="G1795" s="13">
        <v>-0.24</v>
      </c>
      <c r="H1795" s="11">
        <v>0</v>
      </c>
      <c r="I1795" s="13">
        <v>0</v>
      </c>
      <c r="J1795" s="11">
        <v>21</v>
      </c>
      <c r="K1795" s="13">
        <v>8.4337349397590355E-2</v>
      </c>
      <c r="L1795" s="11">
        <v>-80</v>
      </c>
      <c r="M1795" s="13">
        <v>-0.29629629629629628</v>
      </c>
      <c r="N1795" s="11">
        <v>-59</v>
      </c>
      <c r="O1795" s="13">
        <v>-0.23694779116465864</v>
      </c>
      <c r="P1795" s="7">
        <v>249</v>
      </c>
      <c r="Q1795" s="7">
        <v>325</v>
      </c>
      <c r="R1795" s="7">
        <v>331</v>
      </c>
      <c r="S1795" s="7">
        <v>339</v>
      </c>
      <c r="T1795" s="7">
        <v>352</v>
      </c>
      <c r="U1795" s="7">
        <v>308</v>
      </c>
      <c r="V1795" s="7">
        <v>249</v>
      </c>
      <c r="W1795" s="7">
        <v>260</v>
      </c>
      <c r="X1795" s="7">
        <v>276</v>
      </c>
      <c r="Y1795" s="7">
        <v>270</v>
      </c>
      <c r="Z1795" s="7">
        <v>268</v>
      </c>
      <c r="AA1795" s="7">
        <v>274</v>
      </c>
      <c r="AB1795" s="7">
        <v>256</v>
      </c>
      <c r="AC1795" s="7">
        <v>247</v>
      </c>
      <c r="AD1795" s="7">
        <v>209</v>
      </c>
      <c r="AE1795" s="7">
        <v>202</v>
      </c>
      <c r="AF1795" s="7">
        <v>190</v>
      </c>
      <c r="AG1795" s="9">
        <v>20223</v>
      </c>
      <c r="AH1795" s="13">
        <v>0.62710865790126524</v>
      </c>
      <c r="AI1795" s="9">
        <v>9898</v>
      </c>
      <c r="AJ1795" s="13">
        <v>0.30693376333416028</v>
      </c>
      <c r="AK1795" s="9">
        <v>4812</v>
      </c>
      <c r="AL1795" s="13">
        <v>0.11417453613628814</v>
      </c>
      <c r="AM1795" s="9">
        <v>5513</v>
      </c>
      <c r="AN1795" s="13">
        <v>0.1174027854678649</v>
      </c>
      <c r="AO1795" s="9">
        <v>10325</v>
      </c>
      <c r="AP1795" s="13">
        <v>0.24498173017605468</v>
      </c>
      <c r="AQ1795" s="9">
        <v>32248</v>
      </c>
      <c r="AR1795" s="9">
        <v>34493</v>
      </c>
      <c r="AS1795" s="9">
        <v>36615</v>
      </c>
      <c r="AT1795" s="9">
        <v>40672</v>
      </c>
      <c r="AU1795" s="9">
        <v>41324</v>
      </c>
      <c r="AV1795" s="9">
        <v>41132</v>
      </c>
      <c r="AW1795" s="9">
        <v>42146</v>
      </c>
      <c r="AX1795" s="9">
        <v>44858</v>
      </c>
      <c r="AY1795" s="9">
        <v>44861</v>
      </c>
      <c r="AZ1795" s="9">
        <v>46958</v>
      </c>
      <c r="BA1795" s="9">
        <v>47404</v>
      </c>
      <c r="BB1795" s="9">
        <v>49359</v>
      </c>
      <c r="BC1795" s="9">
        <v>47883</v>
      </c>
      <c r="BD1795" s="9">
        <v>48310</v>
      </c>
      <c r="BE1795" s="9">
        <v>50752</v>
      </c>
      <c r="BF1795" s="9">
        <v>52471</v>
      </c>
      <c r="BG1795" s="11">
        <v>-6</v>
      </c>
      <c r="BH1795" s="13">
        <v>-0.16216216216216217</v>
      </c>
      <c r="BI1795" s="6">
        <v>-5</v>
      </c>
      <c r="BJ1795" s="13">
        <v>-0.13513513513513514</v>
      </c>
      <c r="BK1795" s="6">
        <v>4</v>
      </c>
      <c r="BL1795" s="13">
        <v>0.125</v>
      </c>
      <c r="BM1795" s="11">
        <v>-5</v>
      </c>
      <c r="BN1795" s="13">
        <v>-0.1388888888888889</v>
      </c>
      <c r="BO1795" s="11">
        <v>-1</v>
      </c>
      <c r="BP1795" s="13">
        <v>-3.125E-2</v>
      </c>
      <c r="BQ1795" s="6">
        <v>37</v>
      </c>
      <c r="BR1795" s="6">
        <v>31</v>
      </c>
      <c r="BS1795" s="6">
        <v>32</v>
      </c>
      <c r="BT1795" s="6">
        <v>32</v>
      </c>
      <c r="BU1795" s="6">
        <v>36</v>
      </c>
      <c r="BV1795" s="6">
        <v>38</v>
      </c>
      <c r="BW1795" s="6">
        <v>36</v>
      </c>
      <c r="BX1795" s="6">
        <v>37</v>
      </c>
      <c r="BY1795" s="6">
        <v>37</v>
      </c>
      <c r="BZ1795" s="6">
        <v>35</v>
      </c>
      <c r="CA1795" s="6">
        <v>34</v>
      </c>
      <c r="CB1795" s="6">
        <v>33</v>
      </c>
      <c r="CC1795" s="11">
        <v>31</v>
      </c>
      <c r="CD1795" s="11">
        <v>-66</v>
      </c>
      <c r="CE1795" s="11">
        <v>-20</v>
      </c>
      <c r="CF1795" s="11">
        <v>27</v>
      </c>
      <c r="CG1795" s="11">
        <v>7</v>
      </c>
      <c r="CH1795" s="20">
        <v>0.66</v>
      </c>
      <c r="CI1795" s="20">
        <v>0.83</v>
      </c>
      <c r="CJ1795" s="20">
        <v>0.82</v>
      </c>
      <c r="CK1795" s="20">
        <v>0.83</v>
      </c>
      <c r="CL1795" s="20">
        <v>0.83</v>
      </c>
      <c r="CM1795" s="20">
        <v>0.72</v>
      </c>
      <c r="CN1795" s="20">
        <v>0.59</v>
      </c>
      <c r="CO1795" s="20">
        <v>0.63</v>
      </c>
      <c r="CP1795" s="20">
        <v>0.72</v>
      </c>
      <c r="CQ1795" s="20">
        <v>0.71</v>
      </c>
      <c r="CR1795" s="20">
        <v>0.71</v>
      </c>
      <c r="CS1795" s="20">
        <v>0.75</v>
      </c>
      <c r="CT1795" s="20">
        <v>0.69</v>
      </c>
      <c r="CU1795" s="20">
        <v>0.69</v>
      </c>
      <c r="CV1795" s="20">
        <v>0.56999999999999995</v>
      </c>
      <c r="CW1795" s="20">
        <v>0.54</v>
      </c>
      <c r="CX1795" s="20">
        <v>0.5</v>
      </c>
      <c r="CY1795" s="6" t="s">
        <v>652</v>
      </c>
      <c r="CZ1795" s="6" t="s">
        <v>653</v>
      </c>
      <c r="DA1795" s="6" t="s">
        <v>121</v>
      </c>
      <c r="DB1795" s="6" t="s">
        <v>345</v>
      </c>
      <c r="DC1795" s="6">
        <v>44180</v>
      </c>
      <c r="DD1795" s="6">
        <v>520</v>
      </c>
      <c r="DE1795" s="6" t="s">
        <v>460</v>
      </c>
      <c r="DF1795" s="6" t="s">
        <v>375</v>
      </c>
      <c r="DG1795" s="6" t="s">
        <v>376</v>
      </c>
      <c r="DH1795" s="6" t="s">
        <v>328</v>
      </c>
      <c r="DI1795" s="6" t="s">
        <v>461</v>
      </c>
      <c r="DJ1795" s="6">
        <v>29</v>
      </c>
      <c r="DK1795" s="6">
        <v>167</v>
      </c>
      <c r="DL1795" s="6">
        <v>2</v>
      </c>
      <c r="DM1795" s="6" t="s">
        <v>379</v>
      </c>
      <c r="DN1795" s="6">
        <v>2</v>
      </c>
      <c r="DO1795" s="6" t="s">
        <v>463</v>
      </c>
      <c r="DP1795" s="6"/>
      <c r="DQ1795" s="6"/>
    </row>
    <row r="1796" spans="1:121" x14ac:dyDescent="0.2">
      <c r="A1796" s="6" t="s">
        <v>316</v>
      </c>
      <c r="B1796" s="6" t="s">
        <v>316</v>
      </c>
      <c r="C1796" s="6" t="s">
        <v>185</v>
      </c>
      <c r="D1796" s="6" t="s">
        <v>121</v>
      </c>
      <c r="E1796" s="6" t="s">
        <v>262</v>
      </c>
      <c r="F1796" s="11">
        <v>-1</v>
      </c>
      <c r="G1796" s="13">
        <v>-0.01</v>
      </c>
      <c r="H1796" s="11">
        <v>40</v>
      </c>
      <c r="I1796" s="13">
        <v>0.41237113402061853</v>
      </c>
      <c r="J1796" s="11">
        <v>-38</v>
      </c>
      <c r="K1796" s="13">
        <v>-0.27737226277372262</v>
      </c>
      <c r="L1796" s="11">
        <v>-3</v>
      </c>
      <c r="M1796" s="13">
        <v>-3.0303030303030304E-2</v>
      </c>
      <c r="N1796" s="11">
        <v>-41</v>
      </c>
      <c r="O1796" s="13">
        <v>-0.29927007299270075</v>
      </c>
      <c r="P1796" s="7">
        <v>97</v>
      </c>
      <c r="Q1796" s="7">
        <v>90</v>
      </c>
      <c r="R1796" s="7">
        <v>99</v>
      </c>
      <c r="S1796" s="7">
        <v>118</v>
      </c>
      <c r="T1796" s="7">
        <v>119</v>
      </c>
      <c r="U1796" s="7">
        <v>128</v>
      </c>
      <c r="V1796" s="7">
        <v>137</v>
      </c>
      <c r="W1796" s="7">
        <v>134</v>
      </c>
      <c r="X1796" s="7">
        <v>117</v>
      </c>
      <c r="Y1796" s="7">
        <v>99</v>
      </c>
      <c r="Z1796" s="7">
        <v>101</v>
      </c>
      <c r="AA1796" s="7">
        <v>91</v>
      </c>
      <c r="AB1796" s="7">
        <v>78</v>
      </c>
      <c r="AC1796" s="7">
        <v>81</v>
      </c>
      <c r="AD1796" s="7">
        <v>92</v>
      </c>
      <c r="AE1796" s="7">
        <v>94</v>
      </c>
      <c r="AF1796" s="7">
        <v>96</v>
      </c>
      <c r="AG1796" s="9">
        <v>11987</v>
      </c>
      <c r="AH1796" s="13">
        <v>0.70445463093559002</v>
      </c>
      <c r="AI1796" s="9">
        <v>5959</v>
      </c>
      <c r="AJ1796" s="13">
        <v>0.35019981194170191</v>
      </c>
      <c r="AK1796" s="9">
        <v>2163</v>
      </c>
      <c r="AL1796" s="13">
        <v>9.4145810663764956E-2</v>
      </c>
      <c r="AM1796" s="9">
        <v>3865</v>
      </c>
      <c r="AN1796" s="13">
        <v>0.15375129286339406</v>
      </c>
      <c r="AO1796" s="9">
        <v>6028</v>
      </c>
      <c r="AP1796" s="13">
        <v>0.26237214363438521</v>
      </c>
      <c r="AQ1796" s="9">
        <v>17016</v>
      </c>
      <c r="AR1796" s="9">
        <v>19214</v>
      </c>
      <c r="AS1796" s="9">
        <v>20075</v>
      </c>
      <c r="AT1796" s="9">
        <v>20364</v>
      </c>
      <c r="AU1796" s="9">
        <v>22325</v>
      </c>
      <c r="AV1796" s="9">
        <v>21999</v>
      </c>
      <c r="AW1796" s="9">
        <v>22975</v>
      </c>
      <c r="AX1796" s="9">
        <v>24582</v>
      </c>
      <c r="AY1796" s="9">
        <v>25267</v>
      </c>
      <c r="AZ1796" s="9">
        <v>25138</v>
      </c>
      <c r="BA1796" s="9">
        <v>25738</v>
      </c>
      <c r="BB1796" s="9">
        <v>25906</v>
      </c>
      <c r="BC1796" s="9">
        <v>26337</v>
      </c>
      <c r="BD1796" s="9">
        <v>26691</v>
      </c>
      <c r="BE1796" s="9">
        <v>27928</v>
      </c>
      <c r="BF1796" s="9">
        <v>29003</v>
      </c>
      <c r="BG1796" s="11">
        <v>-5</v>
      </c>
      <c r="BH1796" s="13">
        <v>-0.25</v>
      </c>
      <c r="BI1796" s="6">
        <v>4</v>
      </c>
      <c r="BJ1796" s="13">
        <v>0.2</v>
      </c>
      <c r="BK1796" s="6">
        <v>-9</v>
      </c>
      <c r="BL1796" s="13">
        <v>-0.375</v>
      </c>
      <c r="BM1796" s="11">
        <v>0</v>
      </c>
      <c r="BN1796" s="13">
        <v>0</v>
      </c>
      <c r="BO1796" s="11">
        <v>-9</v>
      </c>
      <c r="BP1796" s="13">
        <v>-0.375</v>
      </c>
      <c r="BQ1796" s="6">
        <v>20</v>
      </c>
      <c r="BR1796" s="6">
        <v>22</v>
      </c>
      <c r="BS1796" s="6">
        <v>22</v>
      </c>
      <c r="BT1796" s="6">
        <v>24</v>
      </c>
      <c r="BU1796" s="6">
        <v>21</v>
      </c>
      <c r="BV1796" s="6">
        <v>20</v>
      </c>
      <c r="BW1796" s="6">
        <v>15</v>
      </c>
      <c r="BX1796" s="6">
        <v>14</v>
      </c>
      <c r="BY1796" s="6">
        <v>13</v>
      </c>
      <c r="BZ1796" s="6">
        <v>10</v>
      </c>
      <c r="CA1796" s="6">
        <v>10</v>
      </c>
      <c r="CB1796" s="6">
        <v>13</v>
      </c>
      <c r="CC1796" s="11">
        <v>15</v>
      </c>
      <c r="CD1796" s="11">
        <v>-7</v>
      </c>
      <c r="CE1796" s="11">
        <v>-5</v>
      </c>
      <c r="CF1796" s="11">
        <v>11</v>
      </c>
      <c r="CG1796" s="11">
        <v>6</v>
      </c>
      <c r="CH1796" s="20">
        <v>0.62</v>
      </c>
      <c r="CI1796" s="20">
        <v>0.56000000000000005</v>
      </c>
      <c r="CJ1796" s="20">
        <v>0.59</v>
      </c>
      <c r="CK1796" s="20">
        <v>0.68</v>
      </c>
      <c r="CL1796" s="20">
        <v>0.64</v>
      </c>
      <c r="CM1796" s="20">
        <v>0.7</v>
      </c>
      <c r="CN1796" s="20">
        <v>0.76</v>
      </c>
      <c r="CO1796" s="20">
        <v>0.76</v>
      </c>
      <c r="CP1796" s="20">
        <v>0.72</v>
      </c>
      <c r="CQ1796" s="20">
        <v>0.63</v>
      </c>
      <c r="CR1796" s="20">
        <v>0.66</v>
      </c>
      <c r="CS1796" s="20">
        <v>0.61</v>
      </c>
      <c r="CT1796" s="20">
        <v>0.51</v>
      </c>
      <c r="CU1796" s="20">
        <v>0.53</v>
      </c>
      <c r="CV1796" s="20">
        <v>0.59</v>
      </c>
      <c r="CW1796" s="20">
        <v>0.59</v>
      </c>
      <c r="CX1796" s="20">
        <v>0.59</v>
      </c>
      <c r="CY1796" s="6" t="s">
        <v>652</v>
      </c>
      <c r="CZ1796" s="6" t="s">
        <v>653</v>
      </c>
      <c r="DA1796" s="6" t="s">
        <v>121</v>
      </c>
      <c r="DB1796" s="6" t="s">
        <v>345</v>
      </c>
      <c r="DC1796" s="6">
        <v>44180</v>
      </c>
      <c r="DD1796" s="6">
        <v>520</v>
      </c>
      <c r="DE1796" s="6" t="s">
        <v>460</v>
      </c>
      <c r="DF1796" s="6" t="s">
        <v>375</v>
      </c>
      <c r="DG1796" s="6" t="s">
        <v>376</v>
      </c>
      <c r="DH1796" s="6" t="s">
        <v>328</v>
      </c>
      <c r="DI1796" s="6" t="s">
        <v>461</v>
      </c>
      <c r="DJ1796" s="6">
        <v>29</v>
      </c>
      <c r="DK1796" s="6">
        <v>167</v>
      </c>
      <c r="DL1796" s="6">
        <v>2</v>
      </c>
      <c r="DM1796" s="6" t="s">
        <v>379</v>
      </c>
      <c r="DN1796" s="6">
        <v>2</v>
      </c>
      <c r="DO1796" s="6" t="s">
        <v>463</v>
      </c>
      <c r="DP1796" s="6"/>
      <c r="DQ1796" s="6"/>
    </row>
    <row r="1797" spans="1:121" x14ac:dyDescent="0.2">
      <c r="A1797" s="6" t="s">
        <v>317</v>
      </c>
      <c r="B1797" s="6" t="s">
        <v>317</v>
      </c>
      <c r="C1797" s="6" t="s">
        <v>186</v>
      </c>
      <c r="D1797" s="6" t="s">
        <v>121</v>
      </c>
      <c r="E1797" s="6" t="s">
        <v>262</v>
      </c>
      <c r="F1797" s="11">
        <v>88</v>
      </c>
      <c r="G1797" s="13">
        <v>0.62</v>
      </c>
      <c r="H1797" s="11">
        <v>70</v>
      </c>
      <c r="I1797" s="13">
        <v>0.49645390070921985</v>
      </c>
      <c r="J1797" s="11">
        <v>-21</v>
      </c>
      <c r="K1797" s="13">
        <v>-9.9526066350710901E-2</v>
      </c>
      <c r="L1797" s="11">
        <v>39</v>
      </c>
      <c r="M1797" s="13">
        <v>0.20526315789473684</v>
      </c>
      <c r="N1797" s="11">
        <v>18</v>
      </c>
      <c r="O1797" s="13">
        <v>8.5308056872037921E-2</v>
      </c>
      <c r="P1797" s="7">
        <v>141</v>
      </c>
      <c r="Q1797" s="7">
        <v>172</v>
      </c>
      <c r="R1797" s="7">
        <v>179</v>
      </c>
      <c r="S1797" s="7">
        <v>202</v>
      </c>
      <c r="T1797" s="7">
        <v>205</v>
      </c>
      <c r="U1797" s="7">
        <v>204</v>
      </c>
      <c r="V1797" s="7">
        <v>211</v>
      </c>
      <c r="W1797" s="7">
        <v>201</v>
      </c>
      <c r="X1797" s="7">
        <v>194</v>
      </c>
      <c r="Y1797" s="7">
        <v>190</v>
      </c>
      <c r="Z1797" s="7">
        <v>181</v>
      </c>
      <c r="AA1797" s="7">
        <v>206</v>
      </c>
      <c r="AB1797" s="7">
        <v>219</v>
      </c>
      <c r="AC1797" s="7">
        <v>225</v>
      </c>
      <c r="AD1797" s="7">
        <v>212</v>
      </c>
      <c r="AE1797" s="7">
        <v>222</v>
      </c>
      <c r="AF1797" s="7">
        <v>229</v>
      </c>
      <c r="AG1797" s="9">
        <v>9347</v>
      </c>
      <c r="AH1797" s="13">
        <v>0.32325782465848174</v>
      </c>
      <c r="AI1797" s="9">
        <v>4997</v>
      </c>
      <c r="AJ1797" s="13">
        <v>0.17281687705343249</v>
      </c>
      <c r="AK1797" s="9">
        <v>-87</v>
      </c>
      <c r="AL1797" s="13">
        <v>-2.5654635527246994E-3</v>
      </c>
      <c r="AM1797" s="9">
        <v>4437</v>
      </c>
      <c r="AN1797" s="13">
        <v>0.13117516629711751</v>
      </c>
      <c r="AO1797" s="9">
        <v>4350</v>
      </c>
      <c r="AP1797" s="13">
        <v>0.12827317763623497</v>
      </c>
      <c r="AQ1797" s="9">
        <v>28915</v>
      </c>
      <c r="AR1797" s="9">
        <v>27330</v>
      </c>
      <c r="AS1797" s="9">
        <v>33120</v>
      </c>
      <c r="AT1797" s="9">
        <v>30355</v>
      </c>
      <c r="AU1797" s="9">
        <v>33980</v>
      </c>
      <c r="AV1797" s="9">
        <v>36807</v>
      </c>
      <c r="AW1797" s="9">
        <v>33912</v>
      </c>
      <c r="AX1797" s="9">
        <v>35543</v>
      </c>
      <c r="AY1797" s="9">
        <v>38787</v>
      </c>
      <c r="AZ1797" s="9">
        <v>33825</v>
      </c>
      <c r="BA1797" s="9">
        <v>36313</v>
      </c>
      <c r="BB1797" s="9">
        <v>37597</v>
      </c>
      <c r="BC1797" s="9">
        <v>35575</v>
      </c>
      <c r="BD1797" s="9">
        <v>39062</v>
      </c>
      <c r="BE1797" s="9">
        <v>38420</v>
      </c>
      <c r="BF1797" s="9">
        <v>38262</v>
      </c>
      <c r="BG1797" s="11">
        <v>1</v>
      </c>
      <c r="BH1797" s="13">
        <v>2.6315789473684209E-2</v>
      </c>
      <c r="BI1797" s="6">
        <v>4</v>
      </c>
      <c r="BJ1797" s="13">
        <v>0.10526315789473684</v>
      </c>
      <c r="BK1797" s="6">
        <v>0</v>
      </c>
      <c r="BL1797" s="13">
        <v>0</v>
      </c>
      <c r="BM1797" s="11">
        <v>-3</v>
      </c>
      <c r="BN1797" s="13">
        <v>-7.1428571428571425E-2</v>
      </c>
      <c r="BO1797" s="11">
        <v>-3</v>
      </c>
      <c r="BP1797" s="13">
        <v>-7.1428571428571425E-2</v>
      </c>
      <c r="BQ1797" s="6">
        <v>38</v>
      </c>
      <c r="BR1797" s="6">
        <v>39</v>
      </c>
      <c r="BS1797" s="6">
        <v>39</v>
      </c>
      <c r="BT1797" s="6">
        <v>42</v>
      </c>
      <c r="BU1797" s="6">
        <v>43</v>
      </c>
      <c r="BV1797" s="6">
        <v>42</v>
      </c>
      <c r="BW1797" s="6">
        <v>42</v>
      </c>
      <c r="BX1797" s="6">
        <v>39</v>
      </c>
      <c r="BY1797" s="6">
        <v>37</v>
      </c>
      <c r="BZ1797" s="6">
        <v>39</v>
      </c>
      <c r="CA1797" s="6">
        <v>36</v>
      </c>
      <c r="CB1797" s="6">
        <v>39</v>
      </c>
      <c r="CC1797" s="11">
        <v>39</v>
      </c>
      <c r="CD1797" s="11">
        <v>44</v>
      </c>
      <c r="CE1797" s="11">
        <v>28</v>
      </c>
      <c r="CF1797" s="11">
        <v>15</v>
      </c>
      <c r="CG1797" s="11">
        <v>43</v>
      </c>
      <c r="CH1797" s="20">
        <v>0.28000000000000003</v>
      </c>
      <c r="CI1797" s="20">
        <v>0.34</v>
      </c>
      <c r="CJ1797" s="20">
        <v>0.35</v>
      </c>
      <c r="CK1797" s="20">
        <v>0.39</v>
      </c>
      <c r="CL1797" s="20">
        <v>0.37</v>
      </c>
      <c r="CM1797" s="20">
        <v>0.36</v>
      </c>
      <c r="CN1797" s="20">
        <v>0.36</v>
      </c>
      <c r="CO1797" s="20">
        <v>0.34</v>
      </c>
      <c r="CP1797" s="20">
        <v>0.35</v>
      </c>
      <c r="CQ1797" s="20">
        <v>0.34</v>
      </c>
      <c r="CR1797" s="20">
        <v>0.32</v>
      </c>
      <c r="CS1797" s="20">
        <v>0.36</v>
      </c>
      <c r="CT1797" s="20">
        <v>0.37</v>
      </c>
      <c r="CU1797" s="20">
        <v>0.39</v>
      </c>
      <c r="CV1797" s="20">
        <v>0.35</v>
      </c>
      <c r="CW1797" s="20">
        <v>0.36</v>
      </c>
      <c r="CX1797" s="20">
        <v>0.36</v>
      </c>
      <c r="CY1797" s="6" t="s">
        <v>652</v>
      </c>
      <c r="CZ1797" s="6" t="s">
        <v>653</v>
      </c>
      <c r="DA1797" s="6" t="s">
        <v>121</v>
      </c>
      <c r="DB1797" s="6" t="s">
        <v>345</v>
      </c>
      <c r="DC1797" s="6">
        <v>44180</v>
      </c>
      <c r="DD1797" s="6">
        <v>520</v>
      </c>
      <c r="DE1797" s="6" t="s">
        <v>460</v>
      </c>
      <c r="DF1797" s="6" t="s">
        <v>375</v>
      </c>
      <c r="DG1797" s="6" t="s">
        <v>376</v>
      </c>
      <c r="DH1797" s="6" t="s">
        <v>328</v>
      </c>
      <c r="DI1797" s="6" t="s">
        <v>461</v>
      </c>
      <c r="DJ1797" s="6">
        <v>29</v>
      </c>
      <c r="DK1797" s="6">
        <v>167</v>
      </c>
      <c r="DL1797" s="6">
        <v>2</v>
      </c>
      <c r="DM1797" s="6" t="s">
        <v>379</v>
      </c>
      <c r="DN1797" s="6">
        <v>2</v>
      </c>
      <c r="DO1797" s="6" t="s">
        <v>463</v>
      </c>
      <c r="DP1797" s="6"/>
      <c r="DQ1797" s="6"/>
    </row>
    <row r="1798" spans="1:121" x14ac:dyDescent="0.2">
      <c r="A1798" s="6" t="s">
        <v>318</v>
      </c>
      <c r="B1798" s="6" t="s">
        <v>318</v>
      </c>
      <c r="C1798" s="6" t="s">
        <v>187</v>
      </c>
      <c r="D1798" s="6" t="s">
        <v>121</v>
      </c>
      <c r="E1798" s="6" t="s">
        <v>262</v>
      </c>
      <c r="F1798" s="11">
        <v>-133</v>
      </c>
      <c r="G1798" s="13">
        <v>-0.72282608695700001</v>
      </c>
      <c r="H1798" s="11">
        <v>-133.903762</v>
      </c>
      <c r="I1798" s="13">
        <v>-0.72811327036155205</v>
      </c>
      <c r="J1798" s="11">
        <v>11.452528000000001</v>
      </c>
      <c r="K1798" s="13">
        <v>0.229044316251939</v>
      </c>
      <c r="L1798" s="11">
        <v>-10.7560841576</v>
      </c>
      <c r="M1798" s="13">
        <v>-0.17502690200039572</v>
      </c>
      <c r="N1798" s="11">
        <v>0.69644384240000079</v>
      </c>
      <c r="O1798" s="13">
        <v>1.3928497157167511E-2</v>
      </c>
      <c r="P1798" s="7">
        <v>183.905125</v>
      </c>
      <c r="Q1798" s="7">
        <v>123.997648</v>
      </c>
      <c r="R1798" s="7">
        <v>60.641728999999998</v>
      </c>
      <c r="S1798" s="7">
        <v>62.942832000000003</v>
      </c>
      <c r="T1798" s="7">
        <v>28.963308000000001</v>
      </c>
      <c r="U1798" s="7">
        <v>49.418165000000002</v>
      </c>
      <c r="V1798" s="7">
        <v>50.001362999999998</v>
      </c>
      <c r="W1798" s="7">
        <v>55.025937999999996</v>
      </c>
      <c r="X1798" s="7">
        <v>63.894748</v>
      </c>
      <c r="Y1798" s="7">
        <v>61.453890999999999</v>
      </c>
      <c r="Z1798" s="7">
        <v>54.868952999999998</v>
      </c>
      <c r="AA1798" s="7">
        <v>19.999251999999998</v>
      </c>
      <c r="AB1798" s="7">
        <v>13.823062</v>
      </c>
      <c r="AC1798" s="7">
        <v>28.701582999999999</v>
      </c>
      <c r="AD1798" s="7">
        <v>43.458362999999999</v>
      </c>
      <c r="AE1798" s="7">
        <v>50.768637750000003</v>
      </c>
      <c r="AF1798" s="7">
        <v>50.697806842399999</v>
      </c>
      <c r="AG1798" s="9">
        <v>37713.301928499997</v>
      </c>
      <c r="AH1798" s="13">
        <v>0.90411819142892447</v>
      </c>
      <c r="AI1798" s="9">
        <v>27264.170157599998</v>
      </c>
      <c r="AJ1798" s="13">
        <v>0.65361638873290218</v>
      </c>
      <c r="AK1798" s="9">
        <v>-19926.783323399999</v>
      </c>
      <c r="AL1798" s="13">
        <v>-0.28889038001509537</v>
      </c>
      <c r="AM1798" s="9">
        <v>30375.915094299999</v>
      </c>
      <c r="AN1798" s="13">
        <v>0.61928234368108559</v>
      </c>
      <c r="AO1798" s="9">
        <v>10449.1317709</v>
      </c>
      <c r="AP1798" s="13">
        <v>0.1514872520633225</v>
      </c>
      <c r="AQ1798" s="9">
        <v>41712.800700200001</v>
      </c>
      <c r="AR1798" s="9">
        <v>50415.712322899999</v>
      </c>
      <c r="AS1798" s="9">
        <v>59515.2322442</v>
      </c>
      <c r="AT1798" s="9">
        <v>54727.040989100002</v>
      </c>
      <c r="AU1798" s="9">
        <v>110620.240142</v>
      </c>
      <c r="AV1798" s="9">
        <v>63387.323451299999</v>
      </c>
      <c r="AW1798" s="9">
        <v>68976.970857799999</v>
      </c>
      <c r="AX1798" s="9">
        <v>54127.640566000002</v>
      </c>
      <c r="AY1798" s="9">
        <v>47306.628223200001</v>
      </c>
      <c r="AZ1798" s="9">
        <v>49050.1875344</v>
      </c>
      <c r="BA1798" s="9">
        <v>52087.977673300004</v>
      </c>
      <c r="BB1798" s="9">
        <v>101191.071597</v>
      </c>
      <c r="BC1798" s="9">
        <v>187651.56456599999</v>
      </c>
      <c r="BD1798" s="9">
        <v>99420.150677800004</v>
      </c>
      <c r="BE1798" s="9">
        <v>90303.685622699995</v>
      </c>
      <c r="BF1798" s="9">
        <v>79426.102628699999</v>
      </c>
      <c r="BG1798" s="11">
        <v>-2.75</v>
      </c>
      <c r="BH1798" s="13">
        <v>-0.55000000000000004</v>
      </c>
      <c r="BI1798" s="6">
        <v>0</v>
      </c>
      <c r="BJ1798" s="13">
        <v>0</v>
      </c>
      <c r="BK1798" s="6">
        <v>-2</v>
      </c>
      <c r="BL1798" s="13">
        <v>-0.4</v>
      </c>
      <c r="BM1798" s="11">
        <v>-0.75</v>
      </c>
      <c r="BN1798" s="13">
        <v>-0.25</v>
      </c>
      <c r="BO1798" s="11">
        <v>-2.75</v>
      </c>
      <c r="BP1798" s="13">
        <v>-0.55000000000000004</v>
      </c>
      <c r="BQ1798" s="6">
        <v>5</v>
      </c>
      <c r="BR1798" s="6">
        <v>5</v>
      </c>
      <c r="BS1798" s="6">
        <v>5</v>
      </c>
      <c r="BT1798" s="6">
        <v>5</v>
      </c>
      <c r="BU1798" s="6">
        <v>4</v>
      </c>
      <c r="BV1798" s="6">
        <v>3</v>
      </c>
      <c r="BW1798" s="6">
        <v>3</v>
      </c>
      <c r="BX1798" s="6">
        <v>3</v>
      </c>
      <c r="BY1798" s="6">
        <v>3</v>
      </c>
      <c r="BZ1798" s="6">
        <v>3</v>
      </c>
      <c r="CA1798" s="6">
        <v>3</v>
      </c>
      <c r="CB1798" s="6">
        <v>3</v>
      </c>
      <c r="CC1798" s="11">
        <v>2.25</v>
      </c>
      <c r="CD1798" s="11">
        <v>-192.68600000000001</v>
      </c>
      <c r="CE1798" s="11">
        <v>39.375599999999999</v>
      </c>
      <c r="CF1798" s="11">
        <v>20.103000000000002</v>
      </c>
      <c r="CG1798" s="11">
        <v>59</v>
      </c>
      <c r="CH1798" s="20">
        <v>1.7077899999999999</v>
      </c>
      <c r="CI1798" s="20">
        <v>1.1277200000000001</v>
      </c>
      <c r="CJ1798" s="20">
        <v>0.55586999999999998</v>
      </c>
      <c r="CK1798" s="20">
        <v>0.562226</v>
      </c>
      <c r="CL1798" s="20">
        <v>0.24531700000000001</v>
      </c>
      <c r="CM1798" s="20">
        <v>0.41604400000000002</v>
      </c>
      <c r="CN1798" s="20">
        <v>0.41258099999999998</v>
      </c>
      <c r="CO1798" s="20">
        <v>0.43772100000000003</v>
      </c>
      <c r="CP1798" s="20">
        <v>0.53307400000000005</v>
      </c>
      <c r="CQ1798" s="20">
        <v>0.50707899999999995</v>
      </c>
      <c r="CR1798" s="20">
        <v>0.44619799999999998</v>
      </c>
      <c r="CS1798" s="20">
        <v>0.16043499999999999</v>
      </c>
      <c r="CT1798" s="20">
        <v>0.105764</v>
      </c>
      <c r="CU1798" s="20">
        <v>0.22064800000000001</v>
      </c>
      <c r="CV1798" s="20">
        <v>0.32607000000000003</v>
      </c>
      <c r="CW1798" s="20">
        <v>0.37297599999999997</v>
      </c>
      <c r="CX1798" s="20">
        <v>0.36400399999999999</v>
      </c>
      <c r="CY1798" s="6" t="s">
        <v>652</v>
      </c>
      <c r="CZ1798" s="6" t="s">
        <v>653</v>
      </c>
      <c r="DA1798" s="6" t="s">
        <v>121</v>
      </c>
      <c r="DB1798" s="6" t="s">
        <v>345</v>
      </c>
      <c r="DC1798" s="6">
        <v>44180</v>
      </c>
      <c r="DD1798" s="6">
        <v>520</v>
      </c>
      <c r="DE1798" s="6" t="s">
        <v>460</v>
      </c>
      <c r="DF1798" s="6" t="s">
        <v>375</v>
      </c>
      <c r="DG1798" s="6" t="s">
        <v>376</v>
      </c>
      <c r="DH1798" s="6" t="s">
        <v>328</v>
      </c>
      <c r="DI1798" s="6" t="s">
        <v>461</v>
      </c>
      <c r="DJ1798" s="6">
        <v>29</v>
      </c>
      <c r="DK1798" s="6">
        <v>167</v>
      </c>
      <c r="DL1798" s="6">
        <v>2</v>
      </c>
      <c r="DM1798" s="6" t="s">
        <v>379</v>
      </c>
      <c r="DN1798" s="6">
        <v>2</v>
      </c>
      <c r="DO1798" s="6" t="s">
        <v>463</v>
      </c>
      <c r="DP1798" s="6"/>
      <c r="DQ1798" s="6"/>
    </row>
    <row r="1799" spans="1:121" x14ac:dyDescent="0.2">
      <c r="A1799" s="6" t="s">
        <v>319</v>
      </c>
      <c r="B1799" s="6" t="s">
        <v>319</v>
      </c>
      <c r="C1799" s="6" t="s">
        <v>188</v>
      </c>
      <c r="D1799" s="6" t="s">
        <v>121</v>
      </c>
      <c r="E1799" s="6" t="s">
        <v>262</v>
      </c>
      <c r="F1799" s="11">
        <v>187</v>
      </c>
      <c r="G1799" s="13">
        <v>0.739130434783</v>
      </c>
      <c r="H1799" s="11">
        <v>46.316782320999977</v>
      </c>
      <c r="I1799" s="13">
        <v>0.1830656484217246</v>
      </c>
      <c r="J1799" s="11">
        <v>-43.107000034000009</v>
      </c>
      <c r="K1799" s="13">
        <v>-0.1440149018916313</v>
      </c>
      <c r="L1799" s="11">
        <v>183.32471867700002</v>
      </c>
      <c r="M1799" s="13">
        <v>0.71550793783220412</v>
      </c>
      <c r="N1799" s="11">
        <v>140.21771864300001</v>
      </c>
      <c r="O1799" s="13">
        <v>0.46844923047098447</v>
      </c>
      <c r="P1799" s="7">
        <v>253.00640901400001</v>
      </c>
      <c r="Q1799" s="7">
        <v>302.39187224400001</v>
      </c>
      <c r="R1799" s="7">
        <v>282.90341455100003</v>
      </c>
      <c r="S1799" s="7">
        <v>262.22058708600002</v>
      </c>
      <c r="T1799" s="7">
        <v>385.03053257599998</v>
      </c>
      <c r="U1799" s="7">
        <v>368.94190183699999</v>
      </c>
      <c r="V1799" s="7">
        <v>299.32319133499999</v>
      </c>
      <c r="W1799" s="7">
        <v>367.64711806299999</v>
      </c>
      <c r="X1799" s="7">
        <v>270.872147187</v>
      </c>
      <c r="Y1799" s="7">
        <v>256.21619130099998</v>
      </c>
      <c r="Z1799" s="7">
        <v>246.91277450199999</v>
      </c>
      <c r="AA1799" s="7">
        <v>323.24092227900002</v>
      </c>
      <c r="AB1799" s="7">
        <v>426.46913297399999</v>
      </c>
      <c r="AC1799" s="7">
        <v>428.96551703</v>
      </c>
      <c r="AD1799" s="7">
        <v>410.05276685000001</v>
      </c>
      <c r="AE1799" s="7">
        <v>414.36281209600003</v>
      </c>
      <c r="AF1799" s="7">
        <v>439.540909978</v>
      </c>
      <c r="AG1799" s="9">
        <v>8363.5180361000021</v>
      </c>
      <c r="AH1799" s="13">
        <v>0.41675618153892446</v>
      </c>
      <c r="AI1799" s="9">
        <v>-3505.7627438999989</v>
      </c>
      <c r="AJ1799" s="13">
        <v>-0.17469302848666882</v>
      </c>
      <c r="AK1799" s="9">
        <v>2578.7842726999988</v>
      </c>
      <c r="AL1799" s="13">
        <v>0.15570141221053813</v>
      </c>
      <c r="AM1799" s="9">
        <v>9290.4965073000021</v>
      </c>
      <c r="AN1799" s="13">
        <v>0.48536764122282866</v>
      </c>
      <c r="AO1799" s="9">
        <v>11869.280780000001</v>
      </c>
      <c r="AP1799" s="13">
        <v>0.71664148061305899</v>
      </c>
      <c r="AQ1799" s="9">
        <v>20068.131935599999</v>
      </c>
      <c r="AR1799" s="9">
        <v>17255.697503700001</v>
      </c>
      <c r="AS1799" s="9">
        <v>15643.6025324</v>
      </c>
      <c r="AT1799" s="9">
        <v>17509.295982299998</v>
      </c>
      <c r="AU1799" s="9">
        <v>20721.8606875</v>
      </c>
      <c r="AV1799" s="9">
        <v>20271.589826700001</v>
      </c>
      <c r="AW1799" s="9">
        <v>16562.3691917</v>
      </c>
      <c r="AX1799" s="9">
        <v>18356.491488299998</v>
      </c>
      <c r="AY1799" s="9">
        <v>17824.8009489</v>
      </c>
      <c r="AZ1799" s="9">
        <v>19141.153464399998</v>
      </c>
      <c r="BA1799" s="9">
        <v>19344.187661200001</v>
      </c>
      <c r="BB1799" s="9">
        <v>22338.956525099999</v>
      </c>
      <c r="BC1799" s="9">
        <v>26671.555264899998</v>
      </c>
      <c r="BD1799" s="9">
        <v>28116.135461900001</v>
      </c>
      <c r="BE1799" s="9">
        <v>28548.391231599999</v>
      </c>
      <c r="BF1799" s="9">
        <v>28431.649971700001</v>
      </c>
      <c r="BG1799" s="11">
        <v>2.75</v>
      </c>
      <c r="BH1799" s="13">
        <v>0.11458333333333333</v>
      </c>
      <c r="BI1799" s="6">
        <v>-1</v>
      </c>
      <c r="BJ1799" s="13">
        <v>-4.1666666666666664E-2</v>
      </c>
      <c r="BK1799" s="6">
        <v>-2</v>
      </c>
      <c r="BL1799" s="13">
        <v>-8.6956521739130432E-2</v>
      </c>
      <c r="BM1799" s="11">
        <v>5.75</v>
      </c>
      <c r="BN1799" s="13">
        <v>0.27380952380952384</v>
      </c>
      <c r="BO1799" s="11">
        <v>3.75</v>
      </c>
      <c r="BP1799" s="13">
        <v>0.16304347826086957</v>
      </c>
      <c r="BQ1799" s="6">
        <v>24</v>
      </c>
      <c r="BR1799" s="6">
        <v>25</v>
      </c>
      <c r="BS1799" s="6">
        <v>23</v>
      </c>
      <c r="BT1799" s="6">
        <v>23</v>
      </c>
      <c r="BU1799" s="6">
        <v>23</v>
      </c>
      <c r="BV1799" s="6">
        <v>23</v>
      </c>
      <c r="BW1799" s="6">
        <v>21</v>
      </c>
      <c r="BX1799" s="6">
        <v>21</v>
      </c>
      <c r="BY1799" s="6">
        <v>26</v>
      </c>
      <c r="BZ1799" s="6">
        <v>26</v>
      </c>
      <c r="CA1799" s="6">
        <v>27</v>
      </c>
      <c r="CB1799" s="6">
        <v>26</v>
      </c>
      <c r="CC1799" s="11">
        <v>26.75</v>
      </c>
      <c r="CD1799" s="11">
        <v>136.114</v>
      </c>
      <c r="CE1799" s="11">
        <v>22.7636</v>
      </c>
      <c r="CF1799" s="11">
        <v>27.656600000000001</v>
      </c>
      <c r="CG1799" s="11">
        <v>51</v>
      </c>
      <c r="CH1799" s="20">
        <v>0.47897299999999998</v>
      </c>
      <c r="CI1799" s="20">
        <v>0.55518699999999999</v>
      </c>
      <c r="CJ1799" s="20">
        <v>0.51420500000000002</v>
      </c>
      <c r="CK1799" s="20">
        <v>0.459009</v>
      </c>
      <c r="CL1799" s="20">
        <v>0.63458599999999998</v>
      </c>
      <c r="CM1799" s="20">
        <v>0.60164799999999996</v>
      </c>
      <c r="CN1799" s="20">
        <v>0.488454</v>
      </c>
      <c r="CO1799" s="20">
        <v>0.62323799999999996</v>
      </c>
      <c r="CP1799" s="20">
        <v>0.51844500000000004</v>
      </c>
      <c r="CQ1799" s="20">
        <v>0.47143800000000002</v>
      </c>
      <c r="CR1799" s="20">
        <v>0.44530399999999998</v>
      </c>
      <c r="CS1799" s="20">
        <v>0.58246500000000001</v>
      </c>
      <c r="CT1799" s="20">
        <v>0.74131499999999995</v>
      </c>
      <c r="CU1799" s="20">
        <v>0.74824999999999997</v>
      </c>
      <c r="CV1799" s="20">
        <v>0.69618199999999997</v>
      </c>
      <c r="CW1799" s="20">
        <v>0.68572599999999995</v>
      </c>
      <c r="CX1799" s="20">
        <v>0.70995699999999995</v>
      </c>
      <c r="CY1799" s="6" t="s">
        <v>652</v>
      </c>
      <c r="CZ1799" s="6" t="s">
        <v>653</v>
      </c>
      <c r="DA1799" s="6" t="s">
        <v>121</v>
      </c>
      <c r="DB1799" s="6" t="s">
        <v>345</v>
      </c>
      <c r="DC1799" s="6">
        <v>44180</v>
      </c>
      <c r="DD1799" s="6">
        <v>520</v>
      </c>
      <c r="DE1799" s="6" t="s">
        <v>460</v>
      </c>
      <c r="DF1799" s="6" t="s">
        <v>375</v>
      </c>
      <c r="DG1799" s="6" t="s">
        <v>376</v>
      </c>
      <c r="DH1799" s="6" t="s">
        <v>328</v>
      </c>
      <c r="DI1799" s="6" t="s">
        <v>461</v>
      </c>
      <c r="DJ1799" s="6">
        <v>29</v>
      </c>
      <c r="DK1799" s="6">
        <v>167</v>
      </c>
      <c r="DL1799" s="6">
        <v>2</v>
      </c>
      <c r="DM1799" s="6" t="s">
        <v>379</v>
      </c>
      <c r="DN1799" s="6">
        <v>2</v>
      </c>
      <c r="DO1799" s="6" t="s">
        <v>463</v>
      </c>
      <c r="DP1799" s="6"/>
      <c r="DQ1799" s="6"/>
    </row>
    <row r="1800" spans="1:121" x14ac:dyDescent="0.2">
      <c r="A1800" s="6" t="s">
        <v>320</v>
      </c>
      <c r="B1800" s="6" t="s">
        <v>320</v>
      </c>
      <c r="C1800" s="6" t="s">
        <v>189</v>
      </c>
      <c r="D1800" s="6" t="s">
        <v>121</v>
      </c>
      <c r="E1800" s="6" t="s">
        <v>262</v>
      </c>
      <c r="F1800" s="11">
        <v>17</v>
      </c>
      <c r="G1800" s="13">
        <v>3.3596837944700003E-2</v>
      </c>
      <c r="H1800" s="11">
        <v>-83.213295852999977</v>
      </c>
      <c r="I1800" s="13">
        <v>-0.16457145412210702</v>
      </c>
      <c r="J1800" s="11">
        <v>-54.122483497000019</v>
      </c>
      <c r="K1800" s="13">
        <v>-0.12812391154820851</v>
      </c>
      <c r="L1800" s="11">
        <v>154.293587414</v>
      </c>
      <c r="M1800" s="13">
        <v>0.41893397440892727</v>
      </c>
      <c r="N1800" s="11">
        <v>100.17110391699998</v>
      </c>
      <c r="O1800" s="13">
        <v>0.23713460337900991</v>
      </c>
      <c r="P1800" s="7">
        <v>505.63626782599999</v>
      </c>
      <c r="Q1800" s="7">
        <v>517.78138651500001</v>
      </c>
      <c r="R1800" s="7">
        <v>592.34306416599998</v>
      </c>
      <c r="S1800" s="7">
        <v>602.18116634199998</v>
      </c>
      <c r="T1800" s="7">
        <v>600.39554480100003</v>
      </c>
      <c r="U1800" s="7">
        <v>436.66463189299998</v>
      </c>
      <c r="V1800" s="7">
        <v>422.42297197300002</v>
      </c>
      <c r="W1800" s="7">
        <v>464.73312970299997</v>
      </c>
      <c r="X1800" s="7">
        <v>393.03868163599998</v>
      </c>
      <c r="Y1800" s="7">
        <v>368.300488476</v>
      </c>
      <c r="Z1800" s="7">
        <v>445.71142080200002</v>
      </c>
      <c r="AA1800" s="7">
        <v>380.66774991800003</v>
      </c>
      <c r="AB1800" s="7">
        <v>407.81435853099998</v>
      </c>
      <c r="AC1800" s="7">
        <v>264.18224776800002</v>
      </c>
      <c r="AD1800" s="7">
        <v>482.84329835900002</v>
      </c>
      <c r="AE1800" s="7">
        <v>482.33813196</v>
      </c>
      <c r="AF1800" s="7">
        <v>522.59407589</v>
      </c>
      <c r="AG1800" s="9">
        <v>20393.814987600002</v>
      </c>
      <c r="AH1800" s="13">
        <v>0.92162712946277381</v>
      </c>
      <c r="AI1800" s="9">
        <v>2798.7348004000014</v>
      </c>
      <c r="AJ1800" s="13">
        <v>0.12647902914626627</v>
      </c>
      <c r="AK1800" s="9">
        <v>12315.991105499998</v>
      </c>
      <c r="AL1800" s="13">
        <v>0.49408654885532094</v>
      </c>
      <c r="AM1800" s="9">
        <v>5279.0890817000036</v>
      </c>
      <c r="AN1800" s="13">
        <v>0.14174798658464152</v>
      </c>
      <c r="AO1800" s="9">
        <v>17595.080187200001</v>
      </c>
      <c r="AP1800" s="13">
        <v>0.70587030893875835</v>
      </c>
      <c r="AQ1800" s="9">
        <v>22128.054107399999</v>
      </c>
      <c r="AR1800" s="9">
        <v>22632.720696199998</v>
      </c>
      <c r="AS1800" s="9">
        <v>22475.1446784</v>
      </c>
      <c r="AT1800" s="9">
        <v>22102.257968800001</v>
      </c>
      <c r="AU1800" s="9">
        <v>23433.342847700002</v>
      </c>
      <c r="AV1800" s="9">
        <v>22368.346011000001</v>
      </c>
      <c r="AW1800" s="9">
        <v>24926.788907800001</v>
      </c>
      <c r="AX1800" s="9">
        <v>26457.758550899998</v>
      </c>
      <c r="AY1800" s="9">
        <v>22909.4043728</v>
      </c>
      <c r="AZ1800" s="9">
        <v>37242.780013299998</v>
      </c>
      <c r="BA1800" s="9">
        <v>39647.241132700001</v>
      </c>
      <c r="BB1800" s="9">
        <v>46354.111763699999</v>
      </c>
      <c r="BC1800" s="9">
        <v>41565.0095239</v>
      </c>
      <c r="BD1800" s="9">
        <v>52390.697954800002</v>
      </c>
      <c r="BE1800" s="9">
        <v>43226.303288100004</v>
      </c>
      <c r="BF1800" s="9">
        <v>42521.869095000002</v>
      </c>
      <c r="BG1800" s="11">
        <v>3.75</v>
      </c>
      <c r="BH1800" s="13">
        <v>0.75</v>
      </c>
      <c r="BI1800" s="6">
        <v>1</v>
      </c>
      <c r="BJ1800" s="13">
        <v>0.2</v>
      </c>
      <c r="BK1800" s="6">
        <v>0</v>
      </c>
      <c r="BL1800" s="13">
        <v>0</v>
      </c>
      <c r="BM1800" s="11">
        <v>2.75</v>
      </c>
      <c r="BN1800" s="13">
        <v>0.45833333333333331</v>
      </c>
      <c r="BO1800" s="11">
        <v>2.75</v>
      </c>
      <c r="BP1800" s="13">
        <v>0.45833333333333331</v>
      </c>
      <c r="BQ1800" s="6">
        <v>5</v>
      </c>
      <c r="BR1800" s="6">
        <v>5</v>
      </c>
      <c r="BS1800" s="6">
        <v>6</v>
      </c>
      <c r="BT1800" s="6">
        <v>6</v>
      </c>
      <c r="BU1800" s="6">
        <v>7</v>
      </c>
      <c r="BV1800" s="6">
        <v>6</v>
      </c>
      <c r="BW1800" s="6">
        <v>6</v>
      </c>
      <c r="BX1800" s="6">
        <v>5</v>
      </c>
      <c r="BY1800" s="6">
        <v>8</v>
      </c>
      <c r="BZ1800" s="6">
        <v>8</v>
      </c>
      <c r="CA1800" s="6">
        <v>6</v>
      </c>
      <c r="CB1800" s="6">
        <v>9</v>
      </c>
      <c r="CC1800" s="11">
        <v>8.75</v>
      </c>
      <c r="CD1800" s="11">
        <v>-221.40799999999999</v>
      </c>
      <c r="CE1800" s="11">
        <v>183.09299999999999</v>
      </c>
      <c r="CF1800" s="11">
        <v>55.272100000000002</v>
      </c>
      <c r="CG1800" s="11">
        <v>238</v>
      </c>
      <c r="CH1800" s="20">
        <v>2.8691599999999999</v>
      </c>
      <c r="CI1800" s="20">
        <v>2.7229399999999999</v>
      </c>
      <c r="CJ1800" s="20">
        <v>2.9948600000000001</v>
      </c>
      <c r="CK1800" s="20">
        <v>2.9209499999999999</v>
      </c>
      <c r="CL1800" s="20">
        <v>2.8034500000000002</v>
      </c>
      <c r="CM1800" s="20">
        <v>2.0272999999999999</v>
      </c>
      <c r="CN1800" s="20">
        <v>1.93191</v>
      </c>
      <c r="CO1800" s="20">
        <v>2.0520900000000002</v>
      </c>
      <c r="CP1800" s="20">
        <v>1.73475</v>
      </c>
      <c r="CQ1800" s="20">
        <v>1.5744499999999999</v>
      </c>
      <c r="CR1800" s="20">
        <v>1.88124</v>
      </c>
      <c r="CS1800" s="20">
        <v>1.62083</v>
      </c>
      <c r="CT1800" s="20">
        <v>1.69693</v>
      </c>
      <c r="CU1800" s="20">
        <v>1.11632</v>
      </c>
      <c r="CV1800" s="20">
        <v>2.0073300000000001</v>
      </c>
      <c r="CW1800" s="20">
        <v>1.9571099999999999</v>
      </c>
      <c r="CX1800" s="20">
        <v>2.0621499999999999</v>
      </c>
      <c r="CY1800" s="6" t="s">
        <v>652</v>
      </c>
      <c r="CZ1800" s="6" t="s">
        <v>653</v>
      </c>
      <c r="DA1800" s="6" t="s">
        <v>121</v>
      </c>
      <c r="DB1800" s="6" t="s">
        <v>345</v>
      </c>
      <c r="DC1800" s="6">
        <v>44180</v>
      </c>
      <c r="DD1800" s="6">
        <v>520</v>
      </c>
      <c r="DE1800" s="6" t="s">
        <v>460</v>
      </c>
      <c r="DF1800" s="6" t="s">
        <v>375</v>
      </c>
      <c r="DG1800" s="6" t="s">
        <v>376</v>
      </c>
      <c r="DH1800" s="6" t="s">
        <v>328</v>
      </c>
      <c r="DI1800" s="6" t="s">
        <v>461</v>
      </c>
      <c r="DJ1800" s="6">
        <v>29</v>
      </c>
      <c r="DK1800" s="6">
        <v>167</v>
      </c>
      <c r="DL1800" s="6">
        <v>2</v>
      </c>
      <c r="DM1800" s="6" t="s">
        <v>379</v>
      </c>
      <c r="DN1800" s="6">
        <v>2</v>
      </c>
      <c r="DO1800" s="6" t="s">
        <v>463</v>
      </c>
      <c r="DP1800" s="6"/>
      <c r="DQ1800" s="6"/>
    </row>
    <row r="1801" spans="1:121" x14ac:dyDescent="0.2">
      <c r="A1801" s="6" t="s">
        <v>321</v>
      </c>
      <c r="B1801" s="6" t="s">
        <v>321</v>
      </c>
      <c r="C1801" s="6" t="s">
        <v>190</v>
      </c>
      <c r="D1801" s="6" t="s">
        <v>121</v>
      </c>
      <c r="E1801" s="6" t="s">
        <v>262</v>
      </c>
      <c r="F1801" s="11">
        <v>229</v>
      </c>
      <c r="G1801" s="13">
        <v>0.20799273387799999</v>
      </c>
      <c r="H1801" s="11">
        <v>152.75181741000006</v>
      </c>
      <c r="I1801" s="13">
        <v>0.13868679916976306</v>
      </c>
      <c r="J1801" s="11">
        <v>81.681447689999914</v>
      </c>
      <c r="K1801" s="13">
        <v>6.512802064134568E-2</v>
      </c>
      <c r="L1801" s="11">
        <v>-5.6895958899999641</v>
      </c>
      <c r="M1801" s="13">
        <v>-4.2591610701549253E-3</v>
      </c>
      <c r="N1801" s="11">
        <v>75.991851799999949</v>
      </c>
      <c r="O1801" s="13">
        <v>6.0591468841098894E-2</v>
      </c>
      <c r="P1801" s="7">
        <v>1101.41569583</v>
      </c>
      <c r="Q1801" s="7">
        <v>1128.92838693</v>
      </c>
      <c r="R1801" s="7">
        <v>1129.03541176</v>
      </c>
      <c r="S1801" s="7">
        <v>1121.9520505600001</v>
      </c>
      <c r="T1801" s="7">
        <v>1139.4523463800001</v>
      </c>
      <c r="U1801" s="7">
        <v>1233.8148512499999</v>
      </c>
      <c r="V1801" s="7">
        <v>1254.1675132400001</v>
      </c>
      <c r="W1801" s="7">
        <v>1285.3286208699999</v>
      </c>
      <c r="X1801" s="7">
        <v>1302.1177406100001</v>
      </c>
      <c r="Y1801" s="7">
        <v>1335.84896093</v>
      </c>
      <c r="Z1801" s="7">
        <v>1302.6843568100001</v>
      </c>
      <c r="AA1801" s="7">
        <v>1321.27884303</v>
      </c>
      <c r="AB1801" s="7">
        <v>1424.52303368</v>
      </c>
      <c r="AC1801" s="7">
        <v>1417.5628708700001</v>
      </c>
      <c r="AD1801" s="7">
        <v>1294.6006029600001</v>
      </c>
      <c r="AE1801" s="7">
        <v>1293.6865845299999</v>
      </c>
      <c r="AF1801" s="7">
        <v>1330.15936504</v>
      </c>
      <c r="AG1801" s="9">
        <v>11505.313232899996</v>
      </c>
      <c r="AH1801" s="13">
        <v>0.51302766545385148</v>
      </c>
      <c r="AI1801" s="9">
        <v>7089.2337707000006</v>
      </c>
      <c r="AJ1801" s="13">
        <v>0.31611247582888286</v>
      </c>
      <c r="AK1801" s="9">
        <v>332.29825659999915</v>
      </c>
      <c r="AL1801" s="13">
        <v>1.1258418683871684E-2</v>
      </c>
      <c r="AM1801" s="9">
        <v>4083.7812055999966</v>
      </c>
      <c r="AN1801" s="13">
        <v>0.13682001969436319</v>
      </c>
      <c r="AO1801" s="9">
        <v>4416.0794621999958</v>
      </c>
      <c r="AP1801" s="13">
        <v>0.14961881544428957</v>
      </c>
      <c r="AQ1801" s="9">
        <v>22426.3017526</v>
      </c>
      <c r="AR1801" s="9">
        <v>25491.929264800001</v>
      </c>
      <c r="AS1801" s="9">
        <v>25652.917759700002</v>
      </c>
      <c r="AT1801" s="9">
        <v>26631.691481900001</v>
      </c>
      <c r="AU1801" s="9">
        <v>27611.451243899999</v>
      </c>
      <c r="AV1801" s="9">
        <v>31772.967863099999</v>
      </c>
      <c r="AW1801" s="9">
        <v>29515.535523300001</v>
      </c>
      <c r="AX1801" s="9">
        <v>29955.881569699999</v>
      </c>
      <c r="AY1801" s="9">
        <v>32349.826908800002</v>
      </c>
      <c r="AZ1801" s="9">
        <v>29847.8337799</v>
      </c>
      <c r="BA1801" s="9">
        <v>29863.543373500001</v>
      </c>
      <c r="BB1801" s="9">
        <v>29973.9457487</v>
      </c>
      <c r="BC1801" s="9">
        <v>31282.684682300001</v>
      </c>
      <c r="BD1801" s="9">
        <v>32310.091449799998</v>
      </c>
      <c r="BE1801" s="9">
        <v>32860.277959599996</v>
      </c>
      <c r="BF1801" s="9">
        <v>33931.614985499997</v>
      </c>
      <c r="BG1801" s="11">
        <v>67.25</v>
      </c>
      <c r="BH1801" s="13">
        <v>1.345</v>
      </c>
      <c r="BI1801" s="6">
        <v>5</v>
      </c>
      <c r="BJ1801" s="13">
        <v>0.1</v>
      </c>
      <c r="BK1801" s="6">
        <v>3</v>
      </c>
      <c r="BL1801" s="13">
        <v>5.4545454545454543E-2</v>
      </c>
      <c r="BM1801" s="11">
        <v>59.25</v>
      </c>
      <c r="BN1801" s="13">
        <v>1.021551724137931</v>
      </c>
      <c r="BO1801" s="11">
        <v>62.25</v>
      </c>
      <c r="BP1801" s="13">
        <v>1.1318181818181818</v>
      </c>
      <c r="BQ1801" s="6">
        <v>50</v>
      </c>
      <c r="BR1801" s="6">
        <v>45</v>
      </c>
      <c r="BS1801" s="6">
        <v>50</v>
      </c>
      <c r="BT1801" s="6">
        <v>55</v>
      </c>
      <c r="BU1801" s="6">
        <v>54</v>
      </c>
      <c r="BV1801" s="6">
        <v>55</v>
      </c>
      <c r="BW1801" s="6">
        <v>58</v>
      </c>
      <c r="BX1801" s="6">
        <v>58</v>
      </c>
      <c r="BY1801" s="6">
        <v>64</v>
      </c>
      <c r="BZ1801" s="6">
        <v>98</v>
      </c>
      <c r="CA1801" s="6">
        <v>97</v>
      </c>
      <c r="CB1801" s="6">
        <v>110</v>
      </c>
      <c r="CC1801" s="11">
        <v>117.25</v>
      </c>
      <c r="CD1801" s="11">
        <v>-292.75299999999999</v>
      </c>
      <c r="CE1801" s="11">
        <v>401.09899999999999</v>
      </c>
      <c r="CF1801" s="11">
        <v>120.398</v>
      </c>
      <c r="CG1801" s="11">
        <v>521</v>
      </c>
      <c r="CH1801" s="20">
        <v>1.2654799999999999</v>
      </c>
      <c r="CI1801" s="20">
        <v>1.21085</v>
      </c>
      <c r="CJ1801" s="20">
        <v>1.16222</v>
      </c>
      <c r="CK1801" s="20">
        <v>1.12602</v>
      </c>
      <c r="CL1801" s="20">
        <v>1.08893</v>
      </c>
      <c r="CM1801" s="20">
        <v>1.1686700000000001</v>
      </c>
      <c r="CN1801" s="20">
        <v>1.1676299999999999</v>
      </c>
      <c r="CO1801" s="20">
        <v>1.1592499999999999</v>
      </c>
      <c r="CP1801" s="20">
        <v>1.1829000000000001</v>
      </c>
      <c r="CQ1801" s="20">
        <v>1.1827799999999999</v>
      </c>
      <c r="CR1801" s="20">
        <v>1.15913</v>
      </c>
      <c r="CS1801" s="20">
        <v>1.16648</v>
      </c>
      <c r="CT1801" s="20">
        <v>1.2225600000000001</v>
      </c>
      <c r="CU1801" s="20">
        <v>1.2379899999999999</v>
      </c>
      <c r="CV1801" s="20">
        <v>1.1012500000000001</v>
      </c>
      <c r="CW1801" s="20">
        <v>1.0676099999999999</v>
      </c>
      <c r="CX1801" s="20">
        <v>1.0612999999999999</v>
      </c>
      <c r="CY1801" s="6" t="s">
        <v>652</v>
      </c>
      <c r="CZ1801" s="6" t="s">
        <v>653</v>
      </c>
      <c r="DA1801" s="6" t="s">
        <v>121</v>
      </c>
      <c r="DB1801" s="6" t="s">
        <v>345</v>
      </c>
      <c r="DC1801" s="6">
        <v>44180</v>
      </c>
      <c r="DD1801" s="6">
        <v>520</v>
      </c>
      <c r="DE1801" s="6" t="s">
        <v>460</v>
      </c>
      <c r="DF1801" s="6" t="s">
        <v>375</v>
      </c>
      <c r="DG1801" s="6" t="s">
        <v>376</v>
      </c>
      <c r="DH1801" s="6" t="s">
        <v>328</v>
      </c>
      <c r="DI1801" s="6" t="s">
        <v>461</v>
      </c>
      <c r="DJ1801" s="6">
        <v>29</v>
      </c>
      <c r="DK1801" s="6">
        <v>167</v>
      </c>
      <c r="DL1801" s="6">
        <v>2</v>
      </c>
      <c r="DM1801" s="6" t="s">
        <v>379</v>
      </c>
      <c r="DN1801" s="6">
        <v>2</v>
      </c>
      <c r="DO1801" s="6" t="s">
        <v>463</v>
      </c>
      <c r="DP1801" s="6"/>
      <c r="DQ1801" s="6"/>
    </row>
    <row r="1802" spans="1:121" x14ac:dyDescent="0.2">
      <c r="A1802" s="6" t="s">
        <v>322</v>
      </c>
      <c r="B1802" s="6" t="s">
        <v>322</v>
      </c>
      <c r="C1802" s="6" t="s">
        <v>191</v>
      </c>
      <c r="D1802" s="6" t="s">
        <v>121</v>
      </c>
      <c r="E1802" s="6" t="s">
        <v>262</v>
      </c>
      <c r="F1802" s="11">
        <v>-23</v>
      </c>
      <c r="G1802" s="13">
        <v>-0.22</v>
      </c>
      <c r="H1802" s="11">
        <v>-23</v>
      </c>
      <c r="I1802" s="13">
        <v>-0.22115384615384617</v>
      </c>
      <c r="J1802" s="11">
        <v>1</v>
      </c>
      <c r="K1802" s="13">
        <v>1.2345679012345678E-2</v>
      </c>
      <c r="L1802" s="11">
        <v>-1</v>
      </c>
      <c r="M1802" s="13">
        <v>-1.2195121951219513E-2</v>
      </c>
      <c r="N1802" s="11">
        <v>0</v>
      </c>
      <c r="O1802" s="13">
        <v>0</v>
      </c>
      <c r="P1802" s="7">
        <v>104</v>
      </c>
      <c r="Q1802" s="7">
        <v>115</v>
      </c>
      <c r="R1802" s="7">
        <v>110</v>
      </c>
      <c r="S1802" s="7">
        <v>100</v>
      </c>
      <c r="T1802" s="7">
        <v>97</v>
      </c>
      <c r="U1802" s="7">
        <v>90</v>
      </c>
      <c r="V1802" s="7">
        <v>81</v>
      </c>
      <c r="W1802" s="7">
        <v>93</v>
      </c>
      <c r="X1802" s="7">
        <v>76</v>
      </c>
      <c r="Y1802" s="7">
        <v>82</v>
      </c>
      <c r="Z1802" s="7">
        <v>79</v>
      </c>
      <c r="AA1802" s="7">
        <v>77</v>
      </c>
      <c r="AB1802" s="7">
        <v>80</v>
      </c>
      <c r="AC1802" s="7">
        <v>73</v>
      </c>
      <c r="AD1802" s="7">
        <v>81</v>
      </c>
      <c r="AE1802" s="7">
        <v>81</v>
      </c>
      <c r="AF1802" s="7">
        <v>81</v>
      </c>
      <c r="AG1802" s="9">
        <v>3607</v>
      </c>
      <c r="AH1802" s="13">
        <v>0.27101961078969117</v>
      </c>
      <c r="AI1802" s="9">
        <v>2884</v>
      </c>
      <c r="AJ1802" s="13">
        <v>0.21669546923134719</v>
      </c>
      <c r="AK1802" s="9">
        <v>-313</v>
      </c>
      <c r="AL1802" s="13">
        <v>-1.9329339838201693E-2</v>
      </c>
      <c r="AM1802" s="9">
        <v>1036</v>
      </c>
      <c r="AN1802" s="13">
        <v>6.5239294710327453E-2</v>
      </c>
      <c r="AO1802" s="9">
        <v>723</v>
      </c>
      <c r="AP1802" s="13">
        <v>4.4648922373865245E-2</v>
      </c>
      <c r="AQ1802" s="9">
        <v>13309</v>
      </c>
      <c r="AR1802" s="9">
        <v>13294</v>
      </c>
      <c r="AS1802" s="9">
        <v>13353</v>
      </c>
      <c r="AT1802" s="9">
        <v>14581</v>
      </c>
      <c r="AU1802" s="9">
        <v>14287</v>
      </c>
      <c r="AV1802" s="9">
        <v>15582</v>
      </c>
      <c r="AW1802" s="9">
        <v>16193</v>
      </c>
      <c r="AX1802" s="9">
        <v>15031</v>
      </c>
      <c r="AY1802" s="9">
        <v>16569</v>
      </c>
      <c r="AZ1802" s="9">
        <v>15880</v>
      </c>
      <c r="BA1802" s="9">
        <v>14798</v>
      </c>
      <c r="BB1802" s="9">
        <v>14847</v>
      </c>
      <c r="BC1802" s="9">
        <v>14989</v>
      </c>
      <c r="BD1802" s="9">
        <v>16392</v>
      </c>
      <c r="BE1802" s="9">
        <v>16446</v>
      </c>
      <c r="BF1802" s="9">
        <v>16916</v>
      </c>
      <c r="BG1802" s="11">
        <v>-2</v>
      </c>
      <c r="BH1802" s="13">
        <v>-0.2</v>
      </c>
      <c r="BI1802" s="6">
        <v>0</v>
      </c>
      <c r="BJ1802" s="13">
        <v>0</v>
      </c>
      <c r="BK1802" s="6">
        <v>-1</v>
      </c>
      <c r="BL1802" s="13">
        <v>-0.1</v>
      </c>
      <c r="BM1802" s="11">
        <v>-1</v>
      </c>
      <c r="BN1802" s="13">
        <v>-0.1111111111111111</v>
      </c>
      <c r="BO1802" s="11">
        <v>-2</v>
      </c>
      <c r="BP1802" s="13">
        <v>-0.2</v>
      </c>
      <c r="BQ1802" s="6">
        <v>10</v>
      </c>
      <c r="BR1802" s="6">
        <v>11</v>
      </c>
      <c r="BS1802" s="6">
        <v>11</v>
      </c>
      <c r="BT1802" s="6">
        <v>10</v>
      </c>
      <c r="BU1802" s="6">
        <v>9</v>
      </c>
      <c r="BV1802" s="6">
        <v>8</v>
      </c>
      <c r="BW1802" s="6">
        <v>9</v>
      </c>
      <c r="BX1802" s="6">
        <v>8</v>
      </c>
      <c r="BY1802" s="6">
        <v>7</v>
      </c>
      <c r="BZ1802" s="6">
        <v>7</v>
      </c>
      <c r="CA1802" s="6">
        <v>7</v>
      </c>
      <c r="CB1802" s="6">
        <v>7</v>
      </c>
      <c r="CC1802" s="11">
        <v>8</v>
      </c>
      <c r="CD1802" s="11">
        <v>-53</v>
      </c>
      <c r="CE1802" s="11">
        <v>19</v>
      </c>
      <c r="CF1802" s="11">
        <v>11</v>
      </c>
      <c r="CG1802" s="11">
        <v>30</v>
      </c>
      <c r="CH1802" s="20">
        <v>0.78</v>
      </c>
      <c r="CI1802" s="20">
        <v>0.82</v>
      </c>
      <c r="CJ1802" s="20">
        <v>0.76</v>
      </c>
      <c r="CK1802" s="20">
        <v>0.68</v>
      </c>
      <c r="CL1802" s="20">
        <v>0.63</v>
      </c>
      <c r="CM1802" s="20">
        <v>0.59</v>
      </c>
      <c r="CN1802" s="20">
        <v>0.52</v>
      </c>
      <c r="CO1802" s="20">
        <v>0.59</v>
      </c>
      <c r="CP1802" s="20">
        <v>0.5</v>
      </c>
      <c r="CQ1802" s="20">
        <v>0.54</v>
      </c>
      <c r="CR1802" s="20">
        <v>0.52</v>
      </c>
      <c r="CS1802" s="20">
        <v>0.51</v>
      </c>
      <c r="CT1802" s="20">
        <v>0.52</v>
      </c>
      <c r="CU1802" s="20">
        <v>0.48</v>
      </c>
      <c r="CV1802" s="20">
        <v>0.51</v>
      </c>
      <c r="CW1802" s="20">
        <v>0.49</v>
      </c>
      <c r="CX1802" s="20">
        <v>0.48</v>
      </c>
      <c r="CY1802" s="6" t="s">
        <v>652</v>
      </c>
      <c r="CZ1802" s="6" t="s">
        <v>653</v>
      </c>
      <c r="DA1802" s="6" t="s">
        <v>121</v>
      </c>
      <c r="DB1802" s="6" t="s">
        <v>345</v>
      </c>
      <c r="DC1802" s="6">
        <v>44180</v>
      </c>
      <c r="DD1802" s="6">
        <v>520</v>
      </c>
      <c r="DE1802" s="6" t="s">
        <v>460</v>
      </c>
      <c r="DF1802" s="6" t="s">
        <v>375</v>
      </c>
      <c r="DG1802" s="6" t="s">
        <v>376</v>
      </c>
      <c r="DH1802" s="6" t="s">
        <v>328</v>
      </c>
      <c r="DI1802" s="6" t="s">
        <v>461</v>
      </c>
      <c r="DJ1802" s="6">
        <v>29</v>
      </c>
      <c r="DK1802" s="6">
        <v>167</v>
      </c>
      <c r="DL1802" s="6">
        <v>2</v>
      </c>
      <c r="DM1802" s="6" t="s">
        <v>379</v>
      </c>
      <c r="DN1802" s="6">
        <v>2</v>
      </c>
      <c r="DO1802" s="6" t="s">
        <v>463</v>
      </c>
      <c r="DP1802" s="6"/>
      <c r="DQ1802" s="6"/>
    </row>
    <row r="1803" spans="1:121" x14ac:dyDescent="0.2">
      <c r="A1803" s="6" t="s">
        <v>323</v>
      </c>
      <c r="B1803" s="6" t="s">
        <v>323</v>
      </c>
      <c r="C1803" s="6" t="s">
        <v>192</v>
      </c>
      <c r="D1803" s="6" t="s">
        <v>121</v>
      </c>
      <c r="E1803" s="6" t="s">
        <v>262</v>
      </c>
      <c r="F1803" s="11">
        <v>45</v>
      </c>
      <c r="G1803" s="13">
        <v>8.4427767354600003E-2</v>
      </c>
      <c r="H1803" s="11">
        <v>125.60261579499991</v>
      </c>
      <c r="I1803" s="13">
        <v>0.23569125813422365</v>
      </c>
      <c r="J1803" s="11">
        <v>-177.81910759299996</v>
      </c>
      <c r="K1803" s="13">
        <v>-0.27003076244685009</v>
      </c>
      <c r="L1803" s="11">
        <v>97.201439868000023</v>
      </c>
      <c r="M1803" s="13">
        <v>0.20221015225312172</v>
      </c>
      <c r="N1803" s="11">
        <v>-80.617667724999933</v>
      </c>
      <c r="O1803" s="13">
        <v>-0.12242357178113247</v>
      </c>
      <c r="P1803" s="7">
        <v>532.91164377200005</v>
      </c>
      <c r="Q1803" s="7">
        <v>523.72021264499995</v>
      </c>
      <c r="R1803" s="7">
        <v>479.86081155099998</v>
      </c>
      <c r="S1803" s="7">
        <v>492.52623789799998</v>
      </c>
      <c r="T1803" s="7">
        <v>484.62876829200002</v>
      </c>
      <c r="U1803" s="7">
        <v>501.87069670300002</v>
      </c>
      <c r="V1803" s="7">
        <v>658.51425956699995</v>
      </c>
      <c r="W1803" s="7">
        <v>515.967948503</v>
      </c>
      <c r="X1803" s="7">
        <v>483.07920820599998</v>
      </c>
      <c r="Y1803" s="7">
        <v>480.695151974</v>
      </c>
      <c r="Z1803" s="7">
        <v>481.63940330600002</v>
      </c>
      <c r="AA1803" s="7">
        <v>425.81115173299997</v>
      </c>
      <c r="AB1803" s="7">
        <v>453.85631100900002</v>
      </c>
      <c r="AC1803" s="7">
        <v>466.26136577199998</v>
      </c>
      <c r="AD1803" s="7">
        <v>512.41367132699997</v>
      </c>
      <c r="AE1803" s="7">
        <v>568.10467328499999</v>
      </c>
      <c r="AF1803" s="7">
        <v>577.89659184200002</v>
      </c>
      <c r="AG1803" s="9">
        <v>5488.7417287600001</v>
      </c>
      <c r="AH1803" s="13">
        <v>0.56989540621236845</v>
      </c>
      <c r="AI1803" s="9">
        <v>1800.5268009600004</v>
      </c>
      <c r="AJ1803" s="13">
        <v>0.18694848534277303</v>
      </c>
      <c r="AK1803" s="9">
        <v>2788.2297961000004</v>
      </c>
      <c r="AL1803" s="13">
        <v>0.24390407367107125</v>
      </c>
      <c r="AM1803" s="9">
        <v>899.98513169999933</v>
      </c>
      <c r="AN1803" s="13">
        <v>6.3290559451838535E-2</v>
      </c>
      <c r="AO1803" s="9">
        <v>3688.2149277999997</v>
      </c>
      <c r="AP1803" s="13">
        <v>0.32263145839813429</v>
      </c>
      <c r="AQ1803" s="9">
        <v>9631.1387474399999</v>
      </c>
      <c r="AR1803" s="9">
        <v>10370.5905539</v>
      </c>
      <c r="AS1803" s="9">
        <v>11279.441422800001</v>
      </c>
      <c r="AT1803" s="9">
        <v>11808.028613</v>
      </c>
      <c r="AU1803" s="9">
        <v>11478.882588799999</v>
      </c>
      <c r="AV1803" s="9">
        <v>11773.4672968</v>
      </c>
      <c r="AW1803" s="9">
        <v>11431.6655484</v>
      </c>
      <c r="AX1803" s="9">
        <v>12105.1445138</v>
      </c>
      <c r="AY1803" s="9">
        <v>12954.826528699999</v>
      </c>
      <c r="AZ1803" s="9">
        <v>14219.895344500001</v>
      </c>
      <c r="BA1803" s="9">
        <v>14273.872970099999</v>
      </c>
      <c r="BB1803" s="9">
        <v>14564.0730859</v>
      </c>
      <c r="BC1803" s="9">
        <v>14144.882153299999</v>
      </c>
      <c r="BD1803" s="9">
        <v>14299.302613600001</v>
      </c>
      <c r="BE1803" s="9">
        <v>14583.2554265</v>
      </c>
      <c r="BF1803" s="9">
        <v>15119.8804762</v>
      </c>
      <c r="BG1803" s="11">
        <v>-1.5</v>
      </c>
      <c r="BH1803" s="13">
        <v>-3.6585365853658534E-2</v>
      </c>
      <c r="BI1803" s="6">
        <v>3</v>
      </c>
      <c r="BJ1803" s="13">
        <v>7.3170731707317069E-2</v>
      </c>
      <c r="BK1803" s="6">
        <v>-1</v>
      </c>
      <c r="BL1803" s="13">
        <v>-2.2727272727272728E-2</v>
      </c>
      <c r="BM1803" s="11">
        <v>-3.5</v>
      </c>
      <c r="BN1803" s="13">
        <v>-8.1395348837209308E-2</v>
      </c>
      <c r="BO1803" s="11">
        <v>-4.5</v>
      </c>
      <c r="BP1803" s="13">
        <v>-0.10227272727272728</v>
      </c>
      <c r="BQ1803" s="6">
        <v>41</v>
      </c>
      <c r="BR1803" s="6">
        <v>41</v>
      </c>
      <c r="BS1803" s="6">
        <v>42</v>
      </c>
      <c r="BT1803" s="6">
        <v>44</v>
      </c>
      <c r="BU1803" s="6">
        <v>43</v>
      </c>
      <c r="BV1803" s="6">
        <v>40</v>
      </c>
      <c r="BW1803" s="6">
        <v>43</v>
      </c>
      <c r="BX1803" s="6">
        <v>43</v>
      </c>
      <c r="BY1803" s="6">
        <v>38</v>
      </c>
      <c r="BZ1803" s="6">
        <v>36</v>
      </c>
      <c r="CA1803" s="6">
        <v>37</v>
      </c>
      <c r="CB1803" s="6">
        <v>39</v>
      </c>
      <c r="CC1803" s="11">
        <v>39.5</v>
      </c>
      <c r="CD1803" s="11">
        <v>-134.45599999999999</v>
      </c>
      <c r="CE1803" s="11">
        <v>121.187</v>
      </c>
      <c r="CF1803" s="11">
        <v>58.253700000000002</v>
      </c>
      <c r="CG1803" s="11">
        <v>179</v>
      </c>
      <c r="CH1803" s="20">
        <v>0.82505399999999995</v>
      </c>
      <c r="CI1803" s="20">
        <v>0.77616499999999999</v>
      </c>
      <c r="CJ1803" s="20">
        <v>0.69089299999999998</v>
      </c>
      <c r="CK1803" s="20">
        <v>0.68776599999999999</v>
      </c>
      <c r="CL1803" s="20">
        <v>0.64391399999999999</v>
      </c>
      <c r="CM1803" s="20">
        <v>0.66353099999999998</v>
      </c>
      <c r="CN1803" s="20">
        <v>0.86054299999999995</v>
      </c>
      <c r="CO1803" s="20">
        <v>0.66815199999999997</v>
      </c>
      <c r="CP1803" s="20">
        <v>0.661327</v>
      </c>
      <c r="CQ1803" s="20">
        <v>0.64977399999999996</v>
      </c>
      <c r="CR1803" s="20">
        <v>0.64711300000000005</v>
      </c>
      <c r="CS1803" s="20">
        <v>0.57114900000000002</v>
      </c>
      <c r="CT1803" s="20">
        <v>0.58547700000000003</v>
      </c>
      <c r="CU1803" s="20">
        <v>0.60561399999999999</v>
      </c>
      <c r="CV1803" s="20">
        <v>0.642073</v>
      </c>
      <c r="CW1803" s="20">
        <v>0.68897299999999995</v>
      </c>
      <c r="CX1803" s="20">
        <v>0.68487699999999996</v>
      </c>
      <c r="CY1803" s="6" t="s">
        <v>652</v>
      </c>
      <c r="CZ1803" s="6" t="s">
        <v>653</v>
      </c>
      <c r="DA1803" s="6" t="s">
        <v>121</v>
      </c>
      <c r="DB1803" s="6" t="s">
        <v>345</v>
      </c>
      <c r="DC1803" s="6">
        <v>44180</v>
      </c>
      <c r="DD1803" s="6">
        <v>520</v>
      </c>
      <c r="DE1803" s="6" t="s">
        <v>460</v>
      </c>
      <c r="DF1803" s="6" t="s">
        <v>375</v>
      </c>
      <c r="DG1803" s="6" t="s">
        <v>376</v>
      </c>
      <c r="DH1803" s="6" t="s">
        <v>328</v>
      </c>
      <c r="DI1803" s="6" t="s">
        <v>461</v>
      </c>
      <c r="DJ1803" s="6">
        <v>29</v>
      </c>
      <c r="DK1803" s="6">
        <v>167</v>
      </c>
      <c r="DL1803" s="6">
        <v>2</v>
      </c>
      <c r="DM1803" s="6" t="s">
        <v>379</v>
      </c>
      <c r="DN1803" s="6">
        <v>2</v>
      </c>
      <c r="DO1803" s="6" t="s">
        <v>463</v>
      </c>
      <c r="DP1803" s="6"/>
      <c r="DQ1803" s="6"/>
    </row>
    <row r="1804" spans="1:121" x14ac:dyDescent="0.2">
      <c r="A1804" s="6" t="s">
        <v>325</v>
      </c>
      <c r="B1804" s="6" t="s">
        <v>325</v>
      </c>
      <c r="C1804" s="6" t="s">
        <v>193</v>
      </c>
      <c r="D1804" s="6" t="s">
        <v>121</v>
      </c>
      <c r="E1804" s="6" t="s">
        <v>262</v>
      </c>
      <c r="F1804" s="11">
        <v>68</v>
      </c>
      <c r="G1804" s="13">
        <v>0.15560640732299999</v>
      </c>
      <c r="H1804" s="11">
        <v>104.61359321599997</v>
      </c>
      <c r="I1804" s="13">
        <v>0.2393651992190057</v>
      </c>
      <c r="J1804" s="11">
        <v>-11.318923984999969</v>
      </c>
      <c r="K1804" s="13">
        <v>-2.0896749487141895E-2</v>
      </c>
      <c r="L1804" s="11">
        <v>-25.768555144999993</v>
      </c>
      <c r="M1804" s="13">
        <v>-4.8588687606337298E-2</v>
      </c>
      <c r="N1804" s="11">
        <v>-37.087479129999963</v>
      </c>
      <c r="O1804" s="13">
        <v>-6.8470091460660576E-2</v>
      </c>
      <c r="P1804" s="7">
        <v>437.045959719</v>
      </c>
      <c r="Q1804" s="7">
        <v>478.96689335999997</v>
      </c>
      <c r="R1804" s="7">
        <v>495.12254177800003</v>
      </c>
      <c r="S1804" s="7">
        <v>520.33116475400004</v>
      </c>
      <c r="T1804" s="7">
        <v>531.033908311</v>
      </c>
      <c r="U1804" s="7">
        <v>544.052624702</v>
      </c>
      <c r="V1804" s="7">
        <v>541.65955293499997</v>
      </c>
      <c r="W1804" s="7">
        <v>551.16235933400003</v>
      </c>
      <c r="X1804" s="7">
        <v>524.18157938800005</v>
      </c>
      <c r="Y1804" s="7">
        <v>530.34062895</v>
      </c>
      <c r="Z1804" s="7">
        <v>536.16147626999998</v>
      </c>
      <c r="AA1804" s="7">
        <v>569.70188753800005</v>
      </c>
      <c r="AB1804" s="7">
        <v>537.86430671000005</v>
      </c>
      <c r="AC1804" s="7">
        <v>503.69625053599998</v>
      </c>
      <c r="AD1804" s="7">
        <v>503.96832828499998</v>
      </c>
      <c r="AE1804" s="7">
        <v>506.14465475399999</v>
      </c>
      <c r="AF1804" s="7">
        <v>504.572073805</v>
      </c>
      <c r="AG1804" s="9">
        <v>3627.6032040000009</v>
      </c>
      <c r="AH1804" s="13">
        <v>0.2592499531096677</v>
      </c>
      <c r="AI1804" s="9">
        <v>325.9834095999995</v>
      </c>
      <c r="AJ1804" s="13">
        <v>2.3296700025003465E-2</v>
      </c>
      <c r="AK1804" s="9">
        <v>679.26055500000075</v>
      </c>
      <c r="AL1804" s="13">
        <v>4.7438804046208351E-2</v>
      </c>
      <c r="AM1804" s="9">
        <v>2622.3592394000007</v>
      </c>
      <c r="AN1804" s="13">
        <v>0.17484807808332156</v>
      </c>
      <c r="AO1804" s="9">
        <v>3301.6197944000014</v>
      </c>
      <c r="AP1804" s="13">
        <v>0.23058146584358075</v>
      </c>
      <c r="AQ1804" s="9">
        <v>13992.6860564</v>
      </c>
      <c r="AR1804" s="9">
        <v>13609.084142</v>
      </c>
      <c r="AS1804" s="9">
        <v>14402.922835199999</v>
      </c>
      <c r="AT1804" s="9">
        <v>13784.3315822</v>
      </c>
      <c r="AU1804" s="9">
        <v>13448.285303799999</v>
      </c>
      <c r="AV1804" s="9">
        <v>13483.918129</v>
      </c>
      <c r="AW1804" s="9">
        <v>14318.669465999999</v>
      </c>
      <c r="AX1804" s="9">
        <v>14048.2245666</v>
      </c>
      <c r="AY1804" s="9">
        <v>14179.797034900001</v>
      </c>
      <c r="AZ1804" s="9">
        <v>14997.930021</v>
      </c>
      <c r="BA1804" s="9">
        <v>14558.098677399999</v>
      </c>
      <c r="BB1804" s="9">
        <v>14465.0081574</v>
      </c>
      <c r="BC1804" s="9">
        <v>14396.5605013</v>
      </c>
      <c r="BD1804" s="9">
        <v>15859.742150100001</v>
      </c>
      <c r="BE1804" s="9">
        <v>16896.200873900001</v>
      </c>
      <c r="BF1804" s="9">
        <v>17620.289260400001</v>
      </c>
      <c r="BG1804" s="11">
        <v>-5.5</v>
      </c>
      <c r="BH1804" s="13">
        <v>-9.8214285714285712E-2</v>
      </c>
      <c r="BI1804" s="6">
        <v>13</v>
      </c>
      <c r="BJ1804" s="13">
        <v>0.23214285714285715</v>
      </c>
      <c r="BK1804" s="6">
        <v>6</v>
      </c>
      <c r="BL1804" s="13">
        <v>8.6956521739130432E-2</v>
      </c>
      <c r="BM1804" s="11">
        <v>-24.5</v>
      </c>
      <c r="BN1804" s="13">
        <v>-0.32666666666666666</v>
      </c>
      <c r="BO1804" s="11">
        <v>-18.5</v>
      </c>
      <c r="BP1804" s="13">
        <v>-0.26811594202898553</v>
      </c>
      <c r="BQ1804" s="6">
        <v>56</v>
      </c>
      <c r="BR1804" s="6">
        <v>61</v>
      </c>
      <c r="BS1804" s="6">
        <v>61</v>
      </c>
      <c r="BT1804" s="6">
        <v>69</v>
      </c>
      <c r="BU1804" s="6">
        <v>67</v>
      </c>
      <c r="BV1804" s="6">
        <v>67</v>
      </c>
      <c r="BW1804" s="6">
        <v>75</v>
      </c>
      <c r="BX1804" s="6">
        <v>78</v>
      </c>
      <c r="BY1804" s="6">
        <v>81</v>
      </c>
      <c r="BZ1804" s="6">
        <v>49</v>
      </c>
      <c r="CA1804" s="6">
        <v>47</v>
      </c>
      <c r="CB1804" s="6">
        <v>49</v>
      </c>
      <c r="CC1804" s="11">
        <v>50.5</v>
      </c>
      <c r="CD1804" s="11">
        <v>23.776499999999999</v>
      </c>
      <c r="CE1804" s="11">
        <v>-4.0247799999999998</v>
      </c>
      <c r="CF1804" s="11">
        <v>47.7744</v>
      </c>
      <c r="CG1804" s="11">
        <v>44</v>
      </c>
      <c r="CH1804" s="20">
        <v>0.996143</v>
      </c>
      <c r="CI1804" s="20">
        <v>1.0406899999999999</v>
      </c>
      <c r="CJ1804" s="20">
        <v>1.0511299999999999</v>
      </c>
      <c r="CK1804" s="20">
        <v>1.09077</v>
      </c>
      <c r="CL1804" s="20">
        <v>1.07677</v>
      </c>
      <c r="CM1804" s="20">
        <v>1.10799</v>
      </c>
      <c r="CN1804" s="20">
        <v>1.0957300000000001</v>
      </c>
      <c r="CO1804" s="20">
        <v>1.10379</v>
      </c>
      <c r="CP1804" s="20">
        <v>1.0871599999999999</v>
      </c>
      <c r="CQ1804" s="20">
        <v>1.09412</v>
      </c>
      <c r="CR1804" s="20">
        <v>1.1154900000000001</v>
      </c>
      <c r="CS1804" s="20">
        <v>1.1924399999999999</v>
      </c>
      <c r="CT1804" s="20">
        <v>1.18109</v>
      </c>
      <c r="CU1804" s="20">
        <v>1.1255200000000001</v>
      </c>
      <c r="CV1804" s="20">
        <v>1.10788</v>
      </c>
      <c r="CW1804" s="20">
        <v>1.0883400000000001</v>
      </c>
      <c r="CX1804" s="20">
        <v>1.06969</v>
      </c>
      <c r="CY1804" s="6" t="s">
        <v>652</v>
      </c>
      <c r="CZ1804" s="6" t="s">
        <v>653</v>
      </c>
      <c r="DA1804" s="6" t="s">
        <v>121</v>
      </c>
      <c r="DB1804" s="6" t="s">
        <v>345</v>
      </c>
      <c r="DC1804" s="6">
        <v>44180</v>
      </c>
      <c r="DD1804" s="6">
        <v>520</v>
      </c>
      <c r="DE1804" s="6" t="s">
        <v>460</v>
      </c>
      <c r="DF1804" s="6" t="s">
        <v>375</v>
      </c>
      <c r="DG1804" s="6" t="s">
        <v>376</v>
      </c>
      <c r="DH1804" s="6" t="s">
        <v>328</v>
      </c>
      <c r="DI1804" s="6" t="s">
        <v>461</v>
      </c>
      <c r="DJ1804" s="6">
        <v>29</v>
      </c>
      <c r="DK1804" s="6">
        <v>167</v>
      </c>
      <c r="DL1804" s="6">
        <v>2</v>
      </c>
      <c r="DM1804" s="6" t="s">
        <v>379</v>
      </c>
      <c r="DN1804" s="6">
        <v>2</v>
      </c>
      <c r="DO1804" s="6" t="s">
        <v>463</v>
      </c>
      <c r="DP1804" s="6"/>
      <c r="DQ1804" s="6"/>
    </row>
    <row r="1805" spans="1:121" x14ac:dyDescent="0.2">
      <c r="A1805" s="6" t="s">
        <v>327</v>
      </c>
      <c r="B1805" s="6" t="s">
        <v>327</v>
      </c>
      <c r="C1805" s="6" t="s">
        <v>194</v>
      </c>
      <c r="D1805" s="6" t="s">
        <v>121</v>
      </c>
      <c r="E1805" s="6" t="s">
        <v>262</v>
      </c>
      <c r="F1805" s="11">
        <v>702</v>
      </c>
      <c r="G1805" s="13">
        <v>0.37400106553000001</v>
      </c>
      <c r="H1805" s="11">
        <v>372.55421200000001</v>
      </c>
      <c r="I1805" s="13">
        <v>0.198500647227873</v>
      </c>
      <c r="J1805" s="11">
        <v>33.065403999999944</v>
      </c>
      <c r="K1805" s="13">
        <v>1.4699684374047369E-2</v>
      </c>
      <c r="L1805" s="11">
        <v>296.16528943000003</v>
      </c>
      <c r="M1805" s="13">
        <v>0.1297570038868644</v>
      </c>
      <c r="N1805" s="11">
        <v>329.23069342999997</v>
      </c>
      <c r="O1805" s="13">
        <v>0.1463640752633707</v>
      </c>
      <c r="P1805" s="7">
        <v>1876.8412960000001</v>
      </c>
      <c r="Q1805" s="7">
        <v>1983.406835</v>
      </c>
      <c r="R1805" s="7">
        <v>2043.4476050000001</v>
      </c>
      <c r="S1805" s="7">
        <v>2049.2003540000001</v>
      </c>
      <c r="T1805" s="7">
        <v>2118.8234149999998</v>
      </c>
      <c r="U1805" s="7">
        <v>2151.5184330000002</v>
      </c>
      <c r="V1805" s="7">
        <v>2249.3955080000001</v>
      </c>
      <c r="W1805" s="7">
        <v>2318.283958</v>
      </c>
      <c r="X1805" s="7">
        <v>2308.9246370000001</v>
      </c>
      <c r="Y1805" s="7">
        <v>2282.460912</v>
      </c>
      <c r="Z1805" s="7">
        <v>2307.00333</v>
      </c>
      <c r="AA1805" s="7">
        <v>2283.0709830000001</v>
      </c>
      <c r="AB1805" s="7">
        <v>2326.3699339999998</v>
      </c>
      <c r="AC1805" s="7">
        <v>2398.341179</v>
      </c>
      <c r="AD1805" s="7">
        <v>2473.7158140000001</v>
      </c>
      <c r="AE1805" s="7">
        <v>2530.9657887499998</v>
      </c>
      <c r="AF1805" s="7">
        <v>2578.62620143</v>
      </c>
      <c r="AG1805" s="9">
        <v>25914.660539500001</v>
      </c>
      <c r="AH1805" s="13">
        <v>0.80522738899631963</v>
      </c>
      <c r="AI1805" s="9">
        <v>13102.008717799996</v>
      </c>
      <c r="AJ1805" s="13">
        <v>0.4071091826327532</v>
      </c>
      <c r="AK1805" s="9">
        <v>6217.3780376000068</v>
      </c>
      <c r="AL1805" s="13">
        <v>0.13729429513855573</v>
      </c>
      <c r="AM1805" s="9">
        <v>6595.273784099998</v>
      </c>
      <c r="AN1805" s="13">
        <v>0.12805754896938157</v>
      </c>
      <c r="AO1805" s="9">
        <v>12812.651821700005</v>
      </c>
      <c r="AP1805" s="13">
        <v>0.28293341503085961</v>
      </c>
      <c r="AQ1805" s="9">
        <v>32183.034126300001</v>
      </c>
      <c r="AR1805" s="9">
        <v>34383.920590599999</v>
      </c>
      <c r="AS1805" s="9">
        <v>38913.117451500002</v>
      </c>
      <c r="AT1805" s="9">
        <v>42061.221424800002</v>
      </c>
      <c r="AU1805" s="9">
        <v>43464.941961800003</v>
      </c>
      <c r="AV1805" s="9">
        <v>43718.297996499998</v>
      </c>
      <c r="AW1805" s="9">
        <v>45285.042844099997</v>
      </c>
      <c r="AX1805" s="9">
        <v>46780.436557300003</v>
      </c>
      <c r="AY1805" s="9">
        <v>49156.4357074</v>
      </c>
      <c r="AZ1805" s="9">
        <v>51502.420881700004</v>
      </c>
      <c r="BA1805" s="9">
        <v>51250.158527799998</v>
      </c>
      <c r="BB1805" s="9">
        <v>53077.767952100003</v>
      </c>
      <c r="BC1805" s="9">
        <v>55271.257171400001</v>
      </c>
      <c r="BD1805" s="9">
        <v>55754.081469899997</v>
      </c>
      <c r="BE1805" s="9">
        <v>57791.190125100002</v>
      </c>
      <c r="BF1805" s="9">
        <v>58097.694665800002</v>
      </c>
      <c r="BG1805" s="11">
        <v>8</v>
      </c>
      <c r="BH1805" s="13">
        <v>0.15686274509803921</v>
      </c>
      <c r="BI1805" s="6">
        <v>6</v>
      </c>
      <c r="BJ1805" s="13">
        <v>0.11764705882352941</v>
      </c>
      <c r="BK1805" s="6">
        <v>1</v>
      </c>
      <c r="BL1805" s="13">
        <v>1.7543859649122806E-2</v>
      </c>
      <c r="BM1805" s="11">
        <v>1</v>
      </c>
      <c r="BN1805" s="13">
        <v>1.7241379310344827E-2</v>
      </c>
      <c r="BO1805" s="11">
        <v>2</v>
      </c>
      <c r="BP1805" s="13">
        <v>3.5087719298245612E-2</v>
      </c>
      <c r="BQ1805" s="6">
        <v>51</v>
      </c>
      <c r="BR1805" s="6">
        <v>52</v>
      </c>
      <c r="BS1805" s="6">
        <v>53</v>
      </c>
      <c r="BT1805" s="6">
        <v>57</v>
      </c>
      <c r="BU1805" s="6">
        <v>55</v>
      </c>
      <c r="BV1805" s="6">
        <v>57</v>
      </c>
      <c r="BW1805" s="6">
        <v>58</v>
      </c>
      <c r="BX1805" s="6">
        <v>58</v>
      </c>
      <c r="BY1805" s="6">
        <v>57</v>
      </c>
      <c r="BZ1805" s="6">
        <v>58</v>
      </c>
      <c r="CA1805" s="6">
        <v>59</v>
      </c>
      <c r="CB1805" s="6">
        <v>58</v>
      </c>
      <c r="CC1805" s="11">
        <v>59</v>
      </c>
      <c r="CD1805" s="11">
        <v>606.65300000000002</v>
      </c>
      <c r="CE1805" s="11">
        <v>-110.029</v>
      </c>
      <c r="CF1805" s="11">
        <v>205.161</v>
      </c>
      <c r="CG1805" s="11">
        <v>95</v>
      </c>
      <c r="CH1805" s="20">
        <v>1.2878000000000001</v>
      </c>
      <c r="CI1805" s="20">
        <v>1.2947900000000001</v>
      </c>
      <c r="CJ1805" s="20">
        <v>1.3130200000000001</v>
      </c>
      <c r="CK1805" s="20">
        <v>1.30959</v>
      </c>
      <c r="CL1805" s="20">
        <v>1.3127800000000001</v>
      </c>
      <c r="CM1805" s="20">
        <v>1.3476999999999999</v>
      </c>
      <c r="CN1805" s="20">
        <v>1.4096200000000001</v>
      </c>
      <c r="CO1805" s="20">
        <v>1.4238500000000001</v>
      </c>
      <c r="CP1805" s="20">
        <v>1.4521999999999999</v>
      </c>
      <c r="CQ1805" s="20">
        <v>1.4198</v>
      </c>
      <c r="CR1805" s="20">
        <v>1.4811799999999999</v>
      </c>
      <c r="CS1805" s="20">
        <v>1.5246999999999999</v>
      </c>
      <c r="CT1805" s="20">
        <v>1.5481400000000001</v>
      </c>
      <c r="CU1805" s="20">
        <v>1.65482</v>
      </c>
      <c r="CV1805" s="20">
        <v>1.6936100000000001</v>
      </c>
      <c r="CW1805" s="20">
        <v>1.7034899999999999</v>
      </c>
      <c r="CX1805" s="20">
        <v>1.7231000000000001</v>
      </c>
      <c r="CY1805" s="6" t="s">
        <v>652</v>
      </c>
      <c r="CZ1805" s="6" t="s">
        <v>653</v>
      </c>
      <c r="DA1805" s="6" t="s">
        <v>121</v>
      </c>
      <c r="DB1805" s="6" t="s">
        <v>345</v>
      </c>
      <c r="DC1805" s="6">
        <v>44180</v>
      </c>
      <c r="DD1805" s="6">
        <v>520</v>
      </c>
      <c r="DE1805" s="6" t="s">
        <v>460</v>
      </c>
      <c r="DF1805" s="6" t="s">
        <v>375</v>
      </c>
      <c r="DG1805" s="6" t="s">
        <v>376</v>
      </c>
      <c r="DH1805" s="6" t="s">
        <v>328</v>
      </c>
      <c r="DI1805" s="6" t="s">
        <v>461</v>
      </c>
      <c r="DJ1805" s="6">
        <v>29</v>
      </c>
      <c r="DK1805" s="6">
        <v>167</v>
      </c>
      <c r="DL1805" s="6">
        <v>2</v>
      </c>
      <c r="DM1805" s="6" t="s">
        <v>379</v>
      </c>
      <c r="DN1805" s="6">
        <v>2</v>
      </c>
      <c r="DO1805" s="6" t="s">
        <v>463</v>
      </c>
      <c r="DP1805" s="6"/>
      <c r="DQ1805" s="6"/>
    </row>
    <row r="1806" spans="1:121" x14ac:dyDescent="0.2">
      <c r="A1806" s="6" t="s">
        <v>1</v>
      </c>
      <c r="B1806" s="6" t="s">
        <v>1</v>
      </c>
      <c r="C1806" s="6" t="s">
        <v>2</v>
      </c>
      <c r="D1806" s="6" t="s">
        <v>118</v>
      </c>
      <c r="E1806" s="6" t="s">
        <v>259</v>
      </c>
      <c r="F1806" s="11">
        <v>-8</v>
      </c>
      <c r="G1806" s="13">
        <v>-0.21621621621600001</v>
      </c>
      <c r="H1806" s="11">
        <v>-6.5185408874999986</v>
      </c>
      <c r="I1806" s="13">
        <v>-0.17410185643325246</v>
      </c>
      <c r="J1806" s="11">
        <v>-2.5502719692000007</v>
      </c>
      <c r="K1806" s="13">
        <v>-8.2473232250407327E-2</v>
      </c>
      <c r="L1806" s="11">
        <v>0.73698259700000079</v>
      </c>
      <c r="M1806" s="13">
        <v>2.5975565287521853E-2</v>
      </c>
      <c r="N1806" s="11">
        <v>-1.8132893721999999</v>
      </c>
      <c r="O1806" s="13">
        <v>-5.8639955791678883E-2</v>
      </c>
      <c r="P1806" s="7">
        <v>37.4409614064</v>
      </c>
      <c r="Q1806" s="7">
        <v>59.559897587199998</v>
      </c>
      <c r="R1806" s="7">
        <v>34.544853803999999</v>
      </c>
      <c r="S1806" s="7">
        <v>29.579786473199999</v>
      </c>
      <c r="T1806" s="7">
        <v>25.4756193013</v>
      </c>
      <c r="U1806" s="7">
        <v>24.9948535632</v>
      </c>
      <c r="V1806" s="7">
        <v>30.922420518900001</v>
      </c>
      <c r="W1806" s="7">
        <v>33.405553812299999</v>
      </c>
      <c r="X1806" s="7">
        <v>30.204216942999999</v>
      </c>
      <c r="Y1806" s="7">
        <v>28.3721485497</v>
      </c>
      <c r="Z1806" s="7">
        <v>25.702871522999999</v>
      </c>
      <c r="AA1806" s="7">
        <v>24.984520846500001</v>
      </c>
      <c r="AB1806" s="7">
        <v>23.794526394599998</v>
      </c>
      <c r="AC1806" s="7">
        <v>27.070371872100001</v>
      </c>
      <c r="AD1806" s="7">
        <v>27.3081284483</v>
      </c>
      <c r="AE1806" s="7">
        <v>27.689637854699999</v>
      </c>
      <c r="AF1806" s="7">
        <v>29.109131146700001</v>
      </c>
      <c r="AG1806" s="9">
        <v>3047.9230728000002</v>
      </c>
      <c r="AH1806" s="13">
        <v>0.15309395419459265</v>
      </c>
      <c r="AI1806" s="9">
        <v>-3363.6677468999987</v>
      </c>
      <c r="AJ1806" s="13">
        <v>-0.16895347542241848</v>
      </c>
      <c r="AK1806" s="9">
        <v>1309.5985757999988</v>
      </c>
      <c r="AL1806" s="13">
        <v>7.9152911695645381E-2</v>
      </c>
      <c r="AM1806" s="9">
        <v>5101.9922439000002</v>
      </c>
      <c r="AN1806" s="13">
        <v>0.28574951926044861</v>
      </c>
      <c r="AO1806" s="9">
        <v>6411.590819699999</v>
      </c>
      <c r="AP1806" s="13">
        <v>0.38752033742118946</v>
      </c>
      <c r="AQ1806" s="9">
        <v>19908.840220599999</v>
      </c>
      <c r="AR1806" s="9">
        <v>20085.165002999998</v>
      </c>
      <c r="AS1806" s="9">
        <v>14471.1506135</v>
      </c>
      <c r="AT1806" s="9">
        <v>23315.0028466</v>
      </c>
      <c r="AU1806" s="9">
        <v>26679.043241899999</v>
      </c>
      <c r="AV1806" s="9">
        <v>16636.5268765</v>
      </c>
      <c r="AW1806" s="9">
        <v>16545.1724737</v>
      </c>
      <c r="AX1806" s="9">
        <v>21077.806599899999</v>
      </c>
      <c r="AY1806" s="9">
        <v>19648.944553900001</v>
      </c>
      <c r="AZ1806" s="9">
        <v>17854.771049499999</v>
      </c>
      <c r="BA1806" s="9">
        <v>22146.6475507</v>
      </c>
      <c r="BB1806" s="9">
        <v>23557.4681714</v>
      </c>
      <c r="BC1806" s="9">
        <v>24313.4101405</v>
      </c>
      <c r="BD1806" s="9">
        <v>18848.2954618</v>
      </c>
      <c r="BE1806" s="9">
        <v>19658.3225184</v>
      </c>
      <c r="BF1806" s="9">
        <v>22956.763293399999</v>
      </c>
      <c r="BG1806" s="11">
        <v>-2</v>
      </c>
      <c r="BH1806" s="13">
        <v>-0.66666666666666663</v>
      </c>
      <c r="BI1806" s="6">
        <v>-1</v>
      </c>
      <c r="BJ1806" s="13">
        <v>-0.33333333333333331</v>
      </c>
      <c r="BK1806" s="6">
        <v>0</v>
      </c>
      <c r="BL1806" s="13">
        <v>0</v>
      </c>
      <c r="BM1806" s="11">
        <v>-1</v>
      </c>
      <c r="BN1806" s="13">
        <v>-0.5</v>
      </c>
      <c r="BO1806" s="11">
        <v>-1</v>
      </c>
      <c r="BP1806" s="13">
        <v>-0.5</v>
      </c>
      <c r="BQ1806" s="6">
        <v>3</v>
      </c>
      <c r="BR1806" s="6">
        <v>2</v>
      </c>
      <c r="BS1806" s="6">
        <v>2</v>
      </c>
      <c r="BT1806" s="6">
        <v>2</v>
      </c>
      <c r="BU1806" s="6">
        <v>1</v>
      </c>
      <c r="BV1806" s="6">
        <v>1</v>
      </c>
      <c r="BW1806" s="6">
        <v>2</v>
      </c>
      <c r="BX1806" s="6">
        <v>1</v>
      </c>
      <c r="BY1806" s="6">
        <v>1</v>
      </c>
      <c r="BZ1806" s="6">
        <v>1</v>
      </c>
      <c r="CA1806" s="6">
        <v>1</v>
      </c>
      <c r="CB1806" s="6">
        <v>1</v>
      </c>
      <c r="CC1806" s="11">
        <v>1</v>
      </c>
      <c r="CD1806" s="11">
        <v>-9.0109499999999993</v>
      </c>
      <c r="CE1806" s="11">
        <v>-3.4136299999999999</v>
      </c>
      <c r="CF1806" s="11">
        <v>4.0927499999999997</v>
      </c>
      <c r="CG1806" s="11">
        <v>1</v>
      </c>
      <c r="CH1806" s="20">
        <v>0.12715599999999999</v>
      </c>
      <c r="CI1806" s="20">
        <v>0.19628300000000001</v>
      </c>
      <c r="CJ1806" s="20">
        <v>0.11081100000000001</v>
      </c>
      <c r="CK1806" s="20">
        <v>9.4015500000000002E-2</v>
      </c>
      <c r="CL1806" s="20">
        <v>8.06669E-2</v>
      </c>
      <c r="CM1806" s="20">
        <v>7.6196E-2</v>
      </c>
      <c r="CN1806" s="20">
        <v>9.3799800000000003E-2</v>
      </c>
      <c r="CO1806" s="20">
        <v>9.7111699999999995E-2</v>
      </c>
      <c r="CP1806" s="20">
        <v>8.2734100000000005E-2</v>
      </c>
      <c r="CQ1806" s="20">
        <v>7.87413E-2</v>
      </c>
      <c r="CR1806" s="20">
        <v>7.1837600000000001E-2</v>
      </c>
      <c r="CS1806" s="20">
        <v>7.4442300000000003E-2</v>
      </c>
      <c r="CT1806" s="20">
        <v>6.9530900000000007E-2</v>
      </c>
      <c r="CU1806" s="20">
        <v>8.6205199999999996E-2</v>
      </c>
      <c r="CV1806" s="20">
        <v>8.78332E-2</v>
      </c>
      <c r="CW1806" s="20">
        <v>9.1278499999999999E-2</v>
      </c>
      <c r="CX1806" s="20">
        <v>9.72803E-2</v>
      </c>
      <c r="CY1806" s="6" t="s">
        <v>655</v>
      </c>
      <c r="CZ1806" s="6" t="s">
        <v>656</v>
      </c>
      <c r="DA1806" s="6" t="s">
        <v>118</v>
      </c>
      <c r="DB1806" s="6"/>
      <c r="DC1806" s="6">
        <v>22780</v>
      </c>
      <c r="DD1806" s="6"/>
      <c r="DE1806" s="6" t="s">
        <v>658</v>
      </c>
      <c r="DF1806" s="6" t="s">
        <v>363</v>
      </c>
      <c r="DG1806" s="6" t="s">
        <v>364</v>
      </c>
      <c r="DH1806" s="6" t="s">
        <v>365</v>
      </c>
      <c r="DI1806" s="6"/>
      <c r="DJ1806" s="6">
        <v>29</v>
      </c>
      <c r="DK1806" s="6">
        <v>169</v>
      </c>
      <c r="DL1806" s="6">
        <v>8</v>
      </c>
      <c r="DM1806" s="6" t="s">
        <v>368</v>
      </c>
      <c r="DN1806" s="6">
        <v>5</v>
      </c>
      <c r="DO1806" s="6" t="s">
        <v>429</v>
      </c>
      <c r="DP1806" s="6"/>
      <c r="DQ1806" s="6"/>
    </row>
    <row r="1807" spans="1:121" x14ac:dyDescent="0.2">
      <c r="A1807" s="6" t="s">
        <v>310</v>
      </c>
      <c r="B1807" s="6" t="s">
        <v>310</v>
      </c>
      <c r="C1807" s="6" t="s">
        <v>173</v>
      </c>
      <c r="D1807" s="6" t="s">
        <v>118</v>
      </c>
      <c r="E1807" s="6" t="s">
        <v>259</v>
      </c>
      <c r="F1807" s="11">
        <v>7</v>
      </c>
      <c r="G1807" s="13">
        <v>0.4375</v>
      </c>
      <c r="H1807" s="11">
        <v>22.988424203099999</v>
      </c>
      <c r="I1807" s="13">
        <v>1.4314983223379214</v>
      </c>
      <c r="J1807" s="11">
        <v>-2.7654100648999957</v>
      </c>
      <c r="K1807" s="13">
        <v>-7.0821839986495869E-2</v>
      </c>
      <c r="L1807" s="11">
        <v>-13.295994527300003</v>
      </c>
      <c r="M1807" s="13">
        <v>-0.36646246703979374</v>
      </c>
      <c r="N1807" s="11">
        <v>-16.061404592199999</v>
      </c>
      <c r="O1807" s="13">
        <v>-0.4113307608245409</v>
      </c>
      <c r="P1807" s="7">
        <v>16.058994861799999</v>
      </c>
      <c r="Q1807" s="7">
        <v>13.2413681526</v>
      </c>
      <c r="R1807" s="7">
        <v>18.043743171399999</v>
      </c>
      <c r="S1807" s="7">
        <v>44.197316431099999</v>
      </c>
      <c r="T1807" s="7">
        <v>41.819356103399997</v>
      </c>
      <c r="U1807" s="7">
        <v>41.547663895299998</v>
      </c>
      <c r="V1807" s="7">
        <v>39.047419064899998</v>
      </c>
      <c r="W1807" s="7">
        <v>30.947684948399999</v>
      </c>
      <c r="X1807" s="7">
        <v>28.946648</v>
      </c>
      <c r="Y1807" s="7">
        <v>36.282009000000002</v>
      </c>
      <c r="Z1807" s="7">
        <v>30.128966999999999</v>
      </c>
      <c r="AA1807" s="7">
        <v>24.724664000000001</v>
      </c>
      <c r="AB1807" s="7">
        <v>16.301833999999999</v>
      </c>
      <c r="AC1807" s="7">
        <v>19.388401999999999</v>
      </c>
      <c r="AD1807" s="7">
        <v>23.301071</v>
      </c>
      <c r="AE1807" s="7">
        <v>21.073782250000001</v>
      </c>
      <c r="AF1807" s="7">
        <v>22.986014472699999</v>
      </c>
      <c r="AG1807" s="9">
        <v>-274.78216570000222</v>
      </c>
      <c r="AH1807" s="13">
        <v>-6.5120557434812818E-3</v>
      </c>
      <c r="AI1807" s="9">
        <v>-4494.7765628000052</v>
      </c>
      <c r="AJ1807" s="13">
        <v>-0.10652159850651688</v>
      </c>
      <c r="AK1807" s="9">
        <v>1147.6323527999994</v>
      </c>
      <c r="AL1807" s="13">
        <v>3.0440255385248707E-2</v>
      </c>
      <c r="AM1807" s="9">
        <v>3072.3620443000036</v>
      </c>
      <c r="AN1807" s="13">
        <v>7.9085175638048955E-2</v>
      </c>
      <c r="AO1807" s="9">
        <v>4219.994397100003</v>
      </c>
      <c r="AP1807" s="13">
        <v>0.11193280396690714</v>
      </c>
      <c r="AQ1807" s="9">
        <v>42195.917314600003</v>
      </c>
      <c r="AR1807" s="9">
        <v>38989.429053599997</v>
      </c>
      <c r="AS1807" s="9">
        <v>49428.8046111</v>
      </c>
      <c r="AT1807" s="9">
        <v>30195.755085199999</v>
      </c>
      <c r="AU1807" s="9">
        <v>31338.910426300001</v>
      </c>
      <c r="AV1807" s="9">
        <v>35337.183000099998</v>
      </c>
      <c r="AW1807" s="9">
        <v>37701.140751799998</v>
      </c>
      <c r="AX1807" s="9">
        <v>38831.073871000001</v>
      </c>
      <c r="AY1807" s="9">
        <v>42691.309345499998</v>
      </c>
      <c r="AZ1807" s="9">
        <v>38848.773104599997</v>
      </c>
      <c r="BA1807" s="9">
        <v>38560.308416100001</v>
      </c>
      <c r="BB1807" s="9">
        <v>43281.722893300001</v>
      </c>
      <c r="BC1807" s="9">
        <v>58208.254335799997</v>
      </c>
      <c r="BD1807" s="9">
        <v>59423.782874099998</v>
      </c>
      <c r="BE1807" s="9">
        <v>44976.214021200001</v>
      </c>
      <c r="BF1807" s="9">
        <v>41921.135148900001</v>
      </c>
      <c r="BG1807" s="11">
        <v>-5</v>
      </c>
      <c r="BH1807" s="13">
        <v>-0.83333333333333337</v>
      </c>
      <c r="BI1807" s="6">
        <v>0</v>
      </c>
      <c r="BJ1807" s="13">
        <v>0</v>
      </c>
      <c r="BK1807" s="6">
        <v>-2</v>
      </c>
      <c r="BL1807" s="13">
        <v>-0.33333333333333331</v>
      </c>
      <c r="BM1807" s="11">
        <v>-3</v>
      </c>
      <c r="BN1807" s="13">
        <v>-0.75</v>
      </c>
      <c r="BO1807" s="11">
        <v>-5</v>
      </c>
      <c r="BP1807" s="13">
        <v>-0.83333333333333337</v>
      </c>
      <c r="BQ1807" s="6">
        <v>6</v>
      </c>
      <c r="BR1807" s="6">
        <v>5</v>
      </c>
      <c r="BS1807" s="6">
        <v>5</v>
      </c>
      <c r="BT1807" s="6">
        <v>6</v>
      </c>
      <c r="BU1807" s="6">
        <v>5</v>
      </c>
      <c r="BV1807" s="6">
        <v>4</v>
      </c>
      <c r="BW1807" s="6">
        <v>4</v>
      </c>
      <c r="BX1807" s="6">
        <v>3</v>
      </c>
      <c r="BY1807" s="6">
        <v>3</v>
      </c>
      <c r="BZ1807" s="6">
        <v>3</v>
      </c>
      <c r="CA1807" s="6">
        <v>2</v>
      </c>
      <c r="CB1807" s="6">
        <v>1</v>
      </c>
      <c r="CC1807" s="11">
        <v>1</v>
      </c>
      <c r="CD1807" s="11">
        <v>3.50549</v>
      </c>
      <c r="CE1807" s="11">
        <v>1.6660900000000001</v>
      </c>
      <c r="CF1807" s="11">
        <v>1.7554399999999999</v>
      </c>
      <c r="CG1807" s="11">
        <v>4</v>
      </c>
      <c r="CH1807" s="20">
        <v>0.19222800000000001</v>
      </c>
      <c r="CI1807" s="20">
        <v>0.160661</v>
      </c>
      <c r="CJ1807" s="20">
        <v>0.216116</v>
      </c>
      <c r="CK1807" s="20">
        <v>0.50752900000000001</v>
      </c>
      <c r="CL1807" s="20">
        <v>0.44635900000000001</v>
      </c>
      <c r="CM1807" s="20">
        <v>0.38755600000000001</v>
      </c>
      <c r="CN1807" s="20">
        <v>0.33632600000000001</v>
      </c>
      <c r="CO1807" s="20">
        <v>0.230485</v>
      </c>
      <c r="CP1807" s="20">
        <v>0.22314300000000001</v>
      </c>
      <c r="CQ1807" s="20">
        <v>0.27789000000000003</v>
      </c>
      <c r="CR1807" s="20">
        <v>0.209204</v>
      </c>
      <c r="CS1807" s="20">
        <v>0.16983999999999999</v>
      </c>
      <c r="CT1807" s="20">
        <v>0.10899399999999999</v>
      </c>
      <c r="CU1807" s="20">
        <v>0.13863600000000001</v>
      </c>
      <c r="CV1807" s="20">
        <v>0.19020999999999999</v>
      </c>
      <c r="CW1807" s="20">
        <v>0.207537</v>
      </c>
      <c r="CX1807" s="20">
        <v>0.227243</v>
      </c>
      <c r="CY1807" s="6" t="s">
        <v>655</v>
      </c>
      <c r="CZ1807" s="6" t="s">
        <v>656</v>
      </c>
      <c r="DA1807" s="6" t="s">
        <v>118</v>
      </c>
      <c r="DB1807" s="6"/>
      <c r="DC1807" s="6">
        <v>22780</v>
      </c>
      <c r="DD1807" s="6"/>
      <c r="DE1807" s="6" t="s">
        <v>658</v>
      </c>
      <c r="DF1807" s="6" t="s">
        <v>363</v>
      </c>
      <c r="DG1807" s="6" t="s">
        <v>364</v>
      </c>
      <c r="DH1807" s="6" t="s">
        <v>365</v>
      </c>
      <c r="DI1807" s="6"/>
      <c r="DJ1807" s="6">
        <v>29</v>
      </c>
      <c r="DK1807" s="6">
        <v>169</v>
      </c>
      <c r="DL1807" s="6">
        <v>8</v>
      </c>
      <c r="DM1807" s="6" t="s">
        <v>368</v>
      </c>
      <c r="DN1807" s="6">
        <v>5</v>
      </c>
      <c r="DO1807" s="6" t="s">
        <v>429</v>
      </c>
      <c r="DP1807" s="6"/>
      <c r="DQ1807" s="6"/>
    </row>
    <row r="1808" spans="1:121" x14ac:dyDescent="0.2">
      <c r="A1808" s="6" t="s">
        <v>311</v>
      </c>
      <c r="B1808" s="6" t="s">
        <v>311</v>
      </c>
      <c r="C1808" s="6" t="s">
        <v>174</v>
      </c>
      <c r="D1808" s="6" t="s">
        <v>118</v>
      </c>
      <c r="E1808" s="6" t="s">
        <v>259</v>
      </c>
      <c r="F1808" s="11">
        <v>28</v>
      </c>
      <c r="G1808" s="13">
        <v>0.82352941176500005</v>
      </c>
      <c r="H1808" s="11">
        <v>21.277185000000003</v>
      </c>
      <c r="I1808" s="13">
        <v>0.63358161822312242</v>
      </c>
      <c r="J1808" s="11">
        <v>-2.1828409999999963</v>
      </c>
      <c r="K1808" s="13">
        <v>-3.9789608286247134E-2</v>
      </c>
      <c r="L1808" s="11">
        <v>9.0118233474999982</v>
      </c>
      <c r="M1808" s="13">
        <v>0.17107786802993513</v>
      </c>
      <c r="N1808" s="11">
        <v>6.828982347500002</v>
      </c>
      <c r="O1808" s="13">
        <v>0.12448113838833059</v>
      </c>
      <c r="P1808" s="7">
        <v>33.582389999999997</v>
      </c>
      <c r="Q1808" s="7">
        <v>45.822248999999999</v>
      </c>
      <c r="R1808" s="7">
        <v>37.038919</v>
      </c>
      <c r="S1808" s="7">
        <v>33.562033999999997</v>
      </c>
      <c r="T1808" s="7">
        <v>32.699849999999998</v>
      </c>
      <c r="U1808" s="7">
        <v>48.183373000000003</v>
      </c>
      <c r="V1808" s="7">
        <v>54.859575</v>
      </c>
      <c r="W1808" s="7">
        <v>52.688054999999999</v>
      </c>
      <c r="X1808" s="7">
        <v>49.375635000000003</v>
      </c>
      <c r="Y1808" s="7">
        <v>52.676734000000003</v>
      </c>
      <c r="Z1808" s="7">
        <v>57.930633</v>
      </c>
      <c r="AA1808" s="7">
        <v>63.314577999999997</v>
      </c>
      <c r="AB1808" s="7">
        <v>63.836612000000002</v>
      </c>
      <c r="AC1808" s="7">
        <v>63.539085</v>
      </c>
      <c r="AD1808" s="7">
        <v>61.1289116827</v>
      </c>
      <c r="AE1808" s="7">
        <v>61.626972225499998</v>
      </c>
      <c r="AF1808" s="7">
        <v>61.688557347500002</v>
      </c>
      <c r="AG1808" s="9">
        <v>29021.836445400004</v>
      </c>
      <c r="AH1808" s="13">
        <v>0.52832354530627657</v>
      </c>
      <c r="AI1808" s="9">
        <v>12123.759155700005</v>
      </c>
      <c r="AJ1808" s="13">
        <v>0.22070510360808335</v>
      </c>
      <c r="AK1808" s="9">
        <v>10191.705455899995</v>
      </c>
      <c r="AL1808" s="13">
        <v>0.15198865760238514</v>
      </c>
      <c r="AM1808" s="9">
        <v>6706.3718338000035</v>
      </c>
      <c r="AN1808" s="13">
        <v>8.6816793477149115E-2</v>
      </c>
      <c r="AO1808" s="9">
        <v>16898.077289699999</v>
      </c>
      <c r="AP1808" s="13">
        <v>0.25200061897746967</v>
      </c>
      <c r="AQ1808" s="9">
        <v>54931.938398799997</v>
      </c>
      <c r="AR1808" s="9">
        <v>52656.4438333</v>
      </c>
      <c r="AS1808" s="9">
        <v>59203.601248200001</v>
      </c>
      <c r="AT1808" s="9">
        <v>63208.148020200002</v>
      </c>
      <c r="AU1808" s="9">
        <v>83733.531304599994</v>
      </c>
      <c r="AV1808" s="9">
        <v>35104.500975100003</v>
      </c>
      <c r="AW1808" s="9">
        <v>67055.697554500002</v>
      </c>
      <c r="AX1808" s="9">
        <v>72219.084275300003</v>
      </c>
      <c r="AY1808" s="9">
        <v>74306.890707600003</v>
      </c>
      <c r="AZ1808" s="9">
        <v>77247.403010399998</v>
      </c>
      <c r="BA1808" s="9">
        <v>74887.338710700002</v>
      </c>
      <c r="BB1808" s="9">
        <v>72053.302103099995</v>
      </c>
      <c r="BC1808" s="9">
        <v>71717.537863899997</v>
      </c>
      <c r="BD1808" s="9">
        <v>79612.756239499999</v>
      </c>
      <c r="BE1808" s="9">
        <v>81896.878494499993</v>
      </c>
      <c r="BF1808" s="9">
        <v>83953.774844200001</v>
      </c>
      <c r="BG1808" s="11">
        <v>0</v>
      </c>
      <c r="BH1808" s="13">
        <v>0</v>
      </c>
      <c r="BI1808" s="6">
        <v>0</v>
      </c>
      <c r="BJ1808" s="13">
        <v>0</v>
      </c>
      <c r="BK1808" s="6">
        <v>0</v>
      </c>
      <c r="BL1808" s="13">
        <v>0</v>
      </c>
      <c r="BM1808" s="11">
        <v>0</v>
      </c>
      <c r="BN1808" s="13">
        <v>0</v>
      </c>
      <c r="BO1808" s="11">
        <v>0</v>
      </c>
      <c r="BP1808" s="13">
        <v>0</v>
      </c>
      <c r="BQ1808" s="6">
        <v>3</v>
      </c>
      <c r="BR1808" s="6">
        <v>3</v>
      </c>
      <c r="BS1808" s="6">
        <v>3</v>
      </c>
      <c r="BT1808" s="6">
        <v>3</v>
      </c>
      <c r="BU1808" s="6">
        <v>3</v>
      </c>
      <c r="BV1808" s="6">
        <v>3</v>
      </c>
      <c r="BW1808" s="6">
        <v>3</v>
      </c>
      <c r="BX1808" s="6">
        <v>3</v>
      </c>
      <c r="BY1808" s="6">
        <v>3</v>
      </c>
      <c r="BZ1808" s="6">
        <v>3</v>
      </c>
      <c r="CA1808" s="6">
        <v>3</v>
      </c>
      <c r="CB1808" s="6">
        <v>3</v>
      </c>
      <c r="CC1808" s="11">
        <v>3</v>
      </c>
      <c r="CD1808" s="11">
        <v>29.9039</v>
      </c>
      <c r="CE1808" s="11">
        <v>-5.46868</v>
      </c>
      <c r="CF1808" s="11">
        <v>3.67096</v>
      </c>
      <c r="CG1808" s="11">
        <v>-1</v>
      </c>
      <c r="CH1808" s="20">
        <v>0.36689300000000002</v>
      </c>
      <c r="CI1808" s="20">
        <v>0.48740299999999998</v>
      </c>
      <c r="CJ1808" s="20">
        <v>0.39597599999999999</v>
      </c>
      <c r="CK1808" s="20">
        <v>0.36519200000000002</v>
      </c>
      <c r="CL1808" s="20">
        <v>0.365346</v>
      </c>
      <c r="CM1808" s="20">
        <v>0.52099899999999999</v>
      </c>
      <c r="CN1808" s="20">
        <v>0.58229600000000004</v>
      </c>
      <c r="CO1808" s="20">
        <v>0.51327599999999995</v>
      </c>
      <c r="CP1808" s="20">
        <v>0.44700099999999998</v>
      </c>
      <c r="CQ1808" s="20">
        <v>0.48825299999999999</v>
      </c>
      <c r="CR1808" s="20">
        <v>0.54538600000000004</v>
      </c>
      <c r="CS1808" s="20">
        <v>0.64379600000000003</v>
      </c>
      <c r="CT1808" s="20">
        <v>0.64448499999999997</v>
      </c>
      <c r="CU1808" s="20">
        <v>0.70430400000000004</v>
      </c>
      <c r="CV1808" s="20">
        <v>0.68538100000000002</v>
      </c>
      <c r="CW1808" s="20">
        <v>0.70727300000000004</v>
      </c>
      <c r="CX1808" s="20">
        <v>0.71340700000000001</v>
      </c>
      <c r="CY1808" s="6" t="s">
        <v>655</v>
      </c>
      <c r="CZ1808" s="6" t="s">
        <v>656</v>
      </c>
      <c r="DA1808" s="6" t="s">
        <v>118</v>
      </c>
      <c r="DB1808" s="6"/>
      <c r="DC1808" s="6">
        <v>22780</v>
      </c>
      <c r="DD1808" s="6"/>
      <c r="DE1808" s="6" t="s">
        <v>658</v>
      </c>
      <c r="DF1808" s="6" t="s">
        <v>363</v>
      </c>
      <c r="DG1808" s="6" t="s">
        <v>364</v>
      </c>
      <c r="DH1808" s="6" t="s">
        <v>365</v>
      </c>
      <c r="DI1808" s="6"/>
      <c r="DJ1808" s="6">
        <v>29</v>
      </c>
      <c r="DK1808" s="6">
        <v>169</v>
      </c>
      <c r="DL1808" s="6">
        <v>8</v>
      </c>
      <c r="DM1808" s="6" t="s">
        <v>368</v>
      </c>
      <c r="DN1808" s="6">
        <v>5</v>
      </c>
      <c r="DO1808" s="6" t="s">
        <v>429</v>
      </c>
      <c r="DP1808" s="6"/>
      <c r="DQ1808" s="6"/>
    </row>
    <row r="1809" spans="1:121" x14ac:dyDescent="0.2">
      <c r="A1809" s="6" t="s">
        <v>312</v>
      </c>
      <c r="B1809" s="6" t="s">
        <v>312</v>
      </c>
      <c r="C1809" s="6" t="s">
        <v>175</v>
      </c>
      <c r="D1809" s="6" t="s">
        <v>118</v>
      </c>
      <c r="E1809" s="6" t="s">
        <v>259</v>
      </c>
      <c r="F1809" s="11">
        <v>-4</v>
      </c>
      <c r="G1809" s="13">
        <v>-7.1684587813600001E-3</v>
      </c>
      <c r="H1809" s="11">
        <v>187.11988339300001</v>
      </c>
      <c r="I1809" s="13">
        <v>0.33537361718420933</v>
      </c>
      <c r="J1809" s="11">
        <v>-3.9452932450000162</v>
      </c>
      <c r="K1809" s="13">
        <v>-5.2952376263661755E-3</v>
      </c>
      <c r="L1809" s="11">
        <v>-187.07703511500006</v>
      </c>
      <c r="M1809" s="13">
        <v>-0.2524250473011026</v>
      </c>
      <c r="N1809" s="11">
        <v>-191.02232836000007</v>
      </c>
      <c r="O1809" s="13">
        <v>-0.25638363431916267</v>
      </c>
      <c r="P1809" s="7">
        <v>557.94455438700004</v>
      </c>
      <c r="Q1809" s="7">
        <v>568.86623061099999</v>
      </c>
      <c r="R1809" s="7">
        <v>694.24606031799999</v>
      </c>
      <c r="S1809" s="7">
        <v>663.488459272</v>
      </c>
      <c r="T1809" s="7">
        <v>783.12621884800001</v>
      </c>
      <c r="U1809" s="7">
        <v>773.45093432800002</v>
      </c>
      <c r="V1809" s="7">
        <v>745.06443778000005</v>
      </c>
      <c r="W1809" s="7">
        <v>722.42666613799997</v>
      </c>
      <c r="X1809" s="7">
        <v>700.00105290399995</v>
      </c>
      <c r="Y1809" s="7">
        <v>741.11914453500003</v>
      </c>
      <c r="Z1809" s="7">
        <v>698.06796347600005</v>
      </c>
      <c r="AA1809" s="7">
        <v>817.78511833699997</v>
      </c>
      <c r="AB1809" s="7">
        <v>749.21934723599998</v>
      </c>
      <c r="AC1809" s="7">
        <v>639.996368684</v>
      </c>
      <c r="AD1809" s="7">
        <v>574.76313773200002</v>
      </c>
      <c r="AE1809" s="7">
        <v>573.860176174</v>
      </c>
      <c r="AF1809" s="7">
        <v>554.04210941999997</v>
      </c>
      <c r="AG1809" s="9">
        <v>14532.806682399998</v>
      </c>
      <c r="AH1809" s="13">
        <v>0.59552190267387684</v>
      </c>
      <c r="AI1809" s="9">
        <v>3305.0570246999996</v>
      </c>
      <c r="AJ1809" s="13">
        <v>0.1354338422583328</v>
      </c>
      <c r="AK1809" s="9">
        <v>9246.1121318000005</v>
      </c>
      <c r="AL1809" s="13">
        <v>0.333691822584747</v>
      </c>
      <c r="AM1809" s="9">
        <v>1981.6375258999979</v>
      </c>
      <c r="AN1809" s="13">
        <v>5.3623497596493389E-2</v>
      </c>
      <c r="AO1809" s="9">
        <v>11227.749657699998</v>
      </c>
      <c r="AP1809" s="13">
        <v>0.40520904282758302</v>
      </c>
      <c r="AQ1809" s="9">
        <v>24403.479732899999</v>
      </c>
      <c r="AR1809" s="9">
        <v>26075.005456899999</v>
      </c>
      <c r="AS1809" s="9">
        <v>27363.554147800001</v>
      </c>
      <c r="AT1809" s="9">
        <v>25206.523495699999</v>
      </c>
      <c r="AU1809" s="9">
        <v>24714.2891494</v>
      </c>
      <c r="AV1809" s="9">
        <v>25749.265160399998</v>
      </c>
      <c r="AW1809" s="9">
        <v>27708.536757599999</v>
      </c>
      <c r="AX1809" s="9">
        <v>31462.872229100001</v>
      </c>
      <c r="AY1809" s="9">
        <v>37304.797870199996</v>
      </c>
      <c r="AZ1809" s="9">
        <v>36954.648889399999</v>
      </c>
      <c r="BA1809" s="9">
        <v>37718.830551999999</v>
      </c>
      <c r="BB1809" s="9">
        <v>43330.846284400002</v>
      </c>
      <c r="BC1809" s="9">
        <v>37821.995880199996</v>
      </c>
      <c r="BD1809" s="9">
        <v>37558.267564200003</v>
      </c>
      <c r="BE1809" s="9">
        <v>35785.424268000002</v>
      </c>
      <c r="BF1809" s="9">
        <v>38936.286415299997</v>
      </c>
      <c r="BG1809" s="11">
        <v>-19.5</v>
      </c>
      <c r="BH1809" s="13">
        <v>-0.22413793103448276</v>
      </c>
      <c r="BI1809" s="6">
        <v>17</v>
      </c>
      <c r="BJ1809" s="13">
        <v>0.19540229885057472</v>
      </c>
      <c r="BK1809" s="6">
        <v>-14</v>
      </c>
      <c r="BL1809" s="13">
        <v>-0.13461538461538461</v>
      </c>
      <c r="BM1809" s="11">
        <v>-22.5</v>
      </c>
      <c r="BN1809" s="13">
        <v>-0.25</v>
      </c>
      <c r="BO1809" s="11">
        <v>-36.5</v>
      </c>
      <c r="BP1809" s="13">
        <v>-0.35096153846153844</v>
      </c>
      <c r="BQ1809" s="6">
        <v>87</v>
      </c>
      <c r="BR1809" s="6">
        <v>97</v>
      </c>
      <c r="BS1809" s="6">
        <v>105</v>
      </c>
      <c r="BT1809" s="6">
        <v>104</v>
      </c>
      <c r="BU1809" s="6">
        <v>98</v>
      </c>
      <c r="BV1809" s="6">
        <v>88</v>
      </c>
      <c r="BW1809" s="6">
        <v>90</v>
      </c>
      <c r="BX1809" s="6">
        <v>82</v>
      </c>
      <c r="BY1809" s="6">
        <v>84</v>
      </c>
      <c r="BZ1809" s="6">
        <v>89</v>
      </c>
      <c r="CA1809" s="6">
        <v>84</v>
      </c>
      <c r="CB1809" s="6">
        <v>74</v>
      </c>
      <c r="CC1809" s="11">
        <v>67.5</v>
      </c>
      <c r="CD1809" s="11">
        <v>2.6887799999999999</v>
      </c>
      <c r="CE1809" s="11">
        <v>-67.581299999999999</v>
      </c>
      <c r="CF1809" s="11">
        <v>60.990099999999998</v>
      </c>
      <c r="CG1809" s="11">
        <v>-7</v>
      </c>
      <c r="CH1809" s="20">
        <v>0.42026200000000002</v>
      </c>
      <c r="CI1809" s="20">
        <v>0.414296</v>
      </c>
      <c r="CJ1809" s="20">
        <v>0.48562300000000003</v>
      </c>
      <c r="CK1809" s="20">
        <v>0.44289400000000001</v>
      </c>
      <c r="CL1809" s="20">
        <v>0.50042900000000001</v>
      </c>
      <c r="CM1809" s="20">
        <v>0.455544</v>
      </c>
      <c r="CN1809" s="20">
        <v>0.43656899999999998</v>
      </c>
      <c r="CO1809" s="20">
        <v>0.41695199999999999</v>
      </c>
      <c r="CP1809" s="20">
        <v>0.43307200000000001</v>
      </c>
      <c r="CQ1809" s="20">
        <v>0.50222699999999998</v>
      </c>
      <c r="CR1809" s="20">
        <v>0.485541</v>
      </c>
      <c r="CS1809" s="20">
        <v>0.60856500000000002</v>
      </c>
      <c r="CT1809" s="20">
        <v>0.54017000000000004</v>
      </c>
      <c r="CU1809" s="20">
        <v>0.49123600000000001</v>
      </c>
      <c r="CV1809" s="20">
        <v>0.43388199999999999</v>
      </c>
      <c r="CW1809" s="20">
        <v>0.434278</v>
      </c>
      <c r="CX1809" s="20">
        <v>0.423101</v>
      </c>
      <c r="CY1809" s="6" t="s">
        <v>655</v>
      </c>
      <c r="CZ1809" s="6" t="s">
        <v>656</v>
      </c>
      <c r="DA1809" s="6" t="s">
        <v>118</v>
      </c>
      <c r="DB1809" s="6"/>
      <c r="DC1809" s="6">
        <v>22780</v>
      </c>
      <c r="DD1809" s="6"/>
      <c r="DE1809" s="6" t="s">
        <v>658</v>
      </c>
      <c r="DF1809" s="6" t="s">
        <v>363</v>
      </c>
      <c r="DG1809" s="6" t="s">
        <v>364</v>
      </c>
      <c r="DH1809" s="6" t="s">
        <v>365</v>
      </c>
      <c r="DI1809" s="6"/>
      <c r="DJ1809" s="6">
        <v>29</v>
      </c>
      <c r="DK1809" s="6">
        <v>169</v>
      </c>
      <c r="DL1809" s="6">
        <v>8</v>
      </c>
      <c r="DM1809" s="6" t="s">
        <v>368</v>
      </c>
      <c r="DN1809" s="6">
        <v>5</v>
      </c>
      <c r="DO1809" s="6" t="s">
        <v>429</v>
      </c>
      <c r="DP1809" s="6"/>
      <c r="DQ1809" s="6"/>
    </row>
    <row r="1810" spans="1:121" x14ac:dyDescent="0.2">
      <c r="A1810" s="6" t="s">
        <v>792</v>
      </c>
      <c r="B1810" s="6" t="s">
        <v>176</v>
      </c>
      <c r="C1810" s="6" t="s">
        <v>177</v>
      </c>
      <c r="D1810" s="6" t="s">
        <v>118</v>
      </c>
      <c r="E1810" s="6" t="s">
        <v>259</v>
      </c>
      <c r="F1810" s="11">
        <v>-51</v>
      </c>
      <c r="G1810" s="13">
        <v>-0.274193548387</v>
      </c>
      <c r="H1810" s="11">
        <v>-2.9268757300000061</v>
      </c>
      <c r="I1810" s="13">
        <v>-1.5769112483250216E-2</v>
      </c>
      <c r="J1810" s="11">
        <v>11.534228191000011</v>
      </c>
      <c r="K1810" s="13">
        <v>6.3138537313031012E-2</v>
      </c>
      <c r="L1810" s="11">
        <v>-59.120208669000021</v>
      </c>
      <c r="M1810" s="13">
        <v>-0.3044052054427227</v>
      </c>
      <c r="N1810" s="11">
        <v>-47.58598047800001</v>
      </c>
      <c r="O1810" s="13">
        <v>-0.26048636755181792</v>
      </c>
      <c r="P1810" s="7">
        <v>185.60814586800001</v>
      </c>
      <c r="Q1810" s="7">
        <v>167.056114651</v>
      </c>
      <c r="R1810" s="7">
        <v>175.58643734500001</v>
      </c>
      <c r="S1810" s="7">
        <v>188.83764604999999</v>
      </c>
      <c r="T1810" s="7">
        <v>185.10197802499999</v>
      </c>
      <c r="U1810" s="7">
        <v>226.61394089300001</v>
      </c>
      <c r="V1810" s="7">
        <v>182.681270138</v>
      </c>
      <c r="W1810" s="7">
        <v>152.17016668100001</v>
      </c>
      <c r="X1810" s="7">
        <v>120.050724651</v>
      </c>
      <c r="Y1810" s="7">
        <v>194.21549832900001</v>
      </c>
      <c r="Z1810" s="7">
        <v>175.309775965</v>
      </c>
      <c r="AA1810" s="7">
        <v>116.112967279</v>
      </c>
      <c r="AB1810" s="7">
        <v>109.049613846</v>
      </c>
      <c r="AC1810" s="7">
        <v>109.35185767999999</v>
      </c>
      <c r="AD1810" s="7">
        <v>120.580509791</v>
      </c>
      <c r="AE1810" s="7">
        <v>134.03479049399999</v>
      </c>
      <c r="AF1810" s="7">
        <v>135.09528965999999</v>
      </c>
      <c r="AG1810" s="9">
        <v>17417.115316200001</v>
      </c>
      <c r="AH1810" s="13">
        <v>0.7332893901555535</v>
      </c>
      <c r="AI1810" s="9">
        <v>10446.429054600001</v>
      </c>
      <c r="AJ1810" s="13">
        <v>0.43981195804714773</v>
      </c>
      <c r="AK1810" s="9">
        <v>-563.61369980000018</v>
      </c>
      <c r="AL1810" s="13">
        <v>-1.6480672864119979E-2</v>
      </c>
      <c r="AM1810" s="9">
        <v>7534.2999614</v>
      </c>
      <c r="AN1810" s="13">
        <v>0.22400277880792099</v>
      </c>
      <c r="AO1810" s="9">
        <v>6970.6862615999999</v>
      </c>
      <c r="AP1810" s="13">
        <v>0.20383038942561385</v>
      </c>
      <c r="AQ1810" s="9">
        <v>23752.0350765</v>
      </c>
      <c r="AR1810" s="9">
        <v>26146.398608200001</v>
      </c>
      <c r="AS1810" s="9">
        <v>26242.756493100002</v>
      </c>
      <c r="AT1810" s="9">
        <v>26797.177405800001</v>
      </c>
      <c r="AU1810" s="9">
        <v>28783.654000999999</v>
      </c>
      <c r="AV1810" s="9">
        <v>32553.9084931</v>
      </c>
      <c r="AW1810" s="9">
        <v>34198.464131100001</v>
      </c>
      <c r="AX1810" s="9">
        <v>34760.555479800001</v>
      </c>
      <c r="AY1810" s="9">
        <v>38671.523959899998</v>
      </c>
      <c r="AZ1810" s="9">
        <v>33634.850431300001</v>
      </c>
      <c r="BA1810" s="9">
        <v>34998.729978299998</v>
      </c>
      <c r="BB1810" s="9">
        <v>42124.066634299998</v>
      </c>
      <c r="BC1810" s="9">
        <v>42148.277683400003</v>
      </c>
      <c r="BD1810" s="9">
        <v>39839.1754086</v>
      </c>
      <c r="BE1810" s="9">
        <v>40283.237122099999</v>
      </c>
      <c r="BF1810" s="9">
        <v>41169.150392700001</v>
      </c>
      <c r="BG1810" s="11">
        <v>-9.25</v>
      </c>
      <c r="BH1810" s="13">
        <v>-0.38541666666666669</v>
      </c>
      <c r="BI1810" s="6">
        <v>-4</v>
      </c>
      <c r="BJ1810" s="13">
        <v>-0.16666666666666666</v>
      </c>
      <c r="BK1810" s="6">
        <v>-3</v>
      </c>
      <c r="BL1810" s="13">
        <v>-0.15</v>
      </c>
      <c r="BM1810" s="11">
        <v>-2.25</v>
      </c>
      <c r="BN1810" s="13">
        <v>-0.13235294117647059</v>
      </c>
      <c r="BO1810" s="11">
        <v>-5.25</v>
      </c>
      <c r="BP1810" s="13">
        <v>-0.26250000000000001</v>
      </c>
      <c r="BQ1810" s="6">
        <v>24</v>
      </c>
      <c r="BR1810" s="6">
        <v>21</v>
      </c>
      <c r="BS1810" s="6">
        <v>22</v>
      </c>
      <c r="BT1810" s="6">
        <v>20</v>
      </c>
      <c r="BU1810" s="6">
        <v>20</v>
      </c>
      <c r="BV1810" s="6">
        <v>18</v>
      </c>
      <c r="BW1810" s="6">
        <v>17</v>
      </c>
      <c r="BX1810" s="6">
        <v>16</v>
      </c>
      <c r="BY1810" s="6">
        <v>13</v>
      </c>
      <c r="BZ1810" s="6">
        <v>12</v>
      </c>
      <c r="CA1810" s="6">
        <v>12</v>
      </c>
      <c r="CB1810" s="6">
        <v>14</v>
      </c>
      <c r="CC1810" s="11">
        <v>14.75</v>
      </c>
      <c r="CD1810" s="11">
        <v>-5.28653</v>
      </c>
      <c r="CE1810" s="11">
        <v>-65.515500000000003</v>
      </c>
      <c r="CF1810" s="11">
        <v>20.289200000000001</v>
      </c>
      <c r="CG1810" s="11">
        <v>-46</v>
      </c>
      <c r="CH1810" s="20">
        <v>7.3026599999999997E-2</v>
      </c>
      <c r="CI1810" s="20">
        <v>6.7912700000000006E-2</v>
      </c>
      <c r="CJ1810" s="20">
        <v>7.3286699999999996E-2</v>
      </c>
      <c r="CK1810" s="20">
        <v>7.9665299999999994E-2</v>
      </c>
      <c r="CL1810" s="20">
        <v>7.8717499999999996E-2</v>
      </c>
      <c r="CM1810" s="20">
        <v>9.3102199999999996E-2</v>
      </c>
      <c r="CN1810" s="20">
        <v>7.5593800000000003E-2</v>
      </c>
      <c r="CO1810" s="20">
        <v>6.0683300000000003E-2</v>
      </c>
      <c r="CP1810" s="20">
        <v>5.0561000000000002E-2</v>
      </c>
      <c r="CQ1810" s="20">
        <v>8.4757200000000005E-2</v>
      </c>
      <c r="CR1810" s="20">
        <v>7.6187599999999994E-2</v>
      </c>
      <c r="CS1810" s="20">
        <v>5.3600799999999997E-2</v>
      </c>
      <c r="CT1810" s="20">
        <v>4.9539699999999999E-2</v>
      </c>
      <c r="CU1810" s="20">
        <v>5.4182899999999999E-2</v>
      </c>
      <c r="CV1810" s="20">
        <v>6.0406300000000003E-2</v>
      </c>
      <c r="CW1810" s="20">
        <v>6.8781800000000004E-2</v>
      </c>
      <c r="CX1810" s="20">
        <v>7.0407999999999998E-2</v>
      </c>
      <c r="CY1810" s="6" t="s">
        <v>655</v>
      </c>
      <c r="CZ1810" s="6" t="s">
        <v>656</v>
      </c>
      <c r="DA1810" s="6" t="s">
        <v>118</v>
      </c>
      <c r="DB1810" s="6"/>
      <c r="DC1810" s="6">
        <v>22780</v>
      </c>
      <c r="DD1810" s="6"/>
      <c r="DE1810" s="6" t="s">
        <v>658</v>
      </c>
      <c r="DF1810" s="6" t="s">
        <v>363</v>
      </c>
      <c r="DG1810" s="6" t="s">
        <v>364</v>
      </c>
      <c r="DH1810" s="6" t="s">
        <v>365</v>
      </c>
      <c r="DI1810" s="6"/>
      <c r="DJ1810" s="6">
        <v>29</v>
      </c>
      <c r="DK1810" s="6">
        <v>169</v>
      </c>
      <c r="DL1810" s="6">
        <v>8</v>
      </c>
      <c r="DM1810" s="6" t="s">
        <v>368</v>
      </c>
      <c r="DN1810" s="6">
        <v>5</v>
      </c>
      <c r="DO1810" s="6" t="s">
        <v>429</v>
      </c>
      <c r="DP1810" s="6"/>
      <c r="DQ1810" s="6"/>
    </row>
    <row r="1811" spans="1:121" x14ac:dyDescent="0.2">
      <c r="A1811" s="6" t="s">
        <v>313</v>
      </c>
      <c r="B1811" s="6" t="s">
        <v>313</v>
      </c>
      <c r="C1811" s="6" t="s">
        <v>178</v>
      </c>
      <c r="D1811" s="6" t="s">
        <v>118</v>
      </c>
      <c r="E1811" s="6" t="s">
        <v>259</v>
      </c>
      <c r="F1811" s="11">
        <v>46</v>
      </c>
      <c r="G1811" s="13">
        <v>0.92</v>
      </c>
      <c r="H1811" s="11">
        <v>52.426257640099998</v>
      </c>
      <c r="I1811" s="13">
        <v>1.0443550722841739</v>
      </c>
      <c r="J1811" s="11">
        <v>-64.856465381899994</v>
      </c>
      <c r="K1811" s="13">
        <v>-0.63196972148037556</v>
      </c>
      <c r="L1811" s="11">
        <v>57.827112046399996</v>
      </c>
      <c r="M1811" s="13">
        <v>1.5310555500866134</v>
      </c>
      <c r="N1811" s="11">
        <v>-7.0293533355000051</v>
      </c>
      <c r="O1811" s="13">
        <v>-6.8494920952982513E-2</v>
      </c>
      <c r="P1811" s="7">
        <v>50.199648597900001</v>
      </c>
      <c r="Q1811" s="7">
        <v>53.735354299000001</v>
      </c>
      <c r="R1811" s="7">
        <v>54.845413178900003</v>
      </c>
      <c r="S1811" s="7">
        <v>58.630880433800002</v>
      </c>
      <c r="T1811" s="7">
        <v>56.3041183729</v>
      </c>
      <c r="U1811" s="7">
        <v>87.984534330299994</v>
      </c>
      <c r="V1811" s="7">
        <v>102.625906238</v>
      </c>
      <c r="W1811" s="7">
        <v>77.293599080800007</v>
      </c>
      <c r="X1811" s="7">
        <v>80.448138732199993</v>
      </c>
      <c r="Y1811" s="7">
        <v>37.769440856099997</v>
      </c>
      <c r="Z1811" s="7">
        <v>38.256822628499997</v>
      </c>
      <c r="AA1811" s="7">
        <v>45.629733089799998</v>
      </c>
      <c r="AB1811" s="7">
        <v>89.548314070800004</v>
      </c>
      <c r="AC1811" s="7">
        <v>85.725115706799997</v>
      </c>
      <c r="AD1811" s="7">
        <v>90.021724736899998</v>
      </c>
      <c r="AE1811" s="7">
        <v>89.226639665999997</v>
      </c>
      <c r="AF1811" s="7">
        <v>95.596552902499994</v>
      </c>
      <c r="AG1811" s="9">
        <v>14233.7779051</v>
      </c>
      <c r="AH1811" s="13">
        <v>0.59424061927324756</v>
      </c>
      <c r="AI1811" s="9">
        <v>8857.7094556999982</v>
      </c>
      <c r="AJ1811" s="13">
        <v>0.3697971675117751</v>
      </c>
      <c r="AK1811" s="9">
        <v>-6223.4883132999967</v>
      </c>
      <c r="AL1811" s="13">
        <v>-0.18967922393710016</v>
      </c>
      <c r="AM1811" s="9">
        <v>11599.556762699998</v>
      </c>
      <c r="AN1811" s="13">
        <v>0.43628502457102258</v>
      </c>
      <c r="AO1811" s="9">
        <v>5376.0684494000016</v>
      </c>
      <c r="AP1811" s="13">
        <v>0.16385159575791219</v>
      </c>
      <c r="AQ1811" s="9">
        <v>23952.886159999998</v>
      </c>
      <c r="AR1811" s="9">
        <v>21944.908936700002</v>
      </c>
      <c r="AS1811" s="9">
        <v>26595.841361300001</v>
      </c>
      <c r="AT1811" s="9">
        <v>33195.5685275</v>
      </c>
      <c r="AU1811" s="9">
        <v>26462.838527600001</v>
      </c>
      <c r="AV1811" s="9">
        <v>46907.3925475</v>
      </c>
      <c r="AW1811" s="9">
        <v>32810.595615699996</v>
      </c>
      <c r="AX1811" s="9">
        <v>34273.889276200003</v>
      </c>
      <c r="AY1811" s="9">
        <v>36790.620538299998</v>
      </c>
      <c r="AZ1811" s="9">
        <v>26587.1073024</v>
      </c>
      <c r="BA1811" s="9">
        <v>28162.5723894</v>
      </c>
      <c r="BB1811" s="9">
        <v>31104.810531800002</v>
      </c>
      <c r="BC1811" s="9">
        <v>39587.004903599998</v>
      </c>
      <c r="BD1811" s="9">
        <v>39360.896945300003</v>
      </c>
      <c r="BE1811" s="9">
        <v>36896.413729200001</v>
      </c>
      <c r="BF1811" s="9">
        <v>38186.664065099998</v>
      </c>
      <c r="BG1811" s="11">
        <v>4.25</v>
      </c>
      <c r="BH1811" s="13">
        <v>0.32692307692307693</v>
      </c>
      <c r="BI1811" s="6">
        <v>-1</v>
      </c>
      <c r="BJ1811" s="13">
        <v>-7.6923076923076927E-2</v>
      </c>
      <c r="BK1811" s="6">
        <v>-3</v>
      </c>
      <c r="BL1811" s="13">
        <v>-0.25</v>
      </c>
      <c r="BM1811" s="11">
        <v>8.25</v>
      </c>
      <c r="BN1811" s="13">
        <v>0.91666666666666663</v>
      </c>
      <c r="BO1811" s="11">
        <v>5.25</v>
      </c>
      <c r="BP1811" s="13">
        <v>0.4375</v>
      </c>
      <c r="BQ1811" s="6">
        <v>13</v>
      </c>
      <c r="BR1811" s="6">
        <v>14</v>
      </c>
      <c r="BS1811" s="6">
        <v>13</v>
      </c>
      <c r="BT1811" s="6">
        <v>12</v>
      </c>
      <c r="BU1811" s="6">
        <v>10</v>
      </c>
      <c r="BV1811" s="6">
        <v>9</v>
      </c>
      <c r="BW1811" s="6">
        <v>9</v>
      </c>
      <c r="BX1811" s="6">
        <v>10</v>
      </c>
      <c r="BY1811" s="6">
        <v>11</v>
      </c>
      <c r="BZ1811" s="6">
        <v>14</v>
      </c>
      <c r="CA1811" s="6">
        <v>15</v>
      </c>
      <c r="CB1811" s="6">
        <v>17</v>
      </c>
      <c r="CC1811" s="11">
        <v>17.25</v>
      </c>
      <c r="CD1811" s="11">
        <v>44.014200000000002</v>
      </c>
      <c r="CE1811" s="11">
        <v>-4.1047000000000002</v>
      </c>
      <c r="CF1811" s="11">
        <v>5.4874299999999998</v>
      </c>
      <c r="CG1811" s="11">
        <v>1</v>
      </c>
      <c r="CH1811" s="20">
        <v>5.54674E-2</v>
      </c>
      <c r="CI1811" s="20">
        <v>5.8265900000000002E-2</v>
      </c>
      <c r="CJ1811" s="20">
        <v>5.8365899999999998E-2</v>
      </c>
      <c r="CK1811" s="20">
        <v>6.1573000000000003E-2</v>
      </c>
      <c r="CL1811" s="20">
        <v>5.81915E-2</v>
      </c>
      <c r="CM1811" s="20">
        <v>8.5474400000000006E-2</v>
      </c>
      <c r="CN1811" s="20">
        <v>9.6861500000000003E-2</v>
      </c>
      <c r="CO1811" s="20">
        <v>6.8503599999999998E-2</v>
      </c>
      <c r="CP1811" s="20">
        <v>7.1180499999999994E-2</v>
      </c>
      <c r="CQ1811" s="20">
        <v>3.4283000000000001E-2</v>
      </c>
      <c r="CR1811" s="20">
        <v>3.4732399999999997E-2</v>
      </c>
      <c r="CS1811" s="20">
        <v>4.3951900000000002E-2</v>
      </c>
      <c r="CT1811" s="20">
        <v>8.4402699999999997E-2</v>
      </c>
      <c r="CU1811" s="20">
        <v>8.8238300000000006E-2</v>
      </c>
      <c r="CV1811" s="20">
        <v>9.3744999999999995E-2</v>
      </c>
      <c r="CW1811" s="20">
        <v>9.5425800000000005E-2</v>
      </c>
      <c r="CX1811" s="20">
        <v>0.102989</v>
      </c>
      <c r="CY1811" s="6" t="s">
        <v>655</v>
      </c>
      <c r="CZ1811" s="6" t="s">
        <v>656</v>
      </c>
      <c r="DA1811" s="6" t="s">
        <v>118</v>
      </c>
      <c r="DB1811" s="6"/>
      <c r="DC1811" s="6">
        <v>22780</v>
      </c>
      <c r="DD1811" s="6"/>
      <c r="DE1811" s="6" t="s">
        <v>658</v>
      </c>
      <c r="DF1811" s="6" t="s">
        <v>363</v>
      </c>
      <c r="DG1811" s="6" t="s">
        <v>364</v>
      </c>
      <c r="DH1811" s="6" t="s">
        <v>365</v>
      </c>
      <c r="DI1811" s="6"/>
      <c r="DJ1811" s="6">
        <v>29</v>
      </c>
      <c r="DK1811" s="6">
        <v>169</v>
      </c>
      <c r="DL1811" s="6">
        <v>8</v>
      </c>
      <c r="DM1811" s="6" t="s">
        <v>368</v>
      </c>
      <c r="DN1811" s="6">
        <v>5</v>
      </c>
      <c r="DO1811" s="6" t="s">
        <v>429</v>
      </c>
      <c r="DP1811" s="6"/>
      <c r="DQ1811" s="6"/>
    </row>
    <row r="1812" spans="1:121" x14ac:dyDescent="0.2">
      <c r="A1812" s="6" t="s">
        <v>793</v>
      </c>
      <c r="B1812" s="6" t="s">
        <v>179</v>
      </c>
      <c r="C1812" s="6" t="s">
        <v>180</v>
      </c>
      <c r="D1812" s="6" t="s">
        <v>118</v>
      </c>
      <c r="E1812" s="6" t="s">
        <v>259</v>
      </c>
      <c r="F1812" s="11">
        <v>367</v>
      </c>
      <c r="G1812" s="13">
        <v>0.24</v>
      </c>
      <c r="H1812" s="11">
        <v>36</v>
      </c>
      <c r="I1812" s="13">
        <v>2.3391812865497075E-2</v>
      </c>
      <c r="J1812" s="11">
        <v>141</v>
      </c>
      <c r="K1812" s="13">
        <v>8.9523809523809519E-2</v>
      </c>
      <c r="L1812" s="11">
        <v>190</v>
      </c>
      <c r="M1812" s="13">
        <v>0.11072261072261072</v>
      </c>
      <c r="N1812" s="11">
        <v>331</v>
      </c>
      <c r="O1812" s="13">
        <v>0.21015873015873016</v>
      </c>
      <c r="P1812" s="7">
        <v>1539</v>
      </c>
      <c r="Q1812" s="7">
        <v>1625</v>
      </c>
      <c r="R1812" s="7">
        <v>1604</v>
      </c>
      <c r="S1812" s="7">
        <v>1591</v>
      </c>
      <c r="T1812" s="7">
        <v>1643</v>
      </c>
      <c r="U1812" s="7">
        <v>1588</v>
      </c>
      <c r="V1812" s="7">
        <v>1575</v>
      </c>
      <c r="W1812" s="7">
        <v>1721</v>
      </c>
      <c r="X1812" s="7">
        <v>1721</v>
      </c>
      <c r="Y1812" s="7">
        <v>1716</v>
      </c>
      <c r="Z1812" s="7">
        <v>1755</v>
      </c>
      <c r="AA1812" s="7">
        <v>1742</v>
      </c>
      <c r="AB1812" s="7">
        <v>1766</v>
      </c>
      <c r="AC1812" s="7">
        <v>1779</v>
      </c>
      <c r="AD1812" s="7">
        <v>1803</v>
      </c>
      <c r="AE1812" s="7">
        <v>1825</v>
      </c>
      <c r="AF1812" s="7">
        <v>1906</v>
      </c>
      <c r="AG1812" s="9">
        <v>9069</v>
      </c>
      <c r="AH1812" s="13">
        <v>0.4708233828262901</v>
      </c>
      <c r="AI1812" s="9">
        <v>5118</v>
      </c>
      <c r="AJ1812" s="13">
        <v>0.26570449589866058</v>
      </c>
      <c r="AK1812" s="9">
        <v>2177</v>
      </c>
      <c r="AL1812" s="13">
        <v>8.9294503691550453E-2</v>
      </c>
      <c r="AM1812" s="9">
        <v>1774</v>
      </c>
      <c r="AN1812" s="13">
        <v>6.679971382309749E-2</v>
      </c>
      <c r="AO1812" s="9">
        <v>3951</v>
      </c>
      <c r="AP1812" s="13">
        <v>0.16205906480721904</v>
      </c>
      <c r="AQ1812" s="9">
        <v>19262</v>
      </c>
      <c r="AR1812" s="9">
        <v>19887</v>
      </c>
      <c r="AS1812" s="9">
        <v>20927</v>
      </c>
      <c r="AT1812" s="9">
        <v>21851</v>
      </c>
      <c r="AU1812" s="9">
        <v>22351</v>
      </c>
      <c r="AV1812" s="9">
        <v>23223</v>
      </c>
      <c r="AW1812" s="9">
        <v>24380</v>
      </c>
      <c r="AX1812" s="9">
        <v>24437</v>
      </c>
      <c r="AY1812" s="9">
        <v>26185</v>
      </c>
      <c r="AZ1812" s="9">
        <v>26557</v>
      </c>
      <c r="BA1812" s="9">
        <v>25624</v>
      </c>
      <c r="BB1812" s="9">
        <v>26466</v>
      </c>
      <c r="BC1812" s="9">
        <v>26760</v>
      </c>
      <c r="BD1812" s="9">
        <v>27257</v>
      </c>
      <c r="BE1812" s="9">
        <v>27798</v>
      </c>
      <c r="BF1812" s="9">
        <v>28331</v>
      </c>
      <c r="BG1812" s="11">
        <v>-21</v>
      </c>
      <c r="BH1812" s="13">
        <v>-0.15217391304347827</v>
      </c>
      <c r="BI1812" s="6">
        <v>-5</v>
      </c>
      <c r="BJ1812" s="13">
        <v>-3.6231884057971016E-2</v>
      </c>
      <c r="BK1812" s="6">
        <v>-4</v>
      </c>
      <c r="BL1812" s="13">
        <v>-3.007518796992481E-2</v>
      </c>
      <c r="BM1812" s="11">
        <v>-12</v>
      </c>
      <c r="BN1812" s="13">
        <v>-9.3023255813953487E-2</v>
      </c>
      <c r="BO1812" s="11">
        <v>-16</v>
      </c>
      <c r="BP1812" s="13">
        <v>-0.12030075187969924</v>
      </c>
      <c r="BQ1812" s="6">
        <v>138</v>
      </c>
      <c r="BR1812" s="6">
        <v>127</v>
      </c>
      <c r="BS1812" s="6">
        <v>127</v>
      </c>
      <c r="BT1812" s="6">
        <v>133</v>
      </c>
      <c r="BU1812" s="6">
        <v>132</v>
      </c>
      <c r="BV1812" s="6">
        <v>130</v>
      </c>
      <c r="BW1812" s="6">
        <v>129</v>
      </c>
      <c r="BX1812" s="6">
        <v>125</v>
      </c>
      <c r="BY1812" s="6">
        <v>125</v>
      </c>
      <c r="BZ1812" s="6">
        <v>127</v>
      </c>
      <c r="CA1812" s="6">
        <v>125</v>
      </c>
      <c r="CB1812" s="6">
        <v>122</v>
      </c>
      <c r="CC1812" s="11">
        <v>117</v>
      </c>
      <c r="CD1812" s="11">
        <v>297</v>
      </c>
      <c r="CE1812" s="11">
        <v>-99</v>
      </c>
      <c r="CF1812" s="11">
        <v>168</v>
      </c>
      <c r="CG1812" s="11">
        <v>69</v>
      </c>
      <c r="CH1812" s="20">
        <v>0.63</v>
      </c>
      <c r="CI1812" s="20">
        <v>0.65</v>
      </c>
      <c r="CJ1812" s="20">
        <v>0.63</v>
      </c>
      <c r="CK1812" s="20">
        <v>0.62</v>
      </c>
      <c r="CL1812" s="20">
        <v>0.63</v>
      </c>
      <c r="CM1812" s="20">
        <v>0.57999999999999996</v>
      </c>
      <c r="CN1812" s="20">
        <v>0.56000000000000005</v>
      </c>
      <c r="CO1812" s="20">
        <v>0.57999999999999996</v>
      </c>
      <c r="CP1812" s="20">
        <v>0.56999999999999995</v>
      </c>
      <c r="CQ1812" s="20">
        <v>0.57999999999999996</v>
      </c>
      <c r="CR1812" s="20">
        <v>0.59</v>
      </c>
      <c r="CS1812" s="20">
        <v>0.63</v>
      </c>
      <c r="CT1812" s="20">
        <v>0.62</v>
      </c>
      <c r="CU1812" s="20">
        <v>0.68</v>
      </c>
      <c r="CV1812" s="20">
        <v>0.69</v>
      </c>
      <c r="CW1812" s="20">
        <v>0.71</v>
      </c>
      <c r="CX1812" s="20">
        <v>0.75</v>
      </c>
      <c r="CY1812" s="6" t="s">
        <v>655</v>
      </c>
      <c r="CZ1812" s="6" t="s">
        <v>656</v>
      </c>
      <c r="DA1812" s="6" t="s">
        <v>118</v>
      </c>
      <c r="DB1812" s="6"/>
      <c r="DC1812" s="6">
        <v>22780</v>
      </c>
      <c r="DD1812" s="6"/>
      <c r="DE1812" s="6" t="s">
        <v>658</v>
      </c>
      <c r="DF1812" s="6" t="s">
        <v>363</v>
      </c>
      <c r="DG1812" s="6" t="s">
        <v>364</v>
      </c>
      <c r="DH1812" s="6" t="s">
        <v>365</v>
      </c>
      <c r="DI1812" s="6"/>
      <c r="DJ1812" s="6">
        <v>29</v>
      </c>
      <c r="DK1812" s="6">
        <v>169</v>
      </c>
      <c r="DL1812" s="6">
        <v>8</v>
      </c>
      <c r="DM1812" s="6" t="s">
        <v>368</v>
      </c>
      <c r="DN1812" s="6">
        <v>5</v>
      </c>
      <c r="DO1812" s="6" t="s">
        <v>429</v>
      </c>
      <c r="DP1812" s="6"/>
      <c r="DQ1812" s="6"/>
    </row>
    <row r="1813" spans="1:121" x14ac:dyDescent="0.2">
      <c r="A1813" s="6" t="s">
        <v>794</v>
      </c>
      <c r="B1813" s="6" t="s">
        <v>181</v>
      </c>
      <c r="C1813" s="6" t="s">
        <v>182</v>
      </c>
      <c r="D1813" s="6" t="s">
        <v>118</v>
      </c>
      <c r="E1813" s="6" t="s">
        <v>259</v>
      </c>
      <c r="F1813" s="11">
        <v>-66</v>
      </c>
      <c r="G1813" s="13">
        <v>-0.25384615384600001</v>
      </c>
      <c r="H1813" s="11">
        <v>84.206200254999999</v>
      </c>
      <c r="I1813" s="13">
        <v>0.32353880279750585</v>
      </c>
      <c r="J1813" s="11">
        <v>-99.830260619000029</v>
      </c>
      <c r="K1813" s="13">
        <v>-0.28980630533766316</v>
      </c>
      <c r="L1813" s="11">
        <v>-50.328104125999999</v>
      </c>
      <c r="M1813" s="13">
        <v>-0.20572135864134164</v>
      </c>
      <c r="N1813" s="11">
        <v>-150.15836474500003</v>
      </c>
      <c r="O1813" s="13">
        <v>-0.43590831710211331</v>
      </c>
      <c r="P1813" s="7">
        <v>260.26615517800002</v>
      </c>
      <c r="Q1813" s="7">
        <v>295.40167968899999</v>
      </c>
      <c r="R1813" s="7">
        <v>292.75814532499999</v>
      </c>
      <c r="S1813" s="7">
        <v>347.46964037200001</v>
      </c>
      <c r="T1813" s="7">
        <v>377.28726972700002</v>
      </c>
      <c r="U1813" s="7">
        <v>347.66616771399998</v>
      </c>
      <c r="V1813" s="7">
        <v>344.47235543300002</v>
      </c>
      <c r="W1813" s="7">
        <v>269.99742785799998</v>
      </c>
      <c r="X1813" s="7">
        <v>270.83722880800002</v>
      </c>
      <c r="Y1813" s="7">
        <v>244.64209481399999</v>
      </c>
      <c r="Z1813" s="7">
        <v>196.15478871100001</v>
      </c>
      <c r="AA1813" s="7">
        <v>195.63575478999999</v>
      </c>
      <c r="AB1813" s="7">
        <v>205.68565238100001</v>
      </c>
      <c r="AC1813" s="7">
        <v>199.74885877899999</v>
      </c>
      <c r="AD1813" s="7">
        <v>209.635784315</v>
      </c>
      <c r="AE1813" s="7">
        <v>199.10312647200001</v>
      </c>
      <c r="AF1813" s="7">
        <v>194.31399068799999</v>
      </c>
      <c r="AG1813" s="9">
        <v>9391.1201340999978</v>
      </c>
      <c r="AH1813" s="13">
        <v>0.42650232373733782</v>
      </c>
      <c r="AI1813" s="9">
        <v>15908.706497299998</v>
      </c>
      <c r="AJ1813" s="13">
        <v>0.72250170287103743</v>
      </c>
      <c r="AK1813" s="9">
        <v>-5659.1958503999995</v>
      </c>
      <c r="AL1813" s="13">
        <v>-0.14921039140084202</v>
      </c>
      <c r="AM1813" s="9">
        <v>-858.39051280000058</v>
      </c>
      <c r="AN1813" s="13">
        <v>-2.6601558281387664E-2</v>
      </c>
      <c r="AO1813" s="9">
        <v>-6517.5863632000001</v>
      </c>
      <c r="AP1813" s="13">
        <v>-0.17184272075919152</v>
      </c>
      <c r="AQ1813" s="9">
        <v>22018.919033800001</v>
      </c>
      <c r="AR1813" s="9">
        <v>25729.001316000002</v>
      </c>
      <c r="AS1813" s="9">
        <v>32705.224775400002</v>
      </c>
      <c r="AT1813" s="9">
        <v>35200.943919899997</v>
      </c>
      <c r="AU1813" s="9">
        <v>33802.994415499998</v>
      </c>
      <c r="AV1813" s="9">
        <v>34874.146412000002</v>
      </c>
      <c r="AW1813" s="9">
        <v>37927.625531099999</v>
      </c>
      <c r="AX1813" s="9">
        <v>24824.048914200001</v>
      </c>
      <c r="AY1813" s="9">
        <v>31536.032074300001</v>
      </c>
      <c r="AZ1813" s="9">
        <v>32268.429680699999</v>
      </c>
      <c r="BA1813" s="9">
        <v>29066.897555399999</v>
      </c>
      <c r="BB1813" s="9">
        <v>28390.435047800001</v>
      </c>
      <c r="BC1813" s="9">
        <v>29679.249131299999</v>
      </c>
      <c r="BD1813" s="9">
        <v>29454.616868000001</v>
      </c>
      <c r="BE1813" s="9">
        <v>30675.520582000001</v>
      </c>
      <c r="BF1813" s="9">
        <v>31410.039167899999</v>
      </c>
      <c r="BG1813" s="11">
        <v>-4</v>
      </c>
      <c r="BH1813" s="13">
        <v>-0.2</v>
      </c>
      <c r="BI1813" s="6">
        <v>-3</v>
      </c>
      <c r="BJ1813" s="13">
        <v>-0.15</v>
      </c>
      <c r="BK1813" s="6">
        <v>-1</v>
      </c>
      <c r="BL1813" s="13">
        <v>-5.8823529411764705E-2</v>
      </c>
      <c r="BM1813" s="11">
        <v>0</v>
      </c>
      <c r="BN1813" s="13">
        <v>0</v>
      </c>
      <c r="BO1813" s="11">
        <v>-1</v>
      </c>
      <c r="BP1813" s="13">
        <v>-5.8823529411764705E-2</v>
      </c>
      <c r="BQ1813" s="6">
        <v>20</v>
      </c>
      <c r="BR1813" s="6">
        <v>16</v>
      </c>
      <c r="BS1813" s="6">
        <v>18</v>
      </c>
      <c r="BT1813" s="6">
        <v>17</v>
      </c>
      <c r="BU1813" s="6">
        <v>14</v>
      </c>
      <c r="BV1813" s="6">
        <v>16</v>
      </c>
      <c r="BW1813" s="6">
        <v>16</v>
      </c>
      <c r="BX1813" s="6">
        <v>15</v>
      </c>
      <c r="BY1813" s="6">
        <v>13</v>
      </c>
      <c r="BZ1813" s="6">
        <v>13</v>
      </c>
      <c r="CA1813" s="6">
        <v>14</v>
      </c>
      <c r="CB1813" s="6">
        <v>16</v>
      </c>
      <c r="CC1813" s="11">
        <v>16</v>
      </c>
      <c r="CD1813" s="11">
        <v>-110.807</v>
      </c>
      <c r="CE1813" s="11">
        <v>16.404699999999998</v>
      </c>
      <c r="CF1813" s="11">
        <v>28.450199999999999</v>
      </c>
      <c r="CG1813" s="11">
        <v>44</v>
      </c>
      <c r="CH1813" s="20">
        <v>0.36328500000000002</v>
      </c>
      <c r="CI1813" s="20">
        <v>0.40806399999999998</v>
      </c>
      <c r="CJ1813" s="20">
        <v>0.39774199999999998</v>
      </c>
      <c r="CK1813" s="20">
        <v>0.461372</v>
      </c>
      <c r="CL1813" s="20">
        <v>0.49006499999999997</v>
      </c>
      <c r="CM1813" s="20">
        <v>0.42325600000000002</v>
      </c>
      <c r="CN1813" s="20">
        <v>0.40655999999999998</v>
      </c>
      <c r="CO1813" s="20">
        <v>0.29926199999999997</v>
      </c>
      <c r="CP1813" s="20">
        <v>0.29881799999999997</v>
      </c>
      <c r="CQ1813" s="20">
        <v>0.27522999999999997</v>
      </c>
      <c r="CR1813" s="20">
        <v>0.217864</v>
      </c>
      <c r="CS1813" s="20">
        <v>0.22963600000000001</v>
      </c>
      <c r="CT1813" s="20">
        <v>0.23482900000000001</v>
      </c>
      <c r="CU1813" s="20">
        <v>0.24349699999999999</v>
      </c>
      <c r="CV1813" s="20">
        <v>0.24968799999999999</v>
      </c>
      <c r="CW1813" s="20">
        <v>0.23732</v>
      </c>
      <c r="CX1813" s="20">
        <v>0.23178799999999999</v>
      </c>
      <c r="CY1813" s="6" t="s">
        <v>655</v>
      </c>
      <c r="CZ1813" s="6" t="s">
        <v>656</v>
      </c>
      <c r="DA1813" s="6" t="s">
        <v>118</v>
      </c>
      <c r="DB1813" s="6"/>
      <c r="DC1813" s="6">
        <v>22780</v>
      </c>
      <c r="DD1813" s="6"/>
      <c r="DE1813" s="6" t="s">
        <v>658</v>
      </c>
      <c r="DF1813" s="6" t="s">
        <v>363</v>
      </c>
      <c r="DG1813" s="6" t="s">
        <v>364</v>
      </c>
      <c r="DH1813" s="6" t="s">
        <v>365</v>
      </c>
      <c r="DI1813" s="6"/>
      <c r="DJ1813" s="6">
        <v>29</v>
      </c>
      <c r="DK1813" s="6">
        <v>169</v>
      </c>
      <c r="DL1813" s="6">
        <v>8</v>
      </c>
      <c r="DM1813" s="6" t="s">
        <v>368</v>
      </c>
      <c r="DN1813" s="6">
        <v>5</v>
      </c>
      <c r="DO1813" s="6" t="s">
        <v>429</v>
      </c>
      <c r="DP1813" s="6"/>
      <c r="DQ1813" s="6"/>
    </row>
    <row r="1814" spans="1:121" x14ac:dyDescent="0.2">
      <c r="A1814" s="6" t="s">
        <v>314</v>
      </c>
      <c r="B1814" s="6" t="s">
        <v>314</v>
      </c>
      <c r="C1814" s="6" t="s">
        <v>183</v>
      </c>
      <c r="D1814" s="6" t="s">
        <v>118</v>
      </c>
      <c r="E1814" s="6" t="s">
        <v>259</v>
      </c>
      <c r="F1814" s="11">
        <v>-61</v>
      </c>
      <c r="G1814" s="13">
        <v>-0.34078212290499998</v>
      </c>
      <c r="H1814" s="11">
        <v>66.867760231000005</v>
      </c>
      <c r="I1814" s="13">
        <v>0.37364436876051382</v>
      </c>
      <c r="J1814" s="11">
        <v>-39.365801086000005</v>
      </c>
      <c r="K1814" s="13">
        <v>-0.1601350679366238</v>
      </c>
      <c r="L1814" s="11">
        <v>-88.670543140000007</v>
      </c>
      <c r="M1814" s="13">
        <v>-0.42947439383495478</v>
      </c>
      <c r="N1814" s="11">
        <v>-128.03634422600001</v>
      </c>
      <c r="O1814" s="13">
        <v>-0.52083555053777775</v>
      </c>
      <c r="P1814" s="7">
        <v>178.960974182</v>
      </c>
      <c r="Q1814" s="7">
        <v>189.48391108000001</v>
      </c>
      <c r="R1814" s="7">
        <v>193.787593947</v>
      </c>
      <c r="S1814" s="7">
        <v>195.139666659</v>
      </c>
      <c r="T1814" s="7">
        <v>216.65743136200001</v>
      </c>
      <c r="U1814" s="7">
        <v>229.66193282500001</v>
      </c>
      <c r="V1814" s="7">
        <v>245.82873441300001</v>
      </c>
      <c r="W1814" s="7">
        <v>237.664202816</v>
      </c>
      <c r="X1814" s="7">
        <v>232.113552244</v>
      </c>
      <c r="Y1814" s="7">
        <v>206.462933327</v>
      </c>
      <c r="Z1814" s="7">
        <v>192.593231266</v>
      </c>
      <c r="AA1814" s="7">
        <v>120.11820835499999</v>
      </c>
      <c r="AB1814" s="7">
        <v>92.301871426999995</v>
      </c>
      <c r="AC1814" s="7">
        <v>111.373184556</v>
      </c>
      <c r="AD1814" s="7">
        <v>122.88298337499999</v>
      </c>
      <c r="AE1814" s="7">
        <v>124.92086224099999</v>
      </c>
      <c r="AF1814" s="7">
        <v>117.792390187</v>
      </c>
      <c r="AG1814" s="9">
        <v>2204.3649669000006</v>
      </c>
      <c r="AH1814" s="13">
        <v>8.4495214694388199E-2</v>
      </c>
      <c r="AI1814" s="9">
        <v>4670.0715667000004</v>
      </c>
      <c r="AJ1814" s="13">
        <v>0.17900788008865823</v>
      </c>
      <c r="AK1814" s="9">
        <v>-3023.8560690000013</v>
      </c>
      <c r="AL1814" s="13">
        <v>-9.8308941768558866E-2</v>
      </c>
      <c r="AM1814" s="9">
        <v>558.14946920000148</v>
      </c>
      <c r="AN1814" s="13">
        <v>2.0124479602480941E-2</v>
      </c>
      <c r="AO1814" s="9">
        <v>-2465.7065997999998</v>
      </c>
      <c r="AP1814" s="13">
        <v>-8.016287845944077E-2</v>
      </c>
      <c r="AQ1814" s="9">
        <v>26088.636792900001</v>
      </c>
      <c r="AR1814" s="9">
        <v>27949.876997200001</v>
      </c>
      <c r="AS1814" s="9">
        <v>27747.5956191</v>
      </c>
      <c r="AT1814" s="9">
        <v>30419.985693899998</v>
      </c>
      <c r="AU1814" s="9">
        <v>31406.177413900001</v>
      </c>
      <c r="AV1814" s="9">
        <v>31606.4652824</v>
      </c>
      <c r="AW1814" s="9">
        <v>30758.708359600001</v>
      </c>
      <c r="AX1814" s="9">
        <v>29195.272299200002</v>
      </c>
      <c r="AY1814" s="9">
        <v>28429.700035000002</v>
      </c>
      <c r="AZ1814" s="9">
        <v>27734.8522906</v>
      </c>
      <c r="BA1814" s="9">
        <v>27876.031826499999</v>
      </c>
      <c r="BB1814" s="9">
        <v>27955.3427176</v>
      </c>
      <c r="BC1814" s="9">
        <v>28825.292095600002</v>
      </c>
      <c r="BD1814" s="9">
        <v>28488.586221599999</v>
      </c>
      <c r="BE1814" s="9">
        <v>25459.457771099998</v>
      </c>
      <c r="BF1814" s="9">
        <v>28293.001759800001</v>
      </c>
      <c r="BG1814" s="11">
        <v>-3.75</v>
      </c>
      <c r="BH1814" s="13">
        <v>-0.25</v>
      </c>
      <c r="BI1814" s="6">
        <v>1</v>
      </c>
      <c r="BJ1814" s="13">
        <v>6.6666666666666666E-2</v>
      </c>
      <c r="BK1814" s="6">
        <v>-4</v>
      </c>
      <c r="BL1814" s="13">
        <v>-0.25</v>
      </c>
      <c r="BM1814" s="11">
        <v>-0.75</v>
      </c>
      <c r="BN1814" s="13">
        <v>-6.25E-2</v>
      </c>
      <c r="BO1814" s="11">
        <v>-4.75</v>
      </c>
      <c r="BP1814" s="13">
        <v>-0.296875</v>
      </c>
      <c r="BQ1814" s="6">
        <v>15</v>
      </c>
      <c r="BR1814" s="6">
        <v>16</v>
      </c>
      <c r="BS1814" s="6">
        <v>14</v>
      </c>
      <c r="BT1814" s="6">
        <v>16</v>
      </c>
      <c r="BU1814" s="6">
        <v>14</v>
      </c>
      <c r="BV1814" s="6">
        <v>14</v>
      </c>
      <c r="BW1814" s="6">
        <v>12</v>
      </c>
      <c r="BX1814" s="6">
        <v>12</v>
      </c>
      <c r="BY1814" s="6">
        <v>10</v>
      </c>
      <c r="BZ1814" s="6">
        <v>8</v>
      </c>
      <c r="CA1814" s="6">
        <v>10</v>
      </c>
      <c r="CB1814" s="6">
        <v>10</v>
      </c>
      <c r="CC1814" s="11">
        <v>11.25</v>
      </c>
      <c r="CD1814" s="11">
        <v>-25.917100000000001</v>
      </c>
      <c r="CE1814" s="11">
        <v>-54.814</v>
      </c>
      <c r="CF1814" s="11">
        <v>19.5626</v>
      </c>
      <c r="CG1814" s="11">
        <v>-35</v>
      </c>
      <c r="CH1814" s="20">
        <v>0.31720999999999999</v>
      </c>
      <c r="CI1814" s="20">
        <v>0.34176699999999999</v>
      </c>
      <c r="CJ1814" s="20">
        <v>0.35894700000000002</v>
      </c>
      <c r="CK1814" s="20">
        <v>0.368201</v>
      </c>
      <c r="CL1814" s="20">
        <v>0.41506999999999999</v>
      </c>
      <c r="CM1814" s="20">
        <v>0.42466799999999999</v>
      </c>
      <c r="CN1814" s="20">
        <v>0.45076899999999998</v>
      </c>
      <c r="CO1814" s="20">
        <v>0.412827</v>
      </c>
      <c r="CP1814" s="20">
        <v>0.39943800000000002</v>
      </c>
      <c r="CQ1814" s="20">
        <v>0.371612</v>
      </c>
      <c r="CR1814" s="20">
        <v>0.354962</v>
      </c>
      <c r="CS1814" s="20">
        <v>0.23869299999999999</v>
      </c>
      <c r="CT1814" s="20">
        <v>0.180252</v>
      </c>
      <c r="CU1814" s="20">
        <v>0.23721300000000001</v>
      </c>
      <c r="CV1814" s="20">
        <v>0.26506200000000002</v>
      </c>
      <c r="CW1814" s="20">
        <v>0.27259899999999998</v>
      </c>
      <c r="CX1814" s="20">
        <v>0.26049</v>
      </c>
      <c r="CY1814" s="6" t="s">
        <v>655</v>
      </c>
      <c r="CZ1814" s="6" t="s">
        <v>656</v>
      </c>
      <c r="DA1814" s="6" t="s">
        <v>118</v>
      </c>
      <c r="DB1814" s="6"/>
      <c r="DC1814" s="6">
        <v>22780</v>
      </c>
      <c r="DD1814" s="6"/>
      <c r="DE1814" s="6" t="s">
        <v>658</v>
      </c>
      <c r="DF1814" s="6" t="s">
        <v>363</v>
      </c>
      <c r="DG1814" s="6" t="s">
        <v>364</v>
      </c>
      <c r="DH1814" s="6" t="s">
        <v>365</v>
      </c>
      <c r="DI1814" s="6"/>
      <c r="DJ1814" s="6">
        <v>29</v>
      </c>
      <c r="DK1814" s="6">
        <v>169</v>
      </c>
      <c r="DL1814" s="6">
        <v>8</v>
      </c>
      <c r="DM1814" s="6" t="s">
        <v>368</v>
      </c>
      <c r="DN1814" s="6">
        <v>5</v>
      </c>
      <c r="DO1814" s="6" t="s">
        <v>429</v>
      </c>
      <c r="DP1814" s="6"/>
      <c r="DQ1814" s="6"/>
    </row>
    <row r="1815" spans="1:121" x14ac:dyDescent="0.2">
      <c r="A1815" s="6" t="s">
        <v>315</v>
      </c>
      <c r="B1815" s="6" t="s">
        <v>315</v>
      </c>
      <c r="C1815" s="6" t="s">
        <v>184</v>
      </c>
      <c r="D1815" s="6" t="s">
        <v>118</v>
      </c>
      <c r="E1815" s="6" t="s">
        <v>259</v>
      </c>
      <c r="F1815" s="11">
        <v>-29</v>
      </c>
      <c r="G1815" s="13">
        <v>-0.08</v>
      </c>
      <c r="H1815" s="11">
        <v>56</v>
      </c>
      <c r="I1815" s="13">
        <v>0.14775725593667546</v>
      </c>
      <c r="J1815" s="11">
        <v>-48</v>
      </c>
      <c r="K1815" s="13">
        <v>-0.1103448275862069</v>
      </c>
      <c r="L1815" s="11">
        <v>-37</v>
      </c>
      <c r="M1815" s="13">
        <v>-9.5607235142118857E-2</v>
      </c>
      <c r="N1815" s="11">
        <v>-85</v>
      </c>
      <c r="O1815" s="13">
        <v>-0.19540229885057472</v>
      </c>
      <c r="P1815" s="7">
        <v>379</v>
      </c>
      <c r="Q1815" s="7">
        <v>405</v>
      </c>
      <c r="R1815" s="7">
        <v>441</v>
      </c>
      <c r="S1815" s="7">
        <v>437</v>
      </c>
      <c r="T1815" s="7">
        <v>429</v>
      </c>
      <c r="U1815" s="7">
        <v>448</v>
      </c>
      <c r="V1815" s="7">
        <v>435</v>
      </c>
      <c r="W1815" s="7">
        <v>437</v>
      </c>
      <c r="X1815" s="7">
        <v>385</v>
      </c>
      <c r="Y1815" s="7">
        <v>387</v>
      </c>
      <c r="Z1815" s="7">
        <v>385</v>
      </c>
      <c r="AA1815" s="7">
        <v>410</v>
      </c>
      <c r="AB1815" s="7">
        <v>419</v>
      </c>
      <c r="AC1815" s="7">
        <v>411</v>
      </c>
      <c r="AD1815" s="7">
        <v>390</v>
      </c>
      <c r="AE1815" s="7">
        <v>354</v>
      </c>
      <c r="AF1815" s="7">
        <v>350</v>
      </c>
      <c r="AG1815" s="9">
        <v>15089</v>
      </c>
      <c r="AH1815" s="13">
        <v>0.53120929413835594</v>
      </c>
      <c r="AI1815" s="9">
        <v>8703</v>
      </c>
      <c r="AJ1815" s="13">
        <v>0.30638972011969723</v>
      </c>
      <c r="AK1815" s="9">
        <v>866</v>
      </c>
      <c r="AL1815" s="13">
        <v>2.3337285760482916E-2</v>
      </c>
      <c r="AM1815" s="9">
        <v>5520</v>
      </c>
      <c r="AN1815" s="13">
        <v>0.14536261652709748</v>
      </c>
      <c r="AO1815" s="9">
        <v>6386</v>
      </c>
      <c r="AP1815" s="13">
        <v>0.17209227120836476</v>
      </c>
      <c r="AQ1815" s="9">
        <v>28405</v>
      </c>
      <c r="AR1815" s="9">
        <v>30685</v>
      </c>
      <c r="AS1815" s="9">
        <v>30495</v>
      </c>
      <c r="AT1815" s="9">
        <v>32591</v>
      </c>
      <c r="AU1815" s="9">
        <v>34840</v>
      </c>
      <c r="AV1815" s="9">
        <v>36048</v>
      </c>
      <c r="AW1815" s="9">
        <v>37108</v>
      </c>
      <c r="AX1815" s="9">
        <v>37996</v>
      </c>
      <c r="AY1815" s="9">
        <v>37366</v>
      </c>
      <c r="AZ1815" s="9">
        <v>37974</v>
      </c>
      <c r="BA1815" s="9">
        <v>39166</v>
      </c>
      <c r="BB1815" s="9">
        <v>38672</v>
      </c>
      <c r="BC1815" s="9">
        <v>41295</v>
      </c>
      <c r="BD1815" s="9">
        <v>40168</v>
      </c>
      <c r="BE1815" s="9">
        <v>40759</v>
      </c>
      <c r="BF1815" s="9">
        <v>43494</v>
      </c>
      <c r="BG1815" s="11">
        <v>-14</v>
      </c>
      <c r="BH1815" s="13">
        <v>-0.23333333333333334</v>
      </c>
      <c r="BI1815" s="6">
        <v>-8</v>
      </c>
      <c r="BJ1815" s="13">
        <v>-0.13333333333333333</v>
      </c>
      <c r="BK1815" s="6">
        <v>-8</v>
      </c>
      <c r="BL1815" s="13">
        <v>-0.15384615384615385</v>
      </c>
      <c r="BM1815" s="11">
        <v>2</v>
      </c>
      <c r="BN1815" s="13">
        <v>4.5454545454545456E-2</v>
      </c>
      <c r="BO1815" s="11">
        <v>-6</v>
      </c>
      <c r="BP1815" s="13">
        <v>-0.11538461538461539</v>
      </c>
      <c r="BQ1815" s="6">
        <v>60</v>
      </c>
      <c r="BR1815" s="6">
        <v>57</v>
      </c>
      <c r="BS1815" s="6">
        <v>53</v>
      </c>
      <c r="BT1815" s="6">
        <v>52</v>
      </c>
      <c r="BU1815" s="6">
        <v>51</v>
      </c>
      <c r="BV1815" s="6">
        <v>47</v>
      </c>
      <c r="BW1815" s="6">
        <v>44</v>
      </c>
      <c r="BX1815" s="6">
        <v>44</v>
      </c>
      <c r="BY1815" s="6">
        <v>45</v>
      </c>
      <c r="BZ1815" s="6">
        <v>46</v>
      </c>
      <c r="CA1815" s="6">
        <v>44</v>
      </c>
      <c r="CB1815" s="6">
        <v>46</v>
      </c>
      <c r="CC1815" s="11">
        <v>46</v>
      </c>
      <c r="CD1815" s="11">
        <v>-41</v>
      </c>
      <c r="CE1815" s="11">
        <v>-30</v>
      </c>
      <c r="CF1815" s="11">
        <v>41</v>
      </c>
      <c r="CG1815" s="11">
        <v>11</v>
      </c>
      <c r="CH1815" s="20">
        <v>0.41</v>
      </c>
      <c r="CI1815" s="20">
        <v>0.42</v>
      </c>
      <c r="CJ1815" s="20">
        <v>0.44</v>
      </c>
      <c r="CK1815" s="20">
        <v>0.43</v>
      </c>
      <c r="CL1815" s="20">
        <v>0.42</v>
      </c>
      <c r="CM1815" s="20">
        <v>0.41</v>
      </c>
      <c r="CN1815" s="20">
        <v>0.4</v>
      </c>
      <c r="CO1815" s="20">
        <v>0.38</v>
      </c>
      <c r="CP1815" s="20">
        <v>0.33</v>
      </c>
      <c r="CQ1815" s="20">
        <v>0.34</v>
      </c>
      <c r="CR1815" s="20">
        <v>0.34</v>
      </c>
      <c r="CS1815" s="20">
        <v>0.39</v>
      </c>
      <c r="CT1815" s="20">
        <v>0.39</v>
      </c>
      <c r="CU1815" s="20">
        <v>0.42</v>
      </c>
      <c r="CV1815" s="20">
        <v>0.4</v>
      </c>
      <c r="CW1815" s="20">
        <v>0.37</v>
      </c>
      <c r="CX1815" s="20">
        <v>0.37</v>
      </c>
      <c r="CY1815" s="6" t="s">
        <v>655</v>
      </c>
      <c r="CZ1815" s="6" t="s">
        <v>656</v>
      </c>
      <c r="DA1815" s="6" t="s">
        <v>118</v>
      </c>
      <c r="DB1815" s="6"/>
      <c r="DC1815" s="6">
        <v>22780</v>
      </c>
      <c r="DD1815" s="6"/>
      <c r="DE1815" s="6" t="s">
        <v>658</v>
      </c>
      <c r="DF1815" s="6" t="s">
        <v>363</v>
      </c>
      <c r="DG1815" s="6" t="s">
        <v>364</v>
      </c>
      <c r="DH1815" s="6" t="s">
        <v>365</v>
      </c>
      <c r="DI1815" s="6"/>
      <c r="DJ1815" s="6">
        <v>29</v>
      </c>
      <c r="DK1815" s="6">
        <v>169</v>
      </c>
      <c r="DL1815" s="6">
        <v>8</v>
      </c>
      <c r="DM1815" s="6" t="s">
        <v>368</v>
      </c>
      <c r="DN1815" s="6">
        <v>5</v>
      </c>
      <c r="DO1815" s="6" t="s">
        <v>429</v>
      </c>
      <c r="DP1815" s="6"/>
      <c r="DQ1815" s="6"/>
    </row>
    <row r="1816" spans="1:121" x14ac:dyDescent="0.2">
      <c r="A1816" s="6" t="s">
        <v>316</v>
      </c>
      <c r="B1816" s="6" t="s">
        <v>316</v>
      </c>
      <c r="C1816" s="6" t="s">
        <v>185</v>
      </c>
      <c r="D1816" s="6" t="s">
        <v>118</v>
      </c>
      <c r="E1816" s="6" t="s">
        <v>259</v>
      </c>
      <c r="F1816" s="11">
        <v>49</v>
      </c>
      <c r="G1816" s="13">
        <v>0.43</v>
      </c>
      <c r="H1816" s="11">
        <v>60</v>
      </c>
      <c r="I1816" s="13">
        <v>0.52173913043478259</v>
      </c>
      <c r="J1816" s="11">
        <v>10</v>
      </c>
      <c r="K1816" s="13">
        <v>5.7142857142857141E-2</v>
      </c>
      <c r="L1816" s="11">
        <v>-21</v>
      </c>
      <c r="M1816" s="13">
        <v>-0.11351351351351352</v>
      </c>
      <c r="N1816" s="11">
        <v>-11</v>
      </c>
      <c r="O1816" s="13">
        <v>-6.2857142857142861E-2</v>
      </c>
      <c r="P1816" s="7">
        <v>115</v>
      </c>
      <c r="Q1816" s="7">
        <v>113</v>
      </c>
      <c r="R1816" s="7">
        <v>134</v>
      </c>
      <c r="S1816" s="7">
        <v>146</v>
      </c>
      <c r="T1816" s="7">
        <v>178</v>
      </c>
      <c r="U1816" s="7">
        <v>174</v>
      </c>
      <c r="V1816" s="7">
        <v>175</v>
      </c>
      <c r="W1816" s="7">
        <v>175</v>
      </c>
      <c r="X1816" s="7">
        <v>180</v>
      </c>
      <c r="Y1816" s="7">
        <v>185</v>
      </c>
      <c r="Z1816" s="7">
        <v>187</v>
      </c>
      <c r="AA1816" s="7">
        <v>179</v>
      </c>
      <c r="AB1816" s="7">
        <v>182</v>
      </c>
      <c r="AC1816" s="7">
        <v>158</v>
      </c>
      <c r="AD1816" s="7">
        <v>160</v>
      </c>
      <c r="AE1816" s="7">
        <v>161</v>
      </c>
      <c r="AF1816" s="7">
        <v>164</v>
      </c>
      <c r="AG1816" s="9">
        <v>12793</v>
      </c>
      <c r="AH1816" s="13">
        <v>0.62120034961639314</v>
      </c>
      <c r="AI1816" s="9">
        <v>5373</v>
      </c>
      <c r="AJ1816" s="13">
        <v>0.26090123336894239</v>
      </c>
      <c r="AK1816" s="9">
        <v>464</v>
      </c>
      <c r="AL1816" s="13">
        <v>1.7868833519467015E-2</v>
      </c>
      <c r="AM1816" s="9">
        <v>6956</v>
      </c>
      <c r="AN1816" s="13">
        <v>0.26317581627634218</v>
      </c>
      <c r="AO1816" s="9">
        <v>7420</v>
      </c>
      <c r="AP1816" s="13">
        <v>0.28574729464320098</v>
      </c>
      <c r="AQ1816" s="9">
        <v>20594</v>
      </c>
      <c r="AR1816" s="9">
        <v>22819</v>
      </c>
      <c r="AS1816" s="9">
        <v>23252</v>
      </c>
      <c r="AT1816" s="9">
        <v>23928</v>
      </c>
      <c r="AU1816" s="9">
        <v>27121</v>
      </c>
      <c r="AV1816" s="9">
        <v>25570</v>
      </c>
      <c r="AW1816" s="9">
        <v>25967</v>
      </c>
      <c r="AX1816" s="9">
        <v>25874</v>
      </c>
      <c r="AY1816" s="9">
        <v>27327</v>
      </c>
      <c r="AZ1816" s="9">
        <v>26431</v>
      </c>
      <c r="BA1816" s="9">
        <v>25389</v>
      </c>
      <c r="BB1816" s="9">
        <v>27351</v>
      </c>
      <c r="BC1816" s="9">
        <v>28808</v>
      </c>
      <c r="BD1816" s="9">
        <v>30089</v>
      </c>
      <c r="BE1816" s="9">
        <v>32751</v>
      </c>
      <c r="BF1816" s="9">
        <v>33387</v>
      </c>
      <c r="BG1816" s="11">
        <v>7</v>
      </c>
      <c r="BH1816" s="13">
        <v>0.20588235294117646</v>
      </c>
      <c r="BI1816" s="6">
        <v>6</v>
      </c>
      <c r="BJ1816" s="13">
        <v>0.17647058823529413</v>
      </c>
      <c r="BK1816" s="6">
        <v>-1</v>
      </c>
      <c r="BL1816" s="13">
        <v>-2.5000000000000001E-2</v>
      </c>
      <c r="BM1816" s="11">
        <v>2</v>
      </c>
      <c r="BN1816" s="13">
        <v>5.128205128205128E-2</v>
      </c>
      <c r="BO1816" s="11">
        <v>1</v>
      </c>
      <c r="BP1816" s="13">
        <v>2.5000000000000001E-2</v>
      </c>
      <c r="BQ1816" s="6">
        <v>34</v>
      </c>
      <c r="BR1816" s="6">
        <v>37</v>
      </c>
      <c r="BS1816" s="6">
        <v>39</v>
      </c>
      <c r="BT1816" s="6">
        <v>40</v>
      </c>
      <c r="BU1816" s="6">
        <v>37</v>
      </c>
      <c r="BV1816" s="6">
        <v>39</v>
      </c>
      <c r="BW1816" s="6">
        <v>39</v>
      </c>
      <c r="BX1816" s="6">
        <v>39</v>
      </c>
      <c r="BY1816" s="6">
        <v>40</v>
      </c>
      <c r="BZ1816" s="6">
        <v>40</v>
      </c>
      <c r="CA1816" s="6">
        <v>37</v>
      </c>
      <c r="CB1816" s="6">
        <v>42</v>
      </c>
      <c r="CC1816" s="11">
        <v>41</v>
      </c>
      <c r="CD1816" s="11">
        <v>42</v>
      </c>
      <c r="CE1816" s="11">
        <v>-6</v>
      </c>
      <c r="CF1816" s="11">
        <v>13</v>
      </c>
      <c r="CG1816" s="11">
        <v>7</v>
      </c>
      <c r="CH1816" s="20">
        <v>0.3</v>
      </c>
      <c r="CI1816" s="20">
        <v>0.28999999999999998</v>
      </c>
      <c r="CJ1816" s="20">
        <v>0.32</v>
      </c>
      <c r="CK1816" s="20">
        <v>0.34</v>
      </c>
      <c r="CL1816" s="20">
        <v>0.4</v>
      </c>
      <c r="CM1816" s="20">
        <v>0.37</v>
      </c>
      <c r="CN1816" s="20">
        <v>0.37</v>
      </c>
      <c r="CO1816" s="20">
        <v>0.36</v>
      </c>
      <c r="CP1816" s="20">
        <v>0.36</v>
      </c>
      <c r="CQ1816" s="20">
        <v>0.39</v>
      </c>
      <c r="CR1816" s="20">
        <v>0.41</v>
      </c>
      <c r="CS1816" s="20">
        <v>0.42</v>
      </c>
      <c r="CT1816" s="20">
        <v>0.41</v>
      </c>
      <c r="CU1816" s="20">
        <v>0.39</v>
      </c>
      <c r="CV1816" s="20">
        <v>0.39</v>
      </c>
      <c r="CW1816" s="20">
        <v>0.4</v>
      </c>
      <c r="CX1816" s="20">
        <v>0.41</v>
      </c>
      <c r="CY1816" s="6" t="s">
        <v>655</v>
      </c>
      <c r="CZ1816" s="6" t="s">
        <v>656</v>
      </c>
      <c r="DA1816" s="6" t="s">
        <v>118</v>
      </c>
      <c r="DB1816" s="6"/>
      <c r="DC1816" s="6">
        <v>22780</v>
      </c>
      <c r="DD1816" s="6"/>
      <c r="DE1816" s="6" t="s">
        <v>658</v>
      </c>
      <c r="DF1816" s="6" t="s">
        <v>363</v>
      </c>
      <c r="DG1816" s="6" t="s">
        <v>364</v>
      </c>
      <c r="DH1816" s="6" t="s">
        <v>365</v>
      </c>
      <c r="DI1816" s="6"/>
      <c r="DJ1816" s="6">
        <v>29</v>
      </c>
      <c r="DK1816" s="6">
        <v>169</v>
      </c>
      <c r="DL1816" s="6">
        <v>8</v>
      </c>
      <c r="DM1816" s="6" t="s">
        <v>368</v>
      </c>
      <c r="DN1816" s="6">
        <v>5</v>
      </c>
      <c r="DO1816" s="6" t="s">
        <v>429</v>
      </c>
      <c r="DP1816" s="6"/>
      <c r="DQ1816" s="6"/>
    </row>
    <row r="1817" spans="1:121" x14ac:dyDescent="0.2">
      <c r="A1817" s="6" t="s">
        <v>317</v>
      </c>
      <c r="B1817" s="6" t="s">
        <v>317</v>
      </c>
      <c r="C1817" s="6" t="s">
        <v>186</v>
      </c>
      <c r="D1817" s="6" t="s">
        <v>118</v>
      </c>
      <c r="E1817" s="6" t="s">
        <v>259</v>
      </c>
      <c r="F1817" s="11">
        <v>270</v>
      </c>
      <c r="G1817" s="13">
        <v>1.62</v>
      </c>
      <c r="H1817" s="11">
        <v>287</v>
      </c>
      <c r="I1817" s="13">
        <v>1.7185628742514969</v>
      </c>
      <c r="J1817" s="11">
        <v>-37</v>
      </c>
      <c r="K1817" s="13">
        <v>-8.1497797356828189E-2</v>
      </c>
      <c r="L1817" s="11">
        <v>20</v>
      </c>
      <c r="M1817" s="13">
        <v>4.7961630695443645E-2</v>
      </c>
      <c r="N1817" s="11">
        <v>-17</v>
      </c>
      <c r="O1817" s="13">
        <v>-3.7444933920704845E-2</v>
      </c>
      <c r="P1817" s="7">
        <v>167</v>
      </c>
      <c r="Q1817" s="7">
        <v>215</v>
      </c>
      <c r="R1817" s="7">
        <v>170</v>
      </c>
      <c r="S1817" s="7">
        <v>268</v>
      </c>
      <c r="T1817" s="7">
        <v>392</v>
      </c>
      <c r="U1817" s="7">
        <v>382</v>
      </c>
      <c r="V1817" s="7">
        <v>454</v>
      </c>
      <c r="W1817" s="7">
        <v>489</v>
      </c>
      <c r="X1817" s="7">
        <v>432</v>
      </c>
      <c r="Y1817" s="7">
        <v>417</v>
      </c>
      <c r="Z1817" s="7">
        <v>409</v>
      </c>
      <c r="AA1817" s="7">
        <v>408</v>
      </c>
      <c r="AB1817" s="7">
        <v>425</v>
      </c>
      <c r="AC1817" s="7">
        <v>407</v>
      </c>
      <c r="AD1817" s="7">
        <v>429</v>
      </c>
      <c r="AE1817" s="7">
        <v>421</v>
      </c>
      <c r="AF1817" s="7">
        <v>437</v>
      </c>
      <c r="AG1817" s="9">
        <v>13661</v>
      </c>
      <c r="AH1817" s="13">
        <v>0.51442235276397053</v>
      </c>
      <c r="AI1817" s="9">
        <v>13886</v>
      </c>
      <c r="AJ1817" s="13">
        <v>0.5228950143093839</v>
      </c>
      <c r="AK1817" s="9">
        <v>16826</v>
      </c>
      <c r="AL1817" s="13">
        <v>0.41605261856485831</v>
      </c>
      <c r="AM1817" s="9">
        <v>-17051</v>
      </c>
      <c r="AN1817" s="13">
        <v>-0.29774044841796465</v>
      </c>
      <c r="AO1817" s="9">
        <v>-225</v>
      </c>
      <c r="AP1817" s="13">
        <v>-5.5635230700756639E-3</v>
      </c>
      <c r="AQ1817" s="9">
        <v>26556</v>
      </c>
      <c r="AR1817" s="9">
        <v>30183</v>
      </c>
      <c r="AS1817" s="9">
        <v>26747</v>
      </c>
      <c r="AT1817" s="9">
        <v>28279</v>
      </c>
      <c r="AU1817" s="9">
        <v>37989</v>
      </c>
      <c r="AV1817" s="9">
        <v>39311</v>
      </c>
      <c r="AW1817" s="9">
        <v>40442</v>
      </c>
      <c r="AX1817" s="9">
        <v>48224</v>
      </c>
      <c r="AY1817" s="9">
        <v>57360</v>
      </c>
      <c r="AZ1817" s="9">
        <v>57268</v>
      </c>
      <c r="BA1817" s="9">
        <v>56301</v>
      </c>
      <c r="BB1817" s="9">
        <v>57065</v>
      </c>
      <c r="BC1817" s="9">
        <v>51817</v>
      </c>
      <c r="BD1817" s="9">
        <v>47257</v>
      </c>
      <c r="BE1817" s="9">
        <v>42920</v>
      </c>
      <c r="BF1817" s="9">
        <v>40217</v>
      </c>
      <c r="BG1817" s="11">
        <v>18</v>
      </c>
      <c r="BH1817" s="13">
        <v>0.38297872340425532</v>
      </c>
      <c r="BI1817" s="6">
        <v>12</v>
      </c>
      <c r="BJ1817" s="13">
        <v>0.25531914893617019</v>
      </c>
      <c r="BK1817" s="6">
        <v>4</v>
      </c>
      <c r="BL1817" s="13">
        <v>6.7796610169491525E-2</v>
      </c>
      <c r="BM1817" s="11">
        <v>2</v>
      </c>
      <c r="BN1817" s="13">
        <v>3.1746031746031744E-2</v>
      </c>
      <c r="BO1817" s="11">
        <v>6</v>
      </c>
      <c r="BP1817" s="13">
        <v>0.10169491525423729</v>
      </c>
      <c r="BQ1817" s="6">
        <v>47</v>
      </c>
      <c r="BR1817" s="6">
        <v>53</v>
      </c>
      <c r="BS1817" s="6">
        <v>56</v>
      </c>
      <c r="BT1817" s="6">
        <v>59</v>
      </c>
      <c r="BU1817" s="6">
        <v>63</v>
      </c>
      <c r="BV1817" s="6">
        <v>61</v>
      </c>
      <c r="BW1817" s="6">
        <v>63</v>
      </c>
      <c r="BX1817" s="6">
        <v>63</v>
      </c>
      <c r="BY1817" s="6">
        <v>63</v>
      </c>
      <c r="BZ1817" s="6">
        <v>62</v>
      </c>
      <c r="CA1817" s="6">
        <v>62</v>
      </c>
      <c r="CB1817" s="6">
        <v>69</v>
      </c>
      <c r="CC1817" s="11">
        <v>65</v>
      </c>
      <c r="CD1817" s="11">
        <v>218</v>
      </c>
      <c r="CE1817" s="11">
        <v>33</v>
      </c>
      <c r="CF1817" s="11">
        <v>18</v>
      </c>
      <c r="CG1817" s="11">
        <v>51</v>
      </c>
      <c r="CH1817" s="20">
        <v>0.14000000000000001</v>
      </c>
      <c r="CI1817" s="20">
        <v>0.18</v>
      </c>
      <c r="CJ1817" s="20">
        <v>0.13</v>
      </c>
      <c r="CK1817" s="20">
        <v>0.21</v>
      </c>
      <c r="CL1817" s="20">
        <v>0.28999999999999998</v>
      </c>
      <c r="CM1817" s="20">
        <v>0.26</v>
      </c>
      <c r="CN1817" s="20">
        <v>0.3</v>
      </c>
      <c r="CO1817" s="20">
        <v>0.3</v>
      </c>
      <c r="CP1817" s="20">
        <v>0.25</v>
      </c>
      <c r="CQ1817" s="20">
        <v>0.25</v>
      </c>
      <c r="CR1817" s="20">
        <v>0.24</v>
      </c>
      <c r="CS1817" s="20">
        <v>0.25</v>
      </c>
      <c r="CT1817" s="20">
        <v>0.25</v>
      </c>
      <c r="CU1817" s="20">
        <v>0.26</v>
      </c>
      <c r="CV1817" s="20">
        <v>0.27</v>
      </c>
      <c r="CW1817" s="20">
        <v>0.27</v>
      </c>
      <c r="CX1817" s="20">
        <v>0.28000000000000003</v>
      </c>
      <c r="CY1817" s="6" t="s">
        <v>655</v>
      </c>
      <c r="CZ1817" s="6" t="s">
        <v>656</v>
      </c>
      <c r="DA1817" s="6" t="s">
        <v>118</v>
      </c>
      <c r="DB1817" s="6"/>
      <c r="DC1817" s="6">
        <v>22780</v>
      </c>
      <c r="DD1817" s="6"/>
      <c r="DE1817" s="6" t="s">
        <v>658</v>
      </c>
      <c r="DF1817" s="6" t="s">
        <v>363</v>
      </c>
      <c r="DG1817" s="6" t="s">
        <v>364</v>
      </c>
      <c r="DH1817" s="6" t="s">
        <v>365</v>
      </c>
      <c r="DI1817" s="6"/>
      <c r="DJ1817" s="6">
        <v>29</v>
      </c>
      <c r="DK1817" s="6">
        <v>169</v>
      </c>
      <c r="DL1817" s="6">
        <v>8</v>
      </c>
      <c r="DM1817" s="6" t="s">
        <v>368</v>
      </c>
      <c r="DN1817" s="6">
        <v>5</v>
      </c>
      <c r="DO1817" s="6" t="s">
        <v>429</v>
      </c>
      <c r="DP1817" s="6"/>
      <c r="DQ1817" s="6"/>
    </row>
    <row r="1818" spans="1:121" x14ac:dyDescent="0.2">
      <c r="A1818" s="6" t="s">
        <v>318</v>
      </c>
      <c r="B1818" s="6" t="s">
        <v>318</v>
      </c>
      <c r="C1818" s="6" t="s">
        <v>187</v>
      </c>
      <c r="D1818" s="6" t="s">
        <v>118</v>
      </c>
      <c r="E1818" s="6" t="s">
        <v>259</v>
      </c>
      <c r="F1818" s="11">
        <v>-6</v>
      </c>
      <c r="G1818" s="13">
        <v>-0.3</v>
      </c>
      <c r="H1818" s="11">
        <v>-2.0680489999999985</v>
      </c>
      <c r="I1818" s="13">
        <v>-0.10386710990286135</v>
      </c>
      <c r="J1818" s="11">
        <v>37.064465999999996</v>
      </c>
      <c r="K1818" s="13">
        <v>2.0773159379926969</v>
      </c>
      <c r="L1818" s="11">
        <v>-40.9007544862</v>
      </c>
      <c r="M1818" s="13">
        <v>-0.74491040224875005</v>
      </c>
      <c r="N1818" s="11">
        <v>-3.8362884862000008</v>
      </c>
      <c r="O1818" s="13">
        <v>-0.21500871522393281</v>
      </c>
      <c r="P1818" s="7">
        <v>19.910527999999999</v>
      </c>
      <c r="Q1818" s="7">
        <v>17.738168999999999</v>
      </c>
      <c r="R1818" s="7">
        <v>16.574809999999999</v>
      </c>
      <c r="S1818" s="7">
        <v>12.348492999999999</v>
      </c>
      <c r="T1818" s="7">
        <v>13.30392</v>
      </c>
      <c r="U1818" s="7">
        <v>20.267499000000001</v>
      </c>
      <c r="V1818" s="7">
        <v>17.842479000000001</v>
      </c>
      <c r="W1818" s="7">
        <v>39.754460000000002</v>
      </c>
      <c r="X1818" s="7">
        <v>65.393741000000006</v>
      </c>
      <c r="Y1818" s="7">
        <v>54.906945</v>
      </c>
      <c r="Z1818" s="7">
        <v>47.911966999999997</v>
      </c>
      <c r="AA1818" s="7">
        <v>12.938972</v>
      </c>
      <c r="AB1818" s="7">
        <v>13.060024</v>
      </c>
      <c r="AC1818" s="7">
        <v>21.903848</v>
      </c>
      <c r="AD1818" s="7">
        <v>20.693563000000001</v>
      </c>
      <c r="AE1818" s="7">
        <v>14.783261</v>
      </c>
      <c r="AF1818" s="7">
        <v>14.0061905138</v>
      </c>
      <c r="AG1818" s="9">
        <v>6828.2827893999965</v>
      </c>
      <c r="AH1818" s="13">
        <v>0.2149785229304628</v>
      </c>
      <c r="AI1818" s="9">
        <v>7427.8031742999992</v>
      </c>
      <c r="AJ1818" s="13">
        <v>0.23385354770427275</v>
      </c>
      <c r="AK1818" s="9">
        <v>-9601.0249838999989</v>
      </c>
      <c r="AL1818" s="13">
        <v>-0.24498390977998252</v>
      </c>
      <c r="AM1818" s="9">
        <v>9001.5045989999962</v>
      </c>
      <c r="AN1818" s="13">
        <v>0.30421376588030774</v>
      </c>
      <c r="AO1818" s="9">
        <v>-599.52038490000268</v>
      </c>
      <c r="AP1818" s="13">
        <v>-1.5297621673924856E-2</v>
      </c>
      <c r="AQ1818" s="9">
        <v>31762.627709600001</v>
      </c>
      <c r="AR1818" s="9">
        <v>39045.701026100003</v>
      </c>
      <c r="AS1818" s="9">
        <v>39188.860322699999</v>
      </c>
      <c r="AT1818" s="9">
        <v>41878.355999799998</v>
      </c>
      <c r="AU1818" s="9">
        <v>53074.836069700003</v>
      </c>
      <c r="AV1818" s="9">
        <v>47582.573178099999</v>
      </c>
      <c r="AW1818" s="9">
        <v>39190.4308839</v>
      </c>
      <c r="AX1818" s="9">
        <v>21753.195584500001</v>
      </c>
      <c r="AY1818" s="9">
        <v>30779.8507579</v>
      </c>
      <c r="AZ1818" s="9">
        <v>29589.405900000002</v>
      </c>
      <c r="BA1818" s="9">
        <v>30265.354740800001</v>
      </c>
      <c r="BB1818" s="9">
        <v>39618.151719499998</v>
      </c>
      <c r="BC1818" s="9">
        <v>39245.315685499998</v>
      </c>
      <c r="BD1818" s="9">
        <v>38230.056729600001</v>
      </c>
      <c r="BE1818" s="9">
        <v>25030.798785300001</v>
      </c>
      <c r="BF1818" s="9">
        <v>38590.910498999998</v>
      </c>
      <c r="BG1818" s="11">
        <v>-0.75</v>
      </c>
      <c r="BH1818" s="13">
        <v>-0.1875</v>
      </c>
      <c r="BI1818" s="6">
        <v>1</v>
      </c>
      <c r="BJ1818" s="13">
        <v>0.25</v>
      </c>
      <c r="BK1818" s="6">
        <v>-2</v>
      </c>
      <c r="BL1818" s="13">
        <v>-0.4</v>
      </c>
      <c r="BM1818" s="11">
        <v>0.25</v>
      </c>
      <c r="BN1818" s="13">
        <v>8.3333333333333329E-2</v>
      </c>
      <c r="BO1818" s="11">
        <v>-1.75</v>
      </c>
      <c r="BP1818" s="13">
        <v>-0.35</v>
      </c>
      <c r="BQ1818" s="6">
        <v>4</v>
      </c>
      <c r="BR1818" s="6">
        <v>3</v>
      </c>
      <c r="BS1818" s="6">
        <v>4</v>
      </c>
      <c r="BT1818" s="6">
        <v>5</v>
      </c>
      <c r="BU1818" s="6">
        <v>4</v>
      </c>
      <c r="BV1818" s="6">
        <v>3</v>
      </c>
      <c r="BW1818" s="6">
        <v>3</v>
      </c>
      <c r="BX1818" s="6">
        <v>4</v>
      </c>
      <c r="BY1818" s="6">
        <v>4</v>
      </c>
      <c r="BZ1818" s="6">
        <v>4</v>
      </c>
      <c r="CA1818" s="6">
        <v>5</v>
      </c>
      <c r="CB1818" s="6">
        <v>4</v>
      </c>
      <c r="CC1818" s="11">
        <v>3.25</v>
      </c>
      <c r="CD1818" s="11">
        <v>-12.3438</v>
      </c>
      <c r="CE1818" s="11">
        <v>4.2629999999999999</v>
      </c>
      <c r="CF1818" s="11">
        <v>2.1764600000000001</v>
      </c>
      <c r="CG1818" s="11">
        <v>6</v>
      </c>
      <c r="CH1818" s="20">
        <v>7.6039399999999993E-2</v>
      </c>
      <c r="CI1818" s="20">
        <v>6.5893300000000002E-2</v>
      </c>
      <c r="CJ1818" s="20">
        <v>6.1467399999999998E-2</v>
      </c>
      <c r="CK1818" s="20">
        <v>4.4663099999999997E-2</v>
      </c>
      <c r="CL1818" s="20">
        <v>4.69481E-2</v>
      </c>
      <c r="CM1818" s="20">
        <v>6.7088300000000003E-2</v>
      </c>
      <c r="CN1818" s="20">
        <v>5.6574100000000002E-2</v>
      </c>
      <c r="CO1818" s="20">
        <v>0.11401</v>
      </c>
      <c r="CP1818" s="20">
        <v>0.17893600000000001</v>
      </c>
      <c r="CQ1818" s="20">
        <v>0.15131800000000001</v>
      </c>
      <c r="CR1818" s="20">
        <v>0.12965099999999999</v>
      </c>
      <c r="CS1818" s="20">
        <v>3.6156000000000001E-2</v>
      </c>
      <c r="CT1818" s="20">
        <v>3.4719E-2</v>
      </c>
      <c r="CU1818" s="20">
        <v>6.2373600000000001E-2</v>
      </c>
      <c r="CV1818" s="20">
        <v>5.9020499999999997E-2</v>
      </c>
      <c r="CW1818" s="20">
        <v>4.2759699999999998E-2</v>
      </c>
      <c r="CX1818" s="20">
        <v>4.0493899999999999E-2</v>
      </c>
      <c r="CY1818" s="6" t="s">
        <v>655</v>
      </c>
      <c r="CZ1818" s="6" t="s">
        <v>656</v>
      </c>
      <c r="DA1818" s="6" t="s">
        <v>118</v>
      </c>
      <c r="DB1818" s="6"/>
      <c r="DC1818" s="6">
        <v>22780</v>
      </c>
      <c r="DD1818" s="6"/>
      <c r="DE1818" s="6" t="s">
        <v>658</v>
      </c>
      <c r="DF1818" s="6" t="s">
        <v>363</v>
      </c>
      <c r="DG1818" s="6" t="s">
        <v>364</v>
      </c>
      <c r="DH1818" s="6" t="s">
        <v>365</v>
      </c>
      <c r="DI1818" s="6"/>
      <c r="DJ1818" s="6">
        <v>29</v>
      </c>
      <c r="DK1818" s="6">
        <v>169</v>
      </c>
      <c r="DL1818" s="6">
        <v>8</v>
      </c>
      <c r="DM1818" s="6" t="s">
        <v>368</v>
      </c>
      <c r="DN1818" s="6">
        <v>5</v>
      </c>
      <c r="DO1818" s="6" t="s">
        <v>429</v>
      </c>
      <c r="DP1818" s="6"/>
      <c r="DQ1818" s="6"/>
    </row>
    <row r="1819" spans="1:121" x14ac:dyDescent="0.2">
      <c r="A1819" s="6" t="s">
        <v>319</v>
      </c>
      <c r="B1819" s="6" t="s">
        <v>319</v>
      </c>
      <c r="C1819" s="6" t="s">
        <v>188</v>
      </c>
      <c r="D1819" s="6" t="s">
        <v>118</v>
      </c>
      <c r="E1819" s="6" t="s">
        <v>259</v>
      </c>
      <c r="F1819" s="11">
        <v>-194</v>
      </c>
      <c r="G1819" s="13">
        <v>-0.371647509579</v>
      </c>
      <c r="H1819" s="11">
        <v>-96.282807184000035</v>
      </c>
      <c r="I1819" s="13">
        <v>-0.184555633175046</v>
      </c>
      <c r="J1819" s="11">
        <v>-96.347649617999991</v>
      </c>
      <c r="K1819" s="13">
        <v>-0.22647764969620965</v>
      </c>
      <c r="L1819" s="11">
        <v>-0.93893676800001913</v>
      </c>
      <c r="M1819" s="13">
        <v>-2.8533017584388663E-3</v>
      </c>
      <c r="N1819" s="11">
        <v>-97.28658638600001</v>
      </c>
      <c r="O1819" s="13">
        <v>-0.22868474237852321</v>
      </c>
      <c r="P1819" s="7">
        <v>521.70072258200003</v>
      </c>
      <c r="Q1819" s="7">
        <v>575.90162388700003</v>
      </c>
      <c r="R1819" s="7">
        <v>637.728228629</v>
      </c>
      <c r="S1819" s="7">
        <v>583.19241531299997</v>
      </c>
      <c r="T1819" s="7">
        <v>431.05836009299998</v>
      </c>
      <c r="U1819" s="7">
        <v>389.67582257100003</v>
      </c>
      <c r="V1819" s="7">
        <v>425.41791539799999</v>
      </c>
      <c r="W1819" s="7">
        <v>423.60524119399997</v>
      </c>
      <c r="X1819" s="7">
        <v>360.148233887</v>
      </c>
      <c r="Y1819" s="7">
        <v>329.07026578</v>
      </c>
      <c r="Z1819" s="7">
        <v>313.36064373200003</v>
      </c>
      <c r="AA1819" s="7">
        <v>318.85545723799999</v>
      </c>
      <c r="AB1819" s="7">
        <v>325.65461814999998</v>
      </c>
      <c r="AC1819" s="7">
        <v>399.47043243100001</v>
      </c>
      <c r="AD1819" s="7">
        <v>331.95332635300002</v>
      </c>
      <c r="AE1819" s="7">
        <v>329.89334716299999</v>
      </c>
      <c r="AF1819" s="7">
        <v>328.13132901199998</v>
      </c>
      <c r="AG1819" s="9">
        <v>-1035.5484772999989</v>
      </c>
      <c r="AH1819" s="13">
        <v>-3.1858647947955239E-2</v>
      </c>
      <c r="AI1819" s="9">
        <v>-5216.3521308999989</v>
      </c>
      <c r="AJ1819" s="13">
        <v>-0.16048106849059182</v>
      </c>
      <c r="AK1819" s="9">
        <v>483.07294649999676</v>
      </c>
      <c r="AL1819" s="13">
        <v>1.770268447228919E-2</v>
      </c>
      <c r="AM1819" s="9">
        <v>3697.7307071000032</v>
      </c>
      <c r="AN1819" s="13">
        <v>0.13314987774087786</v>
      </c>
      <c r="AO1819" s="9">
        <v>4180.8036536</v>
      </c>
      <c r="AP1819" s="13">
        <v>0.15320967248633768</v>
      </c>
      <c r="AQ1819" s="9">
        <v>32504.470340100001</v>
      </c>
      <c r="AR1819" s="9">
        <v>34309.174291900003</v>
      </c>
      <c r="AS1819" s="9">
        <v>33564.919872799997</v>
      </c>
      <c r="AT1819" s="9">
        <v>32571.5086815</v>
      </c>
      <c r="AU1819" s="9">
        <v>32420.7487095</v>
      </c>
      <c r="AV1819" s="9">
        <v>26505.604405300001</v>
      </c>
      <c r="AW1819" s="9">
        <v>27288.118209200002</v>
      </c>
      <c r="AX1819" s="9">
        <v>29375.9140353</v>
      </c>
      <c r="AY1819" s="9">
        <v>25868.612449699998</v>
      </c>
      <c r="AZ1819" s="9">
        <v>27771.191155699998</v>
      </c>
      <c r="BA1819" s="9">
        <v>27355.365241300002</v>
      </c>
      <c r="BB1819" s="9">
        <v>28958.947120299999</v>
      </c>
      <c r="BC1819" s="9">
        <v>27878.080803699999</v>
      </c>
      <c r="BD1819" s="9">
        <v>25297.317732700001</v>
      </c>
      <c r="BE1819" s="9">
        <v>31721.3585924</v>
      </c>
      <c r="BF1819" s="9">
        <v>31468.921862800002</v>
      </c>
      <c r="BG1819" s="11">
        <v>6.5</v>
      </c>
      <c r="BH1819" s="13">
        <v>0.23214285714285715</v>
      </c>
      <c r="BI1819" s="6">
        <v>9</v>
      </c>
      <c r="BJ1819" s="13">
        <v>0.32142857142857145</v>
      </c>
      <c r="BK1819" s="6">
        <v>7</v>
      </c>
      <c r="BL1819" s="13">
        <v>0.1891891891891892</v>
      </c>
      <c r="BM1819" s="11">
        <v>-9.5</v>
      </c>
      <c r="BN1819" s="13">
        <v>-0.21590909090909091</v>
      </c>
      <c r="BO1819" s="11">
        <v>-2.5</v>
      </c>
      <c r="BP1819" s="13">
        <v>-6.7567567567567571E-2</v>
      </c>
      <c r="BQ1819" s="6">
        <v>28</v>
      </c>
      <c r="BR1819" s="6">
        <v>32</v>
      </c>
      <c r="BS1819" s="6">
        <v>30</v>
      </c>
      <c r="BT1819" s="6">
        <v>37</v>
      </c>
      <c r="BU1819" s="6">
        <v>38</v>
      </c>
      <c r="BV1819" s="6">
        <v>38</v>
      </c>
      <c r="BW1819" s="6">
        <v>44</v>
      </c>
      <c r="BX1819" s="6">
        <v>42</v>
      </c>
      <c r="BY1819" s="6">
        <v>41</v>
      </c>
      <c r="BZ1819" s="6">
        <v>35</v>
      </c>
      <c r="CA1819" s="6">
        <v>35</v>
      </c>
      <c r="CB1819" s="6">
        <v>38</v>
      </c>
      <c r="CC1819" s="11">
        <v>34.5</v>
      </c>
      <c r="CD1819" s="11">
        <v>-297.536</v>
      </c>
      <c r="CE1819" s="11">
        <v>46.938699999999997</v>
      </c>
      <c r="CF1819" s="11">
        <v>57.028199999999998</v>
      </c>
      <c r="CG1819" s="11">
        <v>104</v>
      </c>
      <c r="CH1819" s="20">
        <v>0.40617900000000001</v>
      </c>
      <c r="CI1819" s="20">
        <v>0.43187999999999999</v>
      </c>
      <c r="CJ1819" s="20">
        <v>0.46895300000000001</v>
      </c>
      <c r="CK1819" s="20">
        <v>0.41336800000000001</v>
      </c>
      <c r="CL1819" s="20">
        <v>0.29599900000000001</v>
      </c>
      <c r="CM1819" s="20">
        <v>0.24985099999999999</v>
      </c>
      <c r="CN1819" s="20">
        <v>0.26676899999999998</v>
      </c>
      <c r="CO1819" s="20">
        <v>0.25888699999999998</v>
      </c>
      <c r="CP1819" s="20">
        <v>0.226078</v>
      </c>
      <c r="CQ1819" s="20">
        <v>0.20222899999999999</v>
      </c>
      <c r="CR1819" s="20">
        <v>0.188057</v>
      </c>
      <c r="CS1819" s="20">
        <v>0.20013900000000001</v>
      </c>
      <c r="CT1819" s="20">
        <v>0.19667999999999999</v>
      </c>
      <c r="CU1819" s="20">
        <v>0.258104</v>
      </c>
      <c r="CV1819" s="20">
        <v>0.21423500000000001</v>
      </c>
      <c r="CW1819" s="20">
        <v>0.214943</v>
      </c>
      <c r="CX1819" s="20">
        <v>0.213419</v>
      </c>
      <c r="CY1819" s="6" t="s">
        <v>655</v>
      </c>
      <c r="CZ1819" s="6" t="s">
        <v>656</v>
      </c>
      <c r="DA1819" s="6" t="s">
        <v>118</v>
      </c>
      <c r="DB1819" s="6"/>
      <c r="DC1819" s="6">
        <v>22780</v>
      </c>
      <c r="DD1819" s="6"/>
      <c r="DE1819" s="6" t="s">
        <v>658</v>
      </c>
      <c r="DF1819" s="6" t="s">
        <v>363</v>
      </c>
      <c r="DG1819" s="6" t="s">
        <v>364</v>
      </c>
      <c r="DH1819" s="6" t="s">
        <v>365</v>
      </c>
      <c r="DI1819" s="6"/>
      <c r="DJ1819" s="6">
        <v>29</v>
      </c>
      <c r="DK1819" s="6">
        <v>169</v>
      </c>
      <c r="DL1819" s="6">
        <v>8</v>
      </c>
      <c r="DM1819" s="6" t="s">
        <v>368</v>
      </c>
      <c r="DN1819" s="6">
        <v>5</v>
      </c>
      <c r="DO1819" s="6" t="s">
        <v>429</v>
      </c>
      <c r="DP1819" s="6"/>
      <c r="DQ1819" s="6"/>
    </row>
    <row r="1820" spans="1:121" x14ac:dyDescent="0.2">
      <c r="A1820" s="6" t="s">
        <v>320</v>
      </c>
      <c r="B1820" s="6" t="s">
        <v>320</v>
      </c>
      <c r="C1820" s="6" t="s">
        <v>189</v>
      </c>
      <c r="D1820" s="6" t="s">
        <v>118</v>
      </c>
      <c r="E1820" s="6" t="s">
        <v>259</v>
      </c>
      <c r="F1820" s="11">
        <v>-30</v>
      </c>
      <c r="G1820" s="13">
        <v>-0.15873015872999999</v>
      </c>
      <c r="H1820" s="11">
        <v>33.670372285000013</v>
      </c>
      <c r="I1820" s="13">
        <v>0.17857011000818521</v>
      </c>
      <c r="J1820" s="11">
        <v>40.943916582000014</v>
      </c>
      <c r="K1820" s="13">
        <v>0.18424461735127173</v>
      </c>
      <c r="L1820" s="11">
        <v>-104.51297758400003</v>
      </c>
      <c r="M1820" s="13">
        <v>-0.3971313999825149</v>
      </c>
      <c r="N1820" s="11">
        <v>-63.569061002000012</v>
      </c>
      <c r="O1820" s="13">
        <v>-0.28605610545919652</v>
      </c>
      <c r="P1820" s="7">
        <v>188.55547708099999</v>
      </c>
      <c r="Q1820" s="7">
        <v>200.752837924</v>
      </c>
      <c r="R1820" s="7">
        <v>135.84173136999999</v>
      </c>
      <c r="S1820" s="7">
        <v>144.15310965200001</v>
      </c>
      <c r="T1820" s="7">
        <v>177.69289243200001</v>
      </c>
      <c r="U1820" s="7">
        <v>188.20735731900001</v>
      </c>
      <c r="V1820" s="7">
        <v>222.22584936600001</v>
      </c>
      <c r="W1820" s="7">
        <v>290.33348700499999</v>
      </c>
      <c r="X1820" s="7">
        <v>277.58437746200002</v>
      </c>
      <c r="Y1820" s="7">
        <v>263.16976594800002</v>
      </c>
      <c r="Z1820" s="7">
        <v>251.10733454800001</v>
      </c>
      <c r="AA1820" s="7">
        <v>248.478463019</v>
      </c>
      <c r="AB1820" s="7">
        <v>230.58133959400001</v>
      </c>
      <c r="AC1820" s="7">
        <v>211.975081593</v>
      </c>
      <c r="AD1820" s="7">
        <v>171.75796623100001</v>
      </c>
      <c r="AE1820" s="7">
        <v>163.55670161</v>
      </c>
      <c r="AF1820" s="7">
        <v>158.65678836399999</v>
      </c>
      <c r="AG1820" s="9">
        <v>2857.1378837000011</v>
      </c>
      <c r="AH1820" s="13">
        <v>9.6592995476276741E-2</v>
      </c>
      <c r="AI1820" s="9">
        <v>10433.780351900001</v>
      </c>
      <c r="AJ1820" s="13">
        <v>0.35274114843432031</v>
      </c>
      <c r="AK1820" s="9">
        <v>-7683.2142502999995</v>
      </c>
      <c r="AL1820" s="13">
        <v>-0.19201832531932111</v>
      </c>
      <c r="AM1820" s="9">
        <v>106.57178209999984</v>
      </c>
      <c r="AN1820" s="13">
        <v>3.2964041408791557E-3</v>
      </c>
      <c r="AO1820" s="9">
        <v>-7576.6424681999997</v>
      </c>
      <c r="AP1820" s="13">
        <v>-0.18935489118114923</v>
      </c>
      <c r="AQ1820" s="9">
        <v>29579.141526899999</v>
      </c>
      <c r="AR1820" s="9">
        <v>29869.197745099998</v>
      </c>
      <c r="AS1820" s="9">
        <v>28521.7610571</v>
      </c>
      <c r="AT1820" s="9">
        <v>28637.222255600002</v>
      </c>
      <c r="AU1820" s="9">
        <v>36192.5293227</v>
      </c>
      <c r="AV1820" s="9">
        <v>41098.2911743</v>
      </c>
      <c r="AW1820" s="9">
        <v>40012.9218788</v>
      </c>
      <c r="AX1820" s="9">
        <v>36622.8380473</v>
      </c>
      <c r="AY1820" s="9">
        <v>45547.497107100004</v>
      </c>
      <c r="AZ1820" s="9">
        <v>32329.7076285</v>
      </c>
      <c r="BA1820" s="9">
        <v>32973.069383499998</v>
      </c>
      <c r="BB1820" s="9">
        <v>32475.431240099999</v>
      </c>
      <c r="BC1820" s="9">
        <v>34215.314079399999</v>
      </c>
      <c r="BD1820" s="9">
        <v>32949.097836599998</v>
      </c>
      <c r="BE1820" s="9">
        <v>33078.799097299998</v>
      </c>
      <c r="BF1820" s="9">
        <v>32436.2794106</v>
      </c>
      <c r="BG1820" s="11">
        <v>5.5</v>
      </c>
      <c r="BH1820" s="13">
        <v>0.6875</v>
      </c>
      <c r="BI1820" s="6">
        <v>4</v>
      </c>
      <c r="BJ1820" s="13">
        <v>0.5</v>
      </c>
      <c r="BK1820" s="6">
        <v>6</v>
      </c>
      <c r="BL1820" s="13">
        <v>0.5</v>
      </c>
      <c r="BM1820" s="11">
        <v>-4.5</v>
      </c>
      <c r="BN1820" s="13">
        <v>-0.25</v>
      </c>
      <c r="BO1820" s="11">
        <v>1.5</v>
      </c>
      <c r="BP1820" s="13">
        <v>0.125</v>
      </c>
      <c r="BQ1820" s="6">
        <v>8</v>
      </c>
      <c r="BR1820" s="6">
        <v>8</v>
      </c>
      <c r="BS1820" s="6">
        <v>10</v>
      </c>
      <c r="BT1820" s="6">
        <v>12</v>
      </c>
      <c r="BU1820" s="6">
        <v>14</v>
      </c>
      <c r="BV1820" s="6">
        <v>16</v>
      </c>
      <c r="BW1820" s="6">
        <v>18</v>
      </c>
      <c r="BX1820" s="6">
        <v>19</v>
      </c>
      <c r="BY1820" s="6">
        <v>16</v>
      </c>
      <c r="BZ1820" s="6">
        <v>17</v>
      </c>
      <c r="CA1820" s="6">
        <v>14</v>
      </c>
      <c r="CB1820" s="6">
        <v>12</v>
      </c>
      <c r="CC1820" s="11">
        <v>13.5</v>
      </c>
      <c r="CD1820" s="11">
        <v>-118.78700000000001</v>
      </c>
      <c r="CE1820" s="11">
        <v>68.276899999999998</v>
      </c>
      <c r="CF1820" s="11">
        <v>20.6114</v>
      </c>
      <c r="CG1820" s="11">
        <v>89</v>
      </c>
      <c r="CH1820" s="20">
        <v>0.44002000000000002</v>
      </c>
      <c r="CI1820" s="20">
        <v>0.43122100000000002</v>
      </c>
      <c r="CJ1820" s="20">
        <v>0.27786300000000003</v>
      </c>
      <c r="CK1820" s="20">
        <v>0.283134</v>
      </c>
      <c r="CL1820" s="20">
        <v>0.34568900000000002</v>
      </c>
      <c r="CM1820" s="20">
        <v>0.34355799999999997</v>
      </c>
      <c r="CN1820" s="20">
        <v>0.390544</v>
      </c>
      <c r="CO1820" s="20">
        <v>0.46218500000000001</v>
      </c>
      <c r="CP1820" s="20">
        <v>0.40182299999999999</v>
      </c>
      <c r="CQ1820" s="20">
        <v>0.37575199999999997</v>
      </c>
      <c r="CR1820" s="20">
        <v>0.35268100000000002</v>
      </c>
      <c r="CS1820" s="20">
        <v>0.36853200000000003</v>
      </c>
      <c r="CT1820" s="20">
        <v>0.33335999999999999</v>
      </c>
      <c r="CU1820" s="20">
        <v>0.33178299999999999</v>
      </c>
      <c r="CV1820" s="20">
        <v>0.27143099999999998</v>
      </c>
      <c r="CW1820" s="20">
        <v>0.26128299999999999</v>
      </c>
      <c r="CX1820" s="20">
        <v>0.25209700000000002</v>
      </c>
      <c r="CY1820" s="6" t="s">
        <v>655</v>
      </c>
      <c r="CZ1820" s="6" t="s">
        <v>656</v>
      </c>
      <c r="DA1820" s="6" t="s">
        <v>118</v>
      </c>
      <c r="DB1820" s="6"/>
      <c r="DC1820" s="6">
        <v>22780</v>
      </c>
      <c r="DD1820" s="6"/>
      <c r="DE1820" s="6" t="s">
        <v>658</v>
      </c>
      <c r="DF1820" s="6" t="s">
        <v>363</v>
      </c>
      <c r="DG1820" s="6" t="s">
        <v>364</v>
      </c>
      <c r="DH1820" s="6" t="s">
        <v>365</v>
      </c>
      <c r="DI1820" s="6"/>
      <c r="DJ1820" s="6">
        <v>29</v>
      </c>
      <c r="DK1820" s="6">
        <v>169</v>
      </c>
      <c r="DL1820" s="6">
        <v>8</v>
      </c>
      <c r="DM1820" s="6" t="s">
        <v>368</v>
      </c>
      <c r="DN1820" s="6">
        <v>5</v>
      </c>
      <c r="DO1820" s="6" t="s">
        <v>429</v>
      </c>
      <c r="DP1820" s="6"/>
      <c r="DQ1820" s="6"/>
    </row>
    <row r="1821" spans="1:121" x14ac:dyDescent="0.2">
      <c r="A1821" s="6" t="s">
        <v>321</v>
      </c>
      <c r="B1821" s="6" t="s">
        <v>321</v>
      </c>
      <c r="C1821" s="6" t="s">
        <v>190</v>
      </c>
      <c r="D1821" s="6" t="s">
        <v>118</v>
      </c>
      <c r="E1821" s="6" t="s">
        <v>259</v>
      </c>
      <c r="F1821" s="11">
        <v>135</v>
      </c>
      <c r="G1821" s="13">
        <v>0.15517241379300001</v>
      </c>
      <c r="H1821" s="11">
        <v>-8.3681762180000305</v>
      </c>
      <c r="I1821" s="13">
        <v>-9.6235062233277699E-3</v>
      </c>
      <c r="J1821" s="11">
        <v>47.316088332000049</v>
      </c>
      <c r="K1821" s="13">
        <v>5.49428298766345E-2</v>
      </c>
      <c r="L1821" s="11">
        <v>96.227719377999961</v>
      </c>
      <c r="M1821" s="13">
        <v>0.1059188992565394</v>
      </c>
      <c r="N1821" s="11">
        <v>143.54380771000001</v>
      </c>
      <c r="O1821" s="13">
        <v>0.16668121319574633</v>
      </c>
      <c r="P1821" s="7">
        <v>869.55585872799998</v>
      </c>
      <c r="Q1821" s="7">
        <v>866.95553391299995</v>
      </c>
      <c r="R1821" s="7">
        <v>857.79951456200001</v>
      </c>
      <c r="S1821" s="7">
        <v>797.96529020100002</v>
      </c>
      <c r="T1821" s="7">
        <v>822.510080829</v>
      </c>
      <c r="U1821" s="7">
        <v>872.46306793099996</v>
      </c>
      <c r="V1821" s="7">
        <v>861.18768250999995</v>
      </c>
      <c r="W1821" s="7">
        <v>878.75726560199996</v>
      </c>
      <c r="X1821" s="7">
        <v>931.31840007899996</v>
      </c>
      <c r="Y1821" s="7">
        <v>908.50377084199999</v>
      </c>
      <c r="Z1821" s="7">
        <v>915.12773244200002</v>
      </c>
      <c r="AA1821" s="7">
        <v>974.69004984399999</v>
      </c>
      <c r="AB1821" s="7">
        <v>1018.59004581</v>
      </c>
      <c r="AC1821" s="7">
        <v>987.02251763100003</v>
      </c>
      <c r="AD1821" s="7">
        <v>996.55006371499996</v>
      </c>
      <c r="AE1821" s="7">
        <v>986.00626349599997</v>
      </c>
      <c r="AF1821" s="7">
        <v>1004.73149022</v>
      </c>
      <c r="AG1821" s="9">
        <v>12178.800424999998</v>
      </c>
      <c r="AH1821" s="13">
        <v>0.53517193110957251</v>
      </c>
      <c r="AI1821" s="9">
        <v>5648.9389884000011</v>
      </c>
      <c r="AJ1821" s="13">
        <v>0.24823081762111923</v>
      </c>
      <c r="AK1821" s="9">
        <v>3756.6651534999983</v>
      </c>
      <c r="AL1821" s="13">
        <v>0.13225021882876548</v>
      </c>
      <c r="AM1821" s="9">
        <v>2773.1962830999983</v>
      </c>
      <c r="AN1821" s="13">
        <v>8.622478280423293E-2</v>
      </c>
      <c r="AO1821" s="9">
        <v>6529.8614365999965</v>
      </c>
      <c r="AP1821" s="13">
        <v>0.22987824802732101</v>
      </c>
      <c r="AQ1821" s="9">
        <v>22756.7996695</v>
      </c>
      <c r="AR1821" s="9">
        <v>24650.4065199</v>
      </c>
      <c r="AS1821" s="9">
        <v>23195.602963900001</v>
      </c>
      <c r="AT1821" s="9">
        <v>24909.8954811</v>
      </c>
      <c r="AU1821" s="9">
        <v>26963.7967914</v>
      </c>
      <c r="AV1821" s="9">
        <v>27739.924176199998</v>
      </c>
      <c r="AW1821" s="9">
        <v>28405.738657900001</v>
      </c>
      <c r="AX1821" s="9">
        <v>29912.486662700001</v>
      </c>
      <c r="AY1821" s="9">
        <v>30829.274321699999</v>
      </c>
      <c r="AZ1821" s="9">
        <v>32162.4038114</v>
      </c>
      <c r="BA1821" s="9">
        <v>34033.3296405</v>
      </c>
      <c r="BB1821" s="9">
        <v>31823.1495254</v>
      </c>
      <c r="BC1821" s="9">
        <v>32666.015145000001</v>
      </c>
      <c r="BD1821" s="9">
        <v>32595.255879200002</v>
      </c>
      <c r="BE1821" s="9">
        <v>33943.825097100002</v>
      </c>
      <c r="BF1821" s="9">
        <v>34935.600094499998</v>
      </c>
      <c r="BG1821" s="11">
        <v>76.75</v>
      </c>
      <c r="BH1821" s="13">
        <v>1.5989583333333333</v>
      </c>
      <c r="BI1821" s="6">
        <v>1</v>
      </c>
      <c r="BJ1821" s="13">
        <v>2.0833333333333332E-2</v>
      </c>
      <c r="BK1821" s="6">
        <v>11</v>
      </c>
      <c r="BL1821" s="13">
        <v>0.22448979591836735</v>
      </c>
      <c r="BM1821" s="11">
        <v>64.75</v>
      </c>
      <c r="BN1821" s="13">
        <v>1.0791666666666666</v>
      </c>
      <c r="BO1821" s="11">
        <v>75.75</v>
      </c>
      <c r="BP1821" s="13">
        <v>1.5459183673469388</v>
      </c>
      <c r="BQ1821" s="6">
        <v>48</v>
      </c>
      <c r="BR1821" s="6">
        <v>46</v>
      </c>
      <c r="BS1821" s="6">
        <v>50</v>
      </c>
      <c r="BT1821" s="6">
        <v>49</v>
      </c>
      <c r="BU1821" s="6">
        <v>52</v>
      </c>
      <c r="BV1821" s="6">
        <v>58</v>
      </c>
      <c r="BW1821" s="6">
        <v>60</v>
      </c>
      <c r="BX1821" s="6">
        <v>60</v>
      </c>
      <c r="BY1821" s="6">
        <v>59</v>
      </c>
      <c r="BZ1821" s="6">
        <v>109</v>
      </c>
      <c r="CA1821" s="6">
        <v>105</v>
      </c>
      <c r="CB1821" s="6">
        <v>119</v>
      </c>
      <c r="CC1821" s="11">
        <v>124.75</v>
      </c>
      <c r="CD1821" s="11">
        <v>-276.54000000000002</v>
      </c>
      <c r="CE1821" s="11">
        <v>316.66300000000001</v>
      </c>
      <c r="CF1821" s="11">
        <v>95.052899999999994</v>
      </c>
      <c r="CG1821" s="11">
        <v>412</v>
      </c>
      <c r="CH1821" s="20">
        <v>0.41088200000000002</v>
      </c>
      <c r="CI1821" s="20">
        <v>0.37981100000000001</v>
      </c>
      <c r="CJ1821" s="20">
        <v>0.35724099999999998</v>
      </c>
      <c r="CK1821" s="20">
        <v>0.32428400000000002</v>
      </c>
      <c r="CL1821" s="20">
        <v>0.32749499999999998</v>
      </c>
      <c r="CM1821" s="20">
        <v>0.32492300000000002</v>
      </c>
      <c r="CN1821" s="20">
        <v>0.30809399999999998</v>
      </c>
      <c r="CO1821" s="20">
        <v>0.28573100000000001</v>
      </c>
      <c r="CP1821" s="20">
        <v>0.27748099999999998</v>
      </c>
      <c r="CQ1821" s="20">
        <v>0.26866400000000001</v>
      </c>
      <c r="CR1821" s="20">
        <v>0.27095999999999998</v>
      </c>
      <c r="CS1821" s="20">
        <v>0.29973899999999998</v>
      </c>
      <c r="CT1821" s="20">
        <v>0.30373099999999997</v>
      </c>
      <c r="CU1821" s="20">
        <v>0.31929000000000002</v>
      </c>
      <c r="CV1821" s="20">
        <v>0.32224000000000003</v>
      </c>
      <c r="CW1821" s="20">
        <v>0.32036300000000001</v>
      </c>
      <c r="CX1821" s="20">
        <v>0.32280300000000001</v>
      </c>
      <c r="CY1821" s="6" t="s">
        <v>655</v>
      </c>
      <c r="CZ1821" s="6" t="s">
        <v>656</v>
      </c>
      <c r="DA1821" s="6" t="s">
        <v>118</v>
      </c>
      <c r="DB1821" s="6"/>
      <c r="DC1821" s="6">
        <v>22780</v>
      </c>
      <c r="DD1821" s="6"/>
      <c r="DE1821" s="6" t="s">
        <v>658</v>
      </c>
      <c r="DF1821" s="6" t="s">
        <v>363</v>
      </c>
      <c r="DG1821" s="6" t="s">
        <v>364</v>
      </c>
      <c r="DH1821" s="6" t="s">
        <v>365</v>
      </c>
      <c r="DI1821" s="6"/>
      <c r="DJ1821" s="6">
        <v>29</v>
      </c>
      <c r="DK1821" s="6">
        <v>169</v>
      </c>
      <c r="DL1821" s="6">
        <v>8</v>
      </c>
      <c r="DM1821" s="6" t="s">
        <v>368</v>
      </c>
      <c r="DN1821" s="6">
        <v>5</v>
      </c>
      <c r="DO1821" s="6" t="s">
        <v>429</v>
      </c>
      <c r="DP1821" s="6"/>
      <c r="DQ1821" s="6"/>
    </row>
    <row r="1822" spans="1:121" x14ac:dyDescent="0.2">
      <c r="A1822" s="6" t="s">
        <v>322</v>
      </c>
      <c r="B1822" s="6" t="s">
        <v>322</v>
      </c>
      <c r="C1822" s="6" t="s">
        <v>191</v>
      </c>
      <c r="D1822" s="6" t="s">
        <v>118</v>
      </c>
      <c r="E1822" s="6" t="s">
        <v>259</v>
      </c>
      <c r="F1822" s="11">
        <v>0</v>
      </c>
      <c r="G1822" s="13">
        <v>0</v>
      </c>
      <c r="H1822" s="11">
        <v>11</v>
      </c>
      <c r="I1822" s="13">
        <v>0.21568627450980393</v>
      </c>
      <c r="J1822" s="11">
        <v>-2</v>
      </c>
      <c r="K1822" s="13">
        <v>-3.2258064516129031E-2</v>
      </c>
      <c r="L1822" s="11">
        <v>-9</v>
      </c>
      <c r="M1822" s="13">
        <v>-0.15</v>
      </c>
      <c r="N1822" s="11">
        <v>-11</v>
      </c>
      <c r="O1822" s="13">
        <v>-0.17741935483870969</v>
      </c>
      <c r="P1822" s="7">
        <v>51</v>
      </c>
      <c r="Q1822" s="7">
        <v>64</v>
      </c>
      <c r="R1822" s="7">
        <v>75</v>
      </c>
      <c r="S1822" s="7">
        <v>69</v>
      </c>
      <c r="T1822" s="7">
        <v>61</v>
      </c>
      <c r="U1822" s="7">
        <v>51</v>
      </c>
      <c r="V1822" s="7">
        <v>62</v>
      </c>
      <c r="W1822" s="7">
        <v>66</v>
      </c>
      <c r="X1822" s="7">
        <v>71</v>
      </c>
      <c r="Y1822" s="7">
        <v>60</v>
      </c>
      <c r="Z1822" s="7">
        <v>46</v>
      </c>
      <c r="AA1822" s="7">
        <v>49</v>
      </c>
      <c r="AB1822" s="7">
        <v>42</v>
      </c>
      <c r="AC1822" s="7">
        <v>50</v>
      </c>
      <c r="AD1822" s="7">
        <v>45</v>
      </c>
      <c r="AE1822" s="7">
        <v>52</v>
      </c>
      <c r="AF1822" s="7">
        <v>51</v>
      </c>
      <c r="AG1822" s="9">
        <v>6110</v>
      </c>
      <c r="AH1822" s="13">
        <v>0.45249203880619121</v>
      </c>
      <c r="AI1822" s="9">
        <v>4046</v>
      </c>
      <c r="AJ1822" s="13">
        <v>0.29963711767755313</v>
      </c>
      <c r="AK1822" s="9">
        <v>656</v>
      </c>
      <c r="AL1822" s="13">
        <v>3.7381047353125536E-2</v>
      </c>
      <c r="AM1822" s="9">
        <v>1408</v>
      </c>
      <c r="AN1822" s="13">
        <v>7.7341389728096677E-2</v>
      </c>
      <c r="AO1822" s="9">
        <v>2064</v>
      </c>
      <c r="AP1822" s="13">
        <v>0.11761353923300472</v>
      </c>
      <c r="AQ1822" s="9">
        <v>13503</v>
      </c>
      <c r="AR1822" s="9">
        <v>15202</v>
      </c>
      <c r="AS1822" s="9">
        <v>14120</v>
      </c>
      <c r="AT1822" s="9">
        <v>16919</v>
      </c>
      <c r="AU1822" s="9">
        <v>18704</v>
      </c>
      <c r="AV1822" s="9">
        <v>19739</v>
      </c>
      <c r="AW1822" s="9">
        <v>17549</v>
      </c>
      <c r="AX1822" s="9">
        <v>18362</v>
      </c>
      <c r="AY1822" s="9">
        <v>18077</v>
      </c>
      <c r="AZ1822" s="9">
        <v>18205</v>
      </c>
      <c r="BA1822" s="9">
        <v>15836</v>
      </c>
      <c r="BB1822" s="9">
        <v>16063</v>
      </c>
      <c r="BC1822" s="9">
        <v>19798</v>
      </c>
      <c r="BD1822" s="9">
        <v>23751</v>
      </c>
      <c r="BE1822" s="9">
        <v>20958</v>
      </c>
      <c r="BF1822" s="9">
        <v>19613</v>
      </c>
      <c r="BG1822" s="11">
        <v>2</v>
      </c>
      <c r="BH1822" s="13">
        <v>0.2857142857142857</v>
      </c>
      <c r="BI1822" s="6">
        <v>0</v>
      </c>
      <c r="BJ1822" s="13">
        <v>0</v>
      </c>
      <c r="BK1822" s="6">
        <v>1</v>
      </c>
      <c r="BL1822" s="13">
        <v>0.14285714285714285</v>
      </c>
      <c r="BM1822" s="11">
        <v>1</v>
      </c>
      <c r="BN1822" s="13">
        <v>0.125</v>
      </c>
      <c r="BO1822" s="11">
        <v>2</v>
      </c>
      <c r="BP1822" s="13">
        <v>0.2857142857142857</v>
      </c>
      <c r="BQ1822" s="6">
        <v>7</v>
      </c>
      <c r="BR1822" s="6">
        <v>6</v>
      </c>
      <c r="BS1822" s="6">
        <v>6</v>
      </c>
      <c r="BT1822" s="6">
        <v>7</v>
      </c>
      <c r="BU1822" s="6">
        <v>7</v>
      </c>
      <c r="BV1822" s="6">
        <v>8</v>
      </c>
      <c r="BW1822" s="6">
        <v>8</v>
      </c>
      <c r="BX1822" s="6">
        <v>9</v>
      </c>
      <c r="BY1822" s="6">
        <v>9</v>
      </c>
      <c r="BZ1822" s="6">
        <v>9</v>
      </c>
      <c r="CA1822" s="6">
        <v>10</v>
      </c>
      <c r="CB1822" s="6">
        <v>10</v>
      </c>
      <c r="CC1822" s="11">
        <v>9</v>
      </c>
      <c r="CD1822" s="11">
        <v>-15</v>
      </c>
      <c r="CE1822" s="11">
        <v>9</v>
      </c>
      <c r="CF1822" s="11">
        <v>6</v>
      </c>
      <c r="CG1822" s="11">
        <v>15</v>
      </c>
      <c r="CH1822" s="20">
        <v>0.16</v>
      </c>
      <c r="CI1822" s="20">
        <v>0.19</v>
      </c>
      <c r="CJ1822" s="20">
        <v>0.21</v>
      </c>
      <c r="CK1822" s="20">
        <v>0.19</v>
      </c>
      <c r="CL1822" s="20">
        <v>0.16</v>
      </c>
      <c r="CM1822" s="20">
        <v>0.13</v>
      </c>
      <c r="CN1822" s="20">
        <v>0.15</v>
      </c>
      <c r="CO1822" s="20">
        <v>0.15</v>
      </c>
      <c r="CP1822" s="20">
        <v>0.15</v>
      </c>
      <c r="CQ1822" s="20">
        <v>0.13</v>
      </c>
      <c r="CR1822" s="20">
        <v>0.1</v>
      </c>
      <c r="CS1822" s="20">
        <v>0.11</v>
      </c>
      <c r="CT1822" s="20">
        <v>0.09</v>
      </c>
      <c r="CU1822" s="20">
        <v>0.12</v>
      </c>
      <c r="CV1822" s="20">
        <v>0.11</v>
      </c>
      <c r="CW1822" s="20">
        <v>0.12</v>
      </c>
      <c r="CX1822" s="20">
        <v>0.12</v>
      </c>
      <c r="CY1822" s="6" t="s">
        <v>655</v>
      </c>
      <c r="CZ1822" s="6" t="s">
        <v>656</v>
      </c>
      <c r="DA1822" s="6" t="s">
        <v>118</v>
      </c>
      <c r="DB1822" s="6"/>
      <c r="DC1822" s="6">
        <v>22780</v>
      </c>
      <c r="DD1822" s="6"/>
      <c r="DE1822" s="6" t="s">
        <v>658</v>
      </c>
      <c r="DF1822" s="6" t="s">
        <v>363</v>
      </c>
      <c r="DG1822" s="6" t="s">
        <v>364</v>
      </c>
      <c r="DH1822" s="6" t="s">
        <v>365</v>
      </c>
      <c r="DI1822" s="6"/>
      <c r="DJ1822" s="6">
        <v>29</v>
      </c>
      <c r="DK1822" s="6">
        <v>169</v>
      </c>
      <c r="DL1822" s="6">
        <v>8</v>
      </c>
      <c r="DM1822" s="6" t="s">
        <v>368</v>
      </c>
      <c r="DN1822" s="6">
        <v>5</v>
      </c>
      <c r="DO1822" s="6" t="s">
        <v>429</v>
      </c>
      <c r="DP1822" s="6"/>
      <c r="DQ1822" s="6"/>
    </row>
    <row r="1823" spans="1:121" x14ac:dyDescent="0.2">
      <c r="A1823" s="6" t="s">
        <v>323</v>
      </c>
      <c r="B1823" s="6" t="s">
        <v>323</v>
      </c>
      <c r="C1823" s="6" t="s">
        <v>192</v>
      </c>
      <c r="D1823" s="6" t="s">
        <v>118</v>
      </c>
      <c r="E1823" s="6" t="s">
        <v>259</v>
      </c>
      <c r="F1823" s="11">
        <v>996</v>
      </c>
      <c r="G1823" s="13">
        <v>0.75340393343400003</v>
      </c>
      <c r="H1823" s="11">
        <v>741.85280976999979</v>
      </c>
      <c r="I1823" s="13">
        <v>0.56099737516427217</v>
      </c>
      <c r="J1823" s="11">
        <v>253.1597132500001</v>
      </c>
      <c r="K1823" s="13">
        <v>0.12264094989832218</v>
      </c>
      <c r="L1823" s="11">
        <v>0.53654431999984808</v>
      </c>
      <c r="M1823" s="13">
        <v>2.3152912610141177E-4</v>
      </c>
      <c r="N1823" s="11">
        <v>253.69625756999994</v>
      </c>
      <c r="O1823" s="13">
        <v>0.12290087397637781</v>
      </c>
      <c r="P1823" s="7">
        <v>1322.3819622200001</v>
      </c>
      <c r="Q1823" s="7">
        <v>1625.7847121299999</v>
      </c>
      <c r="R1823" s="7">
        <v>1915.95126297</v>
      </c>
      <c r="S1823" s="7">
        <v>1978.1182147100001</v>
      </c>
      <c r="T1823" s="7">
        <v>1901.3922192699999</v>
      </c>
      <c r="U1823" s="7">
        <v>1973.9915313399999</v>
      </c>
      <c r="V1823" s="7">
        <v>2064.2347719899999</v>
      </c>
      <c r="W1823" s="7">
        <v>2121.5235247099999</v>
      </c>
      <c r="X1823" s="7">
        <v>2338.3879230699999</v>
      </c>
      <c r="Y1823" s="7">
        <v>2317.39448524</v>
      </c>
      <c r="Z1823" s="7">
        <v>2346.2010937499999</v>
      </c>
      <c r="AA1823" s="7">
        <v>2251.8064928099998</v>
      </c>
      <c r="AB1823" s="7">
        <v>2287.2337417499998</v>
      </c>
      <c r="AC1823" s="7">
        <v>2280.7438783299999</v>
      </c>
      <c r="AD1823" s="7">
        <v>2289.9178466200001</v>
      </c>
      <c r="AE1823" s="7">
        <v>2299.5611334999999</v>
      </c>
      <c r="AF1823" s="7">
        <v>2317.9310295599998</v>
      </c>
      <c r="AG1823" s="9">
        <v>9115.9100338999997</v>
      </c>
      <c r="AH1823" s="13">
        <v>0.65460563229602309</v>
      </c>
      <c r="AI1823" s="9">
        <v>4704.1402959999978</v>
      </c>
      <c r="AJ1823" s="13">
        <v>0.33780025487536086</v>
      </c>
      <c r="AK1823" s="9">
        <v>2268.7828050999997</v>
      </c>
      <c r="AL1823" s="13">
        <v>0.12178151007908676</v>
      </c>
      <c r="AM1823" s="9">
        <v>2142.9869328000023</v>
      </c>
      <c r="AN1823" s="13">
        <v>0.10254150289840414</v>
      </c>
      <c r="AO1823" s="9">
        <v>4411.7697379000019</v>
      </c>
      <c r="AP1823" s="13">
        <v>0.2368106720462376</v>
      </c>
      <c r="AQ1823" s="9">
        <v>13925.804460200001</v>
      </c>
      <c r="AR1823" s="9">
        <v>14791.5183875</v>
      </c>
      <c r="AS1823" s="9">
        <v>15379.311203900001</v>
      </c>
      <c r="AT1823" s="9">
        <v>16444.537157399998</v>
      </c>
      <c r="AU1823" s="9">
        <v>17241.819636</v>
      </c>
      <c r="AV1823" s="9">
        <v>17774.880087500002</v>
      </c>
      <c r="AW1823" s="9">
        <v>18629.944756199999</v>
      </c>
      <c r="AX1823" s="9">
        <v>19326.511615399999</v>
      </c>
      <c r="AY1823" s="9">
        <v>20305.660416999999</v>
      </c>
      <c r="AZ1823" s="9">
        <v>20898.727561299998</v>
      </c>
      <c r="BA1823" s="9">
        <v>20510.9221626</v>
      </c>
      <c r="BB1823" s="9">
        <v>20703.7198991</v>
      </c>
      <c r="BC1823" s="9">
        <v>20807.605653300001</v>
      </c>
      <c r="BD1823" s="9">
        <v>21083.247966300001</v>
      </c>
      <c r="BE1823" s="9">
        <v>22710.116843399999</v>
      </c>
      <c r="BF1823" s="9">
        <v>23041.714494100001</v>
      </c>
      <c r="BG1823" s="11">
        <v>14</v>
      </c>
      <c r="BH1823" s="13">
        <v>0.1728395061728395</v>
      </c>
      <c r="BI1823" s="6">
        <v>3</v>
      </c>
      <c r="BJ1823" s="13">
        <v>3.7037037037037035E-2</v>
      </c>
      <c r="BK1823" s="6">
        <v>16</v>
      </c>
      <c r="BL1823" s="13">
        <v>0.19047619047619047</v>
      </c>
      <c r="BM1823" s="11">
        <v>-5</v>
      </c>
      <c r="BN1823" s="13">
        <v>-0.05</v>
      </c>
      <c r="BO1823" s="11">
        <v>11</v>
      </c>
      <c r="BP1823" s="13">
        <v>0.13095238095238096</v>
      </c>
      <c r="BQ1823" s="6">
        <v>81</v>
      </c>
      <c r="BR1823" s="6">
        <v>76</v>
      </c>
      <c r="BS1823" s="6">
        <v>76</v>
      </c>
      <c r="BT1823" s="6">
        <v>84</v>
      </c>
      <c r="BU1823" s="6">
        <v>85</v>
      </c>
      <c r="BV1823" s="6">
        <v>94</v>
      </c>
      <c r="BW1823" s="6">
        <v>100</v>
      </c>
      <c r="BX1823" s="6">
        <v>95</v>
      </c>
      <c r="BY1823" s="6">
        <v>95</v>
      </c>
      <c r="BZ1823" s="6">
        <v>98</v>
      </c>
      <c r="CA1823" s="6">
        <v>93</v>
      </c>
      <c r="CB1823" s="6">
        <v>93</v>
      </c>
      <c r="CC1823" s="11">
        <v>95</v>
      </c>
      <c r="CD1823" s="11">
        <v>550.28</v>
      </c>
      <c r="CE1823" s="11">
        <v>300.71699999999998</v>
      </c>
      <c r="CF1823" s="11">
        <v>144.55199999999999</v>
      </c>
      <c r="CG1823" s="11">
        <v>446</v>
      </c>
      <c r="CH1823" s="20">
        <v>0.84197699999999998</v>
      </c>
      <c r="CI1823" s="20">
        <v>0.98415600000000003</v>
      </c>
      <c r="CJ1823" s="20">
        <v>1.1160300000000001</v>
      </c>
      <c r="CK1823" s="20">
        <v>1.1185</v>
      </c>
      <c r="CL1823" s="20">
        <v>1.05257</v>
      </c>
      <c r="CM1823" s="20">
        <v>1.0261400000000001</v>
      </c>
      <c r="CN1823" s="20">
        <v>1.0365800000000001</v>
      </c>
      <c r="CO1823" s="20">
        <v>0.99043599999999998</v>
      </c>
      <c r="CP1823" s="20">
        <v>1.0499099999999999</v>
      </c>
      <c r="CQ1823" s="20">
        <v>1.0462400000000001</v>
      </c>
      <c r="CR1823" s="20">
        <v>1.04895</v>
      </c>
      <c r="CS1823" s="20">
        <v>1.0521</v>
      </c>
      <c r="CT1823" s="20">
        <v>1.0251600000000001</v>
      </c>
      <c r="CU1823" s="20">
        <v>1.09731</v>
      </c>
      <c r="CV1823" s="20">
        <v>1.0907199999999999</v>
      </c>
      <c r="CW1823" s="20">
        <v>1.09799</v>
      </c>
      <c r="CX1823" s="20">
        <v>1.10616</v>
      </c>
      <c r="CY1823" s="6" t="s">
        <v>655</v>
      </c>
      <c r="CZ1823" s="6" t="s">
        <v>656</v>
      </c>
      <c r="DA1823" s="6" t="s">
        <v>118</v>
      </c>
      <c r="DB1823" s="6"/>
      <c r="DC1823" s="6">
        <v>22780</v>
      </c>
      <c r="DD1823" s="6"/>
      <c r="DE1823" s="6" t="s">
        <v>658</v>
      </c>
      <c r="DF1823" s="6" t="s">
        <v>363</v>
      </c>
      <c r="DG1823" s="6" t="s">
        <v>364</v>
      </c>
      <c r="DH1823" s="6" t="s">
        <v>365</v>
      </c>
      <c r="DI1823" s="6"/>
      <c r="DJ1823" s="6">
        <v>29</v>
      </c>
      <c r="DK1823" s="6">
        <v>169</v>
      </c>
      <c r="DL1823" s="6">
        <v>8</v>
      </c>
      <c r="DM1823" s="6" t="s">
        <v>368</v>
      </c>
      <c r="DN1823" s="6">
        <v>5</v>
      </c>
      <c r="DO1823" s="6" t="s">
        <v>429</v>
      </c>
      <c r="DP1823" s="6"/>
      <c r="DQ1823" s="6"/>
    </row>
    <row r="1824" spans="1:121" x14ac:dyDescent="0.2">
      <c r="A1824" s="6" t="s">
        <v>325</v>
      </c>
      <c r="B1824" s="6" t="s">
        <v>325</v>
      </c>
      <c r="C1824" s="6" t="s">
        <v>193</v>
      </c>
      <c r="D1824" s="6" t="s">
        <v>118</v>
      </c>
      <c r="E1824" s="6" t="s">
        <v>259</v>
      </c>
      <c r="F1824" s="11">
        <v>-50</v>
      </c>
      <c r="G1824" s="13">
        <v>-7.5414781297099998E-2</v>
      </c>
      <c r="H1824" s="11">
        <v>189.5664449300001</v>
      </c>
      <c r="I1824" s="13">
        <v>0.28584957087642304</v>
      </c>
      <c r="J1824" s="11">
        <v>55.519619433999992</v>
      </c>
      <c r="K1824" s="13">
        <v>6.510770623863428E-2</v>
      </c>
      <c r="L1824" s="11">
        <v>-295.42747588700001</v>
      </c>
      <c r="M1824" s="13">
        <v>-0.32526944734536095</v>
      </c>
      <c r="N1824" s="11">
        <v>-239.90785645300002</v>
      </c>
      <c r="O1824" s="13">
        <v>-0.28133928873289132</v>
      </c>
      <c r="P1824" s="7">
        <v>663.16854822899995</v>
      </c>
      <c r="Q1824" s="7">
        <v>695.995164037</v>
      </c>
      <c r="R1824" s="7">
        <v>762.17586478700002</v>
      </c>
      <c r="S1824" s="7">
        <v>791.30292203800002</v>
      </c>
      <c r="T1824" s="7">
        <v>940.13953183900003</v>
      </c>
      <c r="U1824" s="7">
        <v>907.88017935699997</v>
      </c>
      <c r="V1824" s="7">
        <v>852.73499315900006</v>
      </c>
      <c r="W1824" s="7">
        <v>832.22429541899999</v>
      </c>
      <c r="X1824" s="7">
        <v>897.97895898199999</v>
      </c>
      <c r="Y1824" s="7">
        <v>908.25461259300005</v>
      </c>
      <c r="Z1824" s="7">
        <v>887.196063729</v>
      </c>
      <c r="AA1824" s="7">
        <v>803.79496923500005</v>
      </c>
      <c r="AB1824" s="7">
        <v>684.18250501</v>
      </c>
      <c r="AC1824" s="7">
        <v>635.82451871800004</v>
      </c>
      <c r="AD1824" s="7">
        <v>627.22058825199997</v>
      </c>
      <c r="AE1824" s="7">
        <v>615.69128833299999</v>
      </c>
      <c r="AF1824" s="7">
        <v>612.82713670600003</v>
      </c>
      <c r="AG1824" s="9">
        <v>6385.9904892000013</v>
      </c>
      <c r="AH1824" s="13">
        <v>0.35314087490171187</v>
      </c>
      <c r="AI1824" s="9">
        <v>6365.8245491000016</v>
      </c>
      <c r="AJ1824" s="13">
        <v>0.35202571230599972</v>
      </c>
      <c r="AK1824" s="9">
        <v>2104.8018531000016</v>
      </c>
      <c r="AL1824" s="13">
        <v>8.608866789369217E-2</v>
      </c>
      <c r="AM1824" s="9">
        <v>-2084.6359130000019</v>
      </c>
      <c r="AN1824" s="13">
        <v>-7.8505431181903534E-2</v>
      </c>
      <c r="AO1824" s="9">
        <v>20.165940099999716</v>
      </c>
      <c r="AP1824" s="13">
        <v>8.2480871891862722E-4</v>
      </c>
      <c r="AQ1824" s="9">
        <v>18083.407906199998</v>
      </c>
      <c r="AR1824" s="9">
        <v>18223.452101300001</v>
      </c>
      <c r="AS1824" s="9">
        <v>18017.412861500001</v>
      </c>
      <c r="AT1824" s="9">
        <v>18102.306796000001</v>
      </c>
      <c r="AU1824" s="9">
        <v>22663.062847199999</v>
      </c>
      <c r="AV1824" s="9">
        <v>22876.030931500001</v>
      </c>
      <c r="AW1824" s="9">
        <v>24449.2324553</v>
      </c>
      <c r="AX1824" s="9">
        <v>24153.445936</v>
      </c>
      <c r="AY1824" s="9">
        <v>25754.8081165</v>
      </c>
      <c r="AZ1824" s="9">
        <v>26554.034308400001</v>
      </c>
      <c r="BA1824" s="9">
        <v>28807.223737799999</v>
      </c>
      <c r="BB1824" s="9">
        <v>21624.531710499999</v>
      </c>
      <c r="BC1824" s="9">
        <v>22844.740894499999</v>
      </c>
      <c r="BD1824" s="9">
        <v>23846.419593999999</v>
      </c>
      <c r="BE1824" s="9">
        <v>24799.6164393</v>
      </c>
      <c r="BF1824" s="9">
        <v>24469.3983954</v>
      </c>
      <c r="BG1824" s="11">
        <v>-56.5</v>
      </c>
      <c r="BH1824" s="13">
        <v>-0.49130434782608695</v>
      </c>
      <c r="BI1824" s="6">
        <v>4</v>
      </c>
      <c r="BJ1824" s="13">
        <v>3.4782608695652174E-2</v>
      </c>
      <c r="BK1824" s="6">
        <v>-5</v>
      </c>
      <c r="BL1824" s="13">
        <v>-4.2016806722689079E-2</v>
      </c>
      <c r="BM1824" s="11">
        <v>-55.5</v>
      </c>
      <c r="BN1824" s="13">
        <v>-0.48684210526315791</v>
      </c>
      <c r="BO1824" s="11">
        <v>-60.5</v>
      </c>
      <c r="BP1824" s="13">
        <v>-0.50840336134453779</v>
      </c>
      <c r="BQ1824" s="6">
        <v>115</v>
      </c>
      <c r="BR1824" s="6">
        <v>125</v>
      </c>
      <c r="BS1824" s="6">
        <v>123</v>
      </c>
      <c r="BT1824" s="6">
        <v>119</v>
      </c>
      <c r="BU1824" s="6">
        <v>119</v>
      </c>
      <c r="BV1824" s="6">
        <v>107</v>
      </c>
      <c r="BW1824" s="6">
        <v>114</v>
      </c>
      <c r="BX1824" s="6">
        <v>111</v>
      </c>
      <c r="BY1824" s="6">
        <v>113</v>
      </c>
      <c r="BZ1824" s="6">
        <v>56</v>
      </c>
      <c r="CA1824" s="6">
        <v>55</v>
      </c>
      <c r="CB1824" s="6">
        <v>58</v>
      </c>
      <c r="CC1824" s="11">
        <v>58.5</v>
      </c>
      <c r="CD1824" s="11">
        <v>-116.727</v>
      </c>
      <c r="CE1824" s="11">
        <v>-6.1071499999999999</v>
      </c>
      <c r="CF1824" s="11">
        <v>72.4923</v>
      </c>
      <c r="CG1824" s="11">
        <v>66</v>
      </c>
      <c r="CH1824" s="20">
        <v>0.62163400000000002</v>
      </c>
      <c r="CI1824" s="20">
        <v>0.61768800000000001</v>
      </c>
      <c r="CJ1824" s="20">
        <v>0.65462799999999999</v>
      </c>
      <c r="CK1824" s="20">
        <v>0.67168499999999998</v>
      </c>
      <c r="CL1824" s="20">
        <v>0.79424099999999997</v>
      </c>
      <c r="CM1824" s="20">
        <v>0.72697199999999995</v>
      </c>
      <c r="CN1824" s="20">
        <v>0.66286699999999998</v>
      </c>
      <c r="CO1824" s="20">
        <v>0.60086099999999998</v>
      </c>
      <c r="CP1824" s="20">
        <v>0.61082099999999995</v>
      </c>
      <c r="CQ1824" s="20">
        <v>0.62582899999999997</v>
      </c>
      <c r="CR1824" s="20">
        <v>0.61421400000000004</v>
      </c>
      <c r="CS1824" s="20">
        <v>0.58604199999999995</v>
      </c>
      <c r="CT1824" s="20">
        <v>0.52200000000000002</v>
      </c>
      <c r="CU1824" s="20">
        <v>0.52626600000000001</v>
      </c>
      <c r="CV1824" s="20">
        <v>0.52413299999999996</v>
      </c>
      <c r="CW1824" s="20">
        <v>0.52123399999999998</v>
      </c>
      <c r="CX1824" s="20">
        <v>0.52315100000000003</v>
      </c>
      <c r="CY1824" s="6" t="s">
        <v>655</v>
      </c>
      <c r="CZ1824" s="6" t="s">
        <v>656</v>
      </c>
      <c r="DA1824" s="6" t="s">
        <v>118</v>
      </c>
      <c r="DB1824" s="6"/>
      <c r="DC1824" s="6">
        <v>22780</v>
      </c>
      <c r="DD1824" s="6"/>
      <c r="DE1824" s="6" t="s">
        <v>658</v>
      </c>
      <c r="DF1824" s="6" t="s">
        <v>363</v>
      </c>
      <c r="DG1824" s="6" t="s">
        <v>364</v>
      </c>
      <c r="DH1824" s="6" t="s">
        <v>365</v>
      </c>
      <c r="DI1824" s="6"/>
      <c r="DJ1824" s="6">
        <v>29</v>
      </c>
      <c r="DK1824" s="6">
        <v>169</v>
      </c>
      <c r="DL1824" s="6">
        <v>8</v>
      </c>
      <c r="DM1824" s="6" t="s">
        <v>368</v>
      </c>
      <c r="DN1824" s="6">
        <v>5</v>
      </c>
      <c r="DO1824" s="6" t="s">
        <v>429</v>
      </c>
      <c r="DP1824" s="6"/>
      <c r="DQ1824" s="6"/>
    </row>
    <row r="1825" spans="1:121" x14ac:dyDescent="0.2">
      <c r="A1825" s="6" t="s">
        <v>327</v>
      </c>
      <c r="B1825" s="6" t="s">
        <v>327</v>
      </c>
      <c r="C1825" s="6" t="s">
        <v>194</v>
      </c>
      <c r="D1825" s="6" t="s">
        <v>118</v>
      </c>
      <c r="E1825" s="6" t="s">
        <v>259</v>
      </c>
      <c r="F1825" s="11">
        <v>972</v>
      </c>
      <c r="G1825" s="13">
        <v>6.5082022095700007E-2</v>
      </c>
      <c r="H1825" s="11">
        <v>2311.356690999999</v>
      </c>
      <c r="I1825" s="13">
        <v>0.15476280250733659</v>
      </c>
      <c r="J1825" s="11">
        <v>1878.1367200000022</v>
      </c>
      <c r="K1825" s="13">
        <v>0.10890154269987008</v>
      </c>
      <c r="L1825" s="11">
        <v>-3217.0195607000005</v>
      </c>
      <c r="M1825" s="13">
        <v>-0.16821609313636304</v>
      </c>
      <c r="N1825" s="11">
        <v>-1338.8828406999983</v>
      </c>
      <c r="O1825" s="13">
        <v>-7.763354248598793E-2</v>
      </c>
      <c r="P1825" s="7">
        <v>14934.833522999999</v>
      </c>
      <c r="Q1825" s="7">
        <v>15067.186959000001</v>
      </c>
      <c r="R1825" s="7">
        <v>15141.242053</v>
      </c>
      <c r="S1825" s="7">
        <v>15399.115266000001</v>
      </c>
      <c r="T1825" s="7">
        <v>15421.737744</v>
      </c>
      <c r="U1825" s="7">
        <v>16776.182484000001</v>
      </c>
      <c r="V1825" s="7">
        <v>17246.190213999998</v>
      </c>
      <c r="W1825" s="7">
        <v>18826.975944999998</v>
      </c>
      <c r="X1825" s="7">
        <v>19474.885897</v>
      </c>
      <c r="Y1825" s="7">
        <v>19124.326934000001</v>
      </c>
      <c r="Z1825" s="7">
        <v>19165.581717000001</v>
      </c>
      <c r="AA1825" s="7">
        <v>17711.113268000001</v>
      </c>
      <c r="AB1825" s="7">
        <v>18328.156898000001</v>
      </c>
      <c r="AC1825" s="7">
        <v>16355.662614000001</v>
      </c>
      <c r="AD1825" s="7">
        <v>16383.840038</v>
      </c>
      <c r="AE1825" s="7">
        <v>16116.631001199999</v>
      </c>
      <c r="AF1825" s="7">
        <v>15907.3073733</v>
      </c>
      <c r="AG1825" s="9">
        <v>30807.305793699998</v>
      </c>
      <c r="AH1825" s="13">
        <v>0.90195854624349059</v>
      </c>
      <c r="AI1825" s="9">
        <v>17618.527453499999</v>
      </c>
      <c r="AJ1825" s="13">
        <v>0.51582509406452504</v>
      </c>
      <c r="AK1825" s="9">
        <v>6109.4825844000006</v>
      </c>
      <c r="AL1825" s="13">
        <v>0.11800168185785208</v>
      </c>
      <c r="AM1825" s="9">
        <v>7079.295755799998</v>
      </c>
      <c r="AN1825" s="13">
        <v>0.12230138232456488</v>
      </c>
      <c r="AO1825" s="9">
        <v>13188.778340199999</v>
      </c>
      <c r="AP1825" s="13">
        <v>0.25473483299025579</v>
      </c>
      <c r="AQ1825" s="9">
        <v>34156.010741300001</v>
      </c>
      <c r="AR1825" s="9">
        <v>37084.932776599999</v>
      </c>
      <c r="AS1825" s="9">
        <v>39374.5528576</v>
      </c>
      <c r="AT1825" s="9">
        <v>41258.750297300001</v>
      </c>
      <c r="AU1825" s="9">
        <v>46439.678197000001</v>
      </c>
      <c r="AV1825" s="9">
        <v>48816.833943700003</v>
      </c>
      <c r="AW1825" s="9">
        <v>51774.538194799999</v>
      </c>
      <c r="AX1825" s="9">
        <v>53561.967640100003</v>
      </c>
      <c r="AY1825" s="9">
        <v>55942.668103999997</v>
      </c>
      <c r="AZ1825" s="9">
        <v>57884.0207792</v>
      </c>
      <c r="BA1825" s="9">
        <v>60071.009092699998</v>
      </c>
      <c r="BB1825" s="9">
        <v>62176.131196800001</v>
      </c>
      <c r="BC1825" s="9">
        <v>60059.501180599997</v>
      </c>
      <c r="BD1825" s="9">
        <v>62103.716418199998</v>
      </c>
      <c r="BE1825" s="9">
        <v>62447.044812200002</v>
      </c>
      <c r="BF1825" s="9">
        <v>64963.316534999998</v>
      </c>
      <c r="BG1825" s="11">
        <v>3.75</v>
      </c>
      <c r="BH1825" s="13">
        <v>3.9473684210526314E-2</v>
      </c>
      <c r="BI1825" s="6">
        <v>0</v>
      </c>
      <c r="BJ1825" s="13">
        <v>0</v>
      </c>
      <c r="BK1825" s="6">
        <v>1</v>
      </c>
      <c r="BL1825" s="13">
        <v>1.0526315789473684E-2</v>
      </c>
      <c r="BM1825" s="11">
        <v>2.75</v>
      </c>
      <c r="BN1825" s="13">
        <v>2.8645833333333332E-2</v>
      </c>
      <c r="BO1825" s="11">
        <v>3.75</v>
      </c>
      <c r="BP1825" s="13">
        <v>3.9473684210526314E-2</v>
      </c>
      <c r="BQ1825" s="6">
        <v>95</v>
      </c>
      <c r="BR1825" s="6">
        <v>96</v>
      </c>
      <c r="BS1825" s="6">
        <v>97</v>
      </c>
      <c r="BT1825" s="6">
        <v>95</v>
      </c>
      <c r="BU1825" s="6">
        <v>94</v>
      </c>
      <c r="BV1825" s="6">
        <v>95</v>
      </c>
      <c r="BW1825" s="6">
        <v>96</v>
      </c>
      <c r="BX1825" s="6">
        <v>95</v>
      </c>
      <c r="BY1825" s="6">
        <v>93</v>
      </c>
      <c r="BZ1825" s="6">
        <v>94</v>
      </c>
      <c r="CA1825" s="6">
        <v>93</v>
      </c>
      <c r="CB1825" s="6">
        <v>100</v>
      </c>
      <c r="CC1825" s="11">
        <v>98.75</v>
      </c>
      <c r="CD1825" s="11">
        <v>215.46600000000001</v>
      </c>
      <c r="CE1825" s="11">
        <v>-875.54899999999998</v>
      </c>
      <c r="CF1825" s="11">
        <v>1632.56</v>
      </c>
      <c r="CG1825" s="11">
        <v>757</v>
      </c>
      <c r="CH1825" s="20">
        <v>4.2144199999999996</v>
      </c>
      <c r="CI1825" s="20">
        <v>4.0175799999999997</v>
      </c>
      <c r="CJ1825" s="20">
        <v>3.93607</v>
      </c>
      <c r="CK1825" s="20">
        <v>3.98488</v>
      </c>
      <c r="CL1825" s="20">
        <v>3.9809899999999998</v>
      </c>
      <c r="CM1825" s="20">
        <v>4.1317599999999999</v>
      </c>
      <c r="CN1825" s="20">
        <v>4.1530199999999997</v>
      </c>
      <c r="CO1825" s="20">
        <v>4.1687399999999997</v>
      </c>
      <c r="CP1825" s="20">
        <v>4.0172499999999998</v>
      </c>
      <c r="CQ1825" s="20">
        <v>3.9732599999999998</v>
      </c>
      <c r="CR1825" s="20">
        <v>4.0945999999999998</v>
      </c>
      <c r="CS1825" s="20">
        <v>4.1200700000000001</v>
      </c>
      <c r="CT1825" s="20">
        <v>4.2377900000000004</v>
      </c>
      <c r="CU1825" s="20">
        <v>4.1801700000000004</v>
      </c>
      <c r="CV1825" s="20">
        <v>4.2639300000000002</v>
      </c>
      <c r="CW1825" s="20">
        <v>4.2707699999999997</v>
      </c>
      <c r="CX1825" s="20">
        <v>4.2802800000000003</v>
      </c>
      <c r="CY1825" s="6" t="s">
        <v>655</v>
      </c>
      <c r="CZ1825" s="6" t="s">
        <v>656</v>
      </c>
      <c r="DA1825" s="6" t="s">
        <v>118</v>
      </c>
      <c r="DB1825" s="6"/>
      <c r="DC1825" s="6">
        <v>22780</v>
      </c>
      <c r="DD1825" s="6"/>
      <c r="DE1825" s="6" t="s">
        <v>658</v>
      </c>
      <c r="DF1825" s="6" t="s">
        <v>363</v>
      </c>
      <c r="DG1825" s="6" t="s">
        <v>364</v>
      </c>
      <c r="DH1825" s="6" t="s">
        <v>365</v>
      </c>
      <c r="DI1825" s="6"/>
      <c r="DJ1825" s="6">
        <v>29</v>
      </c>
      <c r="DK1825" s="6">
        <v>169</v>
      </c>
      <c r="DL1825" s="6">
        <v>8</v>
      </c>
      <c r="DM1825" s="6" t="s">
        <v>368</v>
      </c>
      <c r="DN1825" s="6">
        <v>5</v>
      </c>
      <c r="DO1825" s="6" t="s">
        <v>429</v>
      </c>
      <c r="DP1825" s="6"/>
      <c r="DQ1825" s="6"/>
    </row>
    <row r="1826" spans="1:121" x14ac:dyDescent="0.2">
      <c r="A1826" s="6" t="s">
        <v>1</v>
      </c>
      <c r="B1826" s="6" t="s">
        <v>1</v>
      </c>
      <c r="C1826" s="6" t="s">
        <v>2</v>
      </c>
      <c r="D1826" s="6" t="s">
        <v>91</v>
      </c>
      <c r="E1826" s="6" t="s">
        <v>232</v>
      </c>
      <c r="F1826" s="11">
        <v>40</v>
      </c>
      <c r="G1826" s="13">
        <v>0.47619047618999999</v>
      </c>
      <c r="H1826" s="11">
        <v>-40.191545184700004</v>
      </c>
      <c r="I1826" s="13">
        <v>-0.47929384005888814</v>
      </c>
      <c r="J1826" s="11">
        <v>60.498165603000004</v>
      </c>
      <c r="K1826" s="13">
        <v>1.3855322379728108</v>
      </c>
      <c r="L1826" s="11">
        <v>20.029689863999991</v>
      </c>
      <c r="M1826" s="13">
        <v>0.19229295070939015</v>
      </c>
      <c r="N1826" s="11">
        <v>80.527855466999995</v>
      </c>
      <c r="O1826" s="13">
        <v>1.8442532710249775</v>
      </c>
      <c r="P1826" s="7">
        <v>83.855751577700005</v>
      </c>
      <c r="Q1826" s="7">
        <v>83.229270917500003</v>
      </c>
      <c r="R1826" s="7">
        <v>75.037153604799997</v>
      </c>
      <c r="S1826" s="7">
        <v>74.512074059200003</v>
      </c>
      <c r="T1826" s="7">
        <v>71.619377821200004</v>
      </c>
      <c r="U1826" s="7">
        <v>46.171912830399997</v>
      </c>
      <c r="V1826" s="7">
        <v>43.664206393000001</v>
      </c>
      <c r="W1826" s="7">
        <v>58.358160890699999</v>
      </c>
      <c r="X1826" s="7">
        <v>65.581129509099995</v>
      </c>
      <c r="Y1826" s="7">
        <v>104.162371996</v>
      </c>
      <c r="Z1826" s="7">
        <v>112.258652341</v>
      </c>
      <c r="AA1826" s="7">
        <v>103.866291043</v>
      </c>
      <c r="AB1826" s="7">
        <v>119.79785902</v>
      </c>
      <c r="AC1826" s="7">
        <v>105.155306565</v>
      </c>
      <c r="AD1826" s="7">
        <v>115.914094666</v>
      </c>
      <c r="AE1826" s="7">
        <v>119.61249883000001</v>
      </c>
      <c r="AF1826" s="7">
        <v>124.19206186</v>
      </c>
      <c r="AG1826" s="9">
        <v>11269.625028800001</v>
      </c>
      <c r="AH1826" s="13">
        <v>0.55370797873384248</v>
      </c>
      <c r="AI1826" s="9">
        <v>13913.872300300001</v>
      </c>
      <c r="AJ1826" s="13">
        <v>0.68362719150561357</v>
      </c>
      <c r="AK1826" s="9">
        <v>-6448.6589819000001</v>
      </c>
      <c r="AL1826" s="13">
        <v>-0.18818924305190091</v>
      </c>
      <c r="AM1826" s="9">
        <v>3804.4117103999997</v>
      </c>
      <c r="AN1826" s="13">
        <v>0.1367596851794223</v>
      </c>
      <c r="AO1826" s="9">
        <v>-2644.2472715000004</v>
      </c>
      <c r="AP1826" s="13">
        <v>-7.7166259506410345E-2</v>
      </c>
      <c r="AQ1826" s="9">
        <v>20353.011806999999</v>
      </c>
      <c r="AR1826" s="9">
        <v>20696.8567693</v>
      </c>
      <c r="AS1826" s="9">
        <v>23966.922367399999</v>
      </c>
      <c r="AT1826" s="9">
        <v>25649.579770200002</v>
      </c>
      <c r="AU1826" s="9">
        <v>26767.0027152</v>
      </c>
      <c r="AV1826" s="9">
        <v>33069.278695000001</v>
      </c>
      <c r="AW1826" s="9">
        <v>34266.8841073</v>
      </c>
      <c r="AX1826" s="9">
        <v>33356.496417399998</v>
      </c>
      <c r="AY1826" s="9">
        <v>30192.552350999998</v>
      </c>
      <c r="AZ1826" s="9">
        <v>27818.2251254</v>
      </c>
      <c r="BA1826" s="9">
        <v>27380.350094199999</v>
      </c>
      <c r="BB1826" s="9">
        <v>28167.240591500002</v>
      </c>
      <c r="BC1826" s="9">
        <v>28655.0963323</v>
      </c>
      <c r="BD1826" s="9">
        <v>31203.599597699998</v>
      </c>
      <c r="BE1826" s="9">
        <v>31491.9010786</v>
      </c>
      <c r="BF1826" s="9">
        <v>31622.6368358</v>
      </c>
      <c r="BG1826" s="11">
        <v>2</v>
      </c>
      <c r="BH1826" s="13">
        <v>0.33333333333333331</v>
      </c>
      <c r="BI1826" s="6">
        <v>-4</v>
      </c>
      <c r="BJ1826" s="13">
        <v>-0.66666666666666663</v>
      </c>
      <c r="BK1826" s="6">
        <v>2</v>
      </c>
      <c r="BL1826" s="13">
        <v>1</v>
      </c>
      <c r="BM1826" s="11">
        <v>4</v>
      </c>
      <c r="BN1826" s="13">
        <v>1</v>
      </c>
      <c r="BO1826" s="11">
        <v>6</v>
      </c>
      <c r="BP1826" s="13">
        <v>3</v>
      </c>
      <c r="BQ1826" s="6">
        <v>6</v>
      </c>
      <c r="BR1826" s="6">
        <v>5</v>
      </c>
      <c r="BS1826" s="6">
        <v>3</v>
      </c>
      <c r="BT1826" s="6">
        <v>2</v>
      </c>
      <c r="BU1826" s="6">
        <v>3</v>
      </c>
      <c r="BV1826" s="6">
        <v>3</v>
      </c>
      <c r="BW1826" s="6">
        <v>4</v>
      </c>
      <c r="BX1826" s="6">
        <v>4</v>
      </c>
      <c r="BY1826" s="6">
        <v>4</v>
      </c>
      <c r="BZ1826" s="6">
        <v>5</v>
      </c>
      <c r="CA1826" s="6">
        <v>5</v>
      </c>
      <c r="CB1826" s="6">
        <v>7</v>
      </c>
      <c r="CC1826" s="11">
        <v>8</v>
      </c>
      <c r="CD1826" s="11">
        <v>38.815300000000001</v>
      </c>
      <c r="CE1826" s="11">
        <v>-7.6454399999999998</v>
      </c>
      <c r="CF1826" s="11">
        <v>9.1664399999999997</v>
      </c>
      <c r="CG1826" s="11">
        <v>1</v>
      </c>
      <c r="CH1826" s="20">
        <v>4.5703300000000002</v>
      </c>
      <c r="CI1826" s="20">
        <v>4.4811100000000001</v>
      </c>
      <c r="CJ1826" s="20">
        <v>3.91181</v>
      </c>
      <c r="CK1826" s="20">
        <v>3.87358</v>
      </c>
      <c r="CL1826" s="20">
        <v>3.74465</v>
      </c>
      <c r="CM1826" s="20">
        <v>2.4691100000000001</v>
      </c>
      <c r="CN1826" s="20">
        <v>2.42035</v>
      </c>
      <c r="CO1826" s="20">
        <v>3.3593500000000001</v>
      </c>
      <c r="CP1826" s="20">
        <v>3.7654000000000001</v>
      </c>
      <c r="CQ1826" s="20">
        <v>6.0758999999999999</v>
      </c>
      <c r="CR1826" s="20">
        <v>6.7107400000000004</v>
      </c>
      <c r="CS1826" s="20">
        <v>6.3967299999999998</v>
      </c>
      <c r="CT1826" s="20">
        <v>7.0085199999999999</v>
      </c>
      <c r="CU1826" s="20">
        <v>6.16</v>
      </c>
      <c r="CV1826" s="20">
        <v>6.8072600000000003</v>
      </c>
      <c r="CW1826" s="20">
        <v>7.3200200000000004</v>
      </c>
      <c r="CX1826" s="20">
        <v>7.5234199999999998</v>
      </c>
      <c r="CY1826" s="6" t="s">
        <v>660</v>
      </c>
      <c r="CZ1826" s="6" t="s">
        <v>661</v>
      </c>
      <c r="DA1826" s="6" t="s">
        <v>91</v>
      </c>
      <c r="DB1826" s="6"/>
      <c r="DC1826" s="6"/>
      <c r="DD1826" s="6"/>
      <c r="DE1826" s="6"/>
      <c r="DF1826" s="6"/>
      <c r="DG1826" s="6"/>
      <c r="DH1826" s="6" t="s">
        <v>333</v>
      </c>
      <c r="DI1826" s="6"/>
      <c r="DJ1826" s="6"/>
      <c r="DK1826" s="6"/>
      <c r="DL1826" s="6">
        <v>10</v>
      </c>
      <c r="DM1826" s="6" t="s">
        <v>383</v>
      </c>
      <c r="DN1826" s="6">
        <v>9</v>
      </c>
      <c r="DO1826" s="6" t="s">
        <v>384</v>
      </c>
      <c r="DP1826" s="6"/>
      <c r="DQ1826" s="6"/>
    </row>
    <row r="1827" spans="1:121" x14ac:dyDescent="0.2">
      <c r="A1827" s="6" t="s">
        <v>310</v>
      </c>
      <c r="B1827" s="6" t="s">
        <v>310</v>
      </c>
      <c r="C1827" s="6" t="s">
        <v>173</v>
      </c>
      <c r="D1827" s="6" t="s">
        <v>91</v>
      </c>
      <c r="E1827" s="6" t="s">
        <v>232</v>
      </c>
      <c r="F1827" s="11">
        <v>0</v>
      </c>
      <c r="G1827" s="13">
        <v>0</v>
      </c>
      <c r="H1827" s="11">
        <v>0</v>
      </c>
      <c r="I1827" s="13"/>
      <c r="J1827" s="11">
        <v>0</v>
      </c>
      <c r="K1827" s="13"/>
      <c r="L1827" s="11">
        <v>0</v>
      </c>
      <c r="M1827" s="13"/>
      <c r="N1827" s="11">
        <v>0</v>
      </c>
      <c r="O1827" s="13"/>
      <c r="P1827" s="7">
        <v>0</v>
      </c>
      <c r="Q1827" s="7">
        <v>0</v>
      </c>
      <c r="R1827" s="7">
        <v>0</v>
      </c>
      <c r="S1827" s="7">
        <v>0</v>
      </c>
      <c r="T1827" s="7">
        <v>0</v>
      </c>
      <c r="U1827" s="7">
        <v>0</v>
      </c>
      <c r="V1827" s="7">
        <v>0</v>
      </c>
      <c r="W1827" s="7">
        <v>0</v>
      </c>
      <c r="X1827" s="7">
        <v>0</v>
      </c>
      <c r="Y1827" s="7">
        <v>0</v>
      </c>
      <c r="Z1827" s="7">
        <v>0</v>
      </c>
      <c r="AA1827" s="7">
        <v>0</v>
      </c>
      <c r="AB1827" s="7">
        <v>0</v>
      </c>
      <c r="AC1827" s="7">
        <v>0</v>
      </c>
      <c r="AD1827" s="7">
        <v>0</v>
      </c>
      <c r="AE1827" s="7">
        <v>0</v>
      </c>
      <c r="AF1827" s="7">
        <v>0</v>
      </c>
      <c r="AG1827" s="9">
        <v>0</v>
      </c>
      <c r="AH1827" s="13"/>
      <c r="AI1827" s="9">
        <v>0</v>
      </c>
      <c r="AJ1827" s="13"/>
      <c r="AK1827" s="9">
        <v>0</v>
      </c>
      <c r="AL1827" s="13"/>
      <c r="AM1827" s="9">
        <v>0</v>
      </c>
      <c r="AN1827" s="13"/>
      <c r="AO1827" s="9">
        <v>0</v>
      </c>
      <c r="AP1827" s="13"/>
      <c r="AQ1827" s="9">
        <v>0</v>
      </c>
      <c r="AR1827" s="9">
        <v>0</v>
      </c>
      <c r="AS1827" s="9">
        <v>0</v>
      </c>
      <c r="AT1827" s="9">
        <v>0</v>
      </c>
      <c r="AU1827" s="9">
        <v>0</v>
      </c>
      <c r="AV1827" s="9">
        <v>0</v>
      </c>
      <c r="AW1827" s="9">
        <v>0</v>
      </c>
      <c r="AX1827" s="9">
        <v>0</v>
      </c>
      <c r="AY1827" s="9">
        <v>0</v>
      </c>
      <c r="AZ1827" s="9">
        <v>0</v>
      </c>
      <c r="BA1827" s="9">
        <v>0</v>
      </c>
      <c r="BB1827" s="9">
        <v>0</v>
      </c>
      <c r="BC1827" s="9">
        <v>0</v>
      </c>
      <c r="BD1827" s="9">
        <v>0</v>
      </c>
      <c r="BE1827" s="9">
        <v>0</v>
      </c>
      <c r="BF1827" s="9">
        <v>0</v>
      </c>
      <c r="BG1827" s="11">
        <v>0</v>
      </c>
      <c r="BH1827" s="13" t="e">
        <v>#DIV/0!</v>
      </c>
      <c r="BI1827" s="6">
        <v>0</v>
      </c>
      <c r="BJ1827" s="13" t="e">
        <v>#DIV/0!</v>
      </c>
      <c r="BK1827" s="6">
        <v>0</v>
      </c>
      <c r="BL1827" s="13" t="e">
        <v>#DIV/0!</v>
      </c>
      <c r="BM1827" s="11">
        <v>0</v>
      </c>
      <c r="BN1827" s="13" t="e">
        <v>#DIV/0!</v>
      </c>
      <c r="BO1827" s="11">
        <v>0</v>
      </c>
      <c r="BP1827" s="13" t="e">
        <v>#DIV/0!</v>
      </c>
      <c r="BQ1827" s="6">
        <v>0</v>
      </c>
      <c r="BR1827" s="6">
        <v>0</v>
      </c>
      <c r="BS1827" s="6">
        <v>0</v>
      </c>
      <c r="BT1827" s="6">
        <v>0</v>
      </c>
      <c r="BU1827" s="6">
        <v>0</v>
      </c>
      <c r="BV1827" s="6">
        <v>0</v>
      </c>
      <c r="BW1827" s="6">
        <v>0</v>
      </c>
      <c r="BX1827" s="6">
        <v>0</v>
      </c>
      <c r="BY1827" s="6">
        <v>0</v>
      </c>
      <c r="BZ1827" s="6">
        <v>0</v>
      </c>
      <c r="CA1827" s="6">
        <v>0</v>
      </c>
      <c r="CB1827" s="6">
        <v>0</v>
      </c>
      <c r="CC1827" s="11">
        <v>0</v>
      </c>
      <c r="CD1827" s="11">
        <v>0</v>
      </c>
      <c r="CE1827" s="11">
        <v>0</v>
      </c>
      <c r="CF1827" s="11">
        <v>0</v>
      </c>
      <c r="CG1827" s="11">
        <v>0</v>
      </c>
      <c r="CH1827" s="20">
        <v>0</v>
      </c>
      <c r="CI1827" s="20">
        <v>0</v>
      </c>
      <c r="CJ1827" s="20">
        <v>0</v>
      </c>
      <c r="CK1827" s="20">
        <v>0</v>
      </c>
      <c r="CL1827" s="20">
        <v>0</v>
      </c>
      <c r="CM1827" s="20">
        <v>0</v>
      </c>
      <c r="CN1827" s="20">
        <v>0</v>
      </c>
      <c r="CO1827" s="20">
        <v>0</v>
      </c>
      <c r="CP1827" s="20">
        <v>0</v>
      </c>
      <c r="CQ1827" s="20">
        <v>0</v>
      </c>
      <c r="CR1827" s="20">
        <v>0</v>
      </c>
      <c r="CS1827" s="20">
        <v>0</v>
      </c>
      <c r="CT1827" s="20">
        <v>0</v>
      </c>
      <c r="CU1827" s="20">
        <v>0</v>
      </c>
      <c r="CV1827" s="20">
        <v>0</v>
      </c>
      <c r="CW1827" s="20">
        <v>0</v>
      </c>
      <c r="CX1827" s="20">
        <v>0</v>
      </c>
      <c r="CY1827" s="6" t="s">
        <v>660</v>
      </c>
      <c r="CZ1827" s="6" t="s">
        <v>661</v>
      </c>
      <c r="DA1827" s="6" t="s">
        <v>91</v>
      </c>
      <c r="DB1827" s="6"/>
      <c r="DC1827" s="6"/>
      <c r="DD1827" s="6"/>
      <c r="DE1827" s="6"/>
      <c r="DF1827" s="6"/>
      <c r="DG1827" s="6"/>
      <c r="DH1827" s="6" t="s">
        <v>333</v>
      </c>
      <c r="DI1827" s="6"/>
      <c r="DJ1827" s="6"/>
      <c r="DK1827" s="6"/>
      <c r="DL1827" s="6">
        <v>10</v>
      </c>
      <c r="DM1827" s="6" t="s">
        <v>383</v>
      </c>
      <c r="DN1827" s="6">
        <v>9</v>
      </c>
      <c r="DO1827" s="6" t="s">
        <v>384</v>
      </c>
      <c r="DP1827" s="6"/>
      <c r="DQ1827" s="6"/>
    </row>
    <row r="1828" spans="1:121" x14ac:dyDescent="0.2">
      <c r="A1828" s="6" t="s">
        <v>311</v>
      </c>
      <c r="B1828" s="6" t="s">
        <v>311</v>
      </c>
      <c r="C1828" s="6" t="s">
        <v>174</v>
      </c>
      <c r="D1828" s="6" t="s">
        <v>91</v>
      </c>
      <c r="E1828" s="6" t="s">
        <v>232</v>
      </c>
      <c r="F1828" s="11">
        <v>1</v>
      </c>
      <c r="G1828" s="13">
        <v>1</v>
      </c>
      <c r="H1828" s="11">
        <v>0</v>
      </c>
      <c r="I1828" s="13">
        <v>0</v>
      </c>
      <c r="J1828" s="11">
        <v>0</v>
      </c>
      <c r="K1828" s="13">
        <v>0</v>
      </c>
      <c r="L1828" s="11">
        <v>0</v>
      </c>
      <c r="M1828" s="13">
        <v>0</v>
      </c>
      <c r="N1828" s="11">
        <v>0</v>
      </c>
      <c r="O1828" s="13">
        <v>0</v>
      </c>
      <c r="P1828" s="7">
        <v>5</v>
      </c>
      <c r="Q1828" s="7">
        <v>5</v>
      </c>
      <c r="R1828" s="7">
        <v>5</v>
      </c>
      <c r="S1828" s="7">
        <v>5</v>
      </c>
      <c r="T1828" s="7">
        <v>5</v>
      </c>
      <c r="U1828" s="7">
        <v>5</v>
      </c>
      <c r="V1828" s="7">
        <v>5</v>
      </c>
      <c r="W1828" s="7">
        <v>5</v>
      </c>
      <c r="X1828" s="7">
        <v>5</v>
      </c>
      <c r="Y1828" s="7">
        <v>5</v>
      </c>
      <c r="Z1828" s="7">
        <v>5</v>
      </c>
      <c r="AA1828" s="7">
        <v>5</v>
      </c>
      <c r="AB1828" s="7">
        <v>5</v>
      </c>
      <c r="AC1828" s="7">
        <v>5</v>
      </c>
      <c r="AD1828" s="7">
        <v>5</v>
      </c>
      <c r="AE1828" s="7">
        <v>5</v>
      </c>
      <c r="AF1828" s="7">
        <v>5</v>
      </c>
      <c r="AG1828" s="9">
        <v>0</v>
      </c>
      <c r="AH1828" s="13">
        <v>0</v>
      </c>
      <c r="AI1828" s="9">
        <v>0</v>
      </c>
      <c r="AJ1828" s="13">
        <v>0</v>
      </c>
      <c r="AK1828" s="9">
        <v>0</v>
      </c>
      <c r="AL1828" s="13">
        <v>0</v>
      </c>
      <c r="AM1828" s="9">
        <v>0</v>
      </c>
      <c r="AN1828" s="13">
        <v>0</v>
      </c>
      <c r="AO1828" s="9">
        <v>0</v>
      </c>
      <c r="AP1828" s="13">
        <v>0</v>
      </c>
      <c r="AQ1828" s="9">
        <v>1</v>
      </c>
      <c r="AR1828" s="9">
        <v>1</v>
      </c>
      <c r="AS1828" s="9">
        <v>1</v>
      </c>
      <c r="AT1828" s="9">
        <v>1</v>
      </c>
      <c r="AU1828" s="9">
        <v>1</v>
      </c>
      <c r="AV1828" s="9">
        <v>1</v>
      </c>
      <c r="AW1828" s="9">
        <v>1</v>
      </c>
      <c r="AX1828" s="9">
        <v>1</v>
      </c>
      <c r="AY1828" s="9">
        <v>1</v>
      </c>
      <c r="AZ1828" s="9">
        <v>1</v>
      </c>
      <c r="BA1828" s="9">
        <v>1</v>
      </c>
      <c r="BB1828" s="9">
        <v>1</v>
      </c>
      <c r="BC1828" s="9">
        <v>1</v>
      </c>
      <c r="BD1828" s="9">
        <v>1</v>
      </c>
      <c r="BE1828" s="9">
        <v>1</v>
      </c>
      <c r="BF1828" s="9">
        <v>1</v>
      </c>
      <c r="BG1828" s="11">
        <v>0</v>
      </c>
      <c r="BH1828" s="13">
        <v>0</v>
      </c>
      <c r="BI1828" s="6">
        <v>0</v>
      </c>
      <c r="BJ1828" s="13">
        <v>0</v>
      </c>
      <c r="BK1828" s="6">
        <v>0</v>
      </c>
      <c r="BL1828" s="13">
        <v>0</v>
      </c>
      <c r="BM1828" s="11">
        <v>0</v>
      </c>
      <c r="BN1828" s="13">
        <v>0</v>
      </c>
      <c r="BO1828" s="11">
        <v>0</v>
      </c>
      <c r="BP1828" s="13">
        <v>0</v>
      </c>
      <c r="BQ1828" s="6">
        <v>1</v>
      </c>
      <c r="BR1828" s="6">
        <v>1</v>
      </c>
      <c r="BS1828" s="6">
        <v>1</v>
      </c>
      <c r="BT1828" s="6">
        <v>1</v>
      </c>
      <c r="BU1828" s="6">
        <v>1</v>
      </c>
      <c r="BV1828" s="6">
        <v>1</v>
      </c>
      <c r="BW1828" s="6">
        <v>1</v>
      </c>
      <c r="BX1828" s="6">
        <v>1</v>
      </c>
      <c r="BY1828" s="6">
        <v>1</v>
      </c>
      <c r="BZ1828" s="6">
        <v>1</v>
      </c>
      <c r="CA1828" s="6">
        <v>1</v>
      </c>
      <c r="CB1828" s="6">
        <v>1</v>
      </c>
      <c r="CC1828" s="11">
        <v>1</v>
      </c>
      <c r="CD1828" s="11">
        <v>3.1627200000000002</v>
      </c>
      <c r="CE1828" s="11">
        <v>-1.10398</v>
      </c>
      <c r="CF1828" s="11">
        <v>0.74106700000000003</v>
      </c>
      <c r="CG1828" s="11">
        <v>0</v>
      </c>
      <c r="CH1828" s="20">
        <v>1.1886099999999999</v>
      </c>
      <c r="CI1828" s="20">
        <v>1.57606</v>
      </c>
      <c r="CJ1828" s="20">
        <v>1.69516</v>
      </c>
      <c r="CK1828" s="20">
        <v>1.6877599999999999</v>
      </c>
      <c r="CL1828" s="20">
        <v>1.32803</v>
      </c>
      <c r="CM1828" s="20">
        <v>1.4490400000000001</v>
      </c>
      <c r="CN1828" s="20">
        <v>1.5873699999999999</v>
      </c>
      <c r="CO1828" s="20">
        <v>1.4887900000000001</v>
      </c>
      <c r="CP1828" s="20">
        <v>1.3255999999999999</v>
      </c>
      <c r="CQ1828" s="20">
        <v>1.2116100000000001</v>
      </c>
      <c r="CR1828" s="20">
        <v>1.13148</v>
      </c>
      <c r="CS1828" s="20">
        <v>1.24729</v>
      </c>
      <c r="CT1828" s="20">
        <v>0.97722399999999998</v>
      </c>
      <c r="CU1828" s="20">
        <v>1.71123</v>
      </c>
      <c r="CV1828" s="20">
        <v>1.7838700000000001</v>
      </c>
      <c r="CW1828" s="20">
        <v>1.99234</v>
      </c>
      <c r="CX1828" s="20">
        <v>2.0081099999999998</v>
      </c>
      <c r="CY1828" s="6" t="s">
        <v>660</v>
      </c>
      <c r="CZ1828" s="6" t="s">
        <v>661</v>
      </c>
      <c r="DA1828" s="6" t="s">
        <v>91</v>
      </c>
      <c r="DB1828" s="6"/>
      <c r="DC1828" s="6"/>
      <c r="DD1828" s="6"/>
      <c r="DE1828" s="6"/>
      <c r="DF1828" s="6"/>
      <c r="DG1828" s="6"/>
      <c r="DH1828" s="6" t="s">
        <v>333</v>
      </c>
      <c r="DI1828" s="6"/>
      <c r="DJ1828" s="6"/>
      <c r="DK1828" s="6"/>
      <c r="DL1828" s="6">
        <v>10</v>
      </c>
      <c r="DM1828" s="6" t="s">
        <v>383</v>
      </c>
      <c r="DN1828" s="6">
        <v>9</v>
      </c>
      <c r="DO1828" s="6" t="s">
        <v>384</v>
      </c>
      <c r="DP1828" s="6"/>
      <c r="DQ1828" s="6"/>
    </row>
    <row r="1829" spans="1:121" x14ac:dyDescent="0.2">
      <c r="A1829" s="6" t="s">
        <v>312</v>
      </c>
      <c r="B1829" s="6" t="s">
        <v>312</v>
      </c>
      <c r="C1829" s="6" t="s">
        <v>175</v>
      </c>
      <c r="D1829" s="6" t="s">
        <v>91</v>
      </c>
      <c r="E1829" s="6" t="s">
        <v>232</v>
      </c>
      <c r="F1829" s="11">
        <v>-15</v>
      </c>
      <c r="G1829" s="13">
        <v>-0.135135135135</v>
      </c>
      <c r="H1829" s="11">
        <v>1.8205052990000041</v>
      </c>
      <c r="I1829" s="13">
        <v>1.6369967177040725E-2</v>
      </c>
      <c r="J1829" s="11">
        <v>-56.558793321300008</v>
      </c>
      <c r="K1829" s="13">
        <v>-0.50038487385165664</v>
      </c>
      <c r="L1829" s="11">
        <v>39.959597959400007</v>
      </c>
      <c r="M1829" s="13">
        <v>0.70760284327636058</v>
      </c>
      <c r="N1829" s="11">
        <v>-16.599195361900001</v>
      </c>
      <c r="O1829" s="13">
        <v>-0.14685579004521138</v>
      </c>
      <c r="P1829" s="7">
        <v>111.210076313</v>
      </c>
      <c r="Q1829" s="7">
        <v>109.62598713</v>
      </c>
      <c r="R1829" s="7">
        <v>105.849210434</v>
      </c>
      <c r="S1829" s="7">
        <v>107.867867167</v>
      </c>
      <c r="T1829" s="7">
        <v>101.897461217</v>
      </c>
      <c r="U1829" s="7">
        <v>112.417557634</v>
      </c>
      <c r="V1829" s="7">
        <v>113.03058161200001</v>
      </c>
      <c r="W1829" s="7">
        <v>99.267015652300003</v>
      </c>
      <c r="X1829" s="7">
        <v>84.604493343599998</v>
      </c>
      <c r="Y1829" s="7">
        <v>56.471788290699998</v>
      </c>
      <c r="Z1829" s="7">
        <v>68.024166611499993</v>
      </c>
      <c r="AA1829" s="7">
        <v>68.072606445900007</v>
      </c>
      <c r="AB1829" s="7">
        <v>78.057641240400002</v>
      </c>
      <c r="AC1829" s="7">
        <v>86.116069244100004</v>
      </c>
      <c r="AD1829" s="7">
        <v>91.067821380400005</v>
      </c>
      <c r="AE1829" s="7">
        <v>92.751190818400005</v>
      </c>
      <c r="AF1829" s="7">
        <v>96.431386250100005</v>
      </c>
      <c r="AG1829" s="9">
        <v>3527.4612272999984</v>
      </c>
      <c r="AH1829" s="13">
        <v>0.15883911558159061</v>
      </c>
      <c r="AI1829" s="9">
        <v>6322.0029891999984</v>
      </c>
      <c r="AJ1829" s="13">
        <v>0.28467537948739519</v>
      </c>
      <c r="AK1829" s="9">
        <v>-7024.9899957999987</v>
      </c>
      <c r="AL1829" s="13">
        <v>-0.2462337167025489</v>
      </c>
      <c r="AM1829" s="9">
        <v>4230.4482338999987</v>
      </c>
      <c r="AN1829" s="13">
        <v>0.19672134651170065</v>
      </c>
      <c r="AO1829" s="9">
        <v>-2794.5417619</v>
      </c>
      <c r="AP1829" s="13">
        <v>-9.7951798497154324E-2</v>
      </c>
      <c r="AQ1829" s="9">
        <v>22207.761698900002</v>
      </c>
      <c r="AR1829" s="9">
        <v>23108.111340899999</v>
      </c>
      <c r="AS1829" s="9">
        <v>23529.630307399999</v>
      </c>
      <c r="AT1829" s="9">
        <v>23096.460602899999</v>
      </c>
      <c r="AU1829" s="9">
        <v>22708.80817</v>
      </c>
      <c r="AV1829" s="9">
        <v>28278.432386799999</v>
      </c>
      <c r="AW1829" s="9">
        <v>28529.7646881</v>
      </c>
      <c r="AX1829" s="9">
        <v>25993.707956599999</v>
      </c>
      <c r="AY1829" s="9">
        <v>24442.371544500002</v>
      </c>
      <c r="AZ1829" s="9">
        <v>21504.774692300001</v>
      </c>
      <c r="BA1829" s="9">
        <v>22638.731339000002</v>
      </c>
      <c r="BB1829" s="9">
        <v>22361.657777</v>
      </c>
      <c r="BC1829" s="9">
        <v>24215.7829857</v>
      </c>
      <c r="BD1829" s="9">
        <v>28470.1197073</v>
      </c>
      <c r="BE1829" s="9">
        <v>25457.303754600001</v>
      </c>
      <c r="BF1829" s="9">
        <v>25735.2229262</v>
      </c>
      <c r="BG1829" s="11">
        <v>-4</v>
      </c>
      <c r="BH1829" s="13">
        <v>-0.5714285714285714</v>
      </c>
      <c r="BI1829" s="6">
        <v>-2</v>
      </c>
      <c r="BJ1829" s="13">
        <v>-0.2857142857142857</v>
      </c>
      <c r="BK1829" s="6">
        <v>0</v>
      </c>
      <c r="BL1829" s="13">
        <v>0</v>
      </c>
      <c r="BM1829" s="11">
        <v>-2</v>
      </c>
      <c r="BN1829" s="13">
        <v>-0.4</v>
      </c>
      <c r="BO1829" s="11">
        <v>-2</v>
      </c>
      <c r="BP1829" s="13">
        <v>-0.4</v>
      </c>
      <c r="BQ1829" s="6">
        <v>7</v>
      </c>
      <c r="BR1829" s="6">
        <v>5</v>
      </c>
      <c r="BS1829" s="6">
        <v>5</v>
      </c>
      <c r="BT1829" s="6">
        <v>5</v>
      </c>
      <c r="BU1829" s="6">
        <v>6</v>
      </c>
      <c r="BV1829" s="6">
        <v>6</v>
      </c>
      <c r="BW1829" s="6">
        <v>5</v>
      </c>
      <c r="BX1829" s="6">
        <v>7</v>
      </c>
      <c r="BY1829" s="6">
        <v>6</v>
      </c>
      <c r="BZ1829" s="6">
        <v>5</v>
      </c>
      <c r="CA1829" s="6">
        <v>4</v>
      </c>
      <c r="CB1829" s="6">
        <v>4</v>
      </c>
      <c r="CC1829" s="11">
        <v>3</v>
      </c>
      <c r="CD1829" s="11">
        <v>-13.4649</v>
      </c>
      <c r="CE1829" s="11">
        <v>-13.4704</v>
      </c>
      <c r="CF1829" s="11">
        <v>12.156599999999999</v>
      </c>
      <c r="CG1829" s="11">
        <v>-1</v>
      </c>
      <c r="CH1829" s="20">
        <v>1.3443000000000001</v>
      </c>
      <c r="CI1829" s="20">
        <v>1.3043499999999999</v>
      </c>
      <c r="CJ1829" s="20">
        <v>1.2033</v>
      </c>
      <c r="CK1829" s="20">
        <v>1.17771</v>
      </c>
      <c r="CL1829" s="20">
        <v>1.0751900000000001</v>
      </c>
      <c r="CM1829" s="20">
        <v>1.1614800000000001</v>
      </c>
      <c r="CN1829" s="20">
        <v>1.2102599999999999</v>
      </c>
      <c r="CO1829" s="20">
        <v>1.1344799999999999</v>
      </c>
      <c r="CP1829" s="20">
        <v>1.0971599999999999</v>
      </c>
      <c r="CQ1829" s="20">
        <v>0.80432800000000004</v>
      </c>
      <c r="CR1829" s="20">
        <v>1.0119800000000001</v>
      </c>
      <c r="CS1829" s="20">
        <v>1.0470699999999999</v>
      </c>
      <c r="CT1829" s="20">
        <v>1.1267100000000001</v>
      </c>
      <c r="CU1829" s="20">
        <v>1.2159199999999999</v>
      </c>
      <c r="CV1829" s="20">
        <v>1.2552099999999999</v>
      </c>
      <c r="CW1829" s="20">
        <v>1.3030600000000001</v>
      </c>
      <c r="CX1829" s="20">
        <v>1.3348899999999999</v>
      </c>
      <c r="CY1829" s="6" t="s">
        <v>660</v>
      </c>
      <c r="CZ1829" s="6" t="s">
        <v>661</v>
      </c>
      <c r="DA1829" s="6" t="s">
        <v>91</v>
      </c>
      <c r="DB1829" s="6"/>
      <c r="DC1829" s="6"/>
      <c r="DD1829" s="6"/>
      <c r="DE1829" s="6"/>
      <c r="DF1829" s="6"/>
      <c r="DG1829" s="6"/>
      <c r="DH1829" s="6" t="s">
        <v>333</v>
      </c>
      <c r="DI1829" s="6"/>
      <c r="DJ1829" s="6"/>
      <c r="DK1829" s="6"/>
      <c r="DL1829" s="6">
        <v>10</v>
      </c>
      <c r="DM1829" s="6" t="s">
        <v>383</v>
      </c>
      <c r="DN1829" s="6">
        <v>9</v>
      </c>
      <c r="DO1829" s="6" t="s">
        <v>384</v>
      </c>
      <c r="DP1829" s="6"/>
      <c r="DQ1829" s="6"/>
    </row>
    <row r="1830" spans="1:121" x14ac:dyDescent="0.2">
      <c r="A1830" s="6" t="s">
        <v>792</v>
      </c>
      <c r="B1830" s="6" t="s">
        <v>176</v>
      </c>
      <c r="C1830" s="6" t="s">
        <v>177</v>
      </c>
      <c r="D1830" s="6" t="s">
        <v>91</v>
      </c>
      <c r="E1830" s="6" t="s">
        <v>232</v>
      </c>
      <c r="F1830" s="11">
        <v>-7</v>
      </c>
      <c r="G1830" s="13">
        <v>-0.1</v>
      </c>
      <c r="H1830" s="11">
        <v>38.866661979699998</v>
      </c>
      <c r="I1830" s="13">
        <v>0.55754422136490311</v>
      </c>
      <c r="J1830" s="11">
        <v>-30.415354574399998</v>
      </c>
      <c r="K1830" s="13">
        <v>-0.28012674406984234</v>
      </c>
      <c r="L1830" s="11">
        <v>-14.735022840399999</v>
      </c>
      <c r="M1830" s="13">
        <v>-0.1885195801038555</v>
      </c>
      <c r="N1830" s="11">
        <v>-45.150377414799998</v>
      </c>
      <c r="O1830" s="13">
        <v>-0.41583694800579096</v>
      </c>
      <c r="P1830" s="7">
        <v>69.710456122300002</v>
      </c>
      <c r="Q1830" s="7">
        <v>75.244621265600003</v>
      </c>
      <c r="R1830" s="7">
        <v>63.943313894100001</v>
      </c>
      <c r="S1830" s="7">
        <v>118.864969765</v>
      </c>
      <c r="T1830" s="7">
        <v>146.201901421</v>
      </c>
      <c r="U1830" s="7">
        <v>158.34431554</v>
      </c>
      <c r="V1830" s="7">
        <v>108.577118102</v>
      </c>
      <c r="W1830" s="7">
        <v>93.528681661500002</v>
      </c>
      <c r="X1830" s="7">
        <v>80.203016959699994</v>
      </c>
      <c r="Y1830" s="7">
        <v>78.161763527600002</v>
      </c>
      <c r="Z1830" s="7">
        <v>86.388839825900007</v>
      </c>
      <c r="AA1830" s="7">
        <v>75.665872560099999</v>
      </c>
      <c r="AB1830" s="7">
        <v>52.856489196699997</v>
      </c>
      <c r="AC1830" s="7">
        <v>53.904246005399997</v>
      </c>
      <c r="AD1830" s="7">
        <v>60.8709295735</v>
      </c>
      <c r="AE1830" s="7">
        <v>61.385519199100003</v>
      </c>
      <c r="AF1830" s="7">
        <v>63.426740687200002</v>
      </c>
      <c r="AG1830" s="9">
        <v>22176.499556500003</v>
      </c>
      <c r="AH1830" s="13">
        <v>1.0824020917248134</v>
      </c>
      <c r="AI1830" s="9">
        <v>11176.669001800001</v>
      </c>
      <c r="AJ1830" s="13">
        <v>0.54551665718219011</v>
      </c>
      <c r="AK1830" s="9">
        <v>4395.7680600999993</v>
      </c>
      <c r="AL1830" s="13">
        <v>0.13882149134543095</v>
      </c>
      <c r="AM1830" s="9">
        <v>6604.0624946000025</v>
      </c>
      <c r="AN1830" s="13">
        <v>0.1831375738889672</v>
      </c>
      <c r="AO1830" s="9">
        <v>10999.830554700002</v>
      </c>
      <c r="AP1830" s="13">
        <v>0.34738249636304863</v>
      </c>
      <c r="AQ1830" s="9">
        <v>20488.226811500001</v>
      </c>
      <c r="AR1830" s="9">
        <v>20786.431411599999</v>
      </c>
      <c r="AS1830" s="9">
        <v>21731.311826900001</v>
      </c>
      <c r="AT1830" s="9">
        <v>25203.725483800001</v>
      </c>
      <c r="AU1830" s="9">
        <v>21065.069268200001</v>
      </c>
      <c r="AV1830" s="9">
        <v>23019.957354800001</v>
      </c>
      <c r="AW1830" s="9">
        <v>31664.895813300001</v>
      </c>
      <c r="AX1830" s="9">
        <v>34193.400374199999</v>
      </c>
      <c r="AY1830" s="9">
        <v>34569.828511200001</v>
      </c>
      <c r="AZ1830" s="9">
        <v>36060.663873400001</v>
      </c>
      <c r="BA1830" s="9">
        <v>36369.398409499998</v>
      </c>
      <c r="BB1830" s="9">
        <v>34703.602850399999</v>
      </c>
      <c r="BC1830" s="9">
        <v>34175.112267199998</v>
      </c>
      <c r="BD1830" s="9">
        <v>29485.793012499998</v>
      </c>
      <c r="BE1830" s="9">
        <v>42364.3036163</v>
      </c>
      <c r="BF1830" s="9">
        <v>42664.726368000003</v>
      </c>
      <c r="BG1830" s="11">
        <v>-3.5</v>
      </c>
      <c r="BH1830" s="13">
        <v>-0.5</v>
      </c>
      <c r="BI1830" s="6">
        <v>-2</v>
      </c>
      <c r="BJ1830" s="13">
        <v>-0.2857142857142857</v>
      </c>
      <c r="BK1830" s="6">
        <v>-1</v>
      </c>
      <c r="BL1830" s="13">
        <v>-0.2</v>
      </c>
      <c r="BM1830" s="11">
        <v>-0.5</v>
      </c>
      <c r="BN1830" s="13">
        <v>-0.125</v>
      </c>
      <c r="BO1830" s="11">
        <v>-1.5</v>
      </c>
      <c r="BP1830" s="13">
        <v>-0.3</v>
      </c>
      <c r="BQ1830" s="6">
        <v>7</v>
      </c>
      <c r="BR1830" s="6">
        <v>8</v>
      </c>
      <c r="BS1830" s="6">
        <v>6</v>
      </c>
      <c r="BT1830" s="6">
        <v>5</v>
      </c>
      <c r="BU1830" s="6">
        <v>4</v>
      </c>
      <c r="BV1830" s="6">
        <v>3</v>
      </c>
      <c r="BW1830" s="6">
        <v>4</v>
      </c>
      <c r="BX1830" s="6">
        <v>4</v>
      </c>
      <c r="BY1830" s="6">
        <v>5</v>
      </c>
      <c r="BZ1830" s="6">
        <v>4</v>
      </c>
      <c r="CA1830" s="6">
        <v>3</v>
      </c>
      <c r="CB1830" s="6">
        <v>3</v>
      </c>
      <c r="CC1830" s="11">
        <v>3.5</v>
      </c>
      <c r="CD1830" s="11">
        <v>10.702299999999999</v>
      </c>
      <c r="CE1830" s="11">
        <v>-24.606200000000001</v>
      </c>
      <c r="CF1830" s="11">
        <v>7.62019</v>
      </c>
      <c r="CG1830" s="11">
        <v>-17</v>
      </c>
      <c r="CH1830" s="20">
        <v>0.44015599999999999</v>
      </c>
      <c r="CI1830" s="20">
        <v>0.49974000000000002</v>
      </c>
      <c r="CJ1830" s="20">
        <v>0.43374000000000001</v>
      </c>
      <c r="CK1830" s="20">
        <v>0.82019200000000003</v>
      </c>
      <c r="CL1830" s="20">
        <v>1.0266500000000001</v>
      </c>
      <c r="CM1830" s="20">
        <v>1.1411899999999999</v>
      </c>
      <c r="CN1830" s="20">
        <v>0.82102200000000003</v>
      </c>
      <c r="CO1830" s="20">
        <v>0.73855999999999999</v>
      </c>
      <c r="CP1830" s="20">
        <v>0.70803899999999997</v>
      </c>
      <c r="CQ1830" s="20">
        <v>0.71692900000000004</v>
      </c>
      <c r="CR1830" s="20">
        <v>0.80300199999999999</v>
      </c>
      <c r="CS1830" s="20">
        <v>0.72198099999999998</v>
      </c>
      <c r="CT1830" s="20">
        <v>0.48073300000000002</v>
      </c>
      <c r="CU1830" s="20">
        <v>0.49132500000000001</v>
      </c>
      <c r="CV1830" s="20">
        <v>0.55678099999999997</v>
      </c>
      <c r="CW1830" s="20">
        <v>0.58479899999999996</v>
      </c>
      <c r="CX1830" s="20">
        <v>0.59921199999999997</v>
      </c>
      <c r="CY1830" s="6" t="s">
        <v>660</v>
      </c>
      <c r="CZ1830" s="6" t="s">
        <v>661</v>
      </c>
      <c r="DA1830" s="6" t="s">
        <v>91</v>
      </c>
      <c r="DB1830" s="6"/>
      <c r="DC1830" s="6"/>
      <c r="DD1830" s="6"/>
      <c r="DE1830" s="6"/>
      <c r="DF1830" s="6"/>
      <c r="DG1830" s="6"/>
      <c r="DH1830" s="6" t="s">
        <v>333</v>
      </c>
      <c r="DI1830" s="6"/>
      <c r="DJ1830" s="6"/>
      <c r="DK1830" s="6"/>
      <c r="DL1830" s="6">
        <v>10</v>
      </c>
      <c r="DM1830" s="6" t="s">
        <v>383</v>
      </c>
      <c r="DN1830" s="6">
        <v>9</v>
      </c>
      <c r="DO1830" s="6" t="s">
        <v>384</v>
      </c>
      <c r="DP1830" s="6"/>
      <c r="DQ1830" s="6"/>
    </row>
    <row r="1831" spans="1:121" x14ac:dyDescent="0.2">
      <c r="A1831" s="6" t="s">
        <v>313</v>
      </c>
      <c r="B1831" s="6" t="s">
        <v>313</v>
      </c>
      <c r="C1831" s="6" t="s">
        <v>178</v>
      </c>
      <c r="D1831" s="6" t="s">
        <v>91</v>
      </c>
      <c r="E1831" s="6" t="s">
        <v>232</v>
      </c>
      <c r="F1831" s="11">
        <v>9</v>
      </c>
      <c r="G1831" s="13">
        <v>0.183673469388</v>
      </c>
      <c r="H1831" s="11">
        <v>12.2401697066</v>
      </c>
      <c r="I1831" s="13">
        <v>0.25083257344299992</v>
      </c>
      <c r="J1831" s="11">
        <v>-0.59285007820000146</v>
      </c>
      <c r="K1831" s="13">
        <v>-9.7127496277085949E-3</v>
      </c>
      <c r="L1831" s="11">
        <v>-2.2010536396999996</v>
      </c>
      <c r="M1831" s="13">
        <v>-3.6413862757677017E-2</v>
      </c>
      <c r="N1831" s="11">
        <v>-2.793903717900001</v>
      </c>
      <c r="O1831" s="13">
        <v>-4.5772933653442552E-2</v>
      </c>
      <c r="P1831" s="7">
        <v>48.798166596100003</v>
      </c>
      <c r="Q1831" s="7">
        <v>45.296913798799999</v>
      </c>
      <c r="R1831" s="7">
        <v>67.522979283699996</v>
      </c>
      <c r="S1831" s="7">
        <v>66.769195313300003</v>
      </c>
      <c r="T1831" s="7">
        <v>56.075363260700001</v>
      </c>
      <c r="U1831" s="7">
        <v>59.076180091499999</v>
      </c>
      <c r="V1831" s="7">
        <v>61.038336302700003</v>
      </c>
      <c r="W1831" s="7">
        <v>57.776890571599999</v>
      </c>
      <c r="X1831" s="7">
        <v>57.723073961499999</v>
      </c>
      <c r="Y1831" s="7">
        <v>60.445486224500002</v>
      </c>
      <c r="Z1831" s="7">
        <v>60.057398252699997</v>
      </c>
      <c r="AA1831" s="7">
        <v>60.338393933500001</v>
      </c>
      <c r="AB1831" s="7">
        <v>68.902241569599994</v>
      </c>
      <c r="AC1831" s="7">
        <v>63.160240999999999</v>
      </c>
      <c r="AD1831" s="7">
        <v>65.377881000000002</v>
      </c>
      <c r="AE1831" s="7">
        <v>56.918702750000001</v>
      </c>
      <c r="AF1831" s="7">
        <v>58.244432584800002</v>
      </c>
      <c r="AG1831" s="9">
        <v>6109.1900970999995</v>
      </c>
      <c r="AH1831" s="13">
        <v>0.36920965329735023</v>
      </c>
      <c r="AI1831" s="9">
        <v>3779.9045041999998</v>
      </c>
      <c r="AJ1831" s="13">
        <v>0.22843899261789999</v>
      </c>
      <c r="AK1831" s="9">
        <v>1833.1212372000009</v>
      </c>
      <c r="AL1831" s="13">
        <v>9.0183482952233052E-2</v>
      </c>
      <c r="AM1831" s="9">
        <v>496.16435569999885</v>
      </c>
      <c r="AN1831" s="13">
        <v>2.2390396214211399E-2</v>
      </c>
      <c r="AO1831" s="9">
        <v>2329.2855928999998</v>
      </c>
      <c r="AP1831" s="13">
        <v>0.11459312308172254</v>
      </c>
      <c r="AQ1831" s="9">
        <v>16546.669466899999</v>
      </c>
      <c r="AR1831" s="9">
        <v>14176.070274899999</v>
      </c>
      <c r="AS1831" s="9">
        <v>18205.2417556</v>
      </c>
      <c r="AT1831" s="9">
        <v>18216.267031300002</v>
      </c>
      <c r="AU1831" s="9">
        <v>18070.612261099999</v>
      </c>
      <c r="AV1831" s="9">
        <v>18830.705843600001</v>
      </c>
      <c r="AW1831" s="9">
        <v>20326.573971099999</v>
      </c>
      <c r="AX1831" s="9">
        <v>20577.737491100001</v>
      </c>
      <c r="AY1831" s="9">
        <v>21817.6730947</v>
      </c>
      <c r="AZ1831" s="9">
        <v>22159.6952083</v>
      </c>
      <c r="BA1831" s="9">
        <v>20565.502567299998</v>
      </c>
      <c r="BB1831" s="9">
        <v>21331.959310300001</v>
      </c>
      <c r="BC1831" s="9">
        <v>22590.929174699999</v>
      </c>
      <c r="BD1831" s="9">
        <v>24329.539304900001</v>
      </c>
      <c r="BE1831" s="9">
        <v>24220.412249699999</v>
      </c>
      <c r="BF1831" s="9">
        <v>22655.859563999998</v>
      </c>
      <c r="BG1831" s="11">
        <v>2</v>
      </c>
      <c r="BH1831" s="13">
        <v>0.4</v>
      </c>
      <c r="BI1831" s="6">
        <v>0</v>
      </c>
      <c r="BJ1831" s="13">
        <v>0</v>
      </c>
      <c r="BK1831" s="6">
        <v>1</v>
      </c>
      <c r="BL1831" s="13">
        <v>0.2</v>
      </c>
      <c r="BM1831" s="11">
        <v>1</v>
      </c>
      <c r="BN1831" s="13">
        <v>0.16666666666666666</v>
      </c>
      <c r="BO1831" s="11">
        <v>2</v>
      </c>
      <c r="BP1831" s="13">
        <v>0.4</v>
      </c>
      <c r="BQ1831" s="6">
        <v>5</v>
      </c>
      <c r="BR1831" s="6">
        <v>5</v>
      </c>
      <c r="BS1831" s="6">
        <v>5</v>
      </c>
      <c r="BT1831" s="6">
        <v>5</v>
      </c>
      <c r="BU1831" s="6">
        <v>5</v>
      </c>
      <c r="BV1831" s="6">
        <v>6</v>
      </c>
      <c r="BW1831" s="6">
        <v>6</v>
      </c>
      <c r="BX1831" s="6">
        <v>7</v>
      </c>
      <c r="BY1831" s="6">
        <v>7</v>
      </c>
      <c r="BZ1831" s="6">
        <v>8</v>
      </c>
      <c r="CA1831" s="6">
        <v>8</v>
      </c>
      <c r="CB1831" s="6">
        <v>8</v>
      </c>
      <c r="CC1831" s="11">
        <v>7</v>
      </c>
      <c r="CD1831" s="11">
        <v>8.1021400000000003</v>
      </c>
      <c r="CE1831" s="11">
        <v>-3.99011</v>
      </c>
      <c r="CF1831" s="11">
        <v>5.3342299999999998</v>
      </c>
      <c r="CG1831" s="11">
        <v>1</v>
      </c>
      <c r="CH1831" s="20">
        <v>0.86529699999999998</v>
      </c>
      <c r="CI1831" s="20">
        <v>0.802423</v>
      </c>
      <c r="CJ1831" s="20">
        <v>1.16781</v>
      </c>
      <c r="CK1831" s="20">
        <v>1.14689</v>
      </c>
      <c r="CL1831" s="20">
        <v>0.956978</v>
      </c>
      <c r="CM1831" s="20">
        <v>1.00675</v>
      </c>
      <c r="CN1831" s="20">
        <v>1.05274</v>
      </c>
      <c r="CO1831" s="20">
        <v>1.01397</v>
      </c>
      <c r="CP1831" s="20">
        <v>1.07056</v>
      </c>
      <c r="CQ1831" s="20">
        <v>1.15317</v>
      </c>
      <c r="CR1831" s="20">
        <v>1.1661999999999999</v>
      </c>
      <c r="CS1831" s="20">
        <v>1.2013199999999999</v>
      </c>
      <c r="CT1831" s="20">
        <v>1.3002</v>
      </c>
      <c r="CU1831" s="20">
        <v>1.1959200000000001</v>
      </c>
      <c r="CV1831" s="20">
        <v>1.24308</v>
      </c>
      <c r="CW1831" s="20">
        <v>1.13008</v>
      </c>
      <c r="CX1831" s="20">
        <v>1.13744</v>
      </c>
      <c r="CY1831" s="6" t="s">
        <v>660</v>
      </c>
      <c r="CZ1831" s="6" t="s">
        <v>661</v>
      </c>
      <c r="DA1831" s="6" t="s">
        <v>91</v>
      </c>
      <c r="DB1831" s="6"/>
      <c r="DC1831" s="6"/>
      <c r="DD1831" s="6"/>
      <c r="DE1831" s="6"/>
      <c r="DF1831" s="6"/>
      <c r="DG1831" s="6"/>
      <c r="DH1831" s="6" t="s">
        <v>333</v>
      </c>
      <c r="DI1831" s="6"/>
      <c r="DJ1831" s="6"/>
      <c r="DK1831" s="6"/>
      <c r="DL1831" s="6">
        <v>10</v>
      </c>
      <c r="DM1831" s="6" t="s">
        <v>383</v>
      </c>
      <c r="DN1831" s="6">
        <v>9</v>
      </c>
      <c r="DO1831" s="6" t="s">
        <v>384</v>
      </c>
      <c r="DP1831" s="6"/>
      <c r="DQ1831" s="6"/>
    </row>
    <row r="1832" spans="1:121" x14ac:dyDescent="0.2">
      <c r="A1832" s="6" t="s">
        <v>793</v>
      </c>
      <c r="B1832" s="6" t="s">
        <v>179</v>
      </c>
      <c r="C1832" s="6" t="s">
        <v>180</v>
      </c>
      <c r="D1832" s="6" t="s">
        <v>91</v>
      </c>
      <c r="E1832" s="6" t="s">
        <v>232</v>
      </c>
      <c r="F1832" s="11">
        <v>-13</v>
      </c>
      <c r="G1832" s="13">
        <v>-0.06</v>
      </c>
      <c r="H1832" s="11">
        <v>-37</v>
      </c>
      <c r="I1832" s="13">
        <v>-0.17874396135265699</v>
      </c>
      <c r="J1832" s="11">
        <v>3</v>
      </c>
      <c r="K1832" s="13">
        <v>1.7647058823529412E-2</v>
      </c>
      <c r="L1832" s="11">
        <v>21</v>
      </c>
      <c r="M1832" s="13">
        <v>0.1213872832369942</v>
      </c>
      <c r="N1832" s="11">
        <v>24</v>
      </c>
      <c r="O1832" s="13">
        <v>0.14117647058823529</v>
      </c>
      <c r="P1832" s="7">
        <v>207</v>
      </c>
      <c r="Q1832" s="7">
        <v>192</v>
      </c>
      <c r="R1832" s="7">
        <v>207</v>
      </c>
      <c r="S1832" s="7">
        <v>169</v>
      </c>
      <c r="T1832" s="7">
        <v>170</v>
      </c>
      <c r="U1832" s="7">
        <v>176</v>
      </c>
      <c r="V1832" s="7">
        <v>170</v>
      </c>
      <c r="W1832" s="7">
        <v>168</v>
      </c>
      <c r="X1832" s="7">
        <v>154</v>
      </c>
      <c r="Y1832" s="7">
        <v>173</v>
      </c>
      <c r="Z1832" s="7">
        <v>166</v>
      </c>
      <c r="AA1832" s="7">
        <v>167</v>
      </c>
      <c r="AB1832" s="7">
        <v>191</v>
      </c>
      <c r="AC1832" s="7">
        <v>185</v>
      </c>
      <c r="AD1832" s="7">
        <v>184</v>
      </c>
      <c r="AE1832" s="7">
        <v>189</v>
      </c>
      <c r="AF1832" s="7">
        <v>194</v>
      </c>
      <c r="AG1832" s="9">
        <v>2496</v>
      </c>
      <c r="AH1832" s="13">
        <v>0.13500649069666812</v>
      </c>
      <c r="AI1832" s="9">
        <v>4041</v>
      </c>
      <c r="AJ1832" s="13">
        <v>0.21857421029857205</v>
      </c>
      <c r="AK1832" s="9">
        <v>-1649</v>
      </c>
      <c r="AL1832" s="13">
        <v>-7.3194549247636381E-2</v>
      </c>
      <c r="AM1832" s="9">
        <v>104</v>
      </c>
      <c r="AN1832" s="13">
        <v>4.9808429118773949E-3</v>
      </c>
      <c r="AO1832" s="9">
        <v>-1545</v>
      </c>
      <c r="AP1832" s="13">
        <v>-6.8578276887567138E-2</v>
      </c>
      <c r="AQ1832" s="9">
        <v>18488</v>
      </c>
      <c r="AR1832" s="9">
        <v>18324</v>
      </c>
      <c r="AS1832" s="9">
        <v>20284</v>
      </c>
      <c r="AT1832" s="9">
        <v>19265</v>
      </c>
      <c r="AU1832" s="9">
        <v>20999</v>
      </c>
      <c r="AV1832" s="9">
        <v>21537</v>
      </c>
      <c r="AW1832" s="9">
        <v>22529</v>
      </c>
      <c r="AX1832" s="9">
        <v>22486</v>
      </c>
      <c r="AY1832" s="9">
        <v>22917</v>
      </c>
      <c r="AZ1832" s="9">
        <v>20880</v>
      </c>
      <c r="BA1832" s="9">
        <v>21232</v>
      </c>
      <c r="BB1832" s="9">
        <v>20635</v>
      </c>
      <c r="BC1832" s="9">
        <v>20767</v>
      </c>
      <c r="BD1832" s="9">
        <v>20418</v>
      </c>
      <c r="BE1832" s="9">
        <v>21175</v>
      </c>
      <c r="BF1832" s="9">
        <v>20984</v>
      </c>
      <c r="BG1832" s="11">
        <v>1</v>
      </c>
      <c r="BH1832" s="13">
        <v>5.2631578947368418E-2</v>
      </c>
      <c r="BI1832" s="6">
        <v>1</v>
      </c>
      <c r="BJ1832" s="13">
        <v>5.2631578947368418E-2</v>
      </c>
      <c r="BK1832" s="6">
        <v>2</v>
      </c>
      <c r="BL1832" s="13">
        <v>0.1</v>
      </c>
      <c r="BM1832" s="11">
        <v>-2</v>
      </c>
      <c r="BN1832" s="13">
        <v>-9.0909090909090912E-2</v>
      </c>
      <c r="BO1832" s="11">
        <v>0</v>
      </c>
      <c r="BP1832" s="13">
        <v>0</v>
      </c>
      <c r="BQ1832" s="6">
        <v>19</v>
      </c>
      <c r="BR1832" s="6">
        <v>21</v>
      </c>
      <c r="BS1832" s="6">
        <v>21</v>
      </c>
      <c r="BT1832" s="6">
        <v>20</v>
      </c>
      <c r="BU1832" s="6">
        <v>21</v>
      </c>
      <c r="BV1832" s="6">
        <v>22</v>
      </c>
      <c r="BW1832" s="6">
        <v>22</v>
      </c>
      <c r="BX1832" s="6">
        <v>19</v>
      </c>
      <c r="BY1832" s="6">
        <v>18</v>
      </c>
      <c r="BZ1832" s="6">
        <v>18</v>
      </c>
      <c r="CA1832" s="6">
        <v>19</v>
      </c>
      <c r="CB1832" s="6">
        <v>18</v>
      </c>
      <c r="CC1832" s="11">
        <v>20</v>
      </c>
      <c r="CD1832" s="11">
        <v>-22</v>
      </c>
      <c r="CE1832" s="11">
        <v>-13</v>
      </c>
      <c r="CF1832" s="11">
        <v>23</v>
      </c>
      <c r="CG1832" s="11">
        <v>10</v>
      </c>
      <c r="CH1832" s="20">
        <v>1.37</v>
      </c>
      <c r="CI1832" s="20">
        <v>1.25</v>
      </c>
      <c r="CJ1832" s="20">
        <v>1.32</v>
      </c>
      <c r="CK1832" s="20">
        <v>1.07</v>
      </c>
      <c r="CL1832" s="20">
        <v>1.08</v>
      </c>
      <c r="CM1832" s="20">
        <v>1.1299999999999999</v>
      </c>
      <c r="CN1832" s="20">
        <v>1.1100000000000001</v>
      </c>
      <c r="CO1832" s="20">
        <v>1.1299999999999999</v>
      </c>
      <c r="CP1832" s="20">
        <v>1.08</v>
      </c>
      <c r="CQ1832" s="20">
        <v>1.22</v>
      </c>
      <c r="CR1832" s="20">
        <v>1.2</v>
      </c>
      <c r="CS1832" s="20">
        <v>1.25</v>
      </c>
      <c r="CT1832" s="20">
        <v>1.35</v>
      </c>
      <c r="CU1832" s="20">
        <v>1.31</v>
      </c>
      <c r="CV1832" s="20">
        <v>1.29</v>
      </c>
      <c r="CW1832" s="20">
        <v>1.37</v>
      </c>
      <c r="CX1832" s="20">
        <v>1.39</v>
      </c>
      <c r="CY1832" s="6" t="s">
        <v>660</v>
      </c>
      <c r="CZ1832" s="6" t="s">
        <v>661</v>
      </c>
      <c r="DA1832" s="6" t="s">
        <v>91</v>
      </c>
      <c r="DB1832" s="6"/>
      <c r="DC1832" s="6"/>
      <c r="DD1832" s="6"/>
      <c r="DE1832" s="6"/>
      <c r="DF1832" s="6"/>
      <c r="DG1832" s="6"/>
      <c r="DH1832" s="6" t="s">
        <v>333</v>
      </c>
      <c r="DI1832" s="6"/>
      <c r="DJ1832" s="6"/>
      <c r="DK1832" s="6"/>
      <c r="DL1832" s="6">
        <v>10</v>
      </c>
      <c r="DM1832" s="6" t="s">
        <v>383</v>
      </c>
      <c r="DN1832" s="6">
        <v>9</v>
      </c>
      <c r="DO1832" s="6" t="s">
        <v>384</v>
      </c>
      <c r="DP1832" s="6"/>
      <c r="DQ1832" s="6"/>
    </row>
    <row r="1833" spans="1:121" x14ac:dyDescent="0.2">
      <c r="A1833" s="6" t="s">
        <v>794</v>
      </c>
      <c r="B1833" s="6" t="s">
        <v>181</v>
      </c>
      <c r="C1833" s="6" t="s">
        <v>182</v>
      </c>
      <c r="D1833" s="6" t="s">
        <v>91</v>
      </c>
      <c r="E1833" s="6" t="s">
        <v>232</v>
      </c>
      <c r="F1833" s="11">
        <v>-26</v>
      </c>
      <c r="G1833" s="13">
        <v>-0.38805970149300001</v>
      </c>
      <c r="H1833" s="11">
        <v>-7.3784766082000033</v>
      </c>
      <c r="I1833" s="13">
        <v>-0.10944344194440347</v>
      </c>
      <c r="J1833" s="11">
        <v>2.6900142383000016</v>
      </c>
      <c r="K1833" s="13">
        <v>4.4803930075156914E-2</v>
      </c>
      <c r="L1833" s="11">
        <v>-22.189790595600002</v>
      </c>
      <c r="M1833" s="13">
        <v>-0.35373655202058218</v>
      </c>
      <c r="N1833" s="11">
        <v>-19.4997763573</v>
      </c>
      <c r="O1833" s="13">
        <v>-0.32478140968718255</v>
      </c>
      <c r="P1833" s="7">
        <v>67.418170308900002</v>
      </c>
      <c r="Q1833" s="7">
        <v>60.980200485399997</v>
      </c>
      <c r="R1833" s="7">
        <v>51.5204901022</v>
      </c>
      <c r="S1833" s="7">
        <v>55.445442363200002</v>
      </c>
      <c r="T1833" s="7">
        <v>56.3313221282</v>
      </c>
      <c r="U1833" s="7">
        <v>54.926645155800003</v>
      </c>
      <c r="V1833" s="7">
        <v>60.039693700699999</v>
      </c>
      <c r="W1833" s="7">
        <v>52.479276773999999</v>
      </c>
      <c r="X1833" s="7">
        <v>57.801615688299997</v>
      </c>
      <c r="Y1833" s="7">
        <v>62.729707939000001</v>
      </c>
      <c r="Z1833" s="7">
        <v>57.738204259500002</v>
      </c>
      <c r="AA1833" s="7">
        <v>51.2055287349</v>
      </c>
      <c r="AB1833" s="7">
        <v>44.599921044699997</v>
      </c>
      <c r="AC1833" s="7">
        <v>38.871465199399999</v>
      </c>
      <c r="AD1833" s="7">
        <v>37.893090167399997</v>
      </c>
      <c r="AE1833" s="7">
        <v>39.377272812900003</v>
      </c>
      <c r="AF1833" s="7">
        <v>40.539917343399999</v>
      </c>
      <c r="AG1833" s="9">
        <v>16582.9642938</v>
      </c>
      <c r="AH1833" s="13">
        <v>0.88347631773311996</v>
      </c>
      <c r="AI1833" s="9">
        <v>5392.8639526000006</v>
      </c>
      <c r="AJ1833" s="13">
        <v>0.28731097181823256</v>
      </c>
      <c r="AK1833" s="9">
        <v>2213.0482771999996</v>
      </c>
      <c r="AL1833" s="13">
        <v>9.1588335020095973E-2</v>
      </c>
      <c r="AM1833" s="9">
        <v>8977.0520639999995</v>
      </c>
      <c r="AN1833" s="13">
        <v>0.34034872962346485</v>
      </c>
      <c r="AO1833" s="9">
        <v>11190.100341199999</v>
      </c>
      <c r="AP1833" s="13">
        <v>0.46310903811597881</v>
      </c>
      <c r="AQ1833" s="9">
        <v>18770.128820599999</v>
      </c>
      <c r="AR1833" s="9">
        <v>19755.194737900001</v>
      </c>
      <c r="AS1833" s="9">
        <v>20538.231022600001</v>
      </c>
      <c r="AT1833" s="9">
        <v>21184.180195600002</v>
      </c>
      <c r="AU1833" s="9">
        <v>20396.340897099999</v>
      </c>
      <c r="AV1833" s="9">
        <v>20988.345901199998</v>
      </c>
      <c r="AW1833" s="9">
        <v>24162.9927732</v>
      </c>
      <c r="AX1833" s="9">
        <v>25070.5134913</v>
      </c>
      <c r="AY1833" s="9">
        <v>24740.2604402</v>
      </c>
      <c r="AZ1833" s="9">
        <v>26376.041050399999</v>
      </c>
      <c r="BA1833" s="9">
        <v>25756.928929400001</v>
      </c>
      <c r="BB1833" s="9">
        <v>29881.980273900001</v>
      </c>
      <c r="BC1833" s="9">
        <v>32335.382876200001</v>
      </c>
      <c r="BD1833" s="9">
        <v>32850.694907800003</v>
      </c>
      <c r="BE1833" s="9">
        <v>34850.792831699997</v>
      </c>
      <c r="BF1833" s="9">
        <v>35353.093114399999</v>
      </c>
      <c r="BG1833" s="11">
        <v>1.25</v>
      </c>
      <c r="BH1833" s="13">
        <v>0.25</v>
      </c>
      <c r="BI1833" s="6">
        <v>1</v>
      </c>
      <c r="BJ1833" s="13">
        <v>0.2</v>
      </c>
      <c r="BK1833" s="6">
        <v>1</v>
      </c>
      <c r="BL1833" s="13">
        <v>0.16666666666666666</v>
      </c>
      <c r="BM1833" s="11">
        <v>-0.75</v>
      </c>
      <c r="BN1833" s="13">
        <v>-0.10714285714285714</v>
      </c>
      <c r="BO1833" s="11">
        <v>0.25</v>
      </c>
      <c r="BP1833" s="13">
        <v>4.1666666666666664E-2</v>
      </c>
      <c r="BQ1833" s="6">
        <v>5</v>
      </c>
      <c r="BR1833" s="6">
        <v>6</v>
      </c>
      <c r="BS1833" s="6">
        <v>6</v>
      </c>
      <c r="BT1833" s="6">
        <v>6</v>
      </c>
      <c r="BU1833" s="6">
        <v>6</v>
      </c>
      <c r="BV1833" s="6">
        <v>7</v>
      </c>
      <c r="BW1833" s="6">
        <v>7</v>
      </c>
      <c r="BX1833" s="6">
        <v>8</v>
      </c>
      <c r="BY1833" s="6">
        <v>7</v>
      </c>
      <c r="BZ1833" s="6">
        <v>6</v>
      </c>
      <c r="CA1833" s="6">
        <v>5</v>
      </c>
      <c r="CB1833" s="6">
        <v>7</v>
      </c>
      <c r="CC1833" s="11">
        <v>6.25</v>
      </c>
      <c r="CD1833" s="11">
        <v>-38.497300000000003</v>
      </c>
      <c r="CE1833" s="11">
        <v>4.24939</v>
      </c>
      <c r="CF1833" s="11">
        <v>7.3696200000000003</v>
      </c>
      <c r="CG1833" s="11">
        <v>11</v>
      </c>
      <c r="CH1833" s="20">
        <v>1.5101899999999999</v>
      </c>
      <c r="CI1833" s="20">
        <v>1.3762099999999999</v>
      </c>
      <c r="CJ1833" s="20">
        <v>1.1375599999999999</v>
      </c>
      <c r="CK1833" s="20">
        <v>1.2041500000000001</v>
      </c>
      <c r="CL1833" s="20">
        <v>1.20821</v>
      </c>
      <c r="CM1833" s="20">
        <v>1.17302</v>
      </c>
      <c r="CN1833" s="20">
        <v>1.2948900000000001</v>
      </c>
      <c r="CO1833" s="20">
        <v>1.15181</v>
      </c>
      <c r="CP1833" s="20">
        <v>1.3367599999999999</v>
      </c>
      <c r="CQ1833" s="20">
        <v>1.48329</v>
      </c>
      <c r="CR1833" s="20">
        <v>1.37161</v>
      </c>
      <c r="CS1833" s="20">
        <v>1.2423500000000001</v>
      </c>
      <c r="CT1833" s="20">
        <v>1.0194300000000001</v>
      </c>
      <c r="CU1833" s="20">
        <v>0.87166699999999997</v>
      </c>
      <c r="CV1833" s="20">
        <v>0.82406400000000002</v>
      </c>
      <c r="CW1833" s="20">
        <v>0.87133499999999997</v>
      </c>
      <c r="CX1833" s="20">
        <v>0.87658800000000003</v>
      </c>
      <c r="CY1833" s="6" t="s">
        <v>660</v>
      </c>
      <c r="CZ1833" s="6" t="s">
        <v>661</v>
      </c>
      <c r="DA1833" s="6" t="s">
        <v>91</v>
      </c>
      <c r="DB1833" s="6"/>
      <c r="DC1833" s="6"/>
      <c r="DD1833" s="6"/>
      <c r="DE1833" s="6"/>
      <c r="DF1833" s="6"/>
      <c r="DG1833" s="6"/>
      <c r="DH1833" s="6" t="s">
        <v>333</v>
      </c>
      <c r="DI1833" s="6"/>
      <c r="DJ1833" s="6"/>
      <c r="DK1833" s="6"/>
      <c r="DL1833" s="6">
        <v>10</v>
      </c>
      <c r="DM1833" s="6" t="s">
        <v>383</v>
      </c>
      <c r="DN1833" s="6">
        <v>9</v>
      </c>
      <c r="DO1833" s="6" t="s">
        <v>384</v>
      </c>
      <c r="DP1833" s="6"/>
      <c r="DQ1833" s="6"/>
    </row>
    <row r="1834" spans="1:121" x14ac:dyDescent="0.2">
      <c r="A1834" s="6" t="s">
        <v>314</v>
      </c>
      <c r="B1834" s="6" t="s">
        <v>314</v>
      </c>
      <c r="C1834" s="6" t="s">
        <v>183</v>
      </c>
      <c r="D1834" s="6" t="s">
        <v>91</v>
      </c>
      <c r="E1834" s="6" t="s">
        <v>232</v>
      </c>
      <c r="F1834" s="11">
        <v>1</v>
      </c>
      <c r="G1834" s="13">
        <v>1</v>
      </c>
      <c r="H1834" s="11">
        <v>8.1442069999999998</v>
      </c>
      <c r="I1834" s="13">
        <v>0.62433474469466943</v>
      </c>
      <c r="J1834" s="11">
        <v>-16.188822999999999</v>
      </c>
      <c r="K1834" s="13">
        <v>-0.76402653417794852</v>
      </c>
      <c r="L1834" s="11">
        <v>0</v>
      </c>
      <c r="M1834" s="13">
        <v>0</v>
      </c>
      <c r="N1834" s="11">
        <v>-16.188822999999999</v>
      </c>
      <c r="O1834" s="13">
        <v>-0.76402653417794852</v>
      </c>
      <c r="P1834" s="7">
        <v>13.044616</v>
      </c>
      <c r="Q1834" s="7">
        <v>15.624919999999999</v>
      </c>
      <c r="R1834" s="7">
        <v>18.574909999999999</v>
      </c>
      <c r="S1834" s="7">
        <v>21.12152</v>
      </c>
      <c r="T1834" s="7">
        <v>18.096976000000002</v>
      </c>
      <c r="U1834" s="7">
        <v>15.119891000000001</v>
      </c>
      <c r="V1834" s="7">
        <v>21.188822999999999</v>
      </c>
      <c r="W1834" s="7">
        <v>5</v>
      </c>
      <c r="X1834" s="7">
        <v>5</v>
      </c>
      <c r="Y1834" s="7">
        <v>5</v>
      </c>
      <c r="Z1834" s="7">
        <v>5</v>
      </c>
      <c r="AA1834" s="7">
        <v>5</v>
      </c>
      <c r="AB1834" s="7">
        <v>5</v>
      </c>
      <c r="AC1834" s="7">
        <v>5</v>
      </c>
      <c r="AD1834" s="7">
        <v>5</v>
      </c>
      <c r="AE1834" s="7">
        <v>5</v>
      </c>
      <c r="AF1834" s="7">
        <v>5</v>
      </c>
      <c r="AG1834" s="9">
        <v>-23889.7822695</v>
      </c>
      <c r="AH1834" s="13">
        <v>-0.99995814285238882</v>
      </c>
      <c r="AI1834" s="9">
        <v>-13749.811990299999</v>
      </c>
      <c r="AJ1834" s="13">
        <v>-0.57552791010337068</v>
      </c>
      <c r="AK1834" s="9">
        <v>-10139.970279200001</v>
      </c>
      <c r="AL1834" s="13">
        <v>-0.99990139010642309</v>
      </c>
      <c r="AM1834" s="9">
        <v>0</v>
      </c>
      <c r="AN1834" s="13">
        <v>0</v>
      </c>
      <c r="AO1834" s="9">
        <v>-10139.970279200001</v>
      </c>
      <c r="AP1834" s="13">
        <v>-0.99990139010642309</v>
      </c>
      <c r="AQ1834" s="9">
        <v>23890.7822695</v>
      </c>
      <c r="AR1834" s="9">
        <v>15328.3105746</v>
      </c>
      <c r="AS1834" s="9">
        <v>11553.645923300001</v>
      </c>
      <c r="AT1834" s="9">
        <v>11422.8174084</v>
      </c>
      <c r="AU1834" s="9">
        <v>12130.634339599999</v>
      </c>
      <c r="AV1834" s="9">
        <v>12990.7123842</v>
      </c>
      <c r="AW1834" s="9">
        <v>10140.970279200001</v>
      </c>
      <c r="AX1834" s="9">
        <v>1</v>
      </c>
      <c r="AY1834" s="9">
        <v>1</v>
      </c>
      <c r="AZ1834" s="9">
        <v>1</v>
      </c>
      <c r="BA1834" s="9">
        <v>1</v>
      </c>
      <c r="BB1834" s="9">
        <v>1</v>
      </c>
      <c r="BC1834" s="9">
        <v>1</v>
      </c>
      <c r="BD1834" s="9">
        <v>1</v>
      </c>
      <c r="BE1834" s="9">
        <v>1</v>
      </c>
      <c r="BF1834" s="9">
        <v>1</v>
      </c>
      <c r="BG1834" s="11">
        <v>-2</v>
      </c>
      <c r="BH1834" s="13">
        <v>-0.66666666666666663</v>
      </c>
      <c r="BI1834" s="6">
        <v>-1</v>
      </c>
      <c r="BJ1834" s="13">
        <v>-0.33333333333333331</v>
      </c>
      <c r="BK1834" s="6">
        <v>-1</v>
      </c>
      <c r="BL1834" s="13">
        <v>-0.5</v>
      </c>
      <c r="BM1834" s="11">
        <v>0</v>
      </c>
      <c r="BN1834" s="13">
        <v>0</v>
      </c>
      <c r="BO1834" s="11">
        <v>-1</v>
      </c>
      <c r="BP1834" s="13">
        <v>-0.5</v>
      </c>
      <c r="BQ1834" s="6">
        <v>3</v>
      </c>
      <c r="BR1834" s="6">
        <v>3</v>
      </c>
      <c r="BS1834" s="6">
        <v>3</v>
      </c>
      <c r="BT1834" s="6">
        <v>2</v>
      </c>
      <c r="BU1834" s="6">
        <v>2</v>
      </c>
      <c r="BV1834" s="6">
        <v>1</v>
      </c>
      <c r="BW1834" s="6">
        <v>1</v>
      </c>
      <c r="BX1834" s="6">
        <v>1</v>
      </c>
      <c r="BY1834" s="6">
        <v>1</v>
      </c>
      <c r="BZ1834" s="6">
        <v>1</v>
      </c>
      <c r="CA1834" s="6">
        <v>1</v>
      </c>
      <c r="CB1834" s="6">
        <v>1</v>
      </c>
      <c r="CC1834" s="11">
        <v>1</v>
      </c>
      <c r="CD1834" s="11">
        <v>-7.1917900000000001</v>
      </c>
      <c r="CE1834" s="11">
        <v>-3.9954399999999999</v>
      </c>
      <c r="CF1834" s="11">
        <v>1.4259299999999999</v>
      </c>
      <c r="CG1834" s="11">
        <v>-3</v>
      </c>
      <c r="CH1834" s="20">
        <v>0.37106099999999997</v>
      </c>
      <c r="CI1834" s="20">
        <v>0.460422</v>
      </c>
      <c r="CJ1834" s="20">
        <v>0.55915499999999996</v>
      </c>
      <c r="CK1834" s="20">
        <v>0.65184600000000004</v>
      </c>
      <c r="CL1834" s="20">
        <v>0.57248399999999999</v>
      </c>
      <c r="CM1834" s="20">
        <v>0.49044500000000002</v>
      </c>
      <c r="CN1834" s="20">
        <v>0.70999100000000004</v>
      </c>
      <c r="CO1834" s="20">
        <v>0.11261400000000001</v>
      </c>
      <c r="CP1834" s="20">
        <v>0.32426899999999997</v>
      </c>
      <c r="CQ1834" s="20">
        <v>0.35198699999999999</v>
      </c>
      <c r="CR1834" s="20">
        <v>0.20977499999999999</v>
      </c>
      <c r="CS1834" s="20">
        <v>0.160275</v>
      </c>
      <c r="CT1834" s="20">
        <v>0.17118900000000001</v>
      </c>
      <c r="CU1834" s="20">
        <v>0.180034</v>
      </c>
      <c r="CV1834" s="20">
        <v>0.130241</v>
      </c>
      <c r="CW1834" s="20">
        <v>0.15607599999999999</v>
      </c>
      <c r="CX1834" s="20">
        <v>0.13161700000000001</v>
      </c>
      <c r="CY1834" s="6" t="s">
        <v>660</v>
      </c>
      <c r="CZ1834" s="6" t="s">
        <v>661</v>
      </c>
      <c r="DA1834" s="6" t="s">
        <v>91</v>
      </c>
      <c r="DB1834" s="6"/>
      <c r="DC1834" s="6"/>
      <c r="DD1834" s="6"/>
      <c r="DE1834" s="6"/>
      <c r="DF1834" s="6"/>
      <c r="DG1834" s="6"/>
      <c r="DH1834" s="6" t="s">
        <v>333</v>
      </c>
      <c r="DI1834" s="6"/>
      <c r="DJ1834" s="6"/>
      <c r="DK1834" s="6"/>
      <c r="DL1834" s="6">
        <v>10</v>
      </c>
      <c r="DM1834" s="6" t="s">
        <v>383</v>
      </c>
      <c r="DN1834" s="6">
        <v>9</v>
      </c>
      <c r="DO1834" s="6" t="s">
        <v>384</v>
      </c>
      <c r="DP1834" s="6"/>
      <c r="DQ1834" s="6"/>
    </row>
    <row r="1835" spans="1:121" x14ac:dyDescent="0.2">
      <c r="A1835" s="6" t="s">
        <v>315</v>
      </c>
      <c r="B1835" s="6" t="s">
        <v>315</v>
      </c>
      <c r="C1835" s="6" t="s">
        <v>184</v>
      </c>
      <c r="D1835" s="6" t="s">
        <v>91</v>
      </c>
      <c r="E1835" s="6" t="s">
        <v>232</v>
      </c>
      <c r="F1835" s="11">
        <v>-14</v>
      </c>
      <c r="G1835" s="13">
        <v>-0.18</v>
      </c>
      <c r="H1835" s="11">
        <v>-9</v>
      </c>
      <c r="I1835" s="13">
        <v>-0.1125</v>
      </c>
      <c r="J1835" s="11">
        <v>-3</v>
      </c>
      <c r="K1835" s="13">
        <v>-4.2253521126760563E-2</v>
      </c>
      <c r="L1835" s="11">
        <v>-2</v>
      </c>
      <c r="M1835" s="13">
        <v>-2.9411764705882353E-2</v>
      </c>
      <c r="N1835" s="11">
        <v>-5</v>
      </c>
      <c r="O1835" s="13">
        <v>-7.0422535211267609E-2</v>
      </c>
      <c r="P1835" s="7">
        <v>80</v>
      </c>
      <c r="Q1835" s="7">
        <v>77</v>
      </c>
      <c r="R1835" s="7">
        <v>75</v>
      </c>
      <c r="S1835" s="7">
        <v>65</v>
      </c>
      <c r="T1835" s="7">
        <v>70</v>
      </c>
      <c r="U1835" s="7">
        <v>65</v>
      </c>
      <c r="V1835" s="7">
        <v>71</v>
      </c>
      <c r="W1835" s="7">
        <v>68</v>
      </c>
      <c r="X1835" s="7">
        <v>68</v>
      </c>
      <c r="Y1835" s="7">
        <v>68</v>
      </c>
      <c r="Z1835" s="7">
        <v>64</v>
      </c>
      <c r="AA1835" s="7">
        <v>63</v>
      </c>
      <c r="AB1835" s="7">
        <v>58</v>
      </c>
      <c r="AC1835" s="7">
        <v>60</v>
      </c>
      <c r="AD1835" s="7">
        <v>65</v>
      </c>
      <c r="AE1835" s="7">
        <v>65</v>
      </c>
      <c r="AF1835" s="7">
        <v>66</v>
      </c>
      <c r="AG1835" s="9">
        <v>22119</v>
      </c>
      <c r="AH1835" s="13">
        <v>0.69875217185278782</v>
      </c>
      <c r="AI1835" s="9">
        <v>11888</v>
      </c>
      <c r="AJ1835" s="13">
        <v>0.37554888643184325</v>
      </c>
      <c r="AK1835" s="9">
        <v>10998</v>
      </c>
      <c r="AL1835" s="13">
        <v>0.2525779114897917</v>
      </c>
      <c r="AM1835" s="9">
        <v>-767</v>
      </c>
      <c r="AN1835" s="13">
        <v>-1.4062815129902276E-2</v>
      </c>
      <c r="AO1835" s="9">
        <v>10231</v>
      </c>
      <c r="AP1835" s="13">
        <v>0.23496313988471165</v>
      </c>
      <c r="AQ1835" s="9">
        <v>31655</v>
      </c>
      <c r="AR1835" s="9">
        <v>35155</v>
      </c>
      <c r="AS1835" s="9">
        <v>34285</v>
      </c>
      <c r="AT1835" s="9">
        <v>38876</v>
      </c>
      <c r="AU1835" s="9">
        <v>41211</v>
      </c>
      <c r="AV1835" s="9">
        <v>41905</v>
      </c>
      <c r="AW1835" s="9">
        <v>43543</v>
      </c>
      <c r="AX1835" s="9">
        <v>46928</v>
      </c>
      <c r="AY1835" s="9">
        <v>47748</v>
      </c>
      <c r="AZ1835" s="9">
        <v>54541</v>
      </c>
      <c r="BA1835" s="9">
        <v>54209</v>
      </c>
      <c r="BB1835" s="9">
        <v>54982</v>
      </c>
      <c r="BC1835" s="9">
        <v>59224</v>
      </c>
      <c r="BD1835" s="9">
        <v>62678</v>
      </c>
      <c r="BE1835" s="9">
        <v>55026</v>
      </c>
      <c r="BF1835" s="9">
        <v>53774</v>
      </c>
      <c r="BG1835" s="11">
        <v>0</v>
      </c>
      <c r="BH1835" s="13">
        <v>0</v>
      </c>
      <c r="BI1835" s="6">
        <v>2</v>
      </c>
      <c r="BJ1835" s="13">
        <v>0.2</v>
      </c>
      <c r="BK1835" s="6">
        <v>-1</v>
      </c>
      <c r="BL1835" s="13">
        <v>-8.3333333333333329E-2</v>
      </c>
      <c r="BM1835" s="11">
        <v>-1</v>
      </c>
      <c r="BN1835" s="13">
        <v>-9.0909090909090912E-2</v>
      </c>
      <c r="BO1835" s="11">
        <v>-2</v>
      </c>
      <c r="BP1835" s="13">
        <v>-0.16666666666666666</v>
      </c>
      <c r="BQ1835" s="6">
        <v>10</v>
      </c>
      <c r="BR1835" s="6">
        <v>10</v>
      </c>
      <c r="BS1835" s="6">
        <v>10</v>
      </c>
      <c r="BT1835" s="6">
        <v>12</v>
      </c>
      <c r="BU1835" s="6">
        <v>12</v>
      </c>
      <c r="BV1835" s="6">
        <v>12</v>
      </c>
      <c r="BW1835" s="6">
        <v>11</v>
      </c>
      <c r="BX1835" s="6">
        <v>10</v>
      </c>
      <c r="BY1835" s="6">
        <v>10</v>
      </c>
      <c r="BZ1835" s="6">
        <v>10</v>
      </c>
      <c r="CA1835" s="6">
        <v>10</v>
      </c>
      <c r="CB1835" s="6">
        <v>10</v>
      </c>
      <c r="CC1835" s="11">
        <v>10</v>
      </c>
      <c r="CD1835" s="11">
        <v>-16</v>
      </c>
      <c r="CE1835" s="11">
        <v>-6</v>
      </c>
      <c r="CF1835" s="11">
        <v>9</v>
      </c>
      <c r="CG1835" s="11">
        <v>3</v>
      </c>
      <c r="CH1835" s="20">
        <v>1.39</v>
      </c>
      <c r="CI1835" s="20">
        <v>1.32</v>
      </c>
      <c r="CJ1835" s="20">
        <v>1.23</v>
      </c>
      <c r="CK1835" s="20">
        <v>1.06</v>
      </c>
      <c r="CL1835" s="20">
        <v>1.1299999999999999</v>
      </c>
      <c r="CM1835" s="20">
        <v>1.06</v>
      </c>
      <c r="CN1835" s="20">
        <v>1.18</v>
      </c>
      <c r="CO1835" s="20">
        <v>1.19</v>
      </c>
      <c r="CP1835" s="20">
        <v>1.21</v>
      </c>
      <c r="CQ1835" s="20">
        <v>1.26</v>
      </c>
      <c r="CR1835" s="20">
        <v>1.21</v>
      </c>
      <c r="CS1835" s="20">
        <v>1.23</v>
      </c>
      <c r="CT1835" s="20">
        <v>1.0900000000000001</v>
      </c>
      <c r="CU1835" s="20">
        <v>1.1399999999999999</v>
      </c>
      <c r="CV1835" s="20">
        <v>1.22</v>
      </c>
      <c r="CW1835" s="20">
        <v>1.27</v>
      </c>
      <c r="CX1835" s="20">
        <v>1.26</v>
      </c>
      <c r="CY1835" s="6" t="s">
        <v>660</v>
      </c>
      <c r="CZ1835" s="6" t="s">
        <v>661</v>
      </c>
      <c r="DA1835" s="6" t="s">
        <v>91</v>
      </c>
      <c r="DB1835" s="6"/>
      <c r="DC1835" s="6"/>
      <c r="DD1835" s="6"/>
      <c r="DE1835" s="6"/>
      <c r="DF1835" s="6"/>
      <c r="DG1835" s="6"/>
      <c r="DH1835" s="6" t="s">
        <v>333</v>
      </c>
      <c r="DI1835" s="6"/>
      <c r="DJ1835" s="6"/>
      <c r="DK1835" s="6"/>
      <c r="DL1835" s="6">
        <v>10</v>
      </c>
      <c r="DM1835" s="6" t="s">
        <v>383</v>
      </c>
      <c r="DN1835" s="6">
        <v>9</v>
      </c>
      <c r="DO1835" s="6" t="s">
        <v>384</v>
      </c>
      <c r="DP1835" s="6"/>
      <c r="DQ1835" s="6"/>
    </row>
    <row r="1836" spans="1:121" x14ac:dyDescent="0.2">
      <c r="A1836" s="6" t="s">
        <v>316</v>
      </c>
      <c r="B1836" s="6" t="s">
        <v>316</v>
      </c>
      <c r="C1836" s="6" t="s">
        <v>185</v>
      </c>
      <c r="D1836" s="6" t="s">
        <v>91</v>
      </c>
      <c r="E1836" s="6" t="s">
        <v>232</v>
      </c>
      <c r="F1836" s="11">
        <v>15</v>
      </c>
      <c r="G1836" s="13">
        <v>1.36</v>
      </c>
      <c r="H1836" s="11">
        <v>16</v>
      </c>
      <c r="I1836" s="13">
        <v>1.4545454545454546</v>
      </c>
      <c r="J1836" s="11">
        <v>-9</v>
      </c>
      <c r="K1836" s="13">
        <v>-0.33333333333333331</v>
      </c>
      <c r="L1836" s="11">
        <v>8</v>
      </c>
      <c r="M1836" s="13">
        <v>0.44444444444444442</v>
      </c>
      <c r="N1836" s="11">
        <v>-1</v>
      </c>
      <c r="O1836" s="13">
        <v>-3.7037037037037035E-2</v>
      </c>
      <c r="P1836" s="7">
        <v>11</v>
      </c>
      <c r="Q1836" s="7">
        <v>13</v>
      </c>
      <c r="R1836" s="7">
        <v>16</v>
      </c>
      <c r="S1836" s="7">
        <v>19</v>
      </c>
      <c r="T1836" s="7">
        <v>25</v>
      </c>
      <c r="U1836" s="7">
        <v>25</v>
      </c>
      <c r="V1836" s="7">
        <v>27</v>
      </c>
      <c r="W1836" s="7">
        <v>25</v>
      </c>
      <c r="X1836" s="7">
        <v>21</v>
      </c>
      <c r="Y1836" s="7">
        <v>18</v>
      </c>
      <c r="Z1836" s="7">
        <v>18</v>
      </c>
      <c r="AA1836" s="7">
        <v>17</v>
      </c>
      <c r="AB1836" s="7">
        <v>19</v>
      </c>
      <c r="AC1836" s="7">
        <v>21</v>
      </c>
      <c r="AD1836" s="7">
        <v>24</v>
      </c>
      <c r="AE1836" s="7">
        <v>25</v>
      </c>
      <c r="AF1836" s="7">
        <v>26</v>
      </c>
      <c r="AG1836" s="9">
        <v>9740</v>
      </c>
      <c r="AH1836" s="13">
        <v>0.44004698653655006</v>
      </c>
      <c r="AI1836" s="9">
        <v>3969</v>
      </c>
      <c r="AJ1836" s="13">
        <v>0.1793168880455408</v>
      </c>
      <c r="AK1836" s="9">
        <v>-448</v>
      </c>
      <c r="AL1836" s="13">
        <v>-1.7162778224725127E-2</v>
      </c>
      <c r="AM1836" s="9">
        <v>6219</v>
      </c>
      <c r="AN1836" s="13">
        <v>0.24240888715649972</v>
      </c>
      <c r="AO1836" s="9">
        <v>5771</v>
      </c>
      <c r="AP1836" s="13">
        <v>0.22108569896180516</v>
      </c>
      <c r="AQ1836" s="9">
        <v>22134</v>
      </c>
      <c r="AR1836" s="9">
        <v>28363</v>
      </c>
      <c r="AS1836" s="9">
        <v>31287</v>
      </c>
      <c r="AT1836" s="9">
        <v>23923</v>
      </c>
      <c r="AU1836" s="9">
        <v>28482</v>
      </c>
      <c r="AV1836" s="9">
        <v>29054</v>
      </c>
      <c r="AW1836" s="9">
        <v>26103</v>
      </c>
      <c r="AX1836" s="9">
        <v>24524</v>
      </c>
      <c r="AY1836" s="9">
        <v>25727</v>
      </c>
      <c r="AZ1836" s="9">
        <v>25655</v>
      </c>
      <c r="BA1836" s="9">
        <v>24807</v>
      </c>
      <c r="BB1836" s="9">
        <v>25193</v>
      </c>
      <c r="BC1836" s="9">
        <v>26403</v>
      </c>
      <c r="BD1836" s="9">
        <v>27792</v>
      </c>
      <c r="BE1836" s="9">
        <v>30651</v>
      </c>
      <c r="BF1836" s="9">
        <v>31874</v>
      </c>
      <c r="BG1836" s="11">
        <v>-1</v>
      </c>
      <c r="BH1836" s="13">
        <v>-0.14285714285714285</v>
      </c>
      <c r="BI1836" s="6">
        <v>1</v>
      </c>
      <c r="BJ1836" s="13">
        <v>0.14285714285714285</v>
      </c>
      <c r="BK1836" s="6">
        <v>-2</v>
      </c>
      <c r="BL1836" s="13">
        <v>-0.25</v>
      </c>
      <c r="BM1836" s="11">
        <v>0</v>
      </c>
      <c r="BN1836" s="13">
        <v>0</v>
      </c>
      <c r="BO1836" s="11">
        <v>-2</v>
      </c>
      <c r="BP1836" s="13">
        <v>-0.25</v>
      </c>
      <c r="BQ1836" s="6">
        <v>7</v>
      </c>
      <c r="BR1836" s="6">
        <v>8</v>
      </c>
      <c r="BS1836" s="6">
        <v>8</v>
      </c>
      <c r="BT1836" s="6">
        <v>8</v>
      </c>
      <c r="BU1836" s="6">
        <v>7</v>
      </c>
      <c r="BV1836" s="6">
        <v>7</v>
      </c>
      <c r="BW1836" s="6">
        <v>6</v>
      </c>
      <c r="BX1836" s="6">
        <v>6</v>
      </c>
      <c r="BY1836" s="6">
        <v>6</v>
      </c>
      <c r="BZ1836" s="6">
        <v>6</v>
      </c>
      <c r="CA1836" s="6">
        <v>6</v>
      </c>
      <c r="CB1836" s="6">
        <v>6</v>
      </c>
      <c r="CC1836" s="11">
        <v>6</v>
      </c>
      <c r="CD1836" s="11">
        <v>13</v>
      </c>
      <c r="CE1836" s="11">
        <v>-1</v>
      </c>
      <c r="CF1836" s="11">
        <v>1</v>
      </c>
      <c r="CG1836" s="11">
        <v>0</v>
      </c>
      <c r="CH1836" s="20">
        <v>0.49</v>
      </c>
      <c r="CI1836" s="20">
        <v>0.55000000000000004</v>
      </c>
      <c r="CJ1836" s="20">
        <v>0.61</v>
      </c>
      <c r="CK1836" s="20">
        <v>0.73</v>
      </c>
      <c r="CL1836" s="20">
        <v>0.92</v>
      </c>
      <c r="CM1836" s="20">
        <v>0.95</v>
      </c>
      <c r="CN1836" s="20">
        <v>1.03</v>
      </c>
      <c r="CO1836" s="20">
        <v>1</v>
      </c>
      <c r="CP1836" s="20">
        <v>0.87</v>
      </c>
      <c r="CQ1836" s="20">
        <v>0.8</v>
      </c>
      <c r="CR1836" s="20">
        <v>0.82</v>
      </c>
      <c r="CS1836" s="20">
        <v>0.79</v>
      </c>
      <c r="CT1836" s="20">
        <v>0.86</v>
      </c>
      <c r="CU1836" s="20">
        <v>0.95</v>
      </c>
      <c r="CV1836" s="20">
        <v>1.08</v>
      </c>
      <c r="CW1836" s="20">
        <v>1.1299999999999999</v>
      </c>
      <c r="CX1836" s="20">
        <v>1.1599999999999999</v>
      </c>
      <c r="CY1836" s="6" t="s">
        <v>660</v>
      </c>
      <c r="CZ1836" s="6" t="s">
        <v>661</v>
      </c>
      <c r="DA1836" s="6" t="s">
        <v>91</v>
      </c>
      <c r="DB1836" s="6"/>
      <c r="DC1836" s="6"/>
      <c r="DD1836" s="6"/>
      <c r="DE1836" s="6"/>
      <c r="DF1836" s="6"/>
      <c r="DG1836" s="6"/>
      <c r="DH1836" s="6" t="s">
        <v>333</v>
      </c>
      <c r="DI1836" s="6"/>
      <c r="DJ1836" s="6"/>
      <c r="DK1836" s="6"/>
      <c r="DL1836" s="6">
        <v>10</v>
      </c>
      <c r="DM1836" s="6" t="s">
        <v>383</v>
      </c>
      <c r="DN1836" s="6">
        <v>9</v>
      </c>
      <c r="DO1836" s="6" t="s">
        <v>384</v>
      </c>
      <c r="DP1836" s="6"/>
      <c r="DQ1836" s="6"/>
    </row>
    <row r="1837" spans="1:121" x14ac:dyDescent="0.2">
      <c r="A1837" s="6" t="s">
        <v>317</v>
      </c>
      <c r="B1837" s="6" t="s">
        <v>317</v>
      </c>
      <c r="C1837" s="6" t="s">
        <v>186</v>
      </c>
      <c r="D1837" s="6" t="s">
        <v>91</v>
      </c>
      <c r="E1837" s="6" t="s">
        <v>232</v>
      </c>
      <c r="F1837" s="11">
        <v>5</v>
      </c>
      <c r="G1837" s="13">
        <v>0.28999999999999998</v>
      </c>
      <c r="H1837" s="11">
        <v>12</v>
      </c>
      <c r="I1837" s="13">
        <v>0.70588235294117652</v>
      </c>
      <c r="J1837" s="11">
        <v>-4</v>
      </c>
      <c r="K1837" s="13">
        <v>-0.13793103448275862</v>
      </c>
      <c r="L1837" s="11">
        <v>-3</v>
      </c>
      <c r="M1837" s="13">
        <v>-0.12</v>
      </c>
      <c r="N1837" s="11">
        <v>-7</v>
      </c>
      <c r="O1837" s="13">
        <v>-0.2413793103448276</v>
      </c>
      <c r="P1837" s="7">
        <v>17</v>
      </c>
      <c r="Q1837" s="7">
        <v>18</v>
      </c>
      <c r="R1837" s="7">
        <v>16</v>
      </c>
      <c r="S1837" s="7">
        <v>15</v>
      </c>
      <c r="T1837" s="7">
        <v>20</v>
      </c>
      <c r="U1837" s="7">
        <v>23</v>
      </c>
      <c r="V1837" s="7">
        <v>29</v>
      </c>
      <c r="W1837" s="7">
        <v>31</v>
      </c>
      <c r="X1837" s="7">
        <v>28</v>
      </c>
      <c r="Y1837" s="7">
        <v>25</v>
      </c>
      <c r="Z1837" s="7">
        <v>25</v>
      </c>
      <c r="AA1837" s="7">
        <v>21</v>
      </c>
      <c r="AB1837" s="7">
        <v>25</v>
      </c>
      <c r="AC1837" s="7">
        <v>26</v>
      </c>
      <c r="AD1837" s="7">
        <v>20</v>
      </c>
      <c r="AE1837" s="7">
        <v>21</v>
      </c>
      <c r="AF1837" s="7">
        <v>22</v>
      </c>
      <c r="AG1837" s="9">
        <v>-10112</v>
      </c>
      <c r="AH1837" s="13">
        <v>-0.24544880819457257</v>
      </c>
      <c r="AI1837" s="9">
        <v>-4829</v>
      </c>
      <c r="AJ1837" s="13">
        <v>-0.11721442788484876</v>
      </c>
      <c r="AK1837" s="9">
        <v>-6939</v>
      </c>
      <c r="AL1837" s="13">
        <v>-0.19079435783221976</v>
      </c>
      <c r="AM1837" s="9">
        <v>1656</v>
      </c>
      <c r="AN1837" s="13">
        <v>5.6269113149847096E-2</v>
      </c>
      <c r="AO1837" s="9">
        <v>-5283</v>
      </c>
      <c r="AP1837" s="13">
        <v>-0.14526107399158625</v>
      </c>
      <c r="AQ1837" s="9">
        <v>41198</v>
      </c>
      <c r="AR1837" s="9">
        <v>38539</v>
      </c>
      <c r="AS1837" s="9">
        <v>43281</v>
      </c>
      <c r="AT1837" s="9">
        <v>38878</v>
      </c>
      <c r="AU1837" s="9">
        <v>35655</v>
      </c>
      <c r="AV1837" s="9">
        <v>43497</v>
      </c>
      <c r="AW1837" s="9">
        <v>36369</v>
      </c>
      <c r="AX1837" s="9">
        <v>38032</v>
      </c>
      <c r="AY1837" s="9">
        <v>30872</v>
      </c>
      <c r="AZ1837" s="9">
        <v>29430</v>
      </c>
      <c r="BA1837" s="9">
        <v>28353</v>
      </c>
      <c r="BB1837" s="9">
        <v>34111</v>
      </c>
      <c r="BC1837" s="9">
        <v>32584</v>
      </c>
      <c r="BD1837" s="9">
        <v>34966</v>
      </c>
      <c r="BE1837" s="9">
        <v>31056</v>
      </c>
      <c r="BF1837" s="9">
        <v>31086</v>
      </c>
      <c r="BG1837" s="11">
        <v>-1</v>
      </c>
      <c r="BH1837" s="13">
        <v>-0.25</v>
      </c>
      <c r="BI1837" s="6">
        <v>2</v>
      </c>
      <c r="BJ1837" s="13">
        <v>0.5</v>
      </c>
      <c r="BK1837" s="6">
        <v>-1</v>
      </c>
      <c r="BL1837" s="13">
        <v>-0.16666666666666666</v>
      </c>
      <c r="BM1837" s="11">
        <v>-2</v>
      </c>
      <c r="BN1837" s="13">
        <v>-0.4</v>
      </c>
      <c r="BO1837" s="11">
        <v>-3</v>
      </c>
      <c r="BP1837" s="13">
        <v>-0.5</v>
      </c>
      <c r="BQ1837" s="6">
        <v>4</v>
      </c>
      <c r="BR1837" s="6">
        <v>4</v>
      </c>
      <c r="BS1837" s="6">
        <v>5</v>
      </c>
      <c r="BT1837" s="6">
        <v>6</v>
      </c>
      <c r="BU1837" s="6">
        <v>6</v>
      </c>
      <c r="BV1837" s="6">
        <v>5</v>
      </c>
      <c r="BW1837" s="6">
        <v>5</v>
      </c>
      <c r="BX1837" s="6">
        <v>5</v>
      </c>
      <c r="BY1837" s="6">
        <v>3</v>
      </c>
      <c r="BZ1837" s="6">
        <v>4</v>
      </c>
      <c r="CA1837" s="6">
        <v>4</v>
      </c>
      <c r="CB1837" s="6">
        <v>3</v>
      </c>
      <c r="CC1837" s="11">
        <v>3</v>
      </c>
      <c r="CD1837" s="11">
        <v>0</v>
      </c>
      <c r="CE1837" s="11">
        <v>3</v>
      </c>
      <c r="CF1837" s="11">
        <v>2</v>
      </c>
      <c r="CG1837" s="11">
        <v>5</v>
      </c>
      <c r="CH1837" s="20">
        <v>0.22</v>
      </c>
      <c r="CI1837" s="20">
        <v>0.23</v>
      </c>
      <c r="CJ1837" s="20">
        <v>0.2</v>
      </c>
      <c r="CK1837" s="20">
        <v>0.19</v>
      </c>
      <c r="CL1837" s="20">
        <v>0.24</v>
      </c>
      <c r="CM1837" s="20">
        <v>0.28000000000000003</v>
      </c>
      <c r="CN1837" s="20">
        <v>0.35</v>
      </c>
      <c r="CO1837" s="20">
        <v>0.37</v>
      </c>
      <c r="CP1837" s="20">
        <v>0.35</v>
      </c>
      <c r="CQ1837" s="20">
        <v>0.31</v>
      </c>
      <c r="CR1837" s="20">
        <v>0.31</v>
      </c>
      <c r="CS1837" s="20">
        <v>0.27</v>
      </c>
      <c r="CT1837" s="20">
        <v>0.28999999999999998</v>
      </c>
      <c r="CU1837" s="20">
        <v>0.31</v>
      </c>
      <c r="CV1837" s="20">
        <v>0.23</v>
      </c>
      <c r="CW1837" s="20">
        <v>0.25</v>
      </c>
      <c r="CX1837" s="20">
        <v>0.25</v>
      </c>
      <c r="CY1837" s="6" t="s">
        <v>660</v>
      </c>
      <c r="CZ1837" s="6" t="s">
        <v>661</v>
      </c>
      <c r="DA1837" s="6" t="s">
        <v>91</v>
      </c>
      <c r="DB1837" s="6"/>
      <c r="DC1837" s="6"/>
      <c r="DD1837" s="6"/>
      <c r="DE1837" s="6"/>
      <c r="DF1837" s="6"/>
      <c r="DG1837" s="6"/>
      <c r="DH1837" s="6" t="s">
        <v>333</v>
      </c>
      <c r="DI1837" s="6"/>
      <c r="DJ1837" s="6"/>
      <c r="DK1837" s="6"/>
      <c r="DL1837" s="6">
        <v>10</v>
      </c>
      <c r="DM1837" s="6" t="s">
        <v>383</v>
      </c>
      <c r="DN1837" s="6">
        <v>9</v>
      </c>
      <c r="DO1837" s="6" t="s">
        <v>384</v>
      </c>
      <c r="DP1837" s="6"/>
      <c r="DQ1837" s="6"/>
    </row>
    <row r="1838" spans="1:121" x14ac:dyDescent="0.2">
      <c r="A1838" s="6" t="s">
        <v>318</v>
      </c>
      <c r="B1838" s="6" t="s">
        <v>318</v>
      </c>
      <c r="C1838" s="6" t="s">
        <v>187</v>
      </c>
      <c r="D1838" s="6" t="s">
        <v>91</v>
      </c>
      <c r="E1838" s="6" t="s">
        <v>232</v>
      </c>
      <c r="F1838" s="11">
        <v>0</v>
      </c>
      <c r="G1838" s="13">
        <v>0</v>
      </c>
      <c r="H1838" s="11">
        <v>5</v>
      </c>
      <c r="I1838" s="13"/>
      <c r="J1838" s="11">
        <v>0</v>
      </c>
      <c r="K1838" s="13">
        <v>0</v>
      </c>
      <c r="L1838" s="11">
        <v>-5</v>
      </c>
      <c r="M1838" s="13">
        <v>-1</v>
      </c>
      <c r="N1838" s="11">
        <v>-5</v>
      </c>
      <c r="O1838" s="13">
        <v>-1</v>
      </c>
      <c r="P1838" s="7">
        <v>0</v>
      </c>
      <c r="Q1838" s="7">
        <v>0</v>
      </c>
      <c r="R1838" s="7">
        <v>0</v>
      </c>
      <c r="S1838" s="7">
        <v>0</v>
      </c>
      <c r="T1838" s="7">
        <v>0</v>
      </c>
      <c r="U1838" s="7">
        <v>5</v>
      </c>
      <c r="V1838" s="7">
        <v>5</v>
      </c>
      <c r="W1838" s="7">
        <v>11.173792000000001</v>
      </c>
      <c r="X1838" s="7">
        <v>5</v>
      </c>
      <c r="Y1838" s="7">
        <v>5</v>
      </c>
      <c r="Z1838" s="7">
        <v>0</v>
      </c>
      <c r="AA1838" s="7">
        <v>0</v>
      </c>
      <c r="AB1838" s="7">
        <v>0</v>
      </c>
      <c r="AC1838" s="7">
        <v>0</v>
      </c>
      <c r="AD1838" s="7">
        <v>0</v>
      </c>
      <c r="AE1838" s="7">
        <v>0</v>
      </c>
      <c r="AF1838" s="7">
        <v>0</v>
      </c>
      <c r="AG1838" s="9">
        <v>0</v>
      </c>
      <c r="AH1838" s="13"/>
      <c r="AI1838" s="9">
        <v>1</v>
      </c>
      <c r="AJ1838" s="13"/>
      <c r="AK1838" s="9">
        <v>0</v>
      </c>
      <c r="AL1838" s="13">
        <v>0</v>
      </c>
      <c r="AM1838" s="9">
        <v>-1</v>
      </c>
      <c r="AN1838" s="13">
        <v>-1</v>
      </c>
      <c r="AO1838" s="9">
        <v>-1</v>
      </c>
      <c r="AP1838" s="13">
        <v>-1</v>
      </c>
      <c r="AQ1838" s="9">
        <v>0</v>
      </c>
      <c r="AR1838" s="9">
        <v>0</v>
      </c>
      <c r="AS1838" s="9">
        <v>0</v>
      </c>
      <c r="AT1838" s="9">
        <v>0</v>
      </c>
      <c r="AU1838" s="9">
        <v>0</v>
      </c>
      <c r="AV1838" s="9">
        <v>1</v>
      </c>
      <c r="AW1838" s="9">
        <v>1</v>
      </c>
      <c r="AX1838" s="9">
        <v>23418.143131100001</v>
      </c>
      <c r="AY1838" s="9">
        <v>1</v>
      </c>
      <c r="AZ1838" s="9">
        <v>1</v>
      </c>
      <c r="BA1838" s="9">
        <v>0</v>
      </c>
      <c r="BB1838" s="9">
        <v>0</v>
      </c>
      <c r="BC1838" s="9">
        <v>0</v>
      </c>
      <c r="BD1838" s="9">
        <v>0</v>
      </c>
      <c r="BE1838" s="9">
        <v>0</v>
      </c>
      <c r="BF1838" s="9">
        <v>0</v>
      </c>
      <c r="BG1838" s="11">
        <v>0</v>
      </c>
      <c r="BH1838" s="13" t="e">
        <v>#DIV/0!</v>
      </c>
      <c r="BI1838" s="6">
        <v>1</v>
      </c>
      <c r="BJ1838" s="13" t="e">
        <v>#DIV/0!</v>
      </c>
      <c r="BK1838" s="6">
        <v>0</v>
      </c>
      <c r="BL1838" s="13">
        <v>0</v>
      </c>
      <c r="BM1838" s="11">
        <v>-1</v>
      </c>
      <c r="BN1838" s="13">
        <v>-1</v>
      </c>
      <c r="BO1838" s="11">
        <v>-1</v>
      </c>
      <c r="BP1838" s="13">
        <v>-1</v>
      </c>
      <c r="BQ1838" s="6">
        <v>0</v>
      </c>
      <c r="BR1838" s="6">
        <v>0</v>
      </c>
      <c r="BS1838" s="6">
        <v>1</v>
      </c>
      <c r="BT1838" s="6">
        <v>1</v>
      </c>
      <c r="BU1838" s="6">
        <v>1</v>
      </c>
      <c r="BV1838" s="6">
        <v>1</v>
      </c>
      <c r="BW1838" s="6">
        <v>1</v>
      </c>
      <c r="BX1838" s="6">
        <v>0</v>
      </c>
      <c r="BY1838" s="6">
        <v>0</v>
      </c>
      <c r="BZ1838" s="6">
        <v>0</v>
      </c>
      <c r="CA1838" s="6">
        <v>0</v>
      </c>
      <c r="CB1838" s="6">
        <v>0</v>
      </c>
      <c r="CC1838" s="11">
        <v>0</v>
      </c>
      <c r="CD1838" s="11">
        <v>0</v>
      </c>
      <c r="CE1838" s="11">
        <v>0</v>
      </c>
      <c r="CF1838" s="11">
        <v>0</v>
      </c>
      <c r="CG1838" s="11">
        <v>0</v>
      </c>
      <c r="CH1838" s="20">
        <v>0</v>
      </c>
      <c r="CI1838" s="20">
        <v>0</v>
      </c>
      <c r="CJ1838" s="20">
        <v>0</v>
      </c>
      <c r="CK1838" s="20">
        <v>0</v>
      </c>
      <c r="CL1838" s="20">
        <v>0</v>
      </c>
      <c r="CM1838" s="20">
        <v>7.0426299999999997E-2</v>
      </c>
      <c r="CN1838" s="20">
        <v>0.35572100000000001</v>
      </c>
      <c r="CO1838" s="20">
        <v>0.63453700000000002</v>
      </c>
      <c r="CP1838" s="20">
        <v>0.223912</v>
      </c>
      <c r="CQ1838" s="20">
        <v>4.6593700000000002E-2</v>
      </c>
      <c r="CR1838" s="20">
        <v>0</v>
      </c>
      <c r="CS1838" s="20">
        <v>0</v>
      </c>
      <c r="CT1838" s="20">
        <v>0</v>
      </c>
      <c r="CU1838" s="20">
        <v>0</v>
      </c>
      <c r="CV1838" s="20">
        <v>0</v>
      </c>
      <c r="CW1838" s="20">
        <v>0</v>
      </c>
      <c r="CX1838" s="20">
        <v>0</v>
      </c>
      <c r="CY1838" s="6" t="s">
        <v>660</v>
      </c>
      <c r="CZ1838" s="6" t="s">
        <v>661</v>
      </c>
      <c r="DA1838" s="6" t="s">
        <v>91</v>
      </c>
      <c r="DB1838" s="6"/>
      <c r="DC1838" s="6"/>
      <c r="DD1838" s="6"/>
      <c r="DE1838" s="6"/>
      <c r="DF1838" s="6"/>
      <c r="DG1838" s="6"/>
      <c r="DH1838" s="6" t="s">
        <v>333</v>
      </c>
      <c r="DI1838" s="6"/>
      <c r="DJ1838" s="6"/>
      <c r="DK1838" s="6"/>
      <c r="DL1838" s="6">
        <v>10</v>
      </c>
      <c r="DM1838" s="6" t="s">
        <v>383</v>
      </c>
      <c r="DN1838" s="6">
        <v>9</v>
      </c>
      <c r="DO1838" s="6" t="s">
        <v>384</v>
      </c>
      <c r="DP1838" s="6"/>
      <c r="DQ1838" s="6"/>
    </row>
    <row r="1839" spans="1:121" x14ac:dyDescent="0.2">
      <c r="A1839" s="6" t="s">
        <v>319</v>
      </c>
      <c r="B1839" s="6" t="s">
        <v>319</v>
      </c>
      <c r="C1839" s="6" t="s">
        <v>188</v>
      </c>
      <c r="D1839" s="6" t="s">
        <v>91</v>
      </c>
      <c r="E1839" s="6" t="s">
        <v>232</v>
      </c>
      <c r="F1839" s="11">
        <v>16</v>
      </c>
      <c r="G1839" s="13">
        <v>1.4545454545500001</v>
      </c>
      <c r="H1839" s="11">
        <v>-0.24279604350000028</v>
      </c>
      <c r="I1839" s="13">
        <v>-2.1814381735294503E-2</v>
      </c>
      <c r="J1839" s="11">
        <v>0.41524932699999972</v>
      </c>
      <c r="K1839" s="13">
        <v>3.8140727031582534E-2</v>
      </c>
      <c r="L1839" s="11">
        <v>15.796727900399999</v>
      </c>
      <c r="M1839" s="13">
        <v>1.3976258942703192</v>
      </c>
      <c r="N1839" s="11">
        <v>16.211977227399998</v>
      </c>
      <c r="O1839" s="13">
        <v>1.4890730890275374</v>
      </c>
      <c r="P1839" s="7">
        <v>11.1300905268</v>
      </c>
      <c r="Q1839" s="7">
        <v>22.147320080299998</v>
      </c>
      <c r="R1839" s="7">
        <v>19.360279599799998</v>
      </c>
      <c r="S1839" s="7">
        <v>16.067360467899999</v>
      </c>
      <c r="T1839" s="7">
        <v>15.4961279488</v>
      </c>
      <c r="U1839" s="7">
        <v>19.1301662079</v>
      </c>
      <c r="V1839" s="7">
        <v>10.8872944833</v>
      </c>
      <c r="W1839" s="7">
        <v>17.535406282499999</v>
      </c>
      <c r="X1839" s="7">
        <v>10.6243817528</v>
      </c>
      <c r="Y1839" s="7">
        <v>11.3025438103</v>
      </c>
      <c r="Z1839" s="7">
        <v>16.248281344999999</v>
      </c>
      <c r="AA1839" s="7">
        <v>21.242790953499998</v>
      </c>
      <c r="AB1839" s="7">
        <v>21.177129486799998</v>
      </c>
      <c r="AC1839" s="7">
        <v>24.455509383100001</v>
      </c>
      <c r="AD1839" s="7">
        <v>24.134407352699998</v>
      </c>
      <c r="AE1839" s="7">
        <v>25.09906625</v>
      </c>
      <c r="AF1839" s="7">
        <v>27.099271710699998</v>
      </c>
      <c r="AG1839" s="9">
        <v>3583.5887447099994</v>
      </c>
      <c r="AH1839" s="13">
        <v>0.40069253722256071</v>
      </c>
      <c r="AI1839" s="9">
        <v>3084.4692725099994</v>
      </c>
      <c r="AJ1839" s="13">
        <v>0.34488439015539835</v>
      </c>
      <c r="AK1839" s="9">
        <v>5613.613585000001</v>
      </c>
      <c r="AL1839" s="13">
        <v>0.46671380989793709</v>
      </c>
      <c r="AM1839" s="9">
        <v>-5114.4941128000009</v>
      </c>
      <c r="AN1839" s="13">
        <v>-0.28991149740941197</v>
      </c>
      <c r="AO1839" s="9">
        <v>499.11947220000002</v>
      </c>
      <c r="AP1839" s="13">
        <v>4.1496612999362602E-2</v>
      </c>
      <c r="AQ1839" s="9">
        <v>8943.4876165900005</v>
      </c>
      <c r="AR1839" s="9">
        <v>12785.3005861</v>
      </c>
      <c r="AS1839" s="9">
        <v>13207.1695427</v>
      </c>
      <c r="AT1839" s="9">
        <v>14187.5747469</v>
      </c>
      <c r="AU1839" s="9">
        <v>11707.6970432</v>
      </c>
      <c r="AV1839" s="9">
        <v>11229.7881373</v>
      </c>
      <c r="AW1839" s="9">
        <v>12027.9568891</v>
      </c>
      <c r="AX1839" s="9">
        <v>11971.6704445</v>
      </c>
      <c r="AY1839" s="9">
        <v>13224.4096513</v>
      </c>
      <c r="AZ1839" s="9">
        <v>17641.570474100001</v>
      </c>
      <c r="BA1839" s="9">
        <v>13867.166207300001</v>
      </c>
      <c r="BB1839" s="9">
        <v>12737.762374399999</v>
      </c>
      <c r="BC1839" s="9">
        <v>12350.5580577</v>
      </c>
      <c r="BD1839" s="9">
        <v>13125.0460042</v>
      </c>
      <c r="BE1839" s="9">
        <v>12424.97696</v>
      </c>
      <c r="BF1839" s="9">
        <v>12527.0763613</v>
      </c>
      <c r="BG1839" s="11">
        <v>-3</v>
      </c>
      <c r="BH1839" s="13">
        <v>-0.75</v>
      </c>
      <c r="BI1839" s="6">
        <v>-1</v>
      </c>
      <c r="BJ1839" s="13">
        <v>-0.25</v>
      </c>
      <c r="BK1839" s="6">
        <v>-2</v>
      </c>
      <c r="BL1839" s="13">
        <v>-0.66666666666666663</v>
      </c>
      <c r="BM1839" s="11">
        <v>0</v>
      </c>
      <c r="BN1839" s="13">
        <v>0</v>
      </c>
      <c r="BO1839" s="11">
        <v>-2</v>
      </c>
      <c r="BP1839" s="13">
        <v>-0.66666666666666663</v>
      </c>
      <c r="BQ1839" s="6">
        <v>4</v>
      </c>
      <c r="BR1839" s="6">
        <v>4</v>
      </c>
      <c r="BS1839" s="6">
        <v>3</v>
      </c>
      <c r="BT1839" s="6">
        <v>3</v>
      </c>
      <c r="BU1839" s="6">
        <v>3</v>
      </c>
      <c r="BV1839" s="6">
        <v>2</v>
      </c>
      <c r="BW1839" s="6">
        <v>1</v>
      </c>
      <c r="BX1839" s="6">
        <v>1</v>
      </c>
      <c r="BY1839" s="6">
        <v>1</v>
      </c>
      <c r="BZ1839" s="6">
        <v>1</v>
      </c>
      <c r="CA1839" s="6">
        <v>1</v>
      </c>
      <c r="CB1839" s="6">
        <v>1</v>
      </c>
      <c r="CC1839" s="11">
        <v>1</v>
      </c>
      <c r="CD1839" s="11">
        <v>13.751099999999999</v>
      </c>
      <c r="CE1839" s="11">
        <v>1.0014000000000001</v>
      </c>
      <c r="CF1839" s="11">
        <v>1.21665</v>
      </c>
      <c r="CG1839" s="11">
        <v>2</v>
      </c>
      <c r="CH1839" s="20">
        <v>0.13906499999999999</v>
      </c>
      <c r="CI1839" s="20">
        <v>0.27134200000000003</v>
      </c>
      <c r="CJ1839" s="20">
        <v>0.23136899999999999</v>
      </c>
      <c r="CK1839" s="20">
        <v>0.18627299999999999</v>
      </c>
      <c r="CL1839" s="20">
        <v>0.175707</v>
      </c>
      <c r="CM1839" s="20">
        <v>0.215168</v>
      </c>
      <c r="CN1839" s="20">
        <v>0.12475700000000001</v>
      </c>
      <c r="CO1839" s="20">
        <v>0.21221000000000001</v>
      </c>
      <c r="CP1839" s="20">
        <v>0.139796</v>
      </c>
      <c r="CQ1839" s="20">
        <v>0.14598900000000001</v>
      </c>
      <c r="CR1839" s="20">
        <v>0.20856</v>
      </c>
      <c r="CS1839" s="20">
        <v>0.27560400000000002</v>
      </c>
      <c r="CT1839" s="20">
        <v>0.25606299999999999</v>
      </c>
      <c r="CU1839" s="20">
        <v>0.29066700000000001</v>
      </c>
      <c r="CV1839" s="20">
        <v>0.28439300000000001</v>
      </c>
      <c r="CW1839" s="20">
        <v>0.30359199999999997</v>
      </c>
      <c r="CX1839" s="20">
        <v>0.31949899999999998</v>
      </c>
      <c r="CY1839" s="6" t="s">
        <v>660</v>
      </c>
      <c r="CZ1839" s="6" t="s">
        <v>661</v>
      </c>
      <c r="DA1839" s="6" t="s">
        <v>91</v>
      </c>
      <c r="DB1839" s="6"/>
      <c r="DC1839" s="6"/>
      <c r="DD1839" s="6"/>
      <c r="DE1839" s="6"/>
      <c r="DF1839" s="6"/>
      <c r="DG1839" s="6"/>
      <c r="DH1839" s="6" t="s">
        <v>333</v>
      </c>
      <c r="DI1839" s="6"/>
      <c r="DJ1839" s="6"/>
      <c r="DK1839" s="6"/>
      <c r="DL1839" s="6">
        <v>10</v>
      </c>
      <c r="DM1839" s="6" t="s">
        <v>383</v>
      </c>
      <c r="DN1839" s="6">
        <v>9</v>
      </c>
      <c r="DO1839" s="6" t="s">
        <v>384</v>
      </c>
      <c r="DP1839" s="6"/>
      <c r="DQ1839" s="6"/>
    </row>
    <row r="1840" spans="1:121" x14ac:dyDescent="0.2">
      <c r="A1840" s="6" t="s">
        <v>320</v>
      </c>
      <c r="B1840" s="6" t="s">
        <v>320</v>
      </c>
      <c r="C1840" s="6" t="s">
        <v>189</v>
      </c>
      <c r="D1840" s="6" t="s">
        <v>91</v>
      </c>
      <c r="E1840" s="6" t="s">
        <v>232</v>
      </c>
      <c r="F1840" s="11">
        <v>0</v>
      </c>
      <c r="G1840" s="13">
        <v>0</v>
      </c>
      <c r="H1840" s="11">
        <v>0</v>
      </c>
      <c r="I1840" s="13"/>
      <c r="J1840" s="11">
        <v>0</v>
      </c>
      <c r="K1840" s="13"/>
      <c r="L1840" s="11">
        <v>0</v>
      </c>
      <c r="M1840" s="13"/>
      <c r="N1840" s="11">
        <v>0</v>
      </c>
      <c r="O1840" s="13"/>
      <c r="P1840" s="7">
        <v>0</v>
      </c>
      <c r="Q1840" s="7">
        <v>0</v>
      </c>
      <c r="R1840" s="7">
        <v>0</v>
      </c>
      <c r="S1840" s="7">
        <v>0</v>
      </c>
      <c r="T1840" s="7">
        <v>0</v>
      </c>
      <c r="U1840" s="7">
        <v>0</v>
      </c>
      <c r="V1840" s="7">
        <v>0</v>
      </c>
      <c r="W1840" s="7">
        <v>0</v>
      </c>
      <c r="X1840" s="7">
        <v>0</v>
      </c>
      <c r="Y1840" s="7">
        <v>0</v>
      </c>
      <c r="Z1840" s="7">
        <v>0</v>
      </c>
      <c r="AA1840" s="7">
        <v>0</v>
      </c>
      <c r="AB1840" s="7">
        <v>0</v>
      </c>
      <c r="AC1840" s="7">
        <v>0</v>
      </c>
      <c r="AD1840" s="7">
        <v>0</v>
      </c>
      <c r="AE1840" s="7">
        <v>0</v>
      </c>
      <c r="AF1840" s="7">
        <v>0</v>
      </c>
      <c r="AG1840" s="9">
        <v>0</v>
      </c>
      <c r="AH1840" s="13"/>
      <c r="AI1840" s="9">
        <v>0</v>
      </c>
      <c r="AJ1840" s="13"/>
      <c r="AK1840" s="9">
        <v>0</v>
      </c>
      <c r="AL1840" s="13"/>
      <c r="AM1840" s="9">
        <v>0</v>
      </c>
      <c r="AN1840" s="13"/>
      <c r="AO1840" s="9">
        <v>0</v>
      </c>
      <c r="AP1840" s="13"/>
      <c r="AQ1840" s="9">
        <v>0</v>
      </c>
      <c r="AR1840" s="9">
        <v>0</v>
      </c>
      <c r="AS1840" s="9">
        <v>0</v>
      </c>
      <c r="AT1840" s="9">
        <v>0</v>
      </c>
      <c r="AU1840" s="9">
        <v>0</v>
      </c>
      <c r="AV1840" s="9">
        <v>0</v>
      </c>
      <c r="AW1840" s="9">
        <v>0</v>
      </c>
      <c r="AX1840" s="9">
        <v>0</v>
      </c>
      <c r="AY1840" s="9">
        <v>0</v>
      </c>
      <c r="AZ1840" s="9">
        <v>0</v>
      </c>
      <c r="BA1840" s="9">
        <v>0</v>
      </c>
      <c r="BB1840" s="9">
        <v>0</v>
      </c>
      <c r="BC1840" s="9">
        <v>0</v>
      </c>
      <c r="BD1840" s="9">
        <v>0</v>
      </c>
      <c r="BE1840" s="9">
        <v>0</v>
      </c>
      <c r="BF1840" s="9">
        <v>0</v>
      </c>
      <c r="BG1840" s="11">
        <v>0</v>
      </c>
      <c r="BH1840" s="13" t="e">
        <v>#DIV/0!</v>
      </c>
      <c r="BI1840" s="6">
        <v>0</v>
      </c>
      <c r="BJ1840" s="13" t="e">
        <v>#DIV/0!</v>
      </c>
      <c r="BK1840" s="6">
        <v>0</v>
      </c>
      <c r="BL1840" s="13" t="e">
        <v>#DIV/0!</v>
      </c>
      <c r="BM1840" s="11">
        <v>0</v>
      </c>
      <c r="BN1840" s="13" t="e">
        <v>#DIV/0!</v>
      </c>
      <c r="BO1840" s="11">
        <v>0</v>
      </c>
      <c r="BP1840" s="13" t="e">
        <v>#DIV/0!</v>
      </c>
      <c r="BQ1840" s="6">
        <v>0</v>
      </c>
      <c r="BR1840" s="6">
        <v>0</v>
      </c>
      <c r="BS1840" s="6">
        <v>0</v>
      </c>
      <c r="BT1840" s="6">
        <v>0</v>
      </c>
      <c r="BU1840" s="6">
        <v>0</v>
      </c>
      <c r="BV1840" s="6">
        <v>0</v>
      </c>
      <c r="BW1840" s="6">
        <v>0</v>
      </c>
      <c r="BX1840" s="6">
        <v>0</v>
      </c>
      <c r="BY1840" s="6">
        <v>0</v>
      </c>
      <c r="BZ1840" s="6">
        <v>0</v>
      </c>
      <c r="CA1840" s="6">
        <v>0</v>
      </c>
      <c r="CB1840" s="6">
        <v>0</v>
      </c>
      <c r="CC1840" s="11">
        <v>0</v>
      </c>
      <c r="CD1840" s="11">
        <v>0</v>
      </c>
      <c r="CE1840" s="11">
        <v>0</v>
      </c>
      <c r="CF1840" s="11">
        <v>0</v>
      </c>
      <c r="CG1840" s="11">
        <v>0</v>
      </c>
      <c r="CH1840" s="20">
        <v>0</v>
      </c>
      <c r="CI1840" s="20">
        <v>0</v>
      </c>
      <c r="CJ1840" s="20">
        <v>0</v>
      </c>
      <c r="CK1840" s="20">
        <v>0</v>
      </c>
      <c r="CL1840" s="20">
        <v>0</v>
      </c>
      <c r="CM1840" s="20">
        <v>0</v>
      </c>
      <c r="CN1840" s="20">
        <v>0</v>
      </c>
      <c r="CO1840" s="20">
        <v>0</v>
      </c>
      <c r="CP1840" s="20">
        <v>0</v>
      </c>
      <c r="CQ1840" s="20">
        <v>0</v>
      </c>
      <c r="CR1840" s="20">
        <v>0</v>
      </c>
      <c r="CS1840" s="20">
        <v>0</v>
      </c>
      <c r="CT1840" s="20">
        <v>0</v>
      </c>
      <c r="CU1840" s="20">
        <v>0</v>
      </c>
      <c r="CV1840" s="20">
        <v>0</v>
      </c>
      <c r="CW1840" s="20">
        <v>0</v>
      </c>
      <c r="CX1840" s="20">
        <v>0</v>
      </c>
      <c r="CY1840" s="6" t="s">
        <v>660</v>
      </c>
      <c r="CZ1840" s="6" t="s">
        <v>661</v>
      </c>
      <c r="DA1840" s="6" t="s">
        <v>91</v>
      </c>
      <c r="DB1840" s="6"/>
      <c r="DC1840" s="6"/>
      <c r="DD1840" s="6"/>
      <c r="DE1840" s="6"/>
      <c r="DF1840" s="6"/>
      <c r="DG1840" s="6"/>
      <c r="DH1840" s="6" t="s">
        <v>333</v>
      </c>
      <c r="DI1840" s="6"/>
      <c r="DJ1840" s="6"/>
      <c r="DK1840" s="6"/>
      <c r="DL1840" s="6">
        <v>10</v>
      </c>
      <c r="DM1840" s="6" t="s">
        <v>383</v>
      </c>
      <c r="DN1840" s="6">
        <v>9</v>
      </c>
      <c r="DO1840" s="6" t="s">
        <v>384</v>
      </c>
      <c r="DP1840" s="6"/>
      <c r="DQ1840" s="6"/>
    </row>
    <row r="1841" spans="1:121" x14ac:dyDescent="0.2">
      <c r="A1841" s="6" t="s">
        <v>321</v>
      </c>
      <c r="B1841" s="6" t="s">
        <v>321</v>
      </c>
      <c r="C1841" s="6" t="s">
        <v>190</v>
      </c>
      <c r="D1841" s="6" t="s">
        <v>91</v>
      </c>
      <c r="E1841" s="6" t="s">
        <v>232</v>
      </c>
      <c r="F1841" s="11">
        <v>-16</v>
      </c>
      <c r="G1841" s="13">
        <v>-0.27118644067800002</v>
      </c>
      <c r="H1841" s="11">
        <v>4.0483383971999984</v>
      </c>
      <c r="I1841" s="13">
        <v>6.8358272673984297E-2</v>
      </c>
      <c r="J1841" s="11">
        <v>-18.879011993200002</v>
      </c>
      <c r="K1841" s="13">
        <v>-0.29838474611351623</v>
      </c>
      <c r="L1841" s="11">
        <v>-1.3779180390999954</v>
      </c>
      <c r="M1841" s="13">
        <v>-3.1040000420932749E-2</v>
      </c>
      <c r="N1841" s="11">
        <v>-20.256930032299998</v>
      </c>
      <c r="O1841" s="13">
        <v>-0.32016288388948555</v>
      </c>
      <c r="P1841" s="7">
        <v>59.222362398000001</v>
      </c>
      <c r="Q1841" s="7">
        <v>69.352544063300002</v>
      </c>
      <c r="R1841" s="7">
        <v>73.21576211</v>
      </c>
      <c r="S1841" s="7">
        <v>66.6188735657</v>
      </c>
      <c r="T1841" s="7">
        <v>60.401321326999998</v>
      </c>
      <c r="U1841" s="7">
        <v>56.133896937800003</v>
      </c>
      <c r="V1841" s="7">
        <v>63.2707007952</v>
      </c>
      <c r="W1841" s="7">
        <v>63.743339534999997</v>
      </c>
      <c r="X1841" s="7">
        <v>62.774531686800003</v>
      </c>
      <c r="Y1841" s="7">
        <v>44.391688801999997</v>
      </c>
      <c r="Z1841" s="7">
        <v>34.024994342200003</v>
      </c>
      <c r="AA1841" s="7">
        <v>38.9923305644</v>
      </c>
      <c r="AB1841" s="7">
        <v>60.462703619099997</v>
      </c>
      <c r="AC1841" s="7">
        <v>45.0908537344</v>
      </c>
      <c r="AD1841" s="7">
        <v>43.123549691100003</v>
      </c>
      <c r="AE1841" s="7">
        <v>40.940505506000001</v>
      </c>
      <c r="AF1841" s="7">
        <v>43.013770762900002</v>
      </c>
      <c r="AG1841" s="9">
        <v>23249.323325500001</v>
      </c>
      <c r="AH1841" s="13">
        <v>1.6571617161177332</v>
      </c>
      <c r="AI1841" s="9">
        <v>9392.6208047000018</v>
      </c>
      <c r="AJ1841" s="13">
        <v>0.66948579077516168</v>
      </c>
      <c r="AK1841" s="9">
        <v>17730.742533399996</v>
      </c>
      <c r="AL1841" s="13">
        <v>0.75700503981154643</v>
      </c>
      <c r="AM1841" s="9">
        <v>-3874.040012599995</v>
      </c>
      <c r="AN1841" s="13">
        <v>-9.4137561014574558E-2</v>
      </c>
      <c r="AO1841" s="9">
        <v>13856.702520800001</v>
      </c>
      <c r="AP1841" s="13">
        <v>0.59160487067337197</v>
      </c>
      <c r="AQ1841" s="9">
        <v>14029.604412999999</v>
      </c>
      <c r="AR1841" s="9">
        <v>15046.4787566</v>
      </c>
      <c r="AS1841" s="9">
        <v>17462.302280799999</v>
      </c>
      <c r="AT1841" s="9">
        <v>20504.2980317</v>
      </c>
      <c r="AU1841" s="9">
        <v>21440.070647100001</v>
      </c>
      <c r="AV1841" s="9">
        <v>22950.068184</v>
      </c>
      <c r="AW1841" s="9">
        <v>23422.225217700001</v>
      </c>
      <c r="AX1841" s="9">
        <v>22353.923033800002</v>
      </c>
      <c r="AY1841" s="9">
        <v>26083.322876300001</v>
      </c>
      <c r="AZ1841" s="9">
        <v>41152.967751099997</v>
      </c>
      <c r="BA1841" s="9">
        <v>46700.915587700001</v>
      </c>
      <c r="BB1841" s="9">
        <v>41278.199268999997</v>
      </c>
      <c r="BC1841" s="9">
        <v>30118.396108699999</v>
      </c>
      <c r="BD1841" s="9">
        <v>29689.327789200001</v>
      </c>
      <c r="BE1841" s="9">
        <v>32266.2596634</v>
      </c>
      <c r="BF1841" s="9">
        <v>37278.927738500002</v>
      </c>
      <c r="BG1841" s="11">
        <v>7.25</v>
      </c>
      <c r="BH1841" s="13">
        <v>0.72499999999999998</v>
      </c>
      <c r="BI1841" s="6">
        <v>-1</v>
      </c>
      <c r="BJ1841" s="13">
        <v>-0.1</v>
      </c>
      <c r="BK1841" s="6">
        <v>0</v>
      </c>
      <c r="BL1841" s="13">
        <v>0</v>
      </c>
      <c r="BM1841" s="11">
        <v>8.25</v>
      </c>
      <c r="BN1841" s="13">
        <v>0.91666666666666663</v>
      </c>
      <c r="BO1841" s="11">
        <v>8.25</v>
      </c>
      <c r="BP1841" s="13">
        <v>0.91666666666666663</v>
      </c>
      <c r="BQ1841" s="6">
        <v>10</v>
      </c>
      <c r="BR1841" s="6">
        <v>9</v>
      </c>
      <c r="BS1841" s="6">
        <v>9</v>
      </c>
      <c r="BT1841" s="6">
        <v>9</v>
      </c>
      <c r="BU1841" s="6">
        <v>10</v>
      </c>
      <c r="BV1841" s="6">
        <v>11</v>
      </c>
      <c r="BW1841" s="6">
        <v>9</v>
      </c>
      <c r="BX1841" s="6">
        <v>9</v>
      </c>
      <c r="BY1841" s="6">
        <v>8</v>
      </c>
      <c r="BZ1841" s="6">
        <v>27</v>
      </c>
      <c r="CA1841" s="6">
        <v>23</v>
      </c>
      <c r="CB1841" s="6">
        <v>21</v>
      </c>
      <c r="CC1841" s="11">
        <v>17.25</v>
      </c>
      <c r="CD1841" s="11">
        <v>-44.249099999999999</v>
      </c>
      <c r="CE1841" s="11">
        <v>21.566800000000001</v>
      </c>
      <c r="CF1841" s="11">
        <v>6.4737200000000001</v>
      </c>
      <c r="CG1841" s="11">
        <v>28</v>
      </c>
      <c r="CH1841" s="20">
        <v>0.44908599999999999</v>
      </c>
      <c r="CI1841" s="20">
        <v>0.49637900000000001</v>
      </c>
      <c r="CJ1841" s="20">
        <v>0.49554300000000001</v>
      </c>
      <c r="CK1841" s="20">
        <v>0.44281199999999998</v>
      </c>
      <c r="CL1841" s="20">
        <v>0.397119</v>
      </c>
      <c r="CM1841" s="20">
        <v>0.36672500000000002</v>
      </c>
      <c r="CN1841" s="20">
        <v>0.41363100000000003</v>
      </c>
      <c r="CO1841" s="20">
        <v>0.410416</v>
      </c>
      <c r="CP1841" s="20">
        <v>0.39204299999999997</v>
      </c>
      <c r="CQ1841" s="20">
        <v>0.27591399999999999</v>
      </c>
      <c r="CR1841" s="20">
        <v>0.215477</v>
      </c>
      <c r="CS1841" s="20">
        <v>0.24785199999999999</v>
      </c>
      <c r="CT1841" s="20">
        <v>0.36095500000000003</v>
      </c>
      <c r="CU1841" s="20">
        <v>0.268322</v>
      </c>
      <c r="CV1841" s="20">
        <v>0.25460300000000002</v>
      </c>
      <c r="CW1841" s="20">
        <v>0.246945</v>
      </c>
      <c r="CX1841" s="20">
        <v>0.25050699999999998</v>
      </c>
      <c r="CY1841" s="6" t="s">
        <v>660</v>
      </c>
      <c r="CZ1841" s="6" t="s">
        <v>661</v>
      </c>
      <c r="DA1841" s="6" t="s">
        <v>91</v>
      </c>
      <c r="DB1841" s="6"/>
      <c r="DC1841" s="6"/>
      <c r="DD1841" s="6"/>
      <c r="DE1841" s="6"/>
      <c r="DF1841" s="6"/>
      <c r="DG1841" s="6"/>
      <c r="DH1841" s="6" t="s">
        <v>333</v>
      </c>
      <c r="DI1841" s="6"/>
      <c r="DJ1841" s="6"/>
      <c r="DK1841" s="6"/>
      <c r="DL1841" s="6">
        <v>10</v>
      </c>
      <c r="DM1841" s="6" t="s">
        <v>383</v>
      </c>
      <c r="DN1841" s="6">
        <v>9</v>
      </c>
      <c r="DO1841" s="6" t="s">
        <v>384</v>
      </c>
      <c r="DP1841" s="6"/>
      <c r="DQ1841" s="6"/>
    </row>
    <row r="1842" spans="1:121" x14ac:dyDescent="0.2">
      <c r="A1842" s="6" t="s">
        <v>322</v>
      </c>
      <c r="B1842" s="6" t="s">
        <v>322</v>
      </c>
      <c r="C1842" s="6" t="s">
        <v>191</v>
      </c>
      <c r="D1842" s="6" t="s">
        <v>91</v>
      </c>
      <c r="E1842" s="6" t="s">
        <v>232</v>
      </c>
      <c r="F1842" s="11">
        <v>1</v>
      </c>
      <c r="G1842" s="13">
        <v>1</v>
      </c>
      <c r="H1842" s="11">
        <v>-9</v>
      </c>
      <c r="I1842" s="13">
        <v>-0.6428571428571429</v>
      </c>
      <c r="J1842" s="11">
        <v>0</v>
      </c>
      <c r="K1842" s="13">
        <v>0</v>
      </c>
      <c r="L1842" s="11">
        <v>0</v>
      </c>
      <c r="M1842" s="13">
        <v>0</v>
      </c>
      <c r="N1842" s="11">
        <v>0</v>
      </c>
      <c r="O1842" s="13">
        <v>0</v>
      </c>
      <c r="P1842" s="7">
        <v>14</v>
      </c>
      <c r="Q1842" s="7">
        <v>12</v>
      </c>
      <c r="R1842" s="7">
        <v>11</v>
      </c>
      <c r="S1842" s="7">
        <v>17</v>
      </c>
      <c r="T1842" s="7">
        <v>5</v>
      </c>
      <c r="U1842" s="7">
        <v>5</v>
      </c>
      <c r="V1842" s="7">
        <v>5</v>
      </c>
      <c r="W1842" s="7">
        <v>13</v>
      </c>
      <c r="X1842" s="7">
        <v>5</v>
      </c>
      <c r="Y1842" s="7">
        <v>5</v>
      </c>
      <c r="Z1842" s="7">
        <v>5</v>
      </c>
      <c r="AA1842" s="7">
        <v>5</v>
      </c>
      <c r="AB1842" s="7">
        <v>5</v>
      </c>
      <c r="AC1842" s="7">
        <v>5</v>
      </c>
      <c r="AD1842" s="7">
        <v>5</v>
      </c>
      <c r="AE1842" s="7">
        <v>5</v>
      </c>
      <c r="AF1842" s="7">
        <v>5</v>
      </c>
      <c r="AG1842" s="9">
        <v>-6369</v>
      </c>
      <c r="AH1842" s="13">
        <v>-0.99984301412872845</v>
      </c>
      <c r="AI1842" s="9">
        <v>-6369</v>
      </c>
      <c r="AJ1842" s="13">
        <v>-0.99984301412872845</v>
      </c>
      <c r="AK1842" s="9">
        <v>0</v>
      </c>
      <c r="AL1842" s="13">
        <v>0</v>
      </c>
      <c r="AM1842" s="9">
        <v>0</v>
      </c>
      <c r="AN1842" s="13">
        <v>0</v>
      </c>
      <c r="AO1842" s="9">
        <v>0</v>
      </c>
      <c r="AP1842" s="13">
        <v>0</v>
      </c>
      <c r="AQ1842" s="9">
        <v>6370</v>
      </c>
      <c r="AR1842" s="9">
        <v>14055</v>
      </c>
      <c r="AS1842" s="9">
        <v>10476</v>
      </c>
      <c r="AT1842" s="9">
        <v>6449</v>
      </c>
      <c r="AU1842" s="9">
        <v>1</v>
      </c>
      <c r="AV1842" s="9">
        <v>1</v>
      </c>
      <c r="AW1842" s="9">
        <v>1</v>
      </c>
      <c r="AX1842" s="9">
        <v>11085</v>
      </c>
      <c r="AY1842" s="9">
        <v>1</v>
      </c>
      <c r="AZ1842" s="9">
        <v>1</v>
      </c>
      <c r="BA1842" s="9">
        <v>1</v>
      </c>
      <c r="BB1842" s="9">
        <v>1</v>
      </c>
      <c r="BC1842" s="9">
        <v>1</v>
      </c>
      <c r="BD1842" s="9">
        <v>1</v>
      </c>
      <c r="BE1842" s="9">
        <v>1</v>
      </c>
      <c r="BF1842" s="9">
        <v>1</v>
      </c>
      <c r="BG1842" s="11">
        <v>0</v>
      </c>
      <c r="BH1842" s="13">
        <v>0</v>
      </c>
      <c r="BI1842" s="6">
        <v>0</v>
      </c>
      <c r="BJ1842" s="13">
        <v>0</v>
      </c>
      <c r="BK1842" s="6">
        <v>0</v>
      </c>
      <c r="BL1842" s="13">
        <v>0</v>
      </c>
      <c r="BM1842" s="11">
        <v>0</v>
      </c>
      <c r="BN1842" s="13">
        <v>0</v>
      </c>
      <c r="BO1842" s="11">
        <v>0</v>
      </c>
      <c r="BP1842" s="13">
        <v>0</v>
      </c>
      <c r="BQ1842" s="6">
        <v>1</v>
      </c>
      <c r="BR1842" s="6">
        <v>1</v>
      </c>
      <c r="BS1842" s="6">
        <v>1</v>
      </c>
      <c r="BT1842" s="6">
        <v>1</v>
      </c>
      <c r="BU1842" s="6">
        <v>1</v>
      </c>
      <c r="BV1842" s="6">
        <v>1</v>
      </c>
      <c r="BW1842" s="6">
        <v>1</v>
      </c>
      <c r="BX1842" s="6">
        <v>1</v>
      </c>
      <c r="BY1842" s="6">
        <v>1</v>
      </c>
      <c r="BZ1842" s="6">
        <v>1</v>
      </c>
      <c r="CA1842" s="6">
        <v>1</v>
      </c>
      <c r="CB1842" s="6">
        <v>1</v>
      </c>
      <c r="CC1842" s="11">
        <v>1</v>
      </c>
      <c r="CD1842" s="11">
        <v>-11</v>
      </c>
      <c r="CE1842" s="11">
        <v>3</v>
      </c>
      <c r="CF1842" s="11">
        <v>2</v>
      </c>
      <c r="CG1842" s="11">
        <v>5</v>
      </c>
      <c r="CH1842" s="20">
        <v>0.7</v>
      </c>
      <c r="CI1842" s="20">
        <v>0.59</v>
      </c>
      <c r="CJ1842" s="20">
        <v>0.5</v>
      </c>
      <c r="CK1842" s="20">
        <v>0.77</v>
      </c>
      <c r="CL1842" s="20">
        <v>0.44</v>
      </c>
      <c r="CM1842" s="20">
        <v>0.37</v>
      </c>
      <c r="CN1842" s="20">
        <v>0.1</v>
      </c>
      <c r="CO1842" s="20">
        <v>0.6</v>
      </c>
      <c r="CP1842" s="20">
        <v>0.3</v>
      </c>
      <c r="CQ1842" s="20">
        <v>0.08</v>
      </c>
      <c r="CR1842" s="20">
        <v>0.12</v>
      </c>
      <c r="CS1842" s="20">
        <v>0.08</v>
      </c>
      <c r="CT1842" s="20">
        <v>0.15</v>
      </c>
      <c r="CU1842" s="20">
        <v>0.22</v>
      </c>
      <c r="CV1842" s="20">
        <v>0.16</v>
      </c>
      <c r="CW1842" s="20">
        <v>0.3</v>
      </c>
      <c r="CX1842" s="20">
        <v>0.31</v>
      </c>
      <c r="CY1842" s="6" t="s">
        <v>660</v>
      </c>
      <c r="CZ1842" s="6" t="s">
        <v>661</v>
      </c>
      <c r="DA1842" s="6" t="s">
        <v>91</v>
      </c>
      <c r="DB1842" s="6"/>
      <c r="DC1842" s="6"/>
      <c r="DD1842" s="6"/>
      <c r="DE1842" s="6"/>
      <c r="DF1842" s="6"/>
      <c r="DG1842" s="6"/>
      <c r="DH1842" s="6" t="s">
        <v>333</v>
      </c>
      <c r="DI1842" s="6"/>
      <c r="DJ1842" s="6"/>
      <c r="DK1842" s="6"/>
      <c r="DL1842" s="6">
        <v>10</v>
      </c>
      <c r="DM1842" s="6" t="s">
        <v>383</v>
      </c>
      <c r="DN1842" s="6">
        <v>9</v>
      </c>
      <c r="DO1842" s="6" t="s">
        <v>384</v>
      </c>
      <c r="DP1842" s="6"/>
      <c r="DQ1842" s="6"/>
    </row>
    <row r="1843" spans="1:121" x14ac:dyDescent="0.2">
      <c r="A1843" s="6" t="s">
        <v>323</v>
      </c>
      <c r="B1843" s="6" t="s">
        <v>323</v>
      </c>
      <c r="C1843" s="6" t="s">
        <v>192</v>
      </c>
      <c r="D1843" s="6" t="s">
        <v>91</v>
      </c>
      <c r="E1843" s="6" t="s">
        <v>232</v>
      </c>
      <c r="F1843" s="11">
        <v>1</v>
      </c>
      <c r="G1843" s="13">
        <v>0.05</v>
      </c>
      <c r="H1843" s="11">
        <v>7.8532944240999996</v>
      </c>
      <c r="I1843" s="13">
        <v>0.38859692457869938</v>
      </c>
      <c r="J1843" s="11">
        <v>6.777791977899998</v>
      </c>
      <c r="K1843" s="13">
        <v>0.24152356803897437</v>
      </c>
      <c r="L1843" s="11">
        <v>-13.653189009999998</v>
      </c>
      <c r="M1843" s="13">
        <v>-0.39187757751849994</v>
      </c>
      <c r="N1843" s="11">
        <v>-6.8753970321000004</v>
      </c>
      <c r="O1843" s="13">
        <v>-0.24500168023626345</v>
      </c>
      <c r="P1843" s="7">
        <v>20.2093581482</v>
      </c>
      <c r="Q1843" s="7">
        <v>24.236073555200001</v>
      </c>
      <c r="R1843" s="7">
        <v>27.9135736711</v>
      </c>
      <c r="S1843" s="7">
        <v>35.487318065700002</v>
      </c>
      <c r="T1843" s="7">
        <v>30.192925666099999</v>
      </c>
      <c r="U1843" s="7">
        <v>28.9210551008</v>
      </c>
      <c r="V1843" s="7">
        <v>28.062652572299999</v>
      </c>
      <c r="W1843" s="7">
        <v>34.355191677699999</v>
      </c>
      <c r="X1843" s="7">
        <v>34.1571174515</v>
      </c>
      <c r="Y1843" s="7">
        <v>34.840444550199997</v>
      </c>
      <c r="Z1843" s="7">
        <v>40.999826606299997</v>
      </c>
      <c r="AA1843" s="7">
        <v>34.847088379399999</v>
      </c>
      <c r="AB1843" s="7">
        <v>31.875351951199999</v>
      </c>
      <c r="AC1843" s="7">
        <v>33.652850076599996</v>
      </c>
      <c r="AD1843" s="7">
        <v>24.052370574200001</v>
      </c>
      <c r="AE1843" s="7">
        <v>21.774719667199999</v>
      </c>
      <c r="AF1843" s="7">
        <v>21.187255540199999</v>
      </c>
      <c r="AG1843" s="9">
        <v>-5278.972648519999</v>
      </c>
      <c r="AH1843" s="13">
        <v>-0.35627779230731071</v>
      </c>
      <c r="AI1843" s="9">
        <v>-4844.0410522399998</v>
      </c>
      <c r="AJ1843" s="13">
        <v>-0.32692426478509934</v>
      </c>
      <c r="AK1843" s="9">
        <v>447.15025674000026</v>
      </c>
      <c r="AL1843" s="13">
        <v>4.4836209614613029E-2</v>
      </c>
      <c r="AM1843" s="9">
        <v>-882.08185301999947</v>
      </c>
      <c r="AN1843" s="13">
        <v>-8.4651776941068374E-2</v>
      </c>
      <c r="AO1843" s="9">
        <v>-434.93159627999921</v>
      </c>
      <c r="AP1843" s="13">
        <v>-4.3611032141634552E-2</v>
      </c>
      <c r="AQ1843" s="9">
        <v>14817.012911</v>
      </c>
      <c r="AR1843" s="9">
        <v>13398.995983000001</v>
      </c>
      <c r="AS1843" s="9">
        <v>12096.3665764</v>
      </c>
      <c r="AT1843" s="9">
        <v>13816.018748500001</v>
      </c>
      <c r="AU1843" s="9">
        <v>8555.0202749399996</v>
      </c>
      <c r="AV1843" s="9">
        <v>11598.5599726</v>
      </c>
      <c r="AW1843" s="9">
        <v>9972.97185876</v>
      </c>
      <c r="AX1843" s="9">
        <v>10983.595695399999</v>
      </c>
      <c r="AY1843" s="9">
        <v>9039.33023822</v>
      </c>
      <c r="AZ1843" s="9">
        <v>10420.1221155</v>
      </c>
      <c r="BA1843" s="9">
        <v>10496.433443100001</v>
      </c>
      <c r="BB1843" s="9">
        <v>12172.5557931</v>
      </c>
      <c r="BC1843" s="9">
        <v>10173.2707065</v>
      </c>
      <c r="BD1843" s="9">
        <v>8532.8262142799995</v>
      </c>
      <c r="BE1843" s="9">
        <v>11457.723500800001</v>
      </c>
      <c r="BF1843" s="9">
        <v>9538.0402624800008</v>
      </c>
      <c r="BG1843" s="11">
        <v>-1</v>
      </c>
      <c r="BH1843" s="13">
        <v>-0.2</v>
      </c>
      <c r="BI1843" s="6">
        <v>-1</v>
      </c>
      <c r="BJ1843" s="13">
        <v>-0.2</v>
      </c>
      <c r="BK1843" s="6">
        <v>2</v>
      </c>
      <c r="BL1843" s="13">
        <v>0.5</v>
      </c>
      <c r="BM1843" s="11">
        <v>-2</v>
      </c>
      <c r="BN1843" s="13">
        <v>-0.33333333333333331</v>
      </c>
      <c r="BO1843" s="11">
        <v>0</v>
      </c>
      <c r="BP1843" s="13">
        <v>0</v>
      </c>
      <c r="BQ1843" s="6">
        <v>5</v>
      </c>
      <c r="BR1843" s="6">
        <v>5</v>
      </c>
      <c r="BS1843" s="6">
        <v>4</v>
      </c>
      <c r="BT1843" s="6">
        <v>4</v>
      </c>
      <c r="BU1843" s="6">
        <v>7</v>
      </c>
      <c r="BV1843" s="6">
        <v>7</v>
      </c>
      <c r="BW1843" s="6">
        <v>6</v>
      </c>
      <c r="BX1843" s="6">
        <v>5</v>
      </c>
      <c r="BY1843" s="6">
        <v>4</v>
      </c>
      <c r="BZ1843" s="6">
        <v>3</v>
      </c>
      <c r="CA1843" s="6">
        <v>4</v>
      </c>
      <c r="CB1843" s="6">
        <v>4</v>
      </c>
      <c r="CC1843" s="11">
        <v>4</v>
      </c>
      <c r="CD1843" s="11">
        <v>-5.8269500000000001</v>
      </c>
      <c r="CE1843" s="11">
        <v>4.59572</v>
      </c>
      <c r="CF1843" s="11">
        <v>2.20913</v>
      </c>
      <c r="CG1843" s="11">
        <v>7</v>
      </c>
      <c r="CH1843" s="20">
        <v>0.20649999999999999</v>
      </c>
      <c r="CI1843" s="20">
        <v>0.23968600000000001</v>
      </c>
      <c r="CJ1843" s="20">
        <v>0.26424500000000001</v>
      </c>
      <c r="CK1843" s="20">
        <v>0.32819799999999999</v>
      </c>
      <c r="CL1843" s="20">
        <v>0.27599000000000001</v>
      </c>
      <c r="CM1843" s="20">
        <v>0.26372899999999999</v>
      </c>
      <c r="CN1843" s="20">
        <v>0.25751099999999999</v>
      </c>
      <c r="CO1843" s="20">
        <v>0.31759399999999999</v>
      </c>
      <c r="CP1843" s="20">
        <v>0.32146400000000003</v>
      </c>
      <c r="CQ1843" s="20">
        <v>0.3306</v>
      </c>
      <c r="CR1843" s="20">
        <v>0.39205899999999999</v>
      </c>
      <c r="CS1843" s="20">
        <v>0.336534</v>
      </c>
      <c r="CT1843" s="20">
        <v>0.28603000000000001</v>
      </c>
      <c r="CU1843" s="20">
        <v>0.29783999999999999</v>
      </c>
      <c r="CV1843" s="20">
        <v>0.20918</v>
      </c>
      <c r="CW1843" s="20">
        <v>0.19301499999999999</v>
      </c>
      <c r="CX1843" s="20">
        <v>0.18328</v>
      </c>
      <c r="CY1843" s="6" t="s">
        <v>660</v>
      </c>
      <c r="CZ1843" s="6" t="s">
        <v>661</v>
      </c>
      <c r="DA1843" s="6" t="s">
        <v>91</v>
      </c>
      <c r="DB1843" s="6"/>
      <c r="DC1843" s="6"/>
      <c r="DD1843" s="6"/>
      <c r="DE1843" s="6"/>
      <c r="DF1843" s="6"/>
      <c r="DG1843" s="6"/>
      <c r="DH1843" s="6" t="s">
        <v>333</v>
      </c>
      <c r="DI1843" s="6"/>
      <c r="DJ1843" s="6"/>
      <c r="DK1843" s="6"/>
      <c r="DL1843" s="6">
        <v>10</v>
      </c>
      <c r="DM1843" s="6" t="s">
        <v>383</v>
      </c>
      <c r="DN1843" s="6">
        <v>9</v>
      </c>
      <c r="DO1843" s="6" t="s">
        <v>384</v>
      </c>
      <c r="DP1843" s="6"/>
      <c r="DQ1843" s="6"/>
    </row>
    <row r="1844" spans="1:121" x14ac:dyDescent="0.2">
      <c r="A1844" s="6" t="s">
        <v>325</v>
      </c>
      <c r="B1844" s="6" t="s">
        <v>325</v>
      </c>
      <c r="C1844" s="6" t="s">
        <v>193</v>
      </c>
      <c r="D1844" s="6" t="s">
        <v>91</v>
      </c>
      <c r="E1844" s="6" t="s">
        <v>232</v>
      </c>
      <c r="F1844" s="11">
        <v>-27</v>
      </c>
      <c r="G1844" s="13">
        <v>-0.267326732673</v>
      </c>
      <c r="H1844" s="11">
        <v>31.872804049999999</v>
      </c>
      <c r="I1844" s="13">
        <v>0.31503162106647725</v>
      </c>
      <c r="J1844" s="11">
        <v>-7.5058808559999903</v>
      </c>
      <c r="K1844" s="13">
        <v>-5.6415617444026955E-2</v>
      </c>
      <c r="L1844" s="11">
        <v>-51.936295754699998</v>
      </c>
      <c r="M1844" s="13">
        <v>-0.41370227235240287</v>
      </c>
      <c r="N1844" s="11">
        <v>-59.442176610699988</v>
      </c>
      <c r="O1844" s="13">
        <v>-0.44677862066367202</v>
      </c>
      <c r="P1844" s="7">
        <v>101.17334870099999</v>
      </c>
      <c r="Q1844" s="7">
        <v>103.233597168</v>
      </c>
      <c r="R1844" s="7">
        <v>112.780596948</v>
      </c>
      <c r="S1844" s="7">
        <v>102.521312464</v>
      </c>
      <c r="T1844" s="7">
        <v>102.91724033600001</v>
      </c>
      <c r="U1844" s="7">
        <v>120.29481405999999</v>
      </c>
      <c r="V1844" s="7">
        <v>133.04615275099999</v>
      </c>
      <c r="W1844" s="7">
        <v>128.22931666700001</v>
      </c>
      <c r="X1844" s="7">
        <v>127.853919855</v>
      </c>
      <c r="Y1844" s="7">
        <v>125.540271895</v>
      </c>
      <c r="Z1844" s="7">
        <v>112.656639179</v>
      </c>
      <c r="AA1844" s="7">
        <v>107.417244039</v>
      </c>
      <c r="AB1844" s="7">
        <v>83.372777560800003</v>
      </c>
      <c r="AC1844" s="7">
        <v>85.535957101199998</v>
      </c>
      <c r="AD1844" s="7">
        <v>76.481582369999998</v>
      </c>
      <c r="AE1844" s="7">
        <v>75.103649932400003</v>
      </c>
      <c r="AF1844" s="7">
        <v>73.603976140300006</v>
      </c>
      <c r="AG1844" s="9">
        <v>5873.2581976999991</v>
      </c>
      <c r="AH1844" s="13">
        <v>0.39592869721828489</v>
      </c>
      <c r="AI1844" s="9">
        <v>-269.82526770000004</v>
      </c>
      <c r="AJ1844" s="13">
        <v>-1.8189489227439688E-2</v>
      </c>
      <c r="AK1844" s="9">
        <v>-2593.1359957999994</v>
      </c>
      <c r="AL1844" s="13">
        <v>-0.178047345822541</v>
      </c>
      <c r="AM1844" s="9">
        <v>8736.2194611999985</v>
      </c>
      <c r="AN1844" s="13">
        <v>0.72977157505990387</v>
      </c>
      <c r="AO1844" s="9">
        <v>6143.0834653999991</v>
      </c>
      <c r="AP1844" s="13">
        <v>0.42179033724121173</v>
      </c>
      <c r="AQ1844" s="9">
        <v>14834.131092199999</v>
      </c>
      <c r="AR1844" s="9">
        <v>15443.9550408</v>
      </c>
      <c r="AS1844" s="9">
        <v>13688.3542913</v>
      </c>
      <c r="AT1844" s="9">
        <v>14971.0063649</v>
      </c>
      <c r="AU1844" s="9">
        <v>14407.6112698</v>
      </c>
      <c r="AV1844" s="9">
        <v>15126.788705700001</v>
      </c>
      <c r="AW1844" s="9">
        <v>14564.305824499999</v>
      </c>
      <c r="AX1844" s="9">
        <v>13866.441406100001</v>
      </c>
      <c r="AY1844" s="9">
        <v>13477.945881199999</v>
      </c>
      <c r="AZ1844" s="9">
        <v>11971.1698287</v>
      </c>
      <c r="BA1844" s="9">
        <v>13661.0472467</v>
      </c>
      <c r="BB1844" s="9">
        <v>13499.778829499999</v>
      </c>
      <c r="BC1844" s="9">
        <v>18013.3533642</v>
      </c>
      <c r="BD1844" s="9">
        <v>18941.942992</v>
      </c>
      <c r="BE1844" s="9">
        <v>20432.002025199999</v>
      </c>
      <c r="BF1844" s="9">
        <v>20707.389289899998</v>
      </c>
      <c r="BG1844" s="11">
        <v>-16.75</v>
      </c>
      <c r="BH1844" s="13">
        <v>-0.72826086956521741</v>
      </c>
      <c r="BI1844" s="6">
        <v>2</v>
      </c>
      <c r="BJ1844" s="13">
        <v>8.6956521739130432E-2</v>
      </c>
      <c r="BK1844" s="6">
        <v>4</v>
      </c>
      <c r="BL1844" s="13">
        <v>0.16</v>
      </c>
      <c r="BM1844" s="11">
        <v>-22.75</v>
      </c>
      <c r="BN1844" s="13">
        <v>-0.78448275862068961</v>
      </c>
      <c r="BO1844" s="11">
        <v>-18.75</v>
      </c>
      <c r="BP1844" s="13">
        <v>-0.75</v>
      </c>
      <c r="BQ1844" s="6">
        <v>23</v>
      </c>
      <c r="BR1844" s="6">
        <v>24</v>
      </c>
      <c r="BS1844" s="6">
        <v>23</v>
      </c>
      <c r="BT1844" s="6">
        <v>25</v>
      </c>
      <c r="BU1844" s="6">
        <v>27</v>
      </c>
      <c r="BV1844" s="6">
        <v>26</v>
      </c>
      <c r="BW1844" s="6">
        <v>29</v>
      </c>
      <c r="BX1844" s="6">
        <v>29</v>
      </c>
      <c r="BY1844" s="6">
        <v>29</v>
      </c>
      <c r="BZ1844" s="6">
        <v>4</v>
      </c>
      <c r="CA1844" s="6">
        <v>6</v>
      </c>
      <c r="CB1844" s="6">
        <v>6</v>
      </c>
      <c r="CC1844" s="11">
        <v>6.25</v>
      </c>
      <c r="CD1844" s="11">
        <v>-37.697099999999999</v>
      </c>
      <c r="CE1844" s="11">
        <v>-0.93171000000000004</v>
      </c>
      <c r="CF1844" s="11">
        <v>11.0595</v>
      </c>
      <c r="CG1844" s="11">
        <v>10</v>
      </c>
      <c r="CH1844" s="20">
        <v>1.5219499999999999</v>
      </c>
      <c r="CI1844" s="20">
        <v>1.4967999999999999</v>
      </c>
      <c r="CJ1844" s="20">
        <v>1.5742499999999999</v>
      </c>
      <c r="CK1844" s="20">
        <v>1.42337</v>
      </c>
      <c r="CL1844" s="20">
        <v>1.4356800000000001</v>
      </c>
      <c r="CM1844" s="20">
        <v>1.68973</v>
      </c>
      <c r="CN1844" s="20">
        <v>1.8898999999999999</v>
      </c>
      <c r="CO1844" s="20">
        <v>1.83325</v>
      </c>
      <c r="CP1844" s="20">
        <v>1.8229599999999999</v>
      </c>
      <c r="CQ1844" s="20">
        <v>1.8181099999999999</v>
      </c>
      <c r="CR1844" s="20">
        <v>1.6681600000000001</v>
      </c>
      <c r="CS1844" s="20">
        <v>1.6188</v>
      </c>
      <c r="CT1844" s="20">
        <v>1.2735000000000001</v>
      </c>
      <c r="CU1844" s="20">
        <v>1.3023499999999999</v>
      </c>
      <c r="CV1844" s="20">
        <v>1.1669400000000001</v>
      </c>
      <c r="CW1844" s="20">
        <v>1.1803600000000001</v>
      </c>
      <c r="CX1844" s="20">
        <v>1.1389800000000001</v>
      </c>
      <c r="CY1844" s="6" t="s">
        <v>660</v>
      </c>
      <c r="CZ1844" s="6" t="s">
        <v>661</v>
      </c>
      <c r="DA1844" s="6" t="s">
        <v>91</v>
      </c>
      <c r="DB1844" s="6"/>
      <c r="DC1844" s="6"/>
      <c r="DD1844" s="6"/>
      <c r="DE1844" s="6"/>
      <c r="DF1844" s="6"/>
      <c r="DG1844" s="6"/>
      <c r="DH1844" s="6" t="s">
        <v>333</v>
      </c>
      <c r="DI1844" s="6"/>
      <c r="DJ1844" s="6"/>
      <c r="DK1844" s="6"/>
      <c r="DL1844" s="6">
        <v>10</v>
      </c>
      <c r="DM1844" s="6" t="s">
        <v>383</v>
      </c>
      <c r="DN1844" s="6">
        <v>9</v>
      </c>
      <c r="DO1844" s="6" t="s">
        <v>384</v>
      </c>
      <c r="DP1844" s="6"/>
      <c r="DQ1844" s="6"/>
    </row>
    <row r="1845" spans="1:121" x14ac:dyDescent="0.2">
      <c r="A1845" s="6" t="s">
        <v>327</v>
      </c>
      <c r="B1845" s="6" t="s">
        <v>327</v>
      </c>
      <c r="C1845" s="6" t="s">
        <v>194</v>
      </c>
      <c r="D1845" s="6" t="s">
        <v>91</v>
      </c>
      <c r="E1845" s="6" t="s">
        <v>232</v>
      </c>
      <c r="F1845" s="11">
        <v>20</v>
      </c>
      <c r="G1845" s="13">
        <v>4.3956043956000002E-2</v>
      </c>
      <c r="H1845" s="11">
        <v>19.849263000000008</v>
      </c>
      <c r="I1845" s="13">
        <v>4.363841804188319E-2</v>
      </c>
      <c r="J1845" s="11">
        <v>-12.015856999999983</v>
      </c>
      <c r="K1845" s="13">
        <v>-2.5312165746303419E-2</v>
      </c>
      <c r="L1845" s="11">
        <v>12.087185807999958</v>
      </c>
      <c r="M1845" s="13">
        <v>2.6123671102395721E-2</v>
      </c>
      <c r="N1845" s="11">
        <v>7.1328807999975652E-2</v>
      </c>
      <c r="O1845" s="13">
        <v>1.5025866324654494E-4</v>
      </c>
      <c r="P1845" s="7">
        <v>454.857529</v>
      </c>
      <c r="Q1845" s="7">
        <v>469.04969799999998</v>
      </c>
      <c r="R1845" s="7">
        <v>489.854603</v>
      </c>
      <c r="S1845" s="7">
        <v>493.99364700000001</v>
      </c>
      <c r="T1845" s="7">
        <v>500.588641</v>
      </c>
      <c r="U1845" s="7">
        <v>478.61489699999998</v>
      </c>
      <c r="V1845" s="7">
        <v>474.70679200000001</v>
      </c>
      <c r="W1845" s="7">
        <v>474.56858899999997</v>
      </c>
      <c r="X1845" s="7">
        <v>487.90889499999997</v>
      </c>
      <c r="Y1845" s="7">
        <v>462.69093500000002</v>
      </c>
      <c r="Z1845" s="7">
        <v>441.03224299999999</v>
      </c>
      <c r="AA1845" s="7">
        <v>442.40299399999998</v>
      </c>
      <c r="AB1845" s="7">
        <v>485.480256</v>
      </c>
      <c r="AC1845" s="7">
        <v>510.09365200000002</v>
      </c>
      <c r="AD1845" s="7">
        <v>514.66726700000004</v>
      </c>
      <c r="AE1845" s="7">
        <v>470.98514575000002</v>
      </c>
      <c r="AF1845" s="7">
        <v>474.77812080799998</v>
      </c>
      <c r="AG1845" s="9">
        <v>13416.438463399998</v>
      </c>
      <c r="AH1845" s="13">
        <v>0.48095075182218433</v>
      </c>
      <c r="AI1845" s="9">
        <v>10128.179489400001</v>
      </c>
      <c r="AJ1845" s="13">
        <v>0.36307366916379891</v>
      </c>
      <c r="AK1845" s="9">
        <v>1559.915874899998</v>
      </c>
      <c r="AL1845" s="13">
        <v>4.1024681140249229E-2</v>
      </c>
      <c r="AM1845" s="9">
        <v>1728.3430990999987</v>
      </c>
      <c r="AN1845" s="13">
        <v>4.3662939508783687E-2</v>
      </c>
      <c r="AO1845" s="9">
        <v>3288.2589739999967</v>
      </c>
      <c r="AP1845" s="13">
        <v>8.647887882002675E-2</v>
      </c>
      <c r="AQ1845" s="9">
        <v>27895.659612899999</v>
      </c>
      <c r="AR1845" s="9">
        <v>28395.5220524</v>
      </c>
      <c r="AS1845" s="9">
        <v>30163.8389976</v>
      </c>
      <c r="AT1845" s="9">
        <v>30666.771267299999</v>
      </c>
      <c r="AU1845" s="9">
        <v>30746.201804200002</v>
      </c>
      <c r="AV1845" s="9">
        <v>35352.6508818</v>
      </c>
      <c r="AW1845" s="9">
        <v>38023.8391023</v>
      </c>
      <c r="AX1845" s="9">
        <v>39418.969092500003</v>
      </c>
      <c r="AY1845" s="9">
        <v>39354.8056736</v>
      </c>
      <c r="AZ1845" s="9">
        <v>39583.754977199998</v>
      </c>
      <c r="BA1845" s="9">
        <v>37640.475959900003</v>
      </c>
      <c r="BB1845" s="9">
        <v>37459.703099099999</v>
      </c>
      <c r="BC1845" s="9">
        <v>38932.046047800002</v>
      </c>
      <c r="BD1845" s="9">
        <v>40839.547251700002</v>
      </c>
      <c r="BE1845" s="9">
        <v>43069.298375999999</v>
      </c>
      <c r="BF1845" s="9">
        <v>41312.098076299997</v>
      </c>
      <c r="BG1845" s="11">
        <v>-1</v>
      </c>
      <c r="BH1845" s="13">
        <v>-3.0303030303030304E-2</v>
      </c>
      <c r="BI1845" s="6">
        <v>0</v>
      </c>
      <c r="BJ1845" s="13">
        <v>0</v>
      </c>
      <c r="BK1845" s="6">
        <v>1</v>
      </c>
      <c r="BL1845" s="13">
        <v>3.0303030303030304E-2</v>
      </c>
      <c r="BM1845" s="11">
        <v>-2</v>
      </c>
      <c r="BN1845" s="13">
        <v>-5.8823529411764705E-2</v>
      </c>
      <c r="BO1845" s="11">
        <v>-1</v>
      </c>
      <c r="BP1845" s="13">
        <v>-3.0303030303030304E-2</v>
      </c>
      <c r="BQ1845" s="6">
        <v>33</v>
      </c>
      <c r="BR1845" s="6">
        <v>32</v>
      </c>
      <c r="BS1845" s="6">
        <v>32</v>
      </c>
      <c r="BT1845" s="6">
        <v>33</v>
      </c>
      <c r="BU1845" s="6">
        <v>32</v>
      </c>
      <c r="BV1845" s="6">
        <v>33</v>
      </c>
      <c r="BW1845" s="6">
        <v>34</v>
      </c>
      <c r="BX1845" s="6">
        <v>32</v>
      </c>
      <c r="BY1845" s="6">
        <v>32</v>
      </c>
      <c r="BZ1845" s="6">
        <v>32</v>
      </c>
      <c r="CA1845" s="6">
        <v>32</v>
      </c>
      <c r="CB1845" s="6">
        <v>32</v>
      </c>
      <c r="CC1845" s="11">
        <v>32</v>
      </c>
      <c r="CD1845" s="11">
        <v>-3.13496</v>
      </c>
      <c r="CE1845" s="11">
        <v>-26.665900000000001</v>
      </c>
      <c r="CF1845" s="11">
        <v>49.721400000000003</v>
      </c>
      <c r="CG1845" s="11">
        <v>23</v>
      </c>
      <c r="CH1845" s="20">
        <v>2.05986</v>
      </c>
      <c r="CI1845" s="20">
        <v>2.0432999999999999</v>
      </c>
      <c r="CJ1845" s="20">
        <v>2.0695199999999998</v>
      </c>
      <c r="CK1845" s="20">
        <v>2.0908500000000001</v>
      </c>
      <c r="CL1845" s="20">
        <v>2.1337799999999998</v>
      </c>
      <c r="CM1845" s="20">
        <v>2.0678000000000001</v>
      </c>
      <c r="CN1845" s="20">
        <v>2.0889099999999998</v>
      </c>
      <c r="CO1845" s="20">
        <v>2.0807699999999998</v>
      </c>
      <c r="CP1845" s="20">
        <v>2.1096400000000002</v>
      </c>
      <c r="CQ1845" s="20">
        <v>2.0204200000000001</v>
      </c>
      <c r="CR1845" s="20">
        <v>2.0152999999999999</v>
      </c>
      <c r="CS1845" s="20">
        <v>2.1272199999999999</v>
      </c>
      <c r="CT1845" s="20">
        <v>2.2473399999999999</v>
      </c>
      <c r="CU1845" s="20">
        <v>2.3982000000000001</v>
      </c>
      <c r="CV1845" s="20">
        <v>2.4456199999999999</v>
      </c>
      <c r="CW1845" s="20">
        <v>2.3169900000000001</v>
      </c>
      <c r="CX1845" s="20">
        <v>2.31575</v>
      </c>
      <c r="CY1845" s="6" t="s">
        <v>660</v>
      </c>
      <c r="CZ1845" s="6" t="s">
        <v>661</v>
      </c>
      <c r="DA1845" s="6" t="s">
        <v>91</v>
      </c>
      <c r="DB1845" s="6"/>
      <c r="DC1845" s="6"/>
      <c r="DD1845" s="6"/>
      <c r="DE1845" s="6"/>
      <c r="DF1845" s="6"/>
      <c r="DG1845" s="6"/>
      <c r="DH1845" s="6" t="s">
        <v>333</v>
      </c>
      <c r="DI1845" s="6"/>
      <c r="DJ1845" s="6"/>
      <c r="DK1845" s="6"/>
      <c r="DL1845" s="6">
        <v>10</v>
      </c>
      <c r="DM1845" s="6" t="s">
        <v>383</v>
      </c>
      <c r="DN1845" s="6">
        <v>9</v>
      </c>
      <c r="DO1845" s="6" t="s">
        <v>384</v>
      </c>
      <c r="DP1845" s="6"/>
      <c r="DQ1845" s="6"/>
    </row>
    <row r="1846" spans="1:121" x14ac:dyDescent="0.2">
      <c r="A1846" s="6" t="s">
        <v>1</v>
      </c>
      <c r="B1846" s="6" t="s">
        <v>1</v>
      </c>
      <c r="C1846" s="6" t="s">
        <v>2</v>
      </c>
      <c r="D1846" s="6" t="s">
        <v>130</v>
      </c>
      <c r="E1846" s="6" t="s">
        <v>271</v>
      </c>
      <c r="F1846" s="11">
        <v>-37</v>
      </c>
      <c r="G1846" s="13">
        <v>-0.31092436974799997</v>
      </c>
      <c r="H1846" s="11">
        <v>-69.603377080400008</v>
      </c>
      <c r="I1846" s="13">
        <v>-0.58445385509825576</v>
      </c>
      <c r="J1846" s="11">
        <v>27.002675267800008</v>
      </c>
      <c r="K1846" s="13">
        <v>0.54564157270030567</v>
      </c>
      <c r="L1846" s="11">
        <v>5.0919363956000012</v>
      </c>
      <c r="M1846" s="13">
        <v>6.6569429978881156E-2</v>
      </c>
      <c r="N1846" s="11">
        <v>32.094611663400009</v>
      </c>
      <c r="O1846" s="13">
        <v>0.64853405114662643</v>
      </c>
      <c r="P1846" s="7">
        <v>119.091313152</v>
      </c>
      <c r="Q1846" s="7">
        <v>98.754383747800006</v>
      </c>
      <c r="R1846" s="7">
        <v>85.573807470399998</v>
      </c>
      <c r="S1846" s="7">
        <v>47.856741141699999</v>
      </c>
      <c r="T1846" s="7">
        <v>30.6555224942</v>
      </c>
      <c r="U1846" s="7">
        <v>42.679970143699997</v>
      </c>
      <c r="V1846" s="7">
        <v>49.487936071599997</v>
      </c>
      <c r="W1846" s="7">
        <v>43.812877765400003</v>
      </c>
      <c r="X1846" s="7">
        <v>35.391054171500002</v>
      </c>
      <c r="Y1846" s="7">
        <v>76.490611339400004</v>
      </c>
      <c r="Z1846" s="7">
        <v>95.580359080600005</v>
      </c>
      <c r="AA1846" s="7">
        <v>91.530773610599994</v>
      </c>
      <c r="AB1846" s="7">
        <v>98.553745446999997</v>
      </c>
      <c r="AC1846" s="7">
        <v>70.8883423483</v>
      </c>
      <c r="AD1846" s="7">
        <v>82.414786314300002</v>
      </c>
      <c r="AE1846" s="7">
        <v>80.442451909200003</v>
      </c>
      <c r="AF1846" s="7">
        <v>81.582547735000006</v>
      </c>
      <c r="AG1846" s="9">
        <v>3.2148620999978448</v>
      </c>
      <c r="AH1846" s="13">
        <v>1.2103690420190688E-4</v>
      </c>
      <c r="AI1846" s="9">
        <v>-7634.4847723000021</v>
      </c>
      <c r="AJ1846" s="13">
        <v>-0.28743204942333656</v>
      </c>
      <c r="AK1846" s="9">
        <v>11008.484300200002</v>
      </c>
      <c r="AL1846" s="13">
        <v>0.58164326094470031</v>
      </c>
      <c r="AM1846" s="9">
        <v>-3370.7846658000017</v>
      </c>
      <c r="AN1846" s="13">
        <v>-0.11260343722420715</v>
      </c>
      <c r="AO1846" s="9">
        <v>7637.6996343999999</v>
      </c>
      <c r="AP1846" s="13">
        <v>0.40354479329982351</v>
      </c>
      <c r="AQ1846" s="9">
        <v>26561.0073324</v>
      </c>
      <c r="AR1846" s="9">
        <v>25140.826669599999</v>
      </c>
      <c r="AS1846" s="9">
        <v>22617.771039700001</v>
      </c>
      <c r="AT1846" s="9">
        <v>24887.5945426</v>
      </c>
      <c r="AU1846" s="9">
        <v>17383.390290700001</v>
      </c>
      <c r="AV1846" s="9">
        <v>19563.595345099999</v>
      </c>
      <c r="AW1846" s="9">
        <v>18926.522560099998</v>
      </c>
      <c r="AX1846" s="9">
        <v>20358.650156299998</v>
      </c>
      <c r="AY1846" s="9">
        <v>22687.101576500001</v>
      </c>
      <c r="AZ1846" s="9">
        <v>29935.0068603</v>
      </c>
      <c r="BA1846" s="9">
        <v>33039.992076499999</v>
      </c>
      <c r="BB1846" s="9">
        <v>31214.736282900001</v>
      </c>
      <c r="BC1846" s="9">
        <v>33644.665428300003</v>
      </c>
      <c r="BD1846" s="9">
        <v>23848.8788049</v>
      </c>
      <c r="BE1846" s="9">
        <v>26740.4539258</v>
      </c>
      <c r="BF1846" s="9">
        <v>26564.222194499998</v>
      </c>
      <c r="BG1846" s="11">
        <v>-0.5</v>
      </c>
      <c r="BH1846" s="13">
        <v>-0.25</v>
      </c>
      <c r="BI1846" s="6">
        <v>1</v>
      </c>
      <c r="BJ1846" s="13">
        <v>0.5</v>
      </c>
      <c r="BK1846" s="6">
        <v>-2</v>
      </c>
      <c r="BL1846" s="13">
        <v>-0.66666666666666663</v>
      </c>
      <c r="BM1846" s="11">
        <v>0.5</v>
      </c>
      <c r="BN1846" s="13">
        <v>0.5</v>
      </c>
      <c r="BO1846" s="11">
        <v>-1.5</v>
      </c>
      <c r="BP1846" s="13">
        <v>-0.5</v>
      </c>
      <c r="BQ1846" s="6">
        <v>2</v>
      </c>
      <c r="BR1846" s="6">
        <v>3</v>
      </c>
      <c r="BS1846" s="6">
        <v>4</v>
      </c>
      <c r="BT1846" s="6">
        <v>3</v>
      </c>
      <c r="BU1846" s="6">
        <v>3</v>
      </c>
      <c r="BV1846" s="6">
        <v>2</v>
      </c>
      <c r="BW1846" s="6">
        <v>1</v>
      </c>
      <c r="BX1846" s="6">
        <v>1</v>
      </c>
      <c r="BY1846" s="6">
        <v>2</v>
      </c>
      <c r="BZ1846" s="6">
        <v>2</v>
      </c>
      <c r="CA1846" s="6">
        <v>2</v>
      </c>
      <c r="CB1846" s="6">
        <v>2</v>
      </c>
      <c r="CC1846" s="11">
        <v>1.5</v>
      </c>
      <c r="CD1846" s="11">
        <v>-39.668900000000001</v>
      </c>
      <c r="CE1846" s="11">
        <v>-10.858000000000001</v>
      </c>
      <c r="CF1846" s="11">
        <v>13.0181</v>
      </c>
      <c r="CG1846" s="11">
        <v>2</v>
      </c>
      <c r="CH1846" s="20">
        <v>2.9038900000000001</v>
      </c>
      <c r="CI1846" s="20">
        <v>2.5488400000000002</v>
      </c>
      <c r="CJ1846" s="20">
        <v>2.25827</v>
      </c>
      <c r="CK1846" s="20">
        <v>1.12419</v>
      </c>
      <c r="CL1846" s="20">
        <v>0.70427200000000001</v>
      </c>
      <c r="CM1846" s="20">
        <v>1.00532</v>
      </c>
      <c r="CN1846" s="20">
        <v>1.0024</v>
      </c>
      <c r="CO1846" s="20">
        <v>0.95674000000000003</v>
      </c>
      <c r="CP1846" s="20">
        <v>0.82994900000000005</v>
      </c>
      <c r="CQ1846" s="20">
        <v>2.02691</v>
      </c>
      <c r="CR1846" s="20">
        <v>2.48739</v>
      </c>
      <c r="CS1846" s="20">
        <v>2.36802</v>
      </c>
      <c r="CT1846" s="20">
        <v>1.93635</v>
      </c>
      <c r="CU1846" s="20">
        <v>1.4038200000000001</v>
      </c>
      <c r="CV1846" s="20">
        <v>1.67015</v>
      </c>
      <c r="CW1846" s="20">
        <v>1.64489</v>
      </c>
      <c r="CX1846" s="20">
        <v>1.58982</v>
      </c>
      <c r="CY1846" s="6" t="s">
        <v>662</v>
      </c>
      <c r="CZ1846" s="6" t="s">
        <v>663</v>
      </c>
      <c r="DA1846" s="6" t="s">
        <v>130</v>
      </c>
      <c r="DB1846" s="6"/>
      <c r="DC1846" s="6">
        <v>25300</v>
      </c>
      <c r="DD1846" s="6">
        <v>448</v>
      </c>
      <c r="DE1846" s="6" t="s">
        <v>598</v>
      </c>
      <c r="DF1846" s="6" t="s">
        <v>363</v>
      </c>
      <c r="DG1846" s="6" t="s">
        <v>376</v>
      </c>
      <c r="DH1846" s="6" t="s">
        <v>468</v>
      </c>
      <c r="DI1846" s="6" t="s">
        <v>575</v>
      </c>
      <c r="DJ1846" s="6">
        <v>29</v>
      </c>
      <c r="DK1846" s="6">
        <v>173</v>
      </c>
      <c r="DL1846" s="6">
        <v>8</v>
      </c>
      <c r="DM1846" s="6" t="s">
        <v>368</v>
      </c>
      <c r="DN1846" s="6">
        <v>9</v>
      </c>
      <c r="DO1846" s="6" t="s">
        <v>384</v>
      </c>
      <c r="DP1846" s="6"/>
      <c r="DQ1846" s="6"/>
    </row>
    <row r="1847" spans="1:121" x14ac:dyDescent="0.2">
      <c r="A1847" s="6" t="s">
        <v>310</v>
      </c>
      <c r="B1847" s="6" t="s">
        <v>310</v>
      </c>
      <c r="C1847" s="6" t="s">
        <v>173</v>
      </c>
      <c r="D1847" s="6" t="s">
        <v>130</v>
      </c>
      <c r="E1847" s="6" t="s">
        <v>271</v>
      </c>
      <c r="F1847" s="11">
        <v>0</v>
      </c>
      <c r="G1847" s="13">
        <v>0</v>
      </c>
      <c r="H1847" s="11">
        <v>0</v>
      </c>
      <c r="I1847" s="13"/>
      <c r="J1847" s="11">
        <v>0</v>
      </c>
      <c r="K1847" s="13"/>
      <c r="L1847" s="11">
        <v>0</v>
      </c>
      <c r="M1847" s="13"/>
      <c r="N1847" s="11">
        <v>0</v>
      </c>
      <c r="O1847" s="13"/>
      <c r="P1847" s="7">
        <v>0</v>
      </c>
      <c r="Q1847" s="7">
        <v>0</v>
      </c>
      <c r="R1847" s="7">
        <v>0</v>
      </c>
      <c r="S1847" s="7">
        <v>0</v>
      </c>
      <c r="T1847" s="7">
        <v>0</v>
      </c>
      <c r="U1847" s="7">
        <v>0</v>
      </c>
      <c r="V1847" s="7">
        <v>0</v>
      </c>
      <c r="W1847" s="7">
        <v>0</v>
      </c>
      <c r="X1847" s="7">
        <v>0</v>
      </c>
      <c r="Y1847" s="7">
        <v>0</v>
      </c>
      <c r="Z1847" s="7">
        <v>0</v>
      </c>
      <c r="AA1847" s="7">
        <v>0</v>
      </c>
      <c r="AB1847" s="7">
        <v>0</v>
      </c>
      <c r="AC1847" s="7">
        <v>0</v>
      </c>
      <c r="AD1847" s="7">
        <v>0</v>
      </c>
      <c r="AE1847" s="7">
        <v>0</v>
      </c>
      <c r="AF1847" s="7">
        <v>0</v>
      </c>
      <c r="AG1847" s="9">
        <v>0</v>
      </c>
      <c r="AH1847" s="13"/>
      <c r="AI1847" s="9">
        <v>0</v>
      </c>
      <c r="AJ1847" s="13"/>
      <c r="AK1847" s="9">
        <v>0</v>
      </c>
      <c r="AL1847" s="13"/>
      <c r="AM1847" s="9">
        <v>0</v>
      </c>
      <c r="AN1847" s="13"/>
      <c r="AO1847" s="9">
        <v>0</v>
      </c>
      <c r="AP1847" s="13"/>
      <c r="AQ1847" s="9">
        <v>0</v>
      </c>
      <c r="AR1847" s="9">
        <v>0</v>
      </c>
      <c r="AS1847" s="9">
        <v>0</v>
      </c>
      <c r="AT1847" s="9">
        <v>0</v>
      </c>
      <c r="AU1847" s="9">
        <v>0</v>
      </c>
      <c r="AV1847" s="9">
        <v>0</v>
      </c>
      <c r="AW1847" s="9">
        <v>0</v>
      </c>
      <c r="AX1847" s="9">
        <v>0</v>
      </c>
      <c r="AY1847" s="9">
        <v>0</v>
      </c>
      <c r="AZ1847" s="9">
        <v>0</v>
      </c>
      <c r="BA1847" s="9">
        <v>0</v>
      </c>
      <c r="BB1847" s="9">
        <v>0</v>
      </c>
      <c r="BC1847" s="9">
        <v>0</v>
      </c>
      <c r="BD1847" s="9">
        <v>0</v>
      </c>
      <c r="BE1847" s="9">
        <v>0</v>
      </c>
      <c r="BF1847" s="9">
        <v>0</v>
      </c>
      <c r="BG1847" s="11">
        <v>0</v>
      </c>
      <c r="BH1847" s="13" t="e">
        <v>#DIV/0!</v>
      </c>
      <c r="BI1847" s="6">
        <v>0</v>
      </c>
      <c r="BJ1847" s="13" t="e">
        <v>#DIV/0!</v>
      </c>
      <c r="BK1847" s="6">
        <v>0</v>
      </c>
      <c r="BL1847" s="13" t="e">
        <v>#DIV/0!</v>
      </c>
      <c r="BM1847" s="11">
        <v>0</v>
      </c>
      <c r="BN1847" s="13" t="e">
        <v>#DIV/0!</v>
      </c>
      <c r="BO1847" s="11">
        <v>0</v>
      </c>
      <c r="BP1847" s="13" t="e">
        <v>#DIV/0!</v>
      </c>
      <c r="BQ1847" s="6">
        <v>0</v>
      </c>
      <c r="BR1847" s="6">
        <v>0</v>
      </c>
      <c r="BS1847" s="6">
        <v>0</v>
      </c>
      <c r="BT1847" s="6">
        <v>0</v>
      </c>
      <c r="BU1847" s="6">
        <v>0</v>
      </c>
      <c r="BV1847" s="6">
        <v>0</v>
      </c>
      <c r="BW1847" s="6">
        <v>0</v>
      </c>
      <c r="BX1847" s="6">
        <v>0</v>
      </c>
      <c r="BY1847" s="6">
        <v>0</v>
      </c>
      <c r="BZ1847" s="6">
        <v>0</v>
      </c>
      <c r="CA1847" s="6">
        <v>0</v>
      </c>
      <c r="CB1847" s="6">
        <v>0</v>
      </c>
      <c r="CC1847" s="11">
        <v>0</v>
      </c>
      <c r="CD1847" s="11">
        <v>0</v>
      </c>
      <c r="CE1847" s="11">
        <v>0</v>
      </c>
      <c r="CF1847" s="11">
        <v>0</v>
      </c>
      <c r="CG1847" s="11">
        <v>0</v>
      </c>
      <c r="CH1847" s="20">
        <v>0</v>
      </c>
      <c r="CI1847" s="20">
        <v>0</v>
      </c>
      <c r="CJ1847" s="20">
        <v>0</v>
      </c>
      <c r="CK1847" s="20">
        <v>0</v>
      </c>
      <c r="CL1847" s="20">
        <v>0</v>
      </c>
      <c r="CM1847" s="20">
        <v>0</v>
      </c>
      <c r="CN1847" s="20">
        <v>0</v>
      </c>
      <c r="CO1847" s="20">
        <v>0</v>
      </c>
      <c r="CP1847" s="20">
        <v>0</v>
      </c>
      <c r="CQ1847" s="20">
        <v>0</v>
      </c>
      <c r="CR1847" s="20">
        <v>0</v>
      </c>
      <c r="CS1847" s="20">
        <v>0</v>
      </c>
      <c r="CT1847" s="20">
        <v>0</v>
      </c>
      <c r="CU1847" s="20">
        <v>0</v>
      </c>
      <c r="CV1847" s="20">
        <v>0</v>
      </c>
      <c r="CW1847" s="20">
        <v>0</v>
      </c>
      <c r="CX1847" s="20">
        <v>0</v>
      </c>
      <c r="CY1847" s="6" t="s">
        <v>662</v>
      </c>
      <c r="CZ1847" s="6" t="s">
        <v>663</v>
      </c>
      <c r="DA1847" s="6" t="s">
        <v>130</v>
      </c>
      <c r="DB1847" s="6"/>
      <c r="DC1847" s="6">
        <v>25300</v>
      </c>
      <c r="DD1847" s="6">
        <v>448</v>
      </c>
      <c r="DE1847" s="6" t="s">
        <v>598</v>
      </c>
      <c r="DF1847" s="6" t="s">
        <v>363</v>
      </c>
      <c r="DG1847" s="6" t="s">
        <v>376</v>
      </c>
      <c r="DH1847" s="6" t="s">
        <v>468</v>
      </c>
      <c r="DI1847" s="6" t="s">
        <v>575</v>
      </c>
      <c r="DJ1847" s="6">
        <v>29</v>
      </c>
      <c r="DK1847" s="6">
        <v>173</v>
      </c>
      <c r="DL1847" s="6">
        <v>8</v>
      </c>
      <c r="DM1847" s="6" t="s">
        <v>368</v>
      </c>
      <c r="DN1847" s="6">
        <v>9</v>
      </c>
      <c r="DO1847" s="6" t="s">
        <v>384</v>
      </c>
      <c r="DP1847" s="6"/>
      <c r="DQ1847" s="6"/>
    </row>
    <row r="1848" spans="1:121" x14ac:dyDescent="0.2">
      <c r="A1848" s="6" t="s">
        <v>311</v>
      </c>
      <c r="B1848" s="6" t="s">
        <v>311</v>
      </c>
      <c r="C1848" s="6" t="s">
        <v>174</v>
      </c>
      <c r="D1848" s="6" t="s">
        <v>130</v>
      </c>
      <c r="E1848" s="6" t="s">
        <v>271</v>
      </c>
      <c r="F1848" s="11">
        <v>3</v>
      </c>
      <c r="G1848" s="13">
        <v>0.12</v>
      </c>
      <c r="H1848" s="11">
        <v>26.929747999999996</v>
      </c>
      <c r="I1848" s="13">
        <v>1.069775137358943</v>
      </c>
      <c r="J1848" s="11">
        <v>0.97480700000000553</v>
      </c>
      <c r="K1848" s="13">
        <v>1.8709220099630788E-2</v>
      </c>
      <c r="L1848" s="11">
        <v>-24.932892313800004</v>
      </c>
      <c r="M1848" s="13">
        <v>-0.46974208317920441</v>
      </c>
      <c r="N1848" s="11">
        <v>-23.958085313799998</v>
      </c>
      <c r="O1848" s="13">
        <v>-0.45982137110383242</v>
      </c>
      <c r="P1848" s="7">
        <v>25.173279000000001</v>
      </c>
      <c r="Q1848" s="7">
        <v>29.744917000000001</v>
      </c>
      <c r="R1848" s="7">
        <v>28.350764000000002</v>
      </c>
      <c r="S1848" s="7">
        <v>31.772196000000001</v>
      </c>
      <c r="T1848" s="7">
        <v>39.687018999999999</v>
      </c>
      <c r="U1848" s="7">
        <v>49.871774000000002</v>
      </c>
      <c r="V1848" s="7">
        <v>52.103026999999997</v>
      </c>
      <c r="W1848" s="7">
        <v>52.822553999999997</v>
      </c>
      <c r="X1848" s="7">
        <v>50.322426999999998</v>
      </c>
      <c r="Y1848" s="7">
        <v>53.077834000000003</v>
      </c>
      <c r="Z1848" s="7">
        <v>48.153494000000002</v>
      </c>
      <c r="AA1848" s="7">
        <v>44.222507</v>
      </c>
      <c r="AB1848" s="7">
        <v>41.614314</v>
      </c>
      <c r="AC1848" s="7">
        <v>29.690090000000001</v>
      </c>
      <c r="AD1848" s="7">
        <v>29.9049471077</v>
      </c>
      <c r="AE1848" s="7">
        <v>31.202999765800001</v>
      </c>
      <c r="AF1848" s="7">
        <v>28.144941686199999</v>
      </c>
      <c r="AG1848" s="9">
        <v>54902.234678999994</v>
      </c>
      <c r="AH1848" s="13">
        <v>0.84274849769891436</v>
      </c>
      <c r="AI1848" s="9">
        <v>-13898.277035700004</v>
      </c>
      <c r="AJ1848" s="13">
        <v>-0.21333834881077449</v>
      </c>
      <c r="AK1848" s="9">
        <v>20501.144713100002</v>
      </c>
      <c r="AL1848" s="13">
        <v>0.40003509820813049</v>
      </c>
      <c r="AM1848" s="9">
        <v>48299.367001599996</v>
      </c>
      <c r="AN1848" s="13">
        <v>0.67316650965380598</v>
      </c>
      <c r="AO1848" s="9">
        <v>68800.511714699998</v>
      </c>
      <c r="AP1848" s="13">
        <v>1.3424918386617213</v>
      </c>
      <c r="AQ1848" s="9">
        <v>65146.642004000001</v>
      </c>
      <c r="AR1848" s="9">
        <v>57454.014845999998</v>
      </c>
      <c r="AS1848" s="9">
        <v>67459.717212799995</v>
      </c>
      <c r="AT1848" s="9">
        <v>67408.306387899996</v>
      </c>
      <c r="AU1848" s="9">
        <v>59388.233461399999</v>
      </c>
      <c r="AV1848" s="9">
        <v>46047.216489099999</v>
      </c>
      <c r="AW1848" s="9">
        <v>51248.364968299997</v>
      </c>
      <c r="AX1848" s="9">
        <v>54027.140003</v>
      </c>
      <c r="AY1848" s="9">
        <v>65698.321548599997</v>
      </c>
      <c r="AZ1848" s="9">
        <v>71749.509681399999</v>
      </c>
      <c r="BA1848" s="9">
        <v>74639.3341029</v>
      </c>
      <c r="BB1848" s="9">
        <v>78776.229189799997</v>
      </c>
      <c r="BC1848" s="9">
        <v>56443.641701799999</v>
      </c>
      <c r="BD1848" s="9">
        <v>111117.419708</v>
      </c>
      <c r="BE1848" s="9">
        <v>111174.998502</v>
      </c>
      <c r="BF1848" s="9">
        <v>120048.87668299999</v>
      </c>
      <c r="BG1848" s="11">
        <v>0</v>
      </c>
      <c r="BH1848" s="13">
        <v>0</v>
      </c>
      <c r="BI1848" s="6">
        <v>0</v>
      </c>
      <c r="BJ1848" s="13">
        <v>0</v>
      </c>
      <c r="BK1848" s="6">
        <v>0</v>
      </c>
      <c r="BL1848" s="13">
        <v>0</v>
      </c>
      <c r="BM1848" s="11">
        <v>0</v>
      </c>
      <c r="BN1848" s="13">
        <v>0</v>
      </c>
      <c r="BO1848" s="11">
        <v>0</v>
      </c>
      <c r="BP1848" s="13">
        <v>0</v>
      </c>
      <c r="BQ1848" s="6">
        <v>1</v>
      </c>
      <c r="BR1848" s="6">
        <v>1</v>
      </c>
      <c r="BS1848" s="6">
        <v>1</v>
      </c>
      <c r="BT1848" s="6">
        <v>1</v>
      </c>
      <c r="BU1848" s="6">
        <v>1</v>
      </c>
      <c r="BV1848" s="6">
        <v>1</v>
      </c>
      <c r="BW1848" s="6">
        <v>1</v>
      </c>
      <c r="BX1848" s="6">
        <v>1</v>
      </c>
      <c r="BY1848" s="6">
        <v>1</v>
      </c>
      <c r="BZ1848" s="6">
        <v>1</v>
      </c>
      <c r="CA1848" s="6">
        <v>1</v>
      </c>
      <c r="CB1848" s="6">
        <v>1</v>
      </c>
      <c r="CC1848" s="11">
        <v>1</v>
      </c>
      <c r="CD1848" s="11">
        <v>4.3192300000000001</v>
      </c>
      <c r="CE1848" s="11">
        <v>-4.09931</v>
      </c>
      <c r="CF1848" s="11">
        <v>2.7517399999999999</v>
      </c>
      <c r="CG1848" s="11">
        <v>-1</v>
      </c>
      <c r="CH1848" s="20">
        <v>1.9745900000000001</v>
      </c>
      <c r="CI1848" s="20">
        <v>2.4778899999999999</v>
      </c>
      <c r="CJ1848" s="20">
        <v>2.4935</v>
      </c>
      <c r="CK1848" s="20">
        <v>2.5551300000000001</v>
      </c>
      <c r="CL1848" s="20">
        <v>3.21713</v>
      </c>
      <c r="CM1848" s="20">
        <v>4.1667199999999998</v>
      </c>
      <c r="CN1848" s="20">
        <v>3.6928999999999998</v>
      </c>
      <c r="CO1848" s="20">
        <v>3.8654299999999999</v>
      </c>
      <c r="CP1848" s="20">
        <v>3.9003000000000001</v>
      </c>
      <c r="CQ1848" s="20">
        <v>4.6973599999999998</v>
      </c>
      <c r="CR1848" s="20">
        <v>4.2211299999999996</v>
      </c>
      <c r="CS1848" s="20">
        <v>3.9044300000000001</v>
      </c>
      <c r="CT1848" s="20">
        <v>2.8248500000000001</v>
      </c>
      <c r="CU1848" s="20">
        <v>2.0465800000000001</v>
      </c>
      <c r="CV1848" s="20">
        <v>2.1125799999999999</v>
      </c>
      <c r="CW1848" s="20">
        <v>2.22133</v>
      </c>
      <c r="CX1848" s="20">
        <v>1.8979699999999999</v>
      </c>
      <c r="CY1848" s="6" t="s">
        <v>662</v>
      </c>
      <c r="CZ1848" s="6" t="s">
        <v>663</v>
      </c>
      <c r="DA1848" s="6" t="s">
        <v>130</v>
      </c>
      <c r="DB1848" s="6"/>
      <c r="DC1848" s="6">
        <v>25300</v>
      </c>
      <c r="DD1848" s="6">
        <v>448</v>
      </c>
      <c r="DE1848" s="6" t="s">
        <v>598</v>
      </c>
      <c r="DF1848" s="6" t="s">
        <v>363</v>
      </c>
      <c r="DG1848" s="6" t="s">
        <v>376</v>
      </c>
      <c r="DH1848" s="6" t="s">
        <v>468</v>
      </c>
      <c r="DI1848" s="6" t="s">
        <v>575</v>
      </c>
      <c r="DJ1848" s="6">
        <v>29</v>
      </c>
      <c r="DK1848" s="6">
        <v>173</v>
      </c>
      <c r="DL1848" s="6">
        <v>8</v>
      </c>
      <c r="DM1848" s="6" t="s">
        <v>368</v>
      </c>
      <c r="DN1848" s="6">
        <v>9</v>
      </c>
      <c r="DO1848" s="6" t="s">
        <v>384</v>
      </c>
      <c r="DP1848" s="6"/>
      <c r="DQ1848" s="6"/>
    </row>
    <row r="1849" spans="1:121" x14ac:dyDescent="0.2">
      <c r="A1849" s="6" t="s">
        <v>312</v>
      </c>
      <c r="B1849" s="6" t="s">
        <v>312</v>
      </c>
      <c r="C1849" s="6" t="s">
        <v>175</v>
      </c>
      <c r="D1849" s="6" t="s">
        <v>130</v>
      </c>
      <c r="E1849" s="6" t="s">
        <v>271</v>
      </c>
      <c r="F1849" s="11">
        <v>134</v>
      </c>
      <c r="G1849" s="13">
        <v>1</v>
      </c>
      <c r="H1849" s="11">
        <v>158.84816007399999</v>
      </c>
      <c r="I1849" s="13">
        <v>1.18798682229515</v>
      </c>
      <c r="J1849" s="11">
        <v>-59.180777904999985</v>
      </c>
      <c r="K1849" s="13">
        <v>-0.20228580212789329</v>
      </c>
      <c r="L1849" s="11">
        <v>34.404660702999962</v>
      </c>
      <c r="M1849" s="13">
        <v>0.14741941718185561</v>
      </c>
      <c r="N1849" s="11">
        <v>-24.776117202000023</v>
      </c>
      <c r="O1849" s="13">
        <v>-8.46872399998959E-2</v>
      </c>
      <c r="P1849" s="7">
        <v>133.71205563300001</v>
      </c>
      <c r="Q1849" s="7">
        <v>158.39416212</v>
      </c>
      <c r="R1849" s="7">
        <v>177.56648234900001</v>
      </c>
      <c r="S1849" s="7">
        <v>202.559240426</v>
      </c>
      <c r="T1849" s="7">
        <v>230.343669178</v>
      </c>
      <c r="U1849" s="7">
        <v>237.42831458699999</v>
      </c>
      <c r="V1849" s="7">
        <v>292.560215707</v>
      </c>
      <c r="W1849" s="7">
        <v>310.21676432499999</v>
      </c>
      <c r="X1849" s="7">
        <v>305.72207959799999</v>
      </c>
      <c r="Y1849" s="7">
        <v>233.37943780200001</v>
      </c>
      <c r="Z1849" s="7">
        <v>226.831994073</v>
      </c>
      <c r="AA1849" s="7">
        <v>221.177381349</v>
      </c>
      <c r="AB1849" s="7">
        <v>208.42116234100001</v>
      </c>
      <c r="AC1849" s="7">
        <v>239.60799292900001</v>
      </c>
      <c r="AD1849" s="7">
        <v>257.02664992500002</v>
      </c>
      <c r="AE1849" s="7">
        <v>255.57977305099999</v>
      </c>
      <c r="AF1849" s="7">
        <v>267.78409850499997</v>
      </c>
      <c r="AG1849" s="9">
        <v>18264.698346900001</v>
      </c>
      <c r="AH1849" s="13">
        <v>0.71806288224810721</v>
      </c>
      <c r="AI1849" s="9">
        <v>10938.9566963</v>
      </c>
      <c r="AJ1849" s="13">
        <v>0.43005685749338352</v>
      </c>
      <c r="AK1849" s="9">
        <v>-4361.7875471000007</v>
      </c>
      <c r="AL1849" s="13">
        <v>-0.11991159433949584</v>
      </c>
      <c r="AM1849" s="9">
        <v>11687.529197700002</v>
      </c>
      <c r="AN1849" s="13">
        <v>0.36508423384690686</v>
      </c>
      <c r="AO1849" s="9">
        <v>7325.7416506000009</v>
      </c>
      <c r="AP1849" s="13">
        <v>0.20139480695861511</v>
      </c>
      <c r="AQ1849" s="9">
        <v>25436.070849</v>
      </c>
      <c r="AR1849" s="9">
        <v>26827.278099700001</v>
      </c>
      <c r="AS1849" s="9">
        <v>26936.082273200002</v>
      </c>
      <c r="AT1849" s="9">
        <v>26090.880069499999</v>
      </c>
      <c r="AU1849" s="9">
        <v>28091.3417921</v>
      </c>
      <c r="AV1849" s="9">
        <v>29180.013133299999</v>
      </c>
      <c r="AW1849" s="9">
        <v>36375.027545299999</v>
      </c>
      <c r="AX1849" s="9">
        <v>36964.143296800001</v>
      </c>
      <c r="AY1849" s="9">
        <v>36087.878360299997</v>
      </c>
      <c r="AZ1849" s="9">
        <v>32013.239998199999</v>
      </c>
      <c r="BA1849" s="9">
        <v>31643.562507800001</v>
      </c>
      <c r="BB1849" s="9">
        <v>34217.676001500004</v>
      </c>
      <c r="BC1849" s="9">
        <v>30809.0790485</v>
      </c>
      <c r="BD1849" s="9">
        <v>40562.707800900003</v>
      </c>
      <c r="BE1849" s="9">
        <v>42211.048553499997</v>
      </c>
      <c r="BF1849" s="9">
        <v>43700.7691959</v>
      </c>
      <c r="BG1849" s="11">
        <v>-2.75</v>
      </c>
      <c r="BH1849" s="13">
        <v>-0.10185185185185185</v>
      </c>
      <c r="BI1849" s="6">
        <v>3</v>
      </c>
      <c r="BJ1849" s="13">
        <v>0.1111111111111111</v>
      </c>
      <c r="BK1849" s="6">
        <v>-2</v>
      </c>
      <c r="BL1849" s="13">
        <v>-6.6666666666666666E-2</v>
      </c>
      <c r="BM1849" s="11">
        <v>-3.75</v>
      </c>
      <c r="BN1849" s="13">
        <v>-0.13392857142857142</v>
      </c>
      <c r="BO1849" s="11">
        <v>-5.75</v>
      </c>
      <c r="BP1849" s="13">
        <v>-0.19166666666666668</v>
      </c>
      <c r="BQ1849" s="6">
        <v>27</v>
      </c>
      <c r="BR1849" s="6">
        <v>27</v>
      </c>
      <c r="BS1849" s="6">
        <v>29</v>
      </c>
      <c r="BT1849" s="6">
        <v>30</v>
      </c>
      <c r="BU1849" s="6">
        <v>31</v>
      </c>
      <c r="BV1849" s="6">
        <v>31</v>
      </c>
      <c r="BW1849" s="6">
        <v>28</v>
      </c>
      <c r="BX1849" s="6">
        <v>27</v>
      </c>
      <c r="BY1849" s="6">
        <v>27</v>
      </c>
      <c r="BZ1849" s="6">
        <v>28</v>
      </c>
      <c r="CA1849" s="6">
        <v>26</v>
      </c>
      <c r="CB1849" s="6">
        <v>26</v>
      </c>
      <c r="CC1849" s="11">
        <v>24.25</v>
      </c>
      <c r="CD1849" s="11">
        <v>135.65199999999999</v>
      </c>
      <c r="CE1849" s="11">
        <v>-16.195900000000002</v>
      </c>
      <c r="CF1849" s="11">
        <v>14.616300000000001</v>
      </c>
      <c r="CG1849" s="11">
        <v>-1</v>
      </c>
      <c r="CH1849" s="20">
        <v>0.72311800000000004</v>
      </c>
      <c r="CI1849" s="20">
        <v>0.90343499999999999</v>
      </c>
      <c r="CJ1849" s="20">
        <v>1.0218400000000001</v>
      </c>
      <c r="CK1849" s="20">
        <v>0.99933499999999997</v>
      </c>
      <c r="CL1849" s="20">
        <v>1.0679399999999999</v>
      </c>
      <c r="CM1849" s="20">
        <v>1.0805100000000001</v>
      </c>
      <c r="CN1849" s="20">
        <v>1.14469</v>
      </c>
      <c r="CO1849" s="20">
        <v>1.3449199999999999</v>
      </c>
      <c r="CP1849" s="20">
        <v>1.61931</v>
      </c>
      <c r="CQ1849" s="20">
        <v>1.5100499999999999</v>
      </c>
      <c r="CR1849" s="20">
        <v>1.46905</v>
      </c>
      <c r="CS1849" s="20">
        <v>1.4291499999999999</v>
      </c>
      <c r="CT1849" s="20">
        <v>1.0103500000000001</v>
      </c>
      <c r="CU1849" s="20">
        <v>1.1436999999999999</v>
      </c>
      <c r="CV1849" s="20">
        <v>1.2224900000000001</v>
      </c>
      <c r="CW1849" s="20">
        <v>1.1997500000000001</v>
      </c>
      <c r="CX1849" s="20">
        <v>1.19245</v>
      </c>
      <c r="CY1849" s="6" t="s">
        <v>662</v>
      </c>
      <c r="CZ1849" s="6" t="s">
        <v>663</v>
      </c>
      <c r="DA1849" s="6" t="s">
        <v>130</v>
      </c>
      <c r="DB1849" s="6"/>
      <c r="DC1849" s="6">
        <v>25300</v>
      </c>
      <c r="DD1849" s="6">
        <v>448</v>
      </c>
      <c r="DE1849" s="6" t="s">
        <v>598</v>
      </c>
      <c r="DF1849" s="6" t="s">
        <v>363</v>
      </c>
      <c r="DG1849" s="6" t="s">
        <v>376</v>
      </c>
      <c r="DH1849" s="6" t="s">
        <v>468</v>
      </c>
      <c r="DI1849" s="6" t="s">
        <v>575</v>
      </c>
      <c r="DJ1849" s="6">
        <v>29</v>
      </c>
      <c r="DK1849" s="6">
        <v>173</v>
      </c>
      <c r="DL1849" s="6">
        <v>8</v>
      </c>
      <c r="DM1849" s="6" t="s">
        <v>368</v>
      </c>
      <c r="DN1849" s="6">
        <v>9</v>
      </c>
      <c r="DO1849" s="6" t="s">
        <v>384</v>
      </c>
      <c r="DP1849" s="6"/>
      <c r="DQ1849" s="6"/>
    </row>
    <row r="1850" spans="1:121" x14ac:dyDescent="0.2">
      <c r="A1850" s="6" t="s">
        <v>792</v>
      </c>
      <c r="B1850" s="6" t="s">
        <v>176</v>
      </c>
      <c r="C1850" s="6" t="s">
        <v>177</v>
      </c>
      <c r="D1850" s="6" t="s">
        <v>130</v>
      </c>
      <c r="E1850" s="6" t="s">
        <v>271</v>
      </c>
      <c r="F1850" s="11">
        <v>1083</v>
      </c>
      <c r="G1850" s="13">
        <v>1.0928355196799999</v>
      </c>
      <c r="H1850" s="11">
        <v>830.47580530900007</v>
      </c>
      <c r="I1850" s="13">
        <v>0.83793374945243915</v>
      </c>
      <c r="J1850" s="11">
        <v>-1046.917860904</v>
      </c>
      <c r="K1850" s="13">
        <v>-0.5747321010661266</v>
      </c>
      <c r="L1850" s="11">
        <v>1298.980448064</v>
      </c>
      <c r="M1850" s="13">
        <v>1.676844761461292</v>
      </c>
      <c r="N1850" s="11">
        <v>252.06258716000002</v>
      </c>
      <c r="O1850" s="13">
        <v>0.13837614747878924</v>
      </c>
      <c r="P1850" s="7">
        <v>991.09960167099996</v>
      </c>
      <c r="Q1850" s="7">
        <v>793.64924592600005</v>
      </c>
      <c r="R1850" s="7">
        <v>772.32311606400003</v>
      </c>
      <c r="S1850" s="7">
        <v>1176.9557949800001</v>
      </c>
      <c r="T1850" s="7">
        <v>1277.2121121600001</v>
      </c>
      <c r="U1850" s="7">
        <v>1255.1007668499999</v>
      </c>
      <c r="V1850" s="7">
        <v>1821.57540698</v>
      </c>
      <c r="W1850" s="7">
        <v>1665.3123430799999</v>
      </c>
      <c r="X1850" s="7">
        <v>1293.9360718299999</v>
      </c>
      <c r="Y1850" s="7">
        <v>774.65754607600002</v>
      </c>
      <c r="Z1850" s="7">
        <v>848.58821753899997</v>
      </c>
      <c r="AA1850" s="7">
        <v>896.69928850199994</v>
      </c>
      <c r="AB1850" s="7">
        <v>1904.94807057</v>
      </c>
      <c r="AC1850" s="7">
        <v>1932.012293</v>
      </c>
      <c r="AD1850" s="7">
        <v>1907.54941981</v>
      </c>
      <c r="AE1850" s="7">
        <v>1877.3182581799999</v>
      </c>
      <c r="AF1850" s="7">
        <v>2073.63799414</v>
      </c>
      <c r="AG1850" s="9">
        <v>25122.405157199995</v>
      </c>
      <c r="AH1850" s="13">
        <v>0.66256122189446365</v>
      </c>
      <c r="AI1850" s="9">
        <v>11969.245118999999</v>
      </c>
      <c r="AJ1850" s="13">
        <v>0.31566872763876952</v>
      </c>
      <c r="AK1850" s="9">
        <v>1900.5070036999969</v>
      </c>
      <c r="AL1850" s="13">
        <v>3.8096731856513598E-2</v>
      </c>
      <c r="AM1850" s="9">
        <v>11252.653034499999</v>
      </c>
      <c r="AN1850" s="13">
        <v>0.21728780408430776</v>
      </c>
      <c r="AO1850" s="9">
        <v>13153.160038199996</v>
      </c>
      <c r="AP1850" s="13">
        <v>0.26366249114871187</v>
      </c>
      <c r="AQ1850" s="9">
        <v>37917.107622700001</v>
      </c>
      <c r="AR1850" s="9">
        <v>39693.587148099999</v>
      </c>
      <c r="AS1850" s="9">
        <v>40477.053552899997</v>
      </c>
      <c r="AT1850" s="9">
        <v>40457.199337799997</v>
      </c>
      <c r="AU1850" s="9">
        <v>42450.140682899997</v>
      </c>
      <c r="AV1850" s="9">
        <v>43725.104493699997</v>
      </c>
      <c r="AW1850" s="9">
        <v>49886.3527417</v>
      </c>
      <c r="AX1850" s="9">
        <v>47925.158561700002</v>
      </c>
      <c r="AY1850" s="9">
        <v>52986.1069852</v>
      </c>
      <c r="AZ1850" s="9">
        <v>51786.859745399997</v>
      </c>
      <c r="BA1850" s="9">
        <v>51970.315994700002</v>
      </c>
      <c r="BB1850" s="9">
        <v>54059.886715300003</v>
      </c>
      <c r="BC1850" s="9">
        <v>58955.025230500003</v>
      </c>
      <c r="BD1850" s="9">
        <v>62210.128352200001</v>
      </c>
      <c r="BE1850" s="9">
        <v>59588.198183300003</v>
      </c>
      <c r="BF1850" s="9">
        <v>63039.512779899997</v>
      </c>
      <c r="BG1850" s="11">
        <v>-1</v>
      </c>
      <c r="BH1850" s="13">
        <v>-5.2631578947368418E-2</v>
      </c>
      <c r="BI1850" s="6">
        <v>1</v>
      </c>
      <c r="BJ1850" s="13">
        <v>5.2631578947368418E-2</v>
      </c>
      <c r="BK1850" s="6">
        <v>-2</v>
      </c>
      <c r="BL1850" s="13">
        <v>-0.1</v>
      </c>
      <c r="BM1850" s="11">
        <v>0</v>
      </c>
      <c r="BN1850" s="13">
        <v>0</v>
      </c>
      <c r="BO1850" s="11">
        <v>-2</v>
      </c>
      <c r="BP1850" s="13">
        <v>-0.1</v>
      </c>
      <c r="BQ1850" s="6">
        <v>19</v>
      </c>
      <c r="BR1850" s="6">
        <v>17</v>
      </c>
      <c r="BS1850" s="6">
        <v>19</v>
      </c>
      <c r="BT1850" s="6">
        <v>20</v>
      </c>
      <c r="BU1850" s="6">
        <v>19</v>
      </c>
      <c r="BV1850" s="6">
        <v>19</v>
      </c>
      <c r="BW1850" s="6">
        <v>18</v>
      </c>
      <c r="BX1850" s="6">
        <v>16</v>
      </c>
      <c r="BY1850" s="6">
        <v>15</v>
      </c>
      <c r="BZ1850" s="6">
        <v>17</v>
      </c>
      <c r="CA1850" s="6">
        <v>16</v>
      </c>
      <c r="CB1850" s="6">
        <v>18</v>
      </c>
      <c r="CC1850" s="11">
        <v>18</v>
      </c>
      <c r="CD1850" s="11">
        <v>1324.04</v>
      </c>
      <c r="CE1850" s="11">
        <v>-349.83600000000001</v>
      </c>
      <c r="CF1850" s="11">
        <v>108.339</v>
      </c>
      <c r="CG1850" s="11">
        <v>-242</v>
      </c>
      <c r="CH1850" s="20">
        <v>2.7997000000000001</v>
      </c>
      <c r="CI1850" s="20">
        <v>2.5268199999999998</v>
      </c>
      <c r="CJ1850" s="20">
        <v>2.6519599999999999</v>
      </c>
      <c r="CK1850" s="20">
        <v>3.6697199999999999</v>
      </c>
      <c r="CL1850" s="20">
        <v>3.9407999999999999</v>
      </c>
      <c r="CM1850" s="20">
        <v>3.9843000000000002</v>
      </c>
      <c r="CN1850" s="20">
        <v>5.0332999999999997</v>
      </c>
      <c r="CO1850" s="20">
        <v>4.9885599999999997</v>
      </c>
      <c r="CP1850" s="20">
        <v>4.6655699999999998</v>
      </c>
      <c r="CQ1850" s="20">
        <v>3.2278799999999999</v>
      </c>
      <c r="CR1850" s="20">
        <v>3.43384</v>
      </c>
      <c r="CS1850" s="20">
        <v>3.5942400000000001</v>
      </c>
      <c r="CT1850" s="20">
        <v>5.8186499999999999</v>
      </c>
      <c r="CU1850" s="20">
        <v>5.9531200000000002</v>
      </c>
      <c r="CV1850" s="20">
        <v>6.02095</v>
      </c>
      <c r="CW1850" s="20">
        <v>5.9757899999999999</v>
      </c>
      <c r="CX1850" s="20">
        <v>6.3018799999999997</v>
      </c>
      <c r="CY1850" s="6" t="s">
        <v>662</v>
      </c>
      <c r="CZ1850" s="6" t="s">
        <v>663</v>
      </c>
      <c r="DA1850" s="6" t="s">
        <v>130</v>
      </c>
      <c r="DB1850" s="6"/>
      <c r="DC1850" s="6">
        <v>25300</v>
      </c>
      <c r="DD1850" s="6">
        <v>448</v>
      </c>
      <c r="DE1850" s="6" t="s">
        <v>598</v>
      </c>
      <c r="DF1850" s="6" t="s">
        <v>363</v>
      </c>
      <c r="DG1850" s="6" t="s">
        <v>376</v>
      </c>
      <c r="DH1850" s="6" t="s">
        <v>468</v>
      </c>
      <c r="DI1850" s="6" t="s">
        <v>575</v>
      </c>
      <c r="DJ1850" s="6">
        <v>29</v>
      </c>
      <c r="DK1850" s="6">
        <v>173</v>
      </c>
      <c r="DL1850" s="6">
        <v>8</v>
      </c>
      <c r="DM1850" s="6" t="s">
        <v>368</v>
      </c>
      <c r="DN1850" s="6">
        <v>9</v>
      </c>
      <c r="DO1850" s="6" t="s">
        <v>384</v>
      </c>
      <c r="DP1850" s="6"/>
      <c r="DQ1850" s="6"/>
    </row>
    <row r="1851" spans="1:121" x14ac:dyDescent="0.2">
      <c r="A1851" s="6" t="s">
        <v>313</v>
      </c>
      <c r="B1851" s="6" t="s">
        <v>313</v>
      </c>
      <c r="C1851" s="6" t="s">
        <v>178</v>
      </c>
      <c r="D1851" s="6" t="s">
        <v>130</v>
      </c>
      <c r="E1851" s="6" t="s">
        <v>271</v>
      </c>
      <c r="F1851" s="11">
        <v>67</v>
      </c>
      <c r="G1851" s="13">
        <v>0.55833333333299995</v>
      </c>
      <c r="H1851" s="11">
        <v>44.288957949999997</v>
      </c>
      <c r="I1851" s="13">
        <v>0.3677240858418217</v>
      </c>
      <c r="J1851" s="11">
        <v>42.206451049000009</v>
      </c>
      <c r="K1851" s="13">
        <v>0.25621641822665431</v>
      </c>
      <c r="L1851" s="11">
        <v>-19.728966608999997</v>
      </c>
      <c r="M1851" s="13">
        <v>-9.5338429264216193E-2</v>
      </c>
      <c r="N1851" s="11">
        <v>22.477484440000012</v>
      </c>
      <c r="O1851" s="13">
        <v>0.13645071809700535</v>
      </c>
      <c r="P1851" s="7">
        <v>120.440731666</v>
      </c>
      <c r="Q1851" s="7">
        <v>131.666124</v>
      </c>
      <c r="R1851" s="7">
        <v>120.445262114</v>
      </c>
      <c r="S1851" s="7">
        <v>123.097979149</v>
      </c>
      <c r="T1851" s="7">
        <v>141.622187467</v>
      </c>
      <c r="U1851" s="7">
        <v>195.57787851399999</v>
      </c>
      <c r="V1851" s="7">
        <v>164.729689616</v>
      </c>
      <c r="W1851" s="7">
        <v>169.06249904699999</v>
      </c>
      <c r="X1851" s="7">
        <v>160.046162471</v>
      </c>
      <c r="Y1851" s="7">
        <v>206.93614066500001</v>
      </c>
      <c r="Z1851" s="7">
        <v>205.31083991400001</v>
      </c>
      <c r="AA1851" s="7">
        <v>191.08875018000001</v>
      </c>
      <c r="AB1851" s="7">
        <v>183.93333860199999</v>
      </c>
      <c r="AC1851" s="7">
        <v>187.56617922000001</v>
      </c>
      <c r="AD1851" s="7">
        <v>188.42901904999999</v>
      </c>
      <c r="AE1851" s="7">
        <v>180.864749085</v>
      </c>
      <c r="AF1851" s="7">
        <v>187.20717405600001</v>
      </c>
      <c r="AG1851" s="9">
        <v>21515.444512500006</v>
      </c>
      <c r="AH1851" s="13">
        <v>0.59628236144298341</v>
      </c>
      <c r="AI1851" s="9">
        <v>7472.2326090999995</v>
      </c>
      <c r="AJ1851" s="13">
        <v>0.20708661179725241</v>
      </c>
      <c r="AK1851" s="9">
        <v>4752.1309936000034</v>
      </c>
      <c r="AL1851" s="13">
        <v>0.10910674765172156</v>
      </c>
      <c r="AM1851" s="9">
        <v>9291.0809098000027</v>
      </c>
      <c r="AN1851" s="13">
        <v>0.19233401655095775</v>
      </c>
      <c r="AO1851" s="9">
        <v>14043.211903400006</v>
      </c>
      <c r="AP1851" s="13">
        <v>0.32242570321134673</v>
      </c>
      <c r="AQ1851" s="9">
        <v>36082.644571999997</v>
      </c>
      <c r="AR1851" s="9">
        <v>38486.377766999998</v>
      </c>
      <c r="AS1851" s="9">
        <v>39632.521437399999</v>
      </c>
      <c r="AT1851" s="9">
        <v>41306.505268699999</v>
      </c>
      <c r="AU1851" s="9">
        <v>39631.138604200001</v>
      </c>
      <c r="AV1851" s="9">
        <v>42478.874586700003</v>
      </c>
      <c r="AW1851" s="9">
        <v>43554.877181099997</v>
      </c>
      <c r="AX1851" s="9">
        <v>46350.172863100001</v>
      </c>
      <c r="AY1851" s="9">
        <v>47684.315954600002</v>
      </c>
      <c r="AZ1851" s="9">
        <v>48307.0081747</v>
      </c>
      <c r="BA1851" s="9">
        <v>49429.9760924</v>
      </c>
      <c r="BB1851" s="9">
        <v>50892.990253000004</v>
      </c>
      <c r="BC1851" s="9">
        <v>52173.7316249</v>
      </c>
      <c r="BD1851" s="9">
        <v>52387.646408100001</v>
      </c>
      <c r="BE1851" s="9">
        <v>55606.063219299998</v>
      </c>
      <c r="BF1851" s="9">
        <v>57598.089084500003</v>
      </c>
      <c r="BG1851" s="11">
        <v>4.25</v>
      </c>
      <c r="BH1851" s="13">
        <v>0.30357142857142855</v>
      </c>
      <c r="BI1851" s="6">
        <v>0</v>
      </c>
      <c r="BJ1851" s="13">
        <v>0</v>
      </c>
      <c r="BK1851" s="6">
        <v>4</v>
      </c>
      <c r="BL1851" s="13">
        <v>0.2857142857142857</v>
      </c>
      <c r="BM1851" s="11">
        <v>0.25</v>
      </c>
      <c r="BN1851" s="13">
        <v>1.3888888888888888E-2</v>
      </c>
      <c r="BO1851" s="11">
        <v>4.25</v>
      </c>
      <c r="BP1851" s="13">
        <v>0.30357142857142855</v>
      </c>
      <c r="BQ1851" s="6">
        <v>14</v>
      </c>
      <c r="BR1851" s="6">
        <v>12</v>
      </c>
      <c r="BS1851" s="6">
        <v>14</v>
      </c>
      <c r="BT1851" s="6">
        <v>14</v>
      </c>
      <c r="BU1851" s="6">
        <v>15</v>
      </c>
      <c r="BV1851" s="6">
        <v>16</v>
      </c>
      <c r="BW1851" s="6">
        <v>18</v>
      </c>
      <c r="BX1851" s="6">
        <v>19</v>
      </c>
      <c r="BY1851" s="6">
        <v>18</v>
      </c>
      <c r="BZ1851" s="6">
        <v>18</v>
      </c>
      <c r="CA1851" s="6">
        <v>19</v>
      </c>
      <c r="CB1851" s="6">
        <v>19</v>
      </c>
      <c r="CC1851" s="11">
        <v>18.25</v>
      </c>
      <c r="CD1851" s="11">
        <v>63.448999999999998</v>
      </c>
      <c r="CE1851" s="11">
        <v>-9.8481400000000008</v>
      </c>
      <c r="CF1851" s="11">
        <v>13.1656</v>
      </c>
      <c r="CG1851" s="11">
        <v>3</v>
      </c>
      <c r="CH1851" s="20">
        <v>0.95547800000000005</v>
      </c>
      <c r="CI1851" s="20">
        <v>1.1181099999999999</v>
      </c>
      <c r="CJ1851" s="20">
        <v>1.0544899999999999</v>
      </c>
      <c r="CK1851" s="20">
        <v>0.95544799999999996</v>
      </c>
      <c r="CL1851" s="20">
        <v>1.0619700000000001</v>
      </c>
      <c r="CM1851" s="20">
        <v>1.4680800000000001</v>
      </c>
      <c r="CN1851" s="20">
        <v>1.0382</v>
      </c>
      <c r="CO1851" s="20">
        <v>1.1255299999999999</v>
      </c>
      <c r="CP1851" s="20">
        <v>1.2123600000000001</v>
      </c>
      <c r="CQ1851" s="20">
        <v>1.79345</v>
      </c>
      <c r="CR1851" s="20">
        <v>1.7355700000000001</v>
      </c>
      <c r="CS1851" s="20">
        <v>1.5982099999999999</v>
      </c>
      <c r="CT1851" s="20">
        <v>1.1656500000000001</v>
      </c>
      <c r="CU1851" s="20">
        <v>1.20061</v>
      </c>
      <c r="CV1851" s="20">
        <v>1.2363200000000001</v>
      </c>
      <c r="CW1851" s="20">
        <v>1.1998500000000001</v>
      </c>
      <c r="CX1851" s="20">
        <v>1.17605</v>
      </c>
      <c r="CY1851" s="6" t="s">
        <v>662</v>
      </c>
      <c r="CZ1851" s="6" t="s">
        <v>663</v>
      </c>
      <c r="DA1851" s="6" t="s">
        <v>130</v>
      </c>
      <c r="DB1851" s="6"/>
      <c r="DC1851" s="6">
        <v>25300</v>
      </c>
      <c r="DD1851" s="6">
        <v>448</v>
      </c>
      <c r="DE1851" s="6" t="s">
        <v>598</v>
      </c>
      <c r="DF1851" s="6" t="s">
        <v>363</v>
      </c>
      <c r="DG1851" s="6" t="s">
        <v>376</v>
      </c>
      <c r="DH1851" s="6" t="s">
        <v>468</v>
      </c>
      <c r="DI1851" s="6" t="s">
        <v>575</v>
      </c>
      <c r="DJ1851" s="6">
        <v>29</v>
      </c>
      <c r="DK1851" s="6">
        <v>173</v>
      </c>
      <c r="DL1851" s="6">
        <v>8</v>
      </c>
      <c r="DM1851" s="6" t="s">
        <v>368</v>
      </c>
      <c r="DN1851" s="6">
        <v>9</v>
      </c>
      <c r="DO1851" s="6" t="s">
        <v>384</v>
      </c>
      <c r="DP1851" s="6"/>
      <c r="DQ1851" s="6"/>
    </row>
    <row r="1852" spans="1:121" x14ac:dyDescent="0.2">
      <c r="A1852" s="6" t="s">
        <v>793</v>
      </c>
      <c r="B1852" s="6" t="s">
        <v>179</v>
      </c>
      <c r="C1852" s="6" t="s">
        <v>180</v>
      </c>
      <c r="D1852" s="6" t="s">
        <v>130</v>
      </c>
      <c r="E1852" s="6" t="s">
        <v>271</v>
      </c>
      <c r="F1852" s="11">
        <v>-7</v>
      </c>
      <c r="G1852" s="13">
        <v>-0.02</v>
      </c>
      <c r="H1852" s="11">
        <v>-26</v>
      </c>
      <c r="I1852" s="13">
        <v>-8.387096774193549E-2</v>
      </c>
      <c r="J1852" s="11">
        <v>-24</v>
      </c>
      <c r="K1852" s="13">
        <v>-8.4507042253521125E-2</v>
      </c>
      <c r="L1852" s="11">
        <v>43</v>
      </c>
      <c r="M1852" s="13">
        <v>0.16538461538461538</v>
      </c>
      <c r="N1852" s="11">
        <v>19</v>
      </c>
      <c r="O1852" s="13">
        <v>6.6901408450704219E-2</v>
      </c>
      <c r="P1852" s="7">
        <v>310</v>
      </c>
      <c r="Q1852" s="7">
        <v>315</v>
      </c>
      <c r="R1852" s="7">
        <v>306</v>
      </c>
      <c r="S1852" s="7">
        <v>300</v>
      </c>
      <c r="T1852" s="7">
        <v>304</v>
      </c>
      <c r="U1852" s="7">
        <v>247</v>
      </c>
      <c r="V1852" s="7">
        <v>284</v>
      </c>
      <c r="W1852" s="7">
        <v>291</v>
      </c>
      <c r="X1852" s="7">
        <v>295</v>
      </c>
      <c r="Y1852" s="7">
        <v>260</v>
      </c>
      <c r="Z1852" s="7">
        <v>243</v>
      </c>
      <c r="AA1852" s="7">
        <v>238</v>
      </c>
      <c r="AB1852" s="7">
        <v>304</v>
      </c>
      <c r="AC1852" s="7">
        <v>298</v>
      </c>
      <c r="AD1852" s="7">
        <v>275</v>
      </c>
      <c r="AE1852" s="7">
        <v>292</v>
      </c>
      <c r="AF1852" s="7">
        <v>303</v>
      </c>
      <c r="AG1852" s="9">
        <v>5987</v>
      </c>
      <c r="AH1852" s="13">
        <v>0.35983892294746966</v>
      </c>
      <c r="AI1852" s="9">
        <v>2945</v>
      </c>
      <c r="AJ1852" s="13">
        <v>0.17700444764995793</v>
      </c>
      <c r="AK1852" s="9">
        <v>4173</v>
      </c>
      <c r="AL1852" s="13">
        <v>0.21309298881683092</v>
      </c>
      <c r="AM1852" s="9">
        <v>-1131</v>
      </c>
      <c r="AN1852" s="13">
        <v>-4.7609025088398718E-2</v>
      </c>
      <c r="AO1852" s="9">
        <v>3042</v>
      </c>
      <c r="AP1852" s="13">
        <v>0.15533881427768984</v>
      </c>
      <c r="AQ1852" s="9">
        <v>16638</v>
      </c>
      <c r="AR1852" s="9">
        <v>18588</v>
      </c>
      <c r="AS1852" s="9">
        <v>19285</v>
      </c>
      <c r="AT1852" s="9">
        <v>20865</v>
      </c>
      <c r="AU1852" s="9">
        <v>22042</v>
      </c>
      <c r="AV1852" s="9">
        <v>17828</v>
      </c>
      <c r="AW1852" s="9">
        <v>19583</v>
      </c>
      <c r="AX1852" s="9">
        <v>21026</v>
      </c>
      <c r="AY1852" s="9">
        <v>24103</v>
      </c>
      <c r="AZ1852" s="9">
        <v>23756</v>
      </c>
      <c r="BA1852" s="9">
        <v>24718</v>
      </c>
      <c r="BB1852" s="9">
        <v>24560</v>
      </c>
      <c r="BC1852" s="9">
        <v>22924</v>
      </c>
      <c r="BD1852" s="9">
        <v>24269</v>
      </c>
      <c r="BE1852" s="9">
        <v>21357</v>
      </c>
      <c r="BF1852" s="9">
        <v>22625</v>
      </c>
      <c r="BG1852" s="11">
        <v>-1</v>
      </c>
      <c r="BH1852" s="13">
        <v>-2.9411764705882353E-2</v>
      </c>
      <c r="BI1852" s="6">
        <v>-4</v>
      </c>
      <c r="BJ1852" s="13">
        <v>-0.11764705882352941</v>
      </c>
      <c r="BK1852" s="6">
        <v>1</v>
      </c>
      <c r="BL1852" s="13">
        <v>3.3333333333333333E-2</v>
      </c>
      <c r="BM1852" s="11">
        <v>2</v>
      </c>
      <c r="BN1852" s="13">
        <v>6.4516129032258063E-2</v>
      </c>
      <c r="BO1852" s="11">
        <v>3</v>
      </c>
      <c r="BP1852" s="13">
        <v>0.1</v>
      </c>
      <c r="BQ1852" s="6">
        <v>34</v>
      </c>
      <c r="BR1852" s="6">
        <v>36</v>
      </c>
      <c r="BS1852" s="6">
        <v>33</v>
      </c>
      <c r="BT1852" s="6">
        <v>30</v>
      </c>
      <c r="BU1852" s="6">
        <v>31</v>
      </c>
      <c r="BV1852" s="6">
        <v>32</v>
      </c>
      <c r="BW1852" s="6">
        <v>31</v>
      </c>
      <c r="BX1852" s="6">
        <v>33</v>
      </c>
      <c r="BY1852" s="6">
        <v>34</v>
      </c>
      <c r="BZ1852" s="6">
        <v>35</v>
      </c>
      <c r="CA1852" s="6">
        <v>34</v>
      </c>
      <c r="CB1852" s="6">
        <v>32</v>
      </c>
      <c r="CC1852" s="11">
        <v>33</v>
      </c>
      <c r="CD1852" s="11">
        <v>-20</v>
      </c>
      <c r="CE1852" s="11">
        <v>-20</v>
      </c>
      <c r="CF1852" s="11">
        <v>34</v>
      </c>
      <c r="CG1852" s="11">
        <v>14</v>
      </c>
      <c r="CH1852" s="20">
        <v>0.92</v>
      </c>
      <c r="CI1852" s="20">
        <v>0.98</v>
      </c>
      <c r="CJ1852" s="20">
        <v>0.99</v>
      </c>
      <c r="CK1852" s="20">
        <v>0.86</v>
      </c>
      <c r="CL1852" s="20">
        <v>0.85</v>
      </c>
      <c r="CM1852" s="20">
        <v>0.7</v>
      </c>
      <c r="CN1852" s="20">
        <v>0.68</v>
      </c>
      <c r="CO1852" s="20">
        <v>0.74</v>
      </c>
      <c r="CP1852" s="20">
        <v>0.84</v>
      </c>
      <c r="CQ1852" s="20">
        <v>0.84</v>
      </c>
      <c r="CR1852" s="20">
        <v>0.76</v>
      </c>
      <c r="CS1852" s="20">
        <v>0.75</v>
      </c>
      <c r="CT1852" s="20">
        <v>0.72</v>
      </c>
      <c r="CU1852" s="20">
        <v>0.71</v>
      </c>
      <c r="CV1852" s="20">
        <v>0.67</v>
      </c>
      <c r="CW1852" s="20">
        <v>0.71</v>
      </c>
      <c r="CX1852" s="20">
        <v>0.7</v>
      </c>
      <c r="CY1852" s="6" t="s">
        <v>662</v>
      </c>
      <c r="CZ1852" s="6" t="s">
        <v>663</v>
      </c>
      <c r="DA1852" s="6" t="s">
        <v>130</v>
      </c>
      <c r="DB1852" s="6"/>
      <c r="DC1852" s="6">
        <v>25300</v>
      </c>
      <c r="DD1852" s="6">
        <v>448</v>
      </c>
      <c r="DE1852" s="6" t="s">
        <v>598</v>
      </c>
      <c r="DF1852" s="6" t="s">
        <v>363</v>
      </c>
      <c r="DG1852" s="6" t="s">
        <v>376</v>
      </c>
      <c r="DH1852" s="6" t="s">
        <v>468</v>
      </c>
      <c r="DI1852" s="6" t="s">
        <v>575</v>
      </c>
      <c r="DJ1852" s="6">
        <v>29</v>
      </c>
      <c r="DK1852" s="6">
        <v>173</v>
      </c>
      <c r="DL1852" s="6">
        <v>8</v>
      </c>
      <c r="DM1852" s="6" t="s">
        <v>368</v>
      </c>
      <c r="DN1852" s="6">
        <v>9</v>
      </c>
      <c r="DO1852" s="6" t="s">
        <v>384</v>
      </c>
      <c r="DP1852" s="6"/>
      <c r="DQ1852" s="6"/>
    </row>
    <row r="1853" spans="1:121" x14ac:dyDescent="0.2">
      <c r="A1853" s="6" t="s">
        <v>794</v>
      </c>
      <c r="B1853" s="6" t="s">
        <v>181</v>
      </c>
      <c r="C1853" s="6" t="s">
        <v>182</v>
      </c>
      <c r="D1853" s="6" t="s">
        <v>130</v>
      </c>
      <c r="E1853" s="6" t="s">
        <v>271</v>
      </c>
      <c r="F1853" s="11">
        <v>-11</v>
      </c>
      <c r="G1853" s="13">
        <v>-9.9099099099100002E-2</v>
      </c>
      <c r="H1853" s="11">
        <v>-11.188657987000013</v>
      </c>
      <c r="I1853" s="13">
        <v>-0.1004502835035193</v>
      </c>
      <c r="J1853" s="11">
        <v>32.884923184000016</v>
      </c>
      <c r="K1853" s="13">
        <v>0.32820472486262192</v>
      </c>
      <c r="L1853" s="11">
        <v>-32.914414391000008</v>
      </c>
      <c r="M1853" s="13">
        <v>-0.24732562141170447</v>
      </c>
      <c r="N1853" s="11">
        <v>-2.9491206999992414E-2</v>
      </c>
      <c r="O1853" s="13">
        <v>-2.9433407598800413E-4</v>
      </c>
      <c r="P1853" s="7">
        <v>111.38503144800001</v>
      </c>
      <c r="Q1853" s="7">
        <v>105.925252915</v>
      </c>
      <c r="R1853" s="7">
        <v>82.430147145600003</v>
      </c>
      <c r="S1853" s="7">
        <v>90.307562492900004</v>
      </c>
      <c r="T1853" s="7">
        <v>98.689811481199996</v>
      </c>
      <c r="U1853" s="7">
        <v>96.848350021499996</v>
      </c>
      <c r="V1853" s="7">
        <v>100.19637346099999</v>
      </c>
      <c r="W1853" s="7">
        <v>109.366311389</v>
      </c>
      <c r="X1853" s="7">
        <v>121.552739109</v>
      </c>
      <c r="Y1853" s="7">
        <v>133.08129664500001</v>
      </c>
      <c r="Z1853" s="7">
        <v>131.606980308</v>
      </c>
      <c r="AA1853" s="7">
        <v>130.569213104</v>
      </c>
      <c r="AB1853" s="7">
        <v>126.55318010800001</v>
      </c>
      <c r="AC1853" s="7">
        <v>99.333622760099999</v>
      </c>
      <c r="AD1853" s="7">
        <v>97.795081854800003</v>
      </c>
      <c r="AE1853" s="7">
        <v>97.819000577500006</v>
      </c>
      <c r="AF1853" s="7">
        <v>100.166882254</v>
      </c>
      <c r="AG1853" s="9">
        <v>16160.901251500003</v>
      </c>
      <c r="AH1853" s="13">
        <v>0.51846771810654635</v>
      </c>
      <c r="AI1853" s="9">
        <v>12607.135147199999</v>
      </c>
      <c r="AJ1853" s="13">
        <v>0.4044571827962215</v>
      </c>
      <c r="AK1853" s="9">
        <v>-2515.4036497999987</v>
      </c>
      <c r="AL1853" s="13">
        <v>-5.7458637996328624E-2</v>
      </c>
      <c r="AM1853" s="9">
        <v>6069.169754100003</v>
      </c>
      <c r="AN1853" s="13">
        <v>0.14708775103681773</v>
      </c>
      <c r="AO1853" s="9">
        <v>3553.7661043000044</v>
      </c>
      <c r="AP1853" s="13">
        <v>8.1177651199970474E-2</v>
      </c>
      <c r="AQ1853" s="9">
        <v>31170.5062574</v>
      </c>
      <c r="AR1853" s="9">
        <v>35504.076841100003</v>
      </c>
      <c r="AS1853" s="9">
        <v>33726.993209599997</v>
      </c>
      <c r="AT1853" s="9">
        <v>35432.1289645</v>
      </c>
      <c r="AU1853" s="9">
        <v>39801.406294100001</v>
      </c>
      <c r="AV1853" s="9">
        <v>45994.957344000002</v>
      </c>
      <c r="AW1853" s="9">
        <v>43777.641404599999</v>
      </c>
      <c r="AX1853" s="9">
        <v>45850.992175899999</v>
      </c>
      <c r="AY1853" s="9">
        <v>37188.151662900003</v>
      </c>
      <c r="AZ1853" s="9">
        <v>41262.2377548</v>
      </c>
      <c r="BA1853" s="9">
        <v>44431.378300199998</v>
      </c>
      <c r="BB1853" s="9">
        <v>47032.220457700001</v>
      </c>
      <c r="BC1853" s="9">
        <v>56178.307392299997</v>
      </c>
      <c r="BD1853" s="9">
        <v>49932.214060699996</v>
      </c>
      <c r="BE1853" s="9">
        <v>49573.789040700001</v>
      </c>
      <c r="BF1853" s="9">
        <v>47331.407508900003</v>
      </c>
      <c r="BG1853" s="11">
        <v>-4.75</v>
      </c>
      <c r="BH1853" s="13">
        <v>-0.31666666666666665</v>
      </c>
      <c r="BI1853" s="6">
        <v>0</v>
      </c>
      <c r="BJ1853" s="13">
        <v>0</v>
      </c>
      <c r="BK1853" s="6">
        <v>0</v>
      </c>
      <c r="BL1853" s="13">
        <v>0</v>
      </c>
      <c r="BM1853" s="11">
        <v>-4.75</v>
      </c>
      <c r="BN1853" s="13">
        <v>-0.31666666666666665</v>
      </c>
      <c r="BO1853" s="11">
        <v>-4.75</v>
      </c>
      <c r="BP1853" s="13">
        <v>-0.31666666666666665</v>
      </c>
      <c r="BQ1853" s="6">
        <v>15</v>
      </c>
      <c r="BR1853" s="6">
        <v>15</v>
      </c>
      <c r="BS1853" s="6">
        <v>15</v>
      </c>
      <c r="BT1853" s="6">
        <v>15</v>
      </c>
      <c r="BU1853" s="6">
        <v>14</v>
      </c>
      <c r="BV1853" s="6">
        <v>14</v>
      </c>
      <c r="BW1853" s="6">
        <v>15</v>
      </c>
      <c r="BX1853" s="6">
        <v>15</v>
      </c>
      <c r="BY1853" s="6">
        <v>14</v>
      </c>
      <c r="BZ1853" s="6">
        <v>11</v>
      </c>
      <c r="CA1853" s="6">
        <v>10</v>
      </c>
      <c r="CB1853" s="6">
        <v>11</v>
      </c>
      <c r="CC1853" s="11">
        <v>10.25</v>
      </c>
      <c r="CD1853" s="11">
        <v>-30.4145</v>
      </c>
      <c r="CE1853" s="11">
        <v>7.0206400000000002</v>
      </c>
      <c r="CF1853" s="11">
        <v>12.175700000000001</v>
      </c>
      <c r="CG1853" s="11">
        <v>19</v>
      </c>
      <c r="CH1853" s="20">
        <v>1.11626</v>
      </c>
      <c r="CI1853" s="20">
        <v>1.1459699999999999</v>
      </c>
      <c r="CJ1853" s="20">
        <v>0.92132599999999998</v>
      </c>
      <c r="CK1853" s="20">
        <v>0.886239</v>
      </c>
      <c r="CL1853" s="20">
        <v>0.93006800000000001</v>
      </c>
      <c r="CM1853" s="20">
        <v>0.91103000000000001</v>
      </c>
      <c r="CN1853" s="20">
        <v>0.78965200000000002</v>
      </c>
      <c r="CO1853" s="20">
        <v>0.91057399999999999</v>
      </c>
      <c r="CP1853" s="20">
        <v>1.1481699999999999</v>
      </c>
      <c r="CQ1853" s="20">
        <v>1.42954</v>
      </c>
      <c r="CR1853" s="20">
        <v>1.36104</v>
      </c>
      <c r="CS1853" s="20">
        <v>1.33077</v>
      </c>
      <c r="CT1853" s="20">
        <v>0.97147300000000003</v>
      </c>
      <c r="CU1853" s="20">
        <v>0.75301600000000002</v>
      </c>
      <c r="CV1853" s="20">
        <v>0.73389300000000002</v>
      </c>
      <c r="CW1853" s="20">
        <v>0.72323599999999999</v>
      </c>
      <c r="CX1853" s="20">
        <v>0.69673200000000002</v>
      </c>
      <c r="CY1853" s="6" t="s">
        <v>662</v>
      </c>
      <c r="CZ1853" s="6" t="s">
        <v>663</v>
      </c>
      <c r="DA1853" s="6" t="s">
        <v>130</v>
      </c>
      <c r="DB1853" s="6"/>
      <c r="DC1853" s="6">
        <v>25300</v>
      </c>
      <c r="DD1853" s="6">
        <v>448</v>
      </c>
      <c r="DE1853" s="6" t="s">
        <v>598</v>
      </c>
      <c r="DF1853" s="6" t="s">
        <v>363</v>
      </c>
      <c r="DG1853" s="6" t="s">
        <v>376</v>
      </c>
      <c r="DH1853" s="6" t="s">
        <v>468</v>
      </c>
      <c r="DI1853" s="6" t="s">
        <v>575</v>
      </c>
      <c r="DJ1853" s="6">
        <v>29</v>
      </c>
      <c r="DK1853" s="6">
        <v>173</v>
      </c>
      <c r="DL1853" s="6">
        <v>8</v>
      </c>
      <c r="DM1853" s="6" t="s">
        <v>368</v>
      </c>
      <c r="DN1853" s="6">
        <v>9</v>
      </c>
      <c r="DO1853" s="6" t="s">
        <v>384</v>
      </c>
      <c r="DP1853" s="6"/>
      <c r="DQ1853" s="6"/>
    </row>
    <row r="1854" spans="1:121" x14ac:dyDescent="0.2">
      <c r="A1854" s="6" t="s">
        <v>314</v>
      </c>
      <c r="B1854" s="6" t="s">
        <v>314</v>
      </c>
      <c r="C1854" s="6" t="s">
        <v>183</v>
      </c>
      <c r="D1854" s="6" t="s">
        <v>130</v>
      </c>
      <c r="E1854" s="6" t="s">
        <v>271</v>
      </c>
      <c r="F1854" s="11">
        <v>1</v>
      </c>
      <c r="G1854" s="13">
        <v>1</v>
      </c>
      <c r="H1854" s="11">
        <v>5.7779660396000008</v>
      </c>
      <c r="I1854" s="13">
        <v>1.1555932079200002</v>
      </c>
      <c r="J1854" s="11">
        <v>-5.7779660396000008</v>
      </c>
      <c r="K1854" s="13">
        <v>-0.53609057760720469</v>
      </c>
      <c r="L1854" s="11">
        <v>0</v>
      </c>
      <c r="M1854" s="13">
        <v>0</v>
      </c>
      <c r="N1854" s="11">
        <v>-5.7779660396000008</v>
      </c>
      <c r="O1854" s="13">
        <v>-0.53609057760720469</v>
      </c>
      <c r="P1854" s="7">
        <v>5</v>
      </c>
      <c r="Q1854" s="7">
        <v>11.972814213099999</v>
      </c>
      <c r="R1854" s="7">
        <v>10.7144746759</v>
      </c>
      <c r="S1854" s="7">
        <v>12.2511078645</v>
      </c>
      <c r="T1854" s="7">
        <v>11.620196225400001</v>
      </c>
      <c r="U1854" s="7">
        <v>10.104530271</v>
      </c>
      <c r="V1854" s="7">
        <v>10.777966039600001</v>
      </c>
      <c r="W1854" s="7">
        <v>5</v>
      </c>
      <c r="X1854" s="7">
        <v>5</v>
      </c>
      <c r="Y1854" s="7">
        <v>5</v>
      </c>
      <c r="Z1854" s="7">
        <v>5</v>
      </c>
      <c r="AA1854" s="7">
        <v>5</v>
      </c>
      <c r="AB1854" s="7">
        <v>5</v>
      </c>
      <c r="AC1854" s="7">
        <v>5</v>
      </c>
      <c r="AD1854" s="7">
        <v>5</v>
      </c>
      <c r="AE1854" s="7">
        <v>5</v>
      </c>
      <c r="AF1854" s="7">
        <v>5</v>
      </c>
      <c r="AG1854" s="9">
        <v>0</v>
      </c>
      <c r="AH1854" s="13">
        <v>0</v>
      </c>
      <c r="AI1854" s="9">
        <v>29277.564350699999</v>
      </c>
      <c r="AJ1854" s="13">
        <v>29277.564350699999</v>
      </c>
      <c r="AK1854" s="9">
        <v>-29277.564350699999</v>
      </c>
      <c r="AL1854" s="13">
        <v>-0.9999658453198722</v>
      </c>
      <c r="AM1854" s="9">
        <v>0</v>
      </c>
      <c r="AN1854" s="13">
        <v>0</v>
      </c>
      <c r="AO1854" s="9">
        <v>-29277.564350699999</v>
      </c>
      <c r="AP1854" s="13">
        <v>-0.9999658453198722</v>
      </c>
      <c r="AQ1854" s="9">
        <v>1</v>
      </c>
      <c r="AR1854" s="9">
        <v>33330.406159300001</v>
      </c>
      <c r="AS1854" s="9">
        <v>38719.168559500002</v>
      </c>
      <c r="AT1854" s="9">
        <v>39856.406271699998</v>
      </c>
      <c r="AU1854" s="9">
        <v>27848.7622261</v>
      </c>
      <c r="AV1854" s="9">
        <v>30314.571649900001</v>
      </c>
      <c r="AW1854" s="9">
        <v>29278.564350699999</v>
      </c>
      <c r="AX1854" s="9">
        <v>1</v>
      </c>
      <c r="AY1854" s="9">
        <v>1</v>
      </c>
      <c r="AZ1854" s="9">
        <v>1</v>
      </c>
      <c r="BA1854" s="9">
        <v>1</v>
      </c>
      <c r="BB1854" s="9">
        <v>1</v>
      </c>
      <c r="BC1854" s="9">
        <v>1</v>
      </c>
      <c r="BD1854" s="9">
        <v>1</v>
      </c>
      <c r="BE1854" s="9">
        <v>1</v>
      </c>
      <c r="BF1854" s="9">
        <v>1</v>
      </c>
      <c r="BG1854" s="11">
        <v>-1</v>
      </c>
      <c r="BH1854" s="13">
        <v>-0.33333333333333331</v>
      </c>
      <c r="BI1854" s="6">
        <v>0</v>
      </c>
      <c r="BJ1854" s="13">
        <v>0</v>
      </c>
      <c r="BK1854" s="6">
        <v>0</v>
      </c>
      <c r="BL1854" s="13">
        <v>0</v>
      </c>
      <c r="BM1854" s="11">
        <v>-1</v>
      </c>
      <c r="BN1854" s="13">
        <v>-0.33333333333333331</v>
      </c>
      <c r="BO1854" s="11">
        <v>-1</v>
      </c>
      <c r="BP1854" s="13">
        <v>-0.33333333333333331</v>
      </c>
      <c r="BQ1854" s="6">
        <v>3</v>
      </c>
      <c r="BR1854" s="6">
        <v>3</v>
      </c>
      <c r="BS1854" s="6">
        <v>3</v>
      </c>
      <c r="BT1854" s="6">
        <v>3</v>
      </c>
      <c r="BU1854" s="6">
        <v>3</v>
      </c>
      <c r="BV1854" s="6">
        <v>3</v>
      </c>
      <c r="BW1854" s="6">
        <v>3</v>
      </c>
      <c r="BX1854" s="6">
        <v>3</v>
      </c>
      <c r="BY1854" s="6">
        <v>3</v>
      </c>
      <c r="BZ1854" s="6">
        <v>3</v>
      </c>
      <c r="CA1854" s="6">
        <v>3</v>
      </c>
      <c r="CB1854" s="6">
        <v>2</v>
      </c>
      <c r="CC1854" s="11">
        <v>2</v>
      </c>
      <c r="CD1854" s="11">
        <v>-2.3259300000000001</v>
      </c>
      <c r="CE1854" s="11">
        <v>-2.57307</v>
      </c>
      <c r="CF1854" s="11">
        <v>0.91830400000000001</v>
      </c>
      <c r="CG1854" s="11">
        <v>-2</v>
      </c>
      <c r="CH1854" s="20">
        <v>0.10691000000000001</v>
      </c>
      <c r="CI1854" s="20">
        <v>0.169126</v>
      </c>
      <c r="CJ1854" s="20">
        <v>0.163271</v>
      </c>
      <c r="CK1854" s="20">
        <v>0.170847</v>
      </c>
      <c r="CL1854" s="20">
        <v>0.16151799999999999</v>
      </c>
      <c r="CM1854" s="20">
        <v>0.14437</v>
      </c>
      <c r="CN1854" s="20">
        <v>0.131969</v>
      </c>
      <c r="CO1854" s="20">
        <v>7.95352E-2</v>
      </c>
      <c r="CP1854" s="20">
        <v>0.102413</v>
      </c>
      <c r="CQ1854" s="20">
        <v>8.8627200000000003E-2</v>
      </c>
      <c r="CR1854" s="20">
        <v>9.4689499999999996E-2</v>
      </c>
      <c r="CS1854" s="20">
        <v>8.4889300000000001E-2</v>
      </c>
      <c r="CT1854" s="20">
        <v>6.4780500000000005E-2</v>
      </c>
      <c r="CU1854" s="20">
        <v>4.0116300000000001E-2</v>
      </c>
      <c r="CV1854" s="20">
        <v>8.1289600000000004E-2</v>
      </c>
      <c r="CW1854" s="20">
        <v>6.0180600000000001E-2</v>
      </c>
      <c r="CX1854" s="20">
        <v>5.6997600000000002E-2</v>
      </c>
      <c r="CY1854" s="6" t="s">
        <v>662</v>
      </c>
      <c r="CZ1854" s="6" t="s">
        <v>663</v>
      </c>
      <c r="DA1854" s="6" t="s">
        <v>130</v>
      </c>
      <c r="DB1854" s="6"/>
      <c r="DC1854" s="6">
        <v>25300</v>
      </c>
      <c r="DD1854" s="6">
        <v>448</v>
      </c>
      <c r="DE1854" s="6" t="s">
        <v>598</v>
      </c>
      <c r="DF1854" s="6" t="s">
        <v>363</v>
      </c>
      <c r="DG1854" s="6" t="s">
        <v>376</v>
      </c>
      <c r="DH1854" s="6" t="s">
        <v>468</v>
      </c>
      <c r="DI1854" s="6" t="s">
        <v>575</v>
      </c>
      <c r="DJ1854" s="6">
        <v>29</v>
      </c>
      <c r="DK1854" s="6">
        <v>173</v>
      </c>
      <c r="DL1854" s="6">
        <v>8</v>
      </c>
      <c r="DM1854" s="6" t="s">
        <v>368</v>
      </c>
      <c r="DN1854" s="6">
        <v>9</v>
      </c>
      <c r="DO1854" s="6" t="s">
        <v>384</v>
      </c>
      <c r="DP1854" s="6"/>
      <c r="DQ1854" s="6"/>
    </row>
    <row r="1855" spans="1:121" x14ac:dyDescent="0.2">
      <c r="A1855" s="6" t="s">
        <v>315</v>
      </c>
      <c r="B1855" s="6" t="s">
        <v>315</v>
      </c>
      <c r="C1855" s="6" t="s">
        <v>184</v>
      </c>
      <c r="D1855" s="6" t="s">
        <v>130</v>
      </c>
      <c r="E1855" s="6" t="s">
        <v>271</v>
      </c>
      <c r="F1855" s="11">
        <v>-23</v>
      </c>
      <c r="G1855" s="13">
        <v>-0.33</v>
      </c>
      <c r="H1855" s="11">
        <v>12</v>
      </c>
      <c r="I1855" s="13">
        <v>0.17142857142857143</v>
      </c>
      <c r="J1855" s="11">
        <v>-12</v>
      </c>
      <c r="K1855" s="13">
        <v>-0.14634146341463414</v>
      </c>
      <c r="L1855" s="11">
        <v>-23</v>
      </c>
      <c r="M1855" s="13">
        <v>-0.32857142857142857</v>
      </c>
      <c r="N1855" s="11">
        <v>-35</v>
      </c>
      <c r="O1855" s="13">
        <v>-0.42682926829268286</v>
      </c>
      <c r="P1855" s="7">
        <v>70</v>
      </c>
      <c r="Q1855" s="7">
        <v>75</v>
      </c>
      <c r="R1855" s="7">
        <v>69</v>
      </c>
      <c r="S1855" s="7">
        <v>68</v>
      </c>
      <c r="T1855" s="7">
        <v>73</v>
      </c>
      <c r="U1855" s="7">
        <v>75</v>
      </c>
      <c r="V1855" s="7">
        <v>82</v>
      </c>
      <c r="W1855" s="7">
        <v>74</v>
      </c>
      <c r="X1855" s="7">
        <v>56</v>
      </c>
      <c r="Y1855" s="7">
        <v>70</v>
      </c>
      <c r="Z1855" s="7">
        <v>66</v>
      </c>
      <c r="AA1855" s="7">
        <v>58</v>
      </c>
      <c r="AB1855" s="7">
        <v>51</v>
      </c>
      <c r="AC1855" s="7">
        <v>51</v>
      </c>
      <c r="AD1855" s="7">
        <v>49</v>
      </c>
      <c r="AE1855" s="7">
        <v>48</v>
      </c>
      <c r="AF1855" s="7">
        <v>47</v>
      </c>
      <c r="AG1855" s="9">
        <v>9810</v>
      </c>
      <c r="AH1855" s="13">
        <v>0.29227744011440832</v>
      </c>
      <c r="AI1855" s="9">
        <v>10723</v>
      </c>
      <c r="AJ1855" s="13">
        <v>0.31947920390895007</v>
      </c>
      <c r="AK1855" s="9">
        <v>-7341</v>
      </c>
      <c r="AL1855" s="13">
        <v>-0.16575970375053628</v>
      </c>
      <c r="AM1855" s="9">
        <v>6428</v>
      </c>
      <c r="AN1855" s="13">
        <v>0.17398365181616413</v>
      </c>
      <c r="AO1855" s="9">
        <v>-913</v>
      </c>
      <c r="AP1855" s="13">
        <v>-2.0615530516855961E-2</v>
      </c>
      <c r="AQ1855" s="9">
        <v>33564</v>
      </c>
      <c r="AR1855" s="9">
        <v>33900</v>
      </c>
      <c r="AS1855" s="9">
        <v>33728</v>
      </c>
      <c r="AT1855" s="9">
        <v>36025</v>
      </c>
      <c r="AU1855" s="9">
        <v>39653</v>
      </c>
      <c r="AV1855" s="9">
        <v>43768</v>
      </c>
      <c r="AW1855" s="9">
        <v>44287</v>
      </c>
      <c r="AX1855" s="9">
        <v>48206</v>
      </c>
      <c r="AY1855" s="9">
        <v>46408</v>
      </c>
      <c r="AZ1855" s="9">
        <v>36946</v>
      </c>
      <c r="BA1855" s="9">
        <v>36550</v>
      </c>
      <c r="BB1855" s="9">
        <v>39013</v>
      </c>
      <c r="BC1855" s="9">
        <v>42113</v>
      </c>
      <c r="BD1855" s="9">
        <v>42603</v>
      </c>
      <c r="BE1855" s="9">
        <v>41326</v>
      </c>
      <c r="BF1855" s="9">
        <v>43374</v>
      </c>
      <c r="BG1855" s="11">
        <v>-3</v>
      </c>
      <c r="BH1855" s="13">
        <v>-0.33333333333333331</v>
      </c>
      <c r="BI1855" s="6">
        <v>0</v>
      </c>
      <c r="BJ1855" s="13">
        <v>0</v>
      </c>
      <c r="BK1855" s="6">
        <v>-2</v>
      </c>
      <c r="BL1855" s="13">
        <v>-0.22222222222222221</v>
      </c>
      <c r="BM1855" s="11">
        <v>-1</v>
      </c>
      <c r="BN1855" s="13">
        <v>-0.14285714285714285</v>
      </c>
      <c r="BO1855" s="11">
        <v>-3</v>
      </c>
      <c r="BP1855" s="13">
        <v>-0.33333333333333331</v>
      </c>
      <c r="BQ1855" s="6">
        <v>9</v>
      </c>
      <c r="BR1855" s="6">
        <v>9</v>
      </c>
      <c r="BS1855" s="6">
        <v>9</v>
      </c>
      <c r="BT1855" s="6">
        <v>9</v>
      </c>
      <c r="BU1855" s="6">
        <v>9</v>
      </c>
      <c r="BV1855" s="6">
        <v>7</v>
      </c>
      <c r="BW1855" s="6">
        <v>7</v>
      </c>
      <c r="BX1855" s="6">
        <v>7</v>
      </c>
      <c r="BY1855" s="6">
        <v>8</v>
      </c>
      <c r="BZ1855" s="6">
        <v>8</v>
      </c>
      <c r="CA1855" s="6">
        <v>9</v>
      </c>
      <c r="CB1855" s="6">
        <v>6</v>
      </c>
      <c r="CC1855" s="11">
        <v>6</v>
      </c>
      <c r="CD1855" s="11">
        <v>-25</v>
      </c>
      <c r="CE1855" s="11">
        <v>-6</v>
      </c>
      <c r="CF1855" s="11">
        <v>8</v>
      </c>
      <c r="CG1855" s="11">
        <v>2</v>
      </c>
      <c r="CH1855" s="20">
        <v>0.54</v>
      </c>
      <c r="CI1855" s="20">
        <v>0.62</v>
      </c>
      <c r="CJ1855" s="20">
        <v>0.56999999999999995</v>
      </c>
      <c r="CK1855" s="20">
        <v>0.5</v>
      </c>
      <c r="CL1855" s="20">
        <v>0.52</v>
      </c>
      <c r="CM1855" s="20">
        <v>0.54</v>
      </c>
      <c r="CN1855" s="20">
        <v>0.5</v>
      </c>
      <c r="CO1855" s="20">
        <v>0.49</v>
      </c>
      <c r="CP1855" s="20">
        <v>0.41</v>
      </c>
      <c r="CQ1855" s="20">
        <v>0.59</v>
      </c>
      <c r="CR1855" s="20">
        <v>0.54</v>
      </c>
      <c r="CS1855" s="20">
        <v>0.48</v>
      </c>
      <c r="CT1855" s="20">
        <v>0.32</v>
      </c>
      <c r="CU1855" s="20">
        <v>0.32</v>
      </c>
      <c r="CV1855" s="20">
        <v>0.32</v>
      </c>
      <c r="CW1855" s="20">
        <v>0.31</v>
      </c>
      <c r="CX1855" s="20">
        <v>0.28999999999999998</v>
      </c>
      <c r="CY1855" s="6" t="s">
        <v>662</v>
      </c>
      <c r="CZ1855" s="6" t="s">
        <v>663</v>
      </c>
      <c r="DA1855" s="6" t="s">
        <v>130</v>
      </c>
      <c r="DB1855" s="6"/>
      <c r="DC1855" s="6">
        <v>25300</v>
      </c>
      <c r="DD1855" s="6">
        <v>448</v>
      </c>
      <c r="DE1855" s="6" t="s">
        <v>598</v>
      </c>
      <c r="DF1855" s="6" t="s">
        <v>363</v>
      </c>
      <c r="DG1855" s="6" t="s">
        <v>376</v>
      </c>
      <c r="DH1855" s="6" t="s">
        <v>468</v>
      </c>
      <c r="DI1855" s="6" t="s">
        <v>575</v>
      </c>
      <c r="DJ1855" s="6">
        <v>29</v>
      </c>
      <c r="DK1855" s="6">
        <v>173</v>
      </c>
      <c r="DL1855" s="6">
        <v>8</v>
      </c>
      <c r="DM1855" s="6" t="s">
        <v>368</v>
      </c>
      <c r="DN1855" s="6">
        <v>9</v>
      </c>
      <c r="DO1855" s="6" t="s">
        <v>384</v>
      </c>
      <c r="DP1855" s="6"/>
      <c r="DQ1855" s="6"/>
    </row>
    <row r="1856" spans="1:121" x14ac:dyDescent="0.2">
      <c r="A1856" s="6" t="s">
        <v>316</v>
      </c>
      <c r="B1856" s="6" t="s">
        <v>316</v>
      </c>
      <c r="C1856" s="6" t="s">
        <v>185</v>
      </c>
      <c r="D1856" s="6" t="s">
        <v>130</v>
      </c>
      <c r="E1856" s="6" t="s">
        <v>271</v>
      </c>
      <c r="F1856" s="11">
        <v>-9</v>
      </c>
      <c r="G1856" s="13">
        <v>-0.32</v>
      </c>
      <c r="H1856" s="11">
        <v>1</v>
      </c>
      <c r="I1856" s="13">
        <v>3.5714285714285712E-2</v>
      </c>
      <c r="J1856" s="11">
        <v>-6</v>
      </c>
      <c r="K1856" s="13">
        <v>-0.20689655172413793</v>
      </c>
      <c r="L1856" s="11">
        <v>-4</v>
      </c>
      <c r="M1856" s="13">
        <v>-0.17391304347826086</v>
      </c>
      <c r="N1856" s="11">
        <v>-10</v>
      </c>
      <c r="O1856" s="13">
        <v>-0.34482758620689657</v>
      </c>
      <c r="P1856" s="7">
        <v>28</v>
      </c>
      <c r="Q1856" s="7">
        <v>41</v>
      </c>
      <c r="R1856" s="7">
        <v>31</v>
      </c>
      <c r="S1856" s="7">
        <v>28</v>
      </c>
      <c r="T1856" s="7">
        <v>25</v>
      </c>
      <c r="U1856" s="7">
        <v>27</v>
      </c>
      <c r="V1856" s="7">
        <v>29</v>
      </c>
      <c r="W1856" s="7">
        <v>32</v>
      </c>
      <c r="X1856" s="7">
        <v>31</v>
      </c>
      <c r="Y1856" s="7">
        <v>23</v>
      </c>
      <c r="Z1856" s="7">
        <v>19</v>
      </c>
      <c r="AA1856" s="7">
        <v>19</v>
      </c>
      <c r="AB1856" s="7">
        <v>16</v>
      </c>
      <c r="AC1856" s="7">
        <v>19</v>
      </c>
      <c r="AD1856" s="7">
        <v>19</v>
      </c>
      <c r="AE1856" s="7">
        <v>18</v>
      </c>
      <c r="AF1856" s="7">
        <v>19</v>
      </c>
      <c r="AG1856" s="9">
        <v>8971</v>
      </c>
      <c r="AH1856" s="13">
        <v>0.67710770624198058</v>
      </c>
      <c r="AI1856" s="9">
        <v>6527</v>
      </c>
      <c r="AJ1856" s="13">
        <v>0.49264095403426672</v>
      </c>
      <c r="AK1856" s="9">
        <v>-860</v>
      </c>
      <c r="AL1856" s="13">
        <v>-4.3487055016181227E-2</v>
      </c>
      <c r="AM1856" s="9">
        <v>3304</v>
      </c>
      <c r="AN1856" s="13">
        <v>0.17466694861492915</v>
      </c>
      <c r="AO1856" s="9">
        <v>2444</v>
      </c>
      <c r="AP1856" s="13">
        <v>0.123584142394822</v>
      </c>
      <c r="AQ1856" s="9">
        <v>13249</v>
      </c>
      <c r="AR1856" s="9">
        <v>15255</v>
      </c>
      <c r="AS1856" s="9">
        <v>15641</v>
      </c>
      <c r="AT1856" s="9">
        <v>17254</v>
      </c>
      <c r="AU1856" s="9">
        <v>18189</v>
      </c>
      <c r="AV1856" s="9">
        <v>19682</v>
      </c>
      <c r="AW1856" s="9">
        <v>19776</v>
      </c>
      <c r="AX1856" s="9">
        <v>19889</v>
      </c>
      <c r="AY1856" s="9">
        <v>17750</v>
      </c>
      <c r="AZ1856" s="9">
        <v>18916</v>
      </c>
      <c r="BA1856" s="9">
        <v>17768</v>
      </c>
      <c r="BB1856" s="9">
        <v>18177</v>
      </c>
      <c r="BC1856" s="9">
        <v>19657</v>
      </c>
      <c r="BD1856" s="9">
        <v>21336</v>
      </c>
      <c r="BE1856" s="9">
        <v>20988</v>
      </c>
      <c r="BF1856" s="9">
        <v>22220</v>
      </c>
      <c r="BG1856" s="11">
        <v>-3</v>
      </c>
      <c r="BH1856" s="13">
        <v>-0.375</v>
      </c>
      <c r="BI1856" s="6">
        <v>-3</v>
      </c>
      <c r="BJ1856" s="13">
        <v>-0.375</v>
      </c>
      <c r="BK1856" s="6">
        <v>-1</v>
      </c>
      <c r="BL1856" s="13">
        <v>-0.2</v>
      </c>
      <c r="BM1856" s="11">
        <v>1</v>
      </c>
      <c r="BN1856" s="13">
        <v>0.25</v>
      </c>
      <c r="BO1856" s="11">
        <v>0</v>
      </c>
      <c r="BP1856" s="13">
        <v>0</v>
      </c>
      <c r="BQ1856" s="6">
        <v>8</v>
      </c>
      <c r="BR1856" s="6">
        <v>8</v>
      </c>
      <c r="BS1856" s="6">
        <v>5</v>
      </c>
      <c r="BT1856" s="6">
        <v>5</v>
      </c>
      <c r="BU1856" s="6">
        <v>5</v>
      </c>
      <c r="BV1856" s="6">
        <v>5</v>
      </c>
      <c r="BW1856" s="6">
        <v>4</v>
      </c>
      <c r="BX1856" s="6">
        <v>4</v>
      </c>
      <c r="BY1856" s="6">
        <v>4</v>
      </c>
      <c r="BZ1856" s="6">
        <v>4</v>
      </c>
      <c r="CA1856" s="6">
        <v>4</v>
      </c>
      <c r="CB1856" s="6">
        <v>5</v>
      </c>
      <c r="CC1856" s="11">
        <v>5</v>
      </c>
      <c r="CD1856" s="11">
        <v>-11</v>
      </c>
      <c r="CE1856" s="11">
        <v>-1</v>
      </c>
      <c r="CF1856" s="11">
        <v>3</v>
      </c>
      <c r="CG1856" s="11">
        <v>2</v>
      </c>
      <c r="CH1856" s="20">
        <v>0.52</v>
      </c>
      <c r="CI1856" s="20">
        <v>0.81</v>
      </c>
      <c r="CJ1856" s="20">
        <v>0.61</v>
      </c>
      <c r="CK1856" s="20">
        <v>0.48</v>
      </c>
      <c r="CL1856" s="20">
        <v>0.42</v>
      </c>
      <c r="CM1856" s="20">
        <v>0.45</v>
      </c>
      <c r="CN1856" s="20">
        <v>0.41</v>
      </c>
      <c r="CO1856" s="20">
        <v>0.49</v>
      </c>
      <c r="CP1856" s="20">
        <v>0.53</v>
      </c>
      <c r="CQ1856" s="20">
        <v>0.46</v>
      </c>
      <c r="CR1856" s="20">
        <v>0.39</v>
      </c>
      <c r="CS1856" s="20">
        <v>0.38</v>
      </c>
      <c r="CT1856" s="20">
        <v>0.24</v>
      </c>
      <c r="CU1856" s="20">
        <v>0.28000000000000003</v>
      </c>
      <c r="CV1856" s="20">
        <v>0.28999999999999998</v>
      </c>
      <c r="CW1856" s="20">
        <v>0.28000000000000003</v>
      </c>
      <c r="CX1856" s="20">
        <v>0.27</v>
      </c>
      <c r="CY1856" s="6" t="s">
        <v>662</v>
      </c>
      <c r="CZ1856" s="6" t="s">
        <v>663</v>
      </c>
      <c r="DA1856" s="6" t="s">
        <v>130</v>
      </c>
      <c r="DB1856" s="6"/>
      <c r="DC1856" s="6">
        <v>25300</v>
      </c>
      <c r="DD1856" s="6">
        <v>448</v>
      </c>
      <c r="DE1856" s="6" t="s">
        <v>598</v>
      </c>
      <c r="DF1856" s="6" t="s">
        <v>363</v>
      </c>
      <c r="DG1856" s="6" t="s">
        <v>376</v>
      </c>
      <c r="DH1856" s="6" t="s">
        <v>468</v>
      </c>
      <c r="DI1856" s="6" t="s">
        <v>575</v>
      </c>
      <c r="DJ1856" s="6">
        <v>29</v>
      </c>
      <c r="DK1856" s="6">
        <v>173</v>
      </c>
      <c r="DL1856" s="6">
        <v>8</v>
      </c>
      <c r="DM1856" s="6" t="s">
        <v>368</v>
      </c>
      <c r="DN1856" s="6">
        <v>9</v>
      </c>
      <c r="DO1856" s="6" t="s">
        <v>384</v>
      </c>
      <c r="DP1856" s="6"/>
      <c r="DQ1856" s="6"/>
    </row>
    <row r="1857" spans="1:121" x14ac:dyDescent="0.2">
      <c r="A1857" s="6" t="s">
        <v>317</v>
      </c>
      <c r="B1857" s="6" t="s">
        <v>317</v>
      </c>
      <c r="C1857" s="6" t="s">
        <v>186</v>
      </c>
      <c r="D1857" s="6" t="s">
        <v>130</v>
      </c>
      <c r="E1857" s="6" t="s">
        <v>271</v>
      </c>
      <c r="F1857" s="11">
        <v>1</v>
      </c>
      <c r="G1857" s="13">
        <v>1</v>
      </c>
      <c r="H1857" s="11">
        <v>8</v>
      </c>
      <c r="I1857" s="13">
        <v>1.6</v>
      </c>
      <c r="J1857" s="11">
        <v>2</v>
      </c>
      <c r="K1857" s="13">
        <v>0.15384615384615383</v>
      </c>
      <c r="L1857" s="11">
        <v>12</v>
      </c>
      <c r="M1857" s="13">
        <v>0.8</v>
      </c>
      <c r="N1857" s="11">
        <v>14</v>
      </c>
      <c r="O1857" s="13">
        <v>1.0769230769230769</v>
      </c>
      <c r="P1857" s="7">
        <v>5</v>
      </c>
      <c r="Q1857" s="7">
        <v>5</v>
      </c>
      <c r="R1857" s="7">
        <v>23</v>
      </c>
      <c r="S1857" s="7">
        <v>25</v>
      </c>
      <c r="T1857" s="7">
        <v>25</v>
      </c>
      <c r="U1857" s="7">
        <v>19</v>
      </c>
      <c r="V1857" s="7">
        <v>13</v>
      </c>
      <c r="W1857" s="7">
        <v>22</v>
      </c>
      <c r="X1857" s="7">
        <v>26</v>
      </c>
      <c r="Y1857" s="7">
        <v>15</v>
      </c>
      <c r="Z1857" s="7">
        <v>19</v>
      </c>
      <c r="AA1857" s="7">
        <v>23</v>
      </c>
      <c r="AB1857" s="7">
        <v>24</v>
      </c>
      <c r="AC1857" s="7">
        <v>26</v>
      </c>
      <c r="AD1857" s="7">
        <v>25</v>
      </c>
      <c r="AE1857" s="7">
        <v>25</v>
      </c>
      <c r="AF1857" s="7">
        <v>27</v>
      </c>
      <c r="AG1857" s="9">
        <v>38632</v>
      </c>
      <c r="AH1857" s="13">
        <v>38632</v>
      </c>
      <c r="AI1857" s="9">
        <v>51333</v>
      </c>
      <c r="AJ1857" s="13">
        <v>51333</v>
      </c>
      <c r="AK1857" s="9">
        <v>-10263</v>
      </c>
      <c r="AL1857" s="13">
        <v>-0.19992597498733783</v>
      </c>
      <c r="AM1857" s="9">
        <v>-2438</v>
      </c>
      <c r="AN1857" s="13">
        <v>-5.9360619415159112E-2</v>
      </c>
      <c r="AO1857" s="9">
        <v>-12701</v>
      </c>
      <c r="AP1857" s="13">
        <v>-0.24741886469006896</v>
      </c>
      <c r="AQ1857" s="9">
        <v>1</v>
      </c>
      <c r="AR1857" s="9">
        <v>1</v>
      </c>
      <c r="AS1857" s="9">
        <v>37886</v>
      </c>
      <c r="AT1857" s="9">
        <v>44470</v>
      </c>
      <c r="AU1857" s="9">
        <v>51711</v>
      </c>
      <c r="AV1857" s="9">
        <v>51388</v>
      </c>
      <c r="AW1857" s="9">
        <v>51334</v>
      </c>
      <c r="AX1857" s="9">
        <v>33569</v>
      </c>
      <c r="AY1857" s="9">
        <v>38199</v>
      </c>
      <c r="AZ1857" s="9">
        <v>41071</v>
      </c>
      <c r="BA1857" s="9">
        <v>38417</v>
      </c>
      <c r="BB1857" s="9">
        <v>43629</v>
      </c>
      <c r="BC1857" s="9">
        <v>34999</v>
      </c>
      <c r="BD1857" s="9">
        <v>34382</v>
      </c>
      <c r="BE1857" s="9">
        <v>34620</v>
      </c>
      <c r="BF1857" s="9">
        <v>38633</v>
      </c>
      <c r="BG1857" s="11">
        <v>2</v>
      </c>
      <c r="BH1857" s="13">
        <v>0.66666666666666663</v>
      </c>
      <c r="BI1857" s="6">
        <v>0</v>
      </c>
      <c r="BJ1857" s="13">
        <v>0</v>
      </c>
      <c r="BK1857" s="6">
        <v>4</v>
      </c>
      <c r="BL1857" s="13">
        <v>1.3333333333333333</v>
      </c>
      <c r="BM1857" s="11">
        <v>-2</v>
      </c>
      <c r="BN1857" s="13">
        <v>-0.2857142857142857</v>
      </c>
      <c r="BO1857" s="11">
        <v>2</v>
      </c>
      <c r="BP1857" s="13">
        <v>0.66666666666666663</v>
      </c>
      <c r="BQ1857" s="6">
        <v>3</v>
      </c>
      <c r="BR1857" s="6">
        <v>3</v>
      </c>
      <c r="BS1857" s="6">
        <v>3</v>
      </c>
      <c r="BT1857" s="6">
        <v>3</v>
      </c>
      <c r="BU1857" s="6">
        <v>5</v>
      </c>
      <c r="BV1857" s="6">
        <v>5</v>
      </c>
      <c r="BW1857" s="6">
        <v>7</v>
      </c>
      <c r="BX1857" s="6">
        <v>6</v>
      </c>
      <c r="BY1857" s="6">
        <v>6</v>
      </c>
      <c r="BZ1857" s="6">
        <v>5</v>
      </c>
      <c r="CA1857" s="6">
        <v>5</v>
      </c>
      <c r="CB1857" s="6">
        <v>6</v>
      </c>
      <c r="CC1857" s="11">
        <v>5</v>
      </c>
      <c r="CD1857" s="11">
        <v>14</v>
      </c>
      <c r="CE1857" s="11">
        <v>2</v>
      </c>
      <c r="CF1857" s="11">
        <v>1</v>
      </c>
      <c r="CG1857" s="11">
        <v>3</v>
      </c>
      <c r="CH1857" s="20">
        <v>0.06</v>
      </c>
      <c r="CI1857" s="20">
        <v>0.06</v>
      </c>
      <c r="CJ1857" s="20">
        <v>0.15</v>
      </c>
      <c r="CK1857" s="20">
        <v>0.15</v>
      </c>
      <c r="CL1857" s="20">
        <v>0.14000000000000001</v>
      </c>
      <c r="CM1857" s="20">
        <v>0.1</v>
      </c>
      <c r="CN1857" s="20">
        <v>0.06</v>
      </c>
      <c r="CO1857" s="20">
        <v>0.1</v>
      </c>
      <c r="CP1857" s="20">
        <v>0.13</v>
      </c>
      <c r="CQ1857" s="20">
        <v>0.08</v>
      </c>
      <c r="CR1857" s="20">
        <v>0.1</v>
      </c>
      <c r="CS1857" s="20">
        <v>0.12</v>
      </c>
      <c r="CT1857" s="20">
        <v>0.09</v>
      </c>
      <c r="CU1857" s="20">
        <v>0.1</v>
      </c>
      <c r="CV1857" s="20">
        <v>0.1</v>
      </c>
      <c r="CW1857" s="20">
        <v>0.1</v>
      </c>
      <c r="CX1857" s="20">
        <v>0.1</v>
      </c>
      <c r="CY1857" s="6" t="s">
        <v>662</v>
      </c>
      <c r="CZ1857" s="6" t="s">
        <v>663</v>
      </c>
      <c r="DA1857" s="6" t="s">
        <v>130</v>
      </c>
      <c r="DB1857" s="6"/>
      <c r="DC1857" s="6">
        <v>25300</v>
      </c>
      <c r="DD1857" s="6">
        <v>448</v>
      </c>
      <c r="DE1857" s="6" t="s">
        <v>598</v>
      </c>
      <c r="DF1857" s="6" t="s">
        <v>363</v>
      </c>
      <c r="DG1857" s="6" t="s">
        <v>376</v>
      </c>
      <c r="DH1857" s="6" t="s">
        <v>468</v>
      </c>
      <c r="DI1857" s="6" t="s">
        <v>575</v>
      </c>
      <c r="DJ1857" s="6">
        <v>29</v>
      </c>
      <c r="DK1857" s="6">
        <v>173</v>
      </c>
      <c r="DL1857" s="6">
        <v>8</v>
      </c>
      <c r="DM1857" s="6" t="s">
        <v>368</v>
      </c>
      <c r="DN1857" s="6">
        <v>9</v>
      </c>
      <c r="DO1857" s="6" t="s">
        <v>384</v>
      </c>
      <c r="DP1857" s="6"/>
      <c r="DQ1857" s="6"/>
    </row>
    <row r="1858" spans="1:121" x14ac:dyDescent="0.2">
      <c r="A1858" s="6" t="s">
        <v>318</v>
      </c>
      <c r="B1858" s="6" t="s">
        <v>318</v>
      </c>
      <c r="C1858" s="6" t="s">
        <v>187</v>
      </c>
      <c r="D1858" s="6" t="s">
        <v>130</v>
      </c>
      <c r="E1858" s="6" t="s">
        <v>271</v>
      </c>
      <c r="F1858" s="11">
        <v>0</v>
      </c>
      <c r="G1858" s="13">
        <v>0</v>
      </c>
      <c r="H1858" s="11">
        <v>2.4807470000000009</v>
      </c>
      <c r="I1858" s="13">
        <v>0.15793642057416674</v>
      </c>
      <c r="J1858" s="11">
        <v>2.2919459999999994</v>
      </c>
      <c r="K1858" s="13">
        <v>0.12601419903389033</v>
      </c>
      <c r="L1858" s="11">
        <v>-4.4495892111999993</v>
      </c>
      <c r="M1858" s="13">
        <v>-0.21726569228900233</v>
      </c>
      <c r="N1858" s="11">
        <v>-2.1576432111999999</v>
      </c>
      <c r="O1858" s="13">
        <v>-0.1186300554464543</v>
      </c>
      <c r="P1858" s="7">
        <v>15.707250999999999</v>
      </c>
      <c r="Q1858" s="7">
        <v>15.634919</v>
      </c>
      <c r="R1858" s="7">
        <v>5</v>
      </c>
      <c r="S1858" s="7">
        <v>5</v>
      </c>
      <c r="T1858" s="7">
        <v>5</v>
      </c>
      <c r="U1858" s="7">
        <v>14.416869</v>
      </c>
      <c r="V1858" s="7">
        <v>18.187998</v>
      </c>
      <c r="W1858" s="7">
        <v>5</v>
      </c>
      <c r="X1858" s="7">
        <v>0</v>
      </c>
      <c r="Y1858" s="7">
        <v>20.479944</v>
      </c>
      <c r="Z1858" s="7">
        <v>24.665613</v>
      </c>
      <c r="AA1858" s="7">
        <v>17.718775999999998</v>
      </c>
      <c r="AB1858" s="7">
        <v>15.604749999999999</v>
      </c>
      <c r="AC1858" s="7">
        <v>14.848231999999999</v>
      </c>
      <c r="AD1858" s="7">
        <v>15.329193999999999</v>
      </c>
      <c r="AE1858" s="7">
        <v>15.6189915</v>
      </c>
      <c r="AF1858" s="7">
        <v>16.0303547888</v>
      </c>
      <c r="AG1858" s="9">
        <v>37481.819603600008</v>
      </c>
      <c r="AH1858" s="13">
        <v>0.98719060850386287</v>
      </c>
      <c r="AI1858" s="9">
        <v>1803.7781586000056</v>
      </c>
      <c r="AJ1858" s="13">
        <v>4.7507641753424611E-2</v>
      </c>
      <c r="AK1858" s="9">
        <v>20737.572972199996</v>
      </c>
      <c r="AL1858" s="13">
        <v>0.52141206525144979</v>
      </c>
      <c r="AM1858" s="9">
        <v>14940.468472800007</v>
      </c>
      <c r="AN1858" s="13">
        <v>0.246911039855468</v>
      </c>
      <c r="AO1858" s="9">
        <v>35678.041445000003</v>
      </c>
      <c r="AP1858" s="13">
        <v>0.89706550033134036</v>
      </c>
      <c r="AQ1858" s="9">
        <v>37968.168741399997</v>
      </c>
      <c r="AR1858" s="9">
        <v>43869.990072300003</v>
      </c>
      <c r="AS1858" s="9">
        <v>1</v>
      </c>
      <c r="AT1858" s="9">
        <v>1</v>
      </c>
      <c r="AU1858" s="9">
        <v>1</v>
      </c>
      <c r="AV1858" s="9">
        <v>52474.273667499998</v>
      </c>
      <c r="AW1858" s="9">
        <v>39771.946900000003</v>
      </c>
      <c r="AX1858" s="9">
        <v>1</v>
      </c>
      <c r="AY1858" s="9">
        <v>0</v>
      </c>
      <c r="AZ1858" s="9">
        <v>60509.519872199999</v>
      </c>
      <c r="BA1858" s="9">
        <v>50210.595725400002</v>
      </c>
      <c r="BB1858" s="9">
        <v>53772.281400100001</v>
      </c>
      <c r="BC1858" s="9">
        <v>71710.360900500003</v>
      </c>
      <c r="BD1858" s="9">
        <v>71280.340923099997</v>
      </c>
      <c r="BE1858" s="9">
        <v>78787.469570600006</v>
      </c>
      <c r="BF1858" s="9">
        <v>75449.988345000005</v>
      </c>
      <c r="BG1858" s="11">
        <v>-2</v>
      </c>
      <c r="BH1858" s="13">
        <v>-0.66666666666666663</v>
      </c>
      <c r="BI1858" s="6">
        <v>-1</v>
      </c>
      <c r="BJ1858" s="13">
        <v>-0.33333333333333331</v>
      </c>
      <c r="BK1858" s="6">
        <v>-1</v>
      </c>
      <c r="BL1858" s="13">
        <v>-0.5</v>
      </c>
      <c r="BM1858" s="11">
        <v>0</v>
      </c>
      <c r="BN1858" s="13">
        <v>0</v>
      </c>
      <c r="BO1858" s="11">
        <v>-1</v>
      </c>
      <c r="BP1858" s="13">
        <v>-0.5</v>
      </c>
      <c r="BQ1858" s="6">
        <v>3</v>
      </c>
      <c r="BR1858" s="6">
        <v>2</v>
      </c>
      <c r="BS1858" s="6">
        <v>2</v>
      </c>
      <c r="BT1858" s="6">
        <v>2</v>
      </c>
      <c r="BU1858" s="6">
        <v>0</v>
      </c>
      <c r="BV1858" s="6">
        <v>0</v>
      </c>
      <c r="BW1858" s="6">
        <v>1</v>
      </c>
      <c r="BX1858" s="6">
        <v>1</v>
      </c>
      <c r="BY1858" s="6">
        <v>1</v>
      </c>
      <c r="BZ1858" s="6">
        <v>1</v>
      </c>
      <c r="CA1858" s="6">
        <v>1</v>
      </c>
      <c r="CB1858" s="6">
        <v>1</v>
      </c>
      <c r="CC1858" s="11">
        <v>1</v>
      </c>
      <c r="CD1858" s="11">
        <v>-4.7569400000000002</v>
      </c>
      <c r="CE1858" s="11">
        <v>3.3630499999999999</v>
      </c>
      <c r="CF1858" s="11">
        <v>1.71699</v>
      </c>
      <c r="CG1858" s="11">
        <v>5</v>
      </c>
      <c r="CH1858" s="20">
        <v>0.43069099999999999</v>
      </c>
      <c r="CI1858" s="20">
        <v>0.45486799999999999</v>
      </c>
      <c r="CJ1858" s="20">
        <v>0.16810800000000001</v>
      </c>
      <c r="CK1858" s="20">
        <v>0.15647800000000001</v>
      </c>
      <c r="CL1858" s="20">
        <v>8.5978200000000005E-2</v>
      </c>
      <c r="CM1858" s="20">
        <v>0.36873800000000001</v>
      </c>
      <c r="CN1858" s="20">
        <v>0.38508900000000001</v>
      </c>
      <c r="CO1858" s="20">
        <v>8.5047499999999998E-2</v>
      </c>
      <c r="CP1858" s="20">
        <v>0</v>
      </c>
      <c r="CQ1858" s="20">
        <v>0.53889900000000002</v>
      </c>
      <c r="CR1858" s="20">
        <v>0.62148300000000001</v>
      </c>
      <c r="CS1858" s="20">
        <v>0.42991600000000002</v>
      </c>
      <c r="CT1858" s="20">
        <v>0.27892699999999998</v>
      </c>
      <c r="CU1858" s="20">
        <v>0.26293800000000001</v>
      </c>
      <c r="CV1858" s="20">
        <v>0.27546799999999999</v>
      </c>
      <c r="CW1858" s="20">
        <v>0.28023300000000001</v>
      </c>
      <c r="CX1858" s="20">
        <v>0.27025100000000002</v>
      </c>
      <c r="CY1858" s="6" t="s">
        <v>662</v>
      </c>
      <c r="CZ1858" s="6" t="s">
        <v>663</v>
      </c>
      <c r="DA1858" s="6" t="s">
        <v>130</v>
      </c>
      <c r="DB1858" s="6"/>
      <c r="DC1858" s="6">
        <v>25300</v>
      </c>
      <c r="DD1858" s="6">
        <v>448</v>
      </c>
      <c r="DE1858" s="6" t="s">
        <v>598</v>
      </c>
      <c r="DF1858" s="6" t="s">
        <v>363</v>
      </c>
      <c r="DG1858" s="6" t="s">
        <v>376</v>
      </c>
      <c r="DH1858" s="6" t="s">
        <v>468</v>
      </c>
      <c r="DI1858" s="6" t="s">
        <v>575</v>
      </c>
      <c r="DJ1858" s="6">
        <v>29</v>
      </c>
      <c r="DK1858" s="6">
        <v>173</v>
      </c>
      <c r="DL1858" s="6">
        <v>8</v>
      </c>
      <c r="DM1858" s="6" t="s">
        <v>368</v>
      </c>
      <c r="DN1858" s="6">
        <v>9</v>
      </c>
      <c r="DO1858" s="6" t="s">
        <v>384</v>
      </c>
      <c r="DP1858" s="6"/>
      <c r="DQ1858" s="6"/>
    </row>
    <row r="1859" spans="1:121" x14ac:dyDescent="0.2">
      <c r="A1859" s="6" t="s">
        <v>319</v>
      </c>
      <c r="B1859" s="6" t="s">
        <v>319</v>
      </c>
      <c r="C1859" s="6" t="s">
        <v>188</v>
      </c>
      <c r="D1859" s="6" t="s">
        <v>130</v>
      </c>
      <c r="E1859" s="6" t="s">
        <v>271</v>
      </c>
      <c r="F1859" s="11">
        <v>-53</v>
      </c>
      <c r="G1859" s="13">
        <v>-0.34868421052600002</v>
      </c>
      <c r="H1859" s="11">
        <v>-67.003296100999989</v>
      </c>
      <c r="I1859" s="13">
        <v>-0.4421143652109305</v>
      </c>
      <c r="J1859" s="11">
        <v>29.455129466000002</v>
      </c>
      <c r="K1859" s="13">
        <v>0.34838080308358166</v>
      </c>
      <c r="L1859" s="11">
        <v>-15.408791025500008</v>
      </c>
      <c r="M1859" s="13">
        <v>-0.13516034275859448</v>
      </c>
      <c r="N1859" s="11">
        <v>14.046338440499994</v>
      </c>
      <c r="O1859" s="13">
        <v>0.16613319156969586</v>
      </c>
      <c r="P1859" s="7">
        <v>151.55195436599999</v>
      </c>
      <c r="Q1859" s="7">
        <v>144.330053631</v>
      </c>
      <c r="R1859" s="7">
        <v>128.524749668</v>
      </c>
      <c r="S1859" s="7">
        <v>131.02632797699999</v>
      </c>
      <c r="T1859" s="7">
        <v>123.57206979199999</v>
      </c>
      <c r="U1859" s="7">
        <v>138.475054583</v>
      </c>
      <c r="V1859" s="7">
        <v>84.548658265</v>
      </c>
      <c r="W1859" s="7">
        <v>67.966922027999999</v>
      </c>
      <c r="X1859" s="7">
        <v>63.271153245800001</v>
      </c>
      <c r="Y1859" s="7">
        <v>114.003787731</v>
      </c>
      <c r="Z1859" s="7">
        <v>122.20729898</v>
      </c>
      <c r="AA1859" s="7">
        <v>119.72987618099999</v>
      </c>
      <c r="AB1859" s="7">
        <v>127.003212284</v>
      </c>
      <c r="AC1859" s="7">
        <v>98.950660561800007</v>
      </c>
      <c r="AD1859" s="7">
        <v>100.52358003400001</v>
      </c>
      <c r="AE1859" s="7">
        <v>96.316345003500004</v>
      </c>
      <c r="AF1859" s="7">
        <v>98.594996705499995</v>
      </c>
      <c r="AG1859" s="9">
        <v>-6108.4338714000005</v>
      </c>
      <c r="AH1859" s="13">
        <v>-0.17696365683409415</v>
      </c>
      <c r="AI1859" s="9">
        <v>-16552.155648399999</v>
      </c>
      <c r="AJ1859" s="13">
        <v>-0.47952225622713329</v>
      </c>
      <c r="AK1859" s="9">
        <v>3303.0574167000013</v>
      </c>
      <c r="AL1859" s="13">
        <v>0.18385191896399097</v>
      </c>
      <c r="AM1859" s="9">
        <v>7140.6643602999975</v>
      </c>
      <c r="AN1859" s="13">
        <v>0.33573242058427444</v>
      </c>
      <c r="AO1859" s="9">
        <v>10443.721776999999</v>
      </c>
      <c r="AP1859" s="13">
        <v>0.58130938933110998</v>
      </c>
      <c r="AQ1859" s="9">
        <v>34518.0133632</v>
      </c>
      <c r="AR1859" s="9">
        <v>35481.215766000001</v>
      </c>
      <c r="AS1859" s="9">
        <v>42370.887521500001</v>
      </c>
      <c r="AT1859" s="9">
        <v>40518.527160099999</v>
      </c>
      <c r="AU1859" s="9">
        <v>41825.704097299997</v>
      </c>
      <c r="AV1859" s="9">
        <v>39943.079939000003</v>
      </c>
      <c r="AW1859" s="9">
        <v>17965.8577148</v>
      </c>
      <c r="AX1859" s="9">
        <v>19923.914230599999</v>
      </c>
      <c r="AY1859" s="9">
        <v>18959.445760999999</v>
      </c>
      <c r="AZ1859" s="9">
        <v>21268.915131500002</v>
      </c>
      <c r="BA1859" s="9">
        <v>17845.946382099999</v>
      </c>
      <c r="BB1859" s="9">
        <v>17856.1571162</v>
      </c>
      <c r="BC1859" s="9">
        <v>20252.416650200001</v>
      </c>
      <c r="BD1859" s="9">
        <v>22545.369929500001</v>
      </c>
      <c r="BE1859" s="9">
        <v>25700.585708099999</v>
      </c>
      <c r="BF1859" s="9">
        <v>28409.579491799999</v>
      </c>
      <c r="BG1859" s="11">
        <v>-3</v>
      </c>
      <c r="BH1859" s="13">
        <v>-0.21428571428571427</v>
      </c>
      <c r="BI1859" s="6">
        <v>4</v>
      </c>
      <c r="BJ1859" s="13">
        <v>0.2857142857142857</v>
      </c>
      <c r="BK1859" s="6">
        <v>-2</v>
      </c>
      <c r="BL1859" s="13">
        <v>-0.1111111111111111</v>
      </c>
      <c r="BM1859" s="11">
        <v>-5</v>
      </c>
      <c r="BN1859" s="13">
        <v>-0.3125</v>
      </c>
      <c r="BO1859" s="11">
        <v>-7</v>
      </c>
      <c r="BP1859" s="13">
        <v>-0.3888888888888889</v>
      </c>
      <c r="BQ1859" s="6">
        <v>14</v>
      </c>
      <c r="BR1859" s="6">
        <v>15</v>
      </c>
      <c r="BS1859" s="6">
        <v>17</v>
      </c>
      <c r="BT1859" s="6">
        <v>18</v>
      </c>
      <c r="BU1859" s="6">
        <v>15</v>
      </c>
      <c r="BV1859" s="6">
        <v>13</v>
      </c>
      <c r="BW1859" s="6">
        <v>16</v>
      </c>
      <c r="BX1859" s="6">
        <v>16</v>
      </c>
      <c r="BY1859" s="6">
        <v>16</v>
      </c>
      <c r="BZ1859" s="6">
        <v>14</v>
      </c>
      <c r="CA1859" s="6">
        <v>11</v>
      </c>
      <c r="CB1859" s="6">
        <v>11</v>
      </c>
      <c r="CC1859" s="11">
        <v>11</v>
      </c>
      <c r="CD1859" s="11">
        <v>-83.158900000000003</v>
      </c>
      <c r="CE1859" s="11">
        <v>13.6355</v>
      </c>
      <c r="CF1859" s="11">
        <v>16.566500000000001</v>
      </c>
      <c r="CG1859" s="11">
        <v>31</v>
      </c>
      <c r="CH1859" s="20">
        <v>0.84716400000000003</v>
      </c>
      <c r="CI1859" s="20">
        <v>0.84767499999999996</v>
      </c>
      <c r="CJ1859" s="20">
        <v>0.77752500000000002</v>
      </c>
      <c r="CK1859" s="20">
        <v>0.68639799999999995</v>
      </c>
      <c r="CL1859" s="20">
        <v>0.61565300000000001</v>
      </c>
      <c r="CM1859" s="20">
        <v>0.68603999999999998</v>
      </c>
      <c r="CN1859" s="20">
        <v>0.35402899999999998</v>
      </c>
      <c r="CO1859" s="20">
        <v>0.31202200000000002</v>
      </c>
      <c r="CP1859" s="20">
        <v>0.34003499999999998</v>
      </c>
      <c r="CQ1859" s="20">
        <v>0.66894500000000001</v>
      </c>
      <c r="CR1859" s="20">
        <v>0.68288300000000002</v>
      </c>
      <c r="CS1859" s="20">
        <v>0.65254500000000004</v>
      </c>
      <c r="CT1859" s="20">
        <v>0.515737</v>
      </c>
      <c r="CU1859" s="20">
        <v>0.39758199999999999</v>
      </c>
      <c r="CV1859" s="20">
        <v>0.40875699999999998</v>
      </c>
      <c r="CW1859" s="20">
        <v>0.38926899999999998</v>
      </c>
      <c r="CX1859" s="20">
        <v>0.37393500000000002</v>
      </c>
      <c r="CY1859" s="6" t="s">
        <v>662</v>
      </c>
      <c r="CZ1859" s="6" t="s">
        <v>663</v>
      </c>
      <c r="DA1859" s="6" t="s">
        <v>130</v>
      </c>
      <c r="DB1859" s="6"/>
      <c r="DC1859" s="6">
        <v>25300</v>
      </c>
      <c r="DD1859" s="6">
        <v>448</v>
      </c>
      <c r="DE1859" s="6" t="s">
        <v>598</v>
      </c>
      <c r="DF1859" s="6" t="s">
        <v>363</v>
      </c>
      <c r="DG1859" s="6" t="s">
        <v>376</v>
      </c>
      <c r="DH1859" s="6" t="s">
        <v>468</v>
      </c>
      <c r="DI1859" s="6" t="s">
        <v>575</v>
      </c>
      <c r="DJ1859" s="6">
        <v>29</v>
      </c>
      <c r="DK1859" s="6">
        <v>173</v>
      </c>
      <c r="DL1859" s="6">
        <v>8</v>
      </c>
      <c r="DM1859" s="6" t="s">
        <v>368</v>
      </c>
      <c r="DN1859" s="6">
        <v>9</v>
      </c>
      <c r="DO1859" s="6" t="s">
        <v>384</v>
      </c>
      <c r="DP1859" s="6"/>
      <c r="DQ1859" s="6"/>
    </row>
    <row r="1860" spans="1:121" x14ac:dyDescent="0.2">
      <c r="A1860" s="6" t="s">
        <v>320</v>
      </c>
      <c r="B1860" s="6" t="s">
        <v>320</v>
      </c>
      <c r="C1860" s="6" t="s">
        <v>189</v>
      </c>
      <c r="D1860" s="6" t="s">
        <v>130</v>
      </c>
      <c r="E1860" s="6" t="s">
        <v>271</v>
      </c>
      <c r="F1860" s="11">
        <v>21</v>
      </c>
      <c r="G1860" s="13">
        <v>1</v>
      </c>
      <c r="H1860" s="11">
        <v>13.254818028100001</v>
      </c>
      <c r="I1860" s="13"/>
      <c r="J1860" s="11">
        <v>0.73344097189999857</v>
      </c>
      <c r="K1860" s="13">
        <v>5.5333914833467765E-2</v>
      </c>
      <c r="L1860" s="11">
        <v>6.7539876113000012</v>
      </c>
      <c r="M1860" s="13">
        <v>0.48283261064153887</v>
      </c>
      <c r="N1860" s="11">
        <v>7.4874285831999998</v>
      </c>
      <c r="O1860" s="13">
        <v>0.56488354403106644</v>
      </c>
      <c r="P1860" s="7">
        <v>0</v>
      </c>
      <c r="Q1860" s="7">
        <v>0</v>
      </c>
      <c r="R1860" s="7">
        <v>0</v>
      </c>
      <c r="S1860" s="7">
        <v>5</v>
      </c>
      <c r="T1860" s="7">
        <v>13.508229094600001</v>
      </c>
      <c r="U1860" s="7">
        <v>12.603885999999999</v>
      </c>
      <c r="V1860" s="7">
        <v>13.254818028100001</v>
      </c>
      <c r="W1860" s="7">
        <v>13.274108999999999</v>
      </c>
      <c r="X1860" s="7">
        <v>13.475657</v>
      </c>
      <c r="Y1860" s="7">
        <v>13.988258999999999</v>
      </c>
      <c r="Z1860" s="7">
        <v>18.732742999999999</v>
      </c>
      <c r="AA1860" s="7">
        <v>19.298019200599999</v>
      </c>
      <c r="AB1860" s="7">
        <v>17.485240127000001</v>
      </c>
      <c r="AC1860" s="7">
        <v>16.514815746899998</v>
      </c>
      <c r="AD1860" s="7">
        <v>15.054454</v>
      </c>
      <c r="AE1860" s="7">
        <v>19.776583500000001</v>
      </c>
      <c r="AF1860" s="7">
        <v>20.742246611300001</v>
      </c>
      <c r="AG1860" s="9">
        <v>26392.1076092</v>
      </c>
      <c r="AH1860" s="13"/>
      <c r="AI1860" s="9">
        <v>27422.710130899999</v>
      </c>
      <c r="AJ1860" s="13"/>
      <c r="AK1860" s="9">
        <v>-2986.2371540999993</v>
      </c>
      <c r="AL1860" s="13">
        <v>-0.10889650001205016</v>
      </c>
      <c r="AM1860" s="9">
        <v>1955.6346324000006</v>
      </c>
      <c r="AN1860" s="13">
        <v>8.0029332967023553E-2</v>
      </c>
      <c r="AO1860" s="9">
        <v>-1030.6025216999988</v>
      </c>
      <c r="AP1860" s="13">
        <v>-3.7582081303434427E-2</v>
      </c>
      <c r="AQ1860" s="9">
        <v>0</v>
      </c>
      <c r="AR1860" s="9">
        <v>0</v>
      </c>
      <c r="AS1860" s="9">
        <v>0</v>
      </c>
      <c r="AT1860" s="9">
        <v>1</v>
      </c>
      <c r="AU1860" s="9">
        <v>11907.9294584</v>
      </c>
      <c r="AV1860" s="9">
        <v>20870.294356499999</v>
      </c>
      <c r="AW1860" s="9">
        <v>27422.710130899999</v>
      </c>
      <c r="AX1860" s="9">
        <v>22519.493371100001</v>
      </c>
      <c r="AY1860" s="9">
        <v>36195.245031899998</v>
      </c>
      <c r="AZ1860" s="9">
        <v>24436.4729768</v>
      </c>
      <c r="BA1860" s="9">
        <v>20644.9227689</v>
      </c>
      <c r="BB1860" s="9">
        <v>21434.984650300001</v>
      </c>
      <c r="BC1860" s="9">
        <v>24286.297112299999</v>
      </c>
      <c r="BD1860" s="9">
        <v>28214.985384700001</v>
      </c>
      <c r="BE1860" s="9">
        <v>83705.549474800006</v>
      </c>
      <c r="BF1860" s="9">
        <v>26392.1076092</v>
      </c>
      <c r="BG1860" s="11">
        <v>1</v>
      </c>
      <c r="BH1860" s="13" t="e">
        <v>#DIV/0!</v>
      </c>
      <c r="BI1860" s="6">
        <v>1</v>
      </c>
      <c r="BJ1860" s="13" t="e">
        <v>#DIV/0!</v>
      </c>
      <c r="BK1860" s="6">
        <v>0</v>
      </c>
      <c r="BL1860" s="13">
        <v>0</v>
      </c>
      <c r="BM1860" s="11">
        <v>0</v>
      </c>
      <c r="BN1860" s="13">
        <v>0</v>
      </c>
      <c r="BO1860" s="11">
        <v>0</v>
      </c>
      <c r="BP1860" s="13">
        <v>0</v>
      </c>
      <c r="BQ1860" s="6">
        <v>0</v>
      </c>
      <c r="BR1860" s="6">
        <v>1</v>
      </c>
      <c r="BS1860" s="6">
        <v>1</v>
      </c>
      <c r="BT1860" s="6">
        <v>1</v>
      </c>
      <c r="BU1860" s="6">
        <v>1</v>
      </c>
      <c r="BV1860" s="6">
        <v>1</v>
      </c>
      <c r="BW1860" s="6">
        <v>1</v>
      </c>
      <c r="BX1860" s="6">
        <v>1</v>
      </c>
      <c r="BY1860" s="6">
        <v>1</v>
      </c>
      <c r="BZ1860" s="6">
        <v>1</v>
      </c>
      <c r="CA1860" s="6">
        <v>1</v>
      </c>
      <c r="CB1860" s="6">
        <v>1</v>
      </c>
      <c r="CC1860" s="11">
        <v>1</v>
      </c>
      <c r="CD1860" s="11">
        <v>20.270800000000001</v>
      </c>
      <c r="CE1860" s="11">
        <v>0.36210500000000001</v>
      </c>
      <c r="CF1860" s="11">
        <v>0.10931200000000001</v>
      </c>
      <c r="CG1860" s="11">
        <v>0</v>
      </c>
      <c r="CH1860" s="20">
        <v>0</v>
      </c>
      <c r="CI1860" s="20">
        <v>0</v>
      </c>
      <c r="CJ1860" s="20">
        <v>0</v>
      </c>
      <c r="CK1860" s="20">
        <v>1.08249E-2</v>
      </c>
      <c r="CL1860" s="20">
        <v>0.190667</v>
      </c>
      <c r="CM1860" s="20">
        <v>0.17777399999999999</v>
      </c>
      <c r="CN1860" s="20">
        <v>0.15554799999999999</v>
      </c>
      <c r="CO1860" s="20">
        <v>0.15873200000000001</v>
      </c>
      <c r="CP1860" s="20">
        <v>0.16700599999999999</v>
      </c>
      <c r="CQ1860" s="20">
        <v>0.19069700000000001</v>
      </c>
      <c r="CR1860" s="20">
        <v>0.244979</v>
      </c>
      <c r="CS1860" s="20">
        <v>0.24852399999999999</v>
      </c>
      <c r="CT1860" s="20">
        <v>0.16996900000000001</v>
      </c>
      <c r="CU1860" s="20">
        <v>0.160746</v>
      </c>
      <c r="CV1860" s="20">
        <v>0.149896</v>
      </c>
      <c r="CW1860" s="20">
        <v>0.19597300000000001</v>
      </c>
      <c r="CX1860" s="20">
        <v>0.19218499999999999</v>
      </c>
      <c r="CY1860" s="6" t="s">
        <v>662</v>
      </c>
      <c r="CZ1860" s="6" t="s">
        <v>663</v>
      </c>
      <c r="DA1860" s="6" t="s">
        <v>130</v>
      </c>
      <c r="DB1860" s="6"/>
      <c r="DC1860" s="6">
        <v>25300</v>
      </c>
      <c r="DD1860" s="6">
        <v>448</v>
      </c>
      <c r="DE1860" s="6" t="s">
        <v>598</v>
      </c>
      <c r="DF1860" s="6" t="s">
        <v>363</v>
      </c>
      <c r="DG1860" s="6" t="s">
        <v>376</v>
      </c>
      <c r="DH1860" s="6" t="s">
        <v>468</v>
      </c>
      <c r="DI1860" s="6" t="s">
        <v>575</v>
      </c>
      <c r="DJ1860" s="6">
        <v>29</v>
      </c>
      <c r="DK1860" s="6">
        <v>173</v>
      </c>
      <c r="DL1860" s="6">
        <v>8</v>
      </c>
      <c r="DM1860" s="6" t="s">
        <v>368</v>
      </c>
      <c r="DN1860" s="6">
        <v>9</v>
      </c>
      <c r="DO1860" s="6" t="s">
        <v>384</v>
      </c>
      <c r="DP1860" s="6"/>
      <c r="DQ1860" s="6"/>
    </row>
    <row r="1861" spans="1:121" x14ac:dyDescent="0.2">
      <c r="A1861" s="6" t="s">
        <v>321</v>
      </c>
      <c r="B1861" s="6" t="s">
        <v>321</v>
      </c>
      <c r="C1861" s="6" t="s">
        <v>190</v>
      </c>
      <c r="D1861" s="6" t="s">
        <v>130</v>
      </c>
      <c r="E1861" s="6" t="s">
        <v>271</v>
      </c>
      <c r="F1861" s="11">
        <v>45</v>
      </c>
      <c r="G1861" s="13">
        <v>0.260115606936</v>
      </c>
      <c r="H1861" s="11">
        <v>-35.453743239000005</v>
      </c>
      <c r="I1861" s="13">
        <v>-0.20523399645824736</v>
      </c>
      <c r="J1861" s="11">
        <v>23.746930762000005</v>
      </c>
      <c r="K1861" s="13">
        <v>0.1729638769125085</v>
      </c>
      <c r="L1861" s="11">
        <v>56.564586273000003</v>
      </c>
      <c r="M1861" s="13">
        <v>0.35124318176124464</v>
      </c>
      <c r="N1861" s="11">
        <v>80.311517035000008</v>
      </c>
      <c r="O1861" s="13">
        <v>0.58495944113026288</v>
      </c>
      <c r="P1861" s="7">
        <v>172.74790654</v>
      </c>
      <c r="Q1861" s="7">
        <v>150.10158251999999</v>
      </c>
      <c r="R1861" s="7">
        <v>143.29872501299999</v>
      </c>
      <c r="S1861" s="7">
        <v>143.06531853600001</v>
      </c>
      <c r="T1861" s="7">
        <v>144.63259714399999</v>
      </c>
      <c r="U1861" s="7">
        <v>152.20993402799999</v>
      </c>
      <c r="V1861" s="7">
        <v>137.294163301</v>
      </c>
      <c r="W1861" s="7">
        <v>144.91515227599999</v>
      </c>
      <c r="X1861" s="7">
        <v>140.924225898</v>
      </c>
      <c r="Y1861" s="7">
        <v>161.041094063</v>
      </c>
      <c r="Z1861" s="7">
        <v>171.27323483699999</v>
      </c>
      <c r="AA1861" s="7">
        <v>180.72091539199999</v>
      </c>
      <c r="AB1861" s="7">
        <v>181.509349353</v>
      </c>
      <c r="AC1861" s="7">
        <v>186.28880519099999</v>
      </c>
      <c r="AD1861" s="7">
        <v>188.899176501</v>
      </c>
      <c r="AE1861" s="7">
        <v>207.92308339499999</v>
      </c>
      <c r="AF1861" s="7">
        <v>217.60568033600001</v>
      </c>
      <c r="AG1861" s="9">
        <v>16782.789025300001</v>
      </c>
      <c r="AH1861" s="13">
        <v>0.88982865249256449</v>
      </c>
      <c r="AI1861" s="9">
        <v>4676.7354779999987</v>
      </c>
      <c r="AJ1861" s="13">
        <v>0.24796195806188537</v>
      </c>
      <c r="AK1861" s="9">
        <v>9689.9826457999989</v>
      </c>
      <c r="AL1861" s="13">
        <v>0.41168391907264024</v>
      </c>
      <c r="AM1861" s="9">
        <v>2416.0709015000029</v>
      </c>
      <c r="AN1861" s="13">
        <v>7.2713175474676678E-2</v>
      </c>
      <c r="AO1861" s="9">
        <v>12106.053547300002</v>
      </c>
      <c r="AP1861" s="13">
        <v>0.51433193959494838</v>
      </c>
      <c r="AQ1861" s="9">
        <v>18860.697481800002</v>
      </c>
      <c r="AR1861" s="9">
        <v>19343.128255799998</v>
      </c>
      <c r="AS1861" s="9">
        <v>21340.313348299998</v>
      </c>
      <c r="AT1861" s="9">
        <v>21550.718689599998</v>
      </c>
      <c r="AU1861" s="9">
        <v>20296.698199400002</v>
      </c>
      <c r="AV1861" s="9">
        <v>20876.767234499999</v>
      </c>
      <c r="AW1861" s="9">
        <v>23537.4329598</v>
      </c>
      <c r="AX1861" s="9">
        <v>25684.5877378</v>
      </c>
      <c r="AY1861" s="9">
        <v>29072.265106700001</v>
      </c>
      <c r="AZ1861" s="9">
        <v>33227.415605599999</v>
      </c>
      <c r="BA1861" s="9">
        <v>31998.533081500002</v>
      </c>
      <c r="BB1861" s="9">
        <v>31329.722050699998</v>
      </c>
      <c r="BC1861" s="9">
        <v>28309.502075100001</v>
      </c>
      <c r="BD1861" s="9">
        <v>28267.785378799999</v>
      </c>
      <c r="BE1861" s="9">
        <v>26730.263627799999</v>
      </c>
      <c r="BF1861" s="9">
        <v>35643.486507100002</v>
      </c>
      <c r="BG1861" s="11">
        <v>15.75</v>
      </c>
      <c r="BH1861" s="13">
        <v>1.75</v>
      </c>
      <c r="BI1861" s="6">
        <v>-2</v>
      </c>
      <c r="BJ1861" s="13">
        <v>-0.22222222222222221</v>
      </c>
      <c r="BK1861" s="6">
        <v>3</v>
      </c>
      <c r="BL1861" s="13">
        <v>0.42857142857142855</v>
      </c>
      <c r="BM1861" s="11">
        <v>14.75</v>
      </c>
      <c r="BN1861" s="13">
        <v>1.4750000000000001</v>
      </c>
      <c r="BO1861" s="11">
        <v>17.75</v>
      </c>
      <c r="BP1861" s="13">
        <v>2.5357142857142856</v>
      </c>
      <c r="BQ1861" s="6">
        <v>9</v>
      </c>
      <c r="BR1861" s="6">
        <v>8</v>
      </c>
      <c r="BS1861" s="6">
        <v>9</v>
      </c>
      <c r="BT1861" s="6">
        <v>7</v>
      </c>
      <c r="BU1861" s="6">
        <v>9</v>
      </c>
      <c r="BV1861" s="6">
        <v>9</v>
      </c>
      <c r="BW1861" s="6">
        <v>10</v>
      </c>
      <c r="BX1861" s="6">
        <v>10</v>
      </c>
      <c r="BY1861" s="6">
        <v>10</v>
      </c>
      <c r="BZ1861" s="6">
        <v>25</v>
      </c>
      <c r="CA1861" s="6">
        <v>25</v>
      </c>
      <c r="CB1861" s="6">
        <v>25</v>
      </c>
      <c r="CC1861" s="11">
        <v>24.75</v>
      </c>
      <c r="CD1861" s="11">
        <v>-36.934699999999999</v>
      </c>
      <c r="CE1861" s="11">
        <v>62.908999999999999</v>
      </c>
      <c r="CF1861" s="11">
        <v>18.883400000000002</v>
      </c>
      <c r="CG1861" s="11">
        <v>82</v>
      </c>
      <c r="CH1861" s="20">
        <v>0.58606000000000003</v>
      </c>
      <c r="CI1861" s="20">
        <v>0.51500699999999999</v>
      </c>
      <c r="CJ1861" s="20">
        <v>0.49096800000000002</v>
      </c>
      <c r="CK1861" s="20">
        <v>0.429703</v>
      </c>
      <c r="CL1861" s="20">
        <v>0.41782200000000003</v>
      </c>
      <c r="CM1861" s="20">
        <v>0.43800299999999998</v>
      </c>
      <c r="CN1861" s="20">
        <v>0.32798300000000002</v>
      </c>
      <c r="CO1861" s="20">
        <v>0.35394999999999999</v>
      </c>
      <c r="CP1861" s="20">
        <v>0.35946899999999998</v>
      </c>
      <c r="CQ1861" s="20">
        <v>0.45471099999999998</v>
      </c>
      <c r="CR1861" s="20">
        <v>0.47219100000000003</v>
      </c>
      <c r="CS1861" s="20">
        <v>0.48256500000000002</v>
      </c>
      <c r="CT1861" s="20">
        <v>0.36391400000000002</v>
      </c>
      <c r="CU1861" s="20">
        <v>0.37475199999999997</v>
      </c>
      <c r="CV1861" s="20">
        <v>0.38485200000000003</v>
      </c>
      <c r="CW1861" s="20">
        <v>0.41905100000000001</v>
      </c>
      <c r="CX1861" s="20">
        <v>0.40767399999999998</v>
      </c>
      <c r="CY1861" s="6" t="s">
        <v>662</v>
      </c>
      <c r="CZ1861" s="6" t="s">
        <v>663</v>
      </c>
      <c r="DA1861" s="6" t="s">
        <v>130</v>
      </c>
      <c r="DB1861" s="6"/>
      <c r="DC1861" s="6">
        <v>25300</v>
      </c>
      <c r="DD1861" s="6">
        <v>448</v>
      </c>
      <c r="DE1861" s="6" t="s">
        <v>598</v>
      </c>
      <c r="DF1861" s="6" t="s">
        <v>363</v>
      </c>
      <c r="DG1861" s="6" t="s">
        <v>376</v>
      </c>
      <c r="DH1861" s="6" t="s">
        <v>468</v>
      </c>
      <c r="DI1861" s="6" t="s">
        <v>575</v>
      </c>
      <c r="DJ1861" s="6">
        <v>29</v>
      </c>
      <c r="DK1861" s="6">
        <v>173</v>
      </c>
      <c r="DL1861" s="6">
        <v>8</v>
      </c>
      <c r="DM1861" s="6" t="s">
        <v>368</v>
      </c>
      <c r="DN1861" s="6">
        <v>9</v>
      </c>
      <c r="DO1861" s="6" t="s">
        <v>384</v>
      </c>
      <c r="DP1861" s="6"/>
      <c r="DQ1861" s="6"/>
    </row>
    <row r="1862" spans="1:121" x14ac:dyDescent="0.2">
      <c r="A1862" s="6" t="s">
        <v>322</v>
      </c>
      <c r="B1862" s="6" t="s">
        <v>322</v>
      </c>
      <c r="C1862" s="6" t="s">
        <v>191</v>
      </c>
      <c r="D1862" s="6" t="s">
        <v>130</v>
      </c>
      <c r="E1862" s="6" t="s">
        <v>271</v>
      </c>
      <c r="F1862" s="11">
        <v>-17</v>
      </c>
      <c r="G1862" s="13">
        <v>-0.52</v>
      </c>
      <c r="H1862" s="11">
        <v>-3</v>
      </c>
      <c r="I1862" s="13">
        <v>-9.0909090909090912E-2</v>
      </c>
      <c r="J1862" s="11">
        <v>-4</v>
      </c>
      <c r="K1862" s="13">
        <v>-0.13333333333333333</v>
      </c>
      <c r="L1862" s="11">
        <v>-10</v>
      </c>
      <c r="M1862" s="13">
        <v>-0.38461538461538464</v>
      </c>
      <c r="N1862" s="11">
        <v>-14</v>
      </c>
      <c r="O1862" s="13">
        <v>-0.46666666666666662</v>
      </c>
      <c r="P1862" s="7">
        <v>33</v>
      </c>
      <c r="Q1862" s="7">
        <v>36</v>
      </c>
      <c r="R1862" s="7">
        <v>37</v>
      </c>
      <c r="S1862" s="7">
        <v>33</v>
      </c>
      <c r="T1862" s="7">
        <v>32</v>
      </c>
      <c r="U1862" s="7">
        <v>27</v>
      </c>
      <c r="V1862" s="7">
        <v>30</v>
      </c>
      <c r="W1862" s="7">
        <v>29</v>
      </c>
      <c r="X1862" s="7">
        <v>25</v>
      </c>
      <c r="Y1862" s="7">
        <v>26</v>
      </c>
      <c r="Z1862" s="7">
        <v>22</v>
      </c>
      <c r="AA1862" s="7">
        <v>25</v>
      </c>
      <c r="AB1862" s="7">
        <v>15</v>
      </c>
      <c r="AC1862" s="7">
        <v>18</v>
      </c>
      <c r="AD1862" s="7">
        <v>18</v>
      </c>
      <c r="AE1862" s="7">
        <v>17</v>
      </c>
      <c r="AF1862" s="7">
        <v>16</v>
      </c>
      <c r="AG1862" s="9">
        <v>12030</v>
      </c>
      <c r="AH1862" s="13">
        <v>1.4307802093244528</v>
      </c>
      <c r="AI1862" s="9">
        <v>6353</v>
      </c>
      <c r="AJ1862" s="13">
        <v>0.7555899143672693</v>
      </c>
      <c r="AK1862" s="9">
        <v>2548</v>
      </c>
      <c r="AL1862" s="13">
        <v>0.17261703136643858</v>
      </c>
      <c r="AM1862" s="9">
        <v>3129</v>
      </c>
      <c r="AN1862" s="13">
        <v>0.18077300826159801</v>
      </c>
      <c r="AO1862" s="9">
        <v>5677</v>
      </c>
      <c r="AP1862" s="13">
        <v>0.3845945396653343</v>
      </c>
      <c r="AQ1862" s="9">
        <v>8408</v>
      </c>
      <c r="AR1862" s="9">
        <v>9065</v>
      </c>
      <c r="AS1862" s="9">
        <v>8819</v>
      </c>
      <c r="AT1862" s="9">
        <v>10225</v>
      </c>
      <c r="AU1862" s="9">
        <v>12979</v>
      </c>
      <c r="AV1862" s="9">
        <v>12436</v>
      </c>
      <c r="AW1862" s="9">
        <v>14761</v>
      </c>
      <c r="AX1862" s="9">
        <v>13966</v>
      </c>
      <c r="AY1862" s="9">
        <v>15435</v>
      </c>
      <c r="AZ1862" s="9">
        <v>17309</v>
      </c>
      <c r="BA1862" s="9">
        <v>18622</v>
      </c>
      <c r="BB1862" s="9">
        <v>17398</v>
      </c>
      <c r="BC1862" s="9">
        <v>23302</v>
      </c>
      <c r="BD1862" s="9">
        <v>23882</v>
      </c>
      <c r="BE1862" s="9">
        <v>19951</v>
      </c>
      <c r="BF1862" s="9">
        <v>20438</v>
      </c>
      <c r="BG1862" s="11">
        <v>0</v>
      </c>
      <c r="BH1862" s="13">
        <v>0</v>
      </c>
      <c r="BI1862" s="6">
        <v>0</v>
      </c>
      <c r="BJ1862" s="13">
        <v>0</v>
      </c>
      <c r="BK1862" s="6">
        <v>0</v>
      </c>
      <c r="BL1862" s="13">
        <v>0</v>
      </c>
      <c r="BM1862" s="11">
        <v>0</v>
      </c>
      <c r="BN1862" s="13">
        <v>0</v>
      </c>
      <c r="BO1862" s="11">
        <v>0</v>
      </c>
      <c r="BP1862" s="13">
        <v>0</v>
      </c>
      <c r="BQ1862" s="6">
        <v>3</v>
      </c>
      <c r="BR1862" s="6">
        <v>3</v>
      </c>
      <c r="BS1862" s="6">
        <v>3</v>
      </c>
      <c r="BT1862" s="6">
        <v>3</v>
      </c>
      <c r="BU1862" s="6">
        <v>3</v>
      </c>
      <c r="BV1862" s="6">
        <v>3</v>
      </c>
      <c r="BW1862" s="6">
        <v>3</v>
      </c>
      <c r="BX1862" s="6">
        <v>3</v>
      </c>
      <c r="BY1862" s="6">
        <v>3</v>
      </c>
      <c r="BZ1862" s="6">
        <v>3</v>
      </c>
      <c r="CA1862" s="6">
        <v>3</v>
      </c>
      <c r="CB1862" s="6">
        <v>3</v>
      </c>
      <c r="CC1862" s="11">
        <v>3</v>
      </c>
      <c r="CD1862" s="11">
        <v>-27</v>
      </c>
      <c r="CE1862" s="11">
        <v>6</v>
      </c>
      <c r="CF1862" s="11">
        <v>4</v>
      </c>
      <c r="CG1862" s="11">
        <v>10</v>
      </c>
      <c r="CH1862" s="20">
        <v>0.73</v>
      </c>
      <c r="CI1862" s="20">
        <v>0.82</v>
      </c>
      <c r="CJ1862" s="20">
        <v>0.85</v>
      </c>
      <c r="CK1862" s="20">
        <v>0.67</v>
      </c>
      <c r="CL1862" s="20">
        <v>0.62</v>
      </c>
      <c r="CM1862" s="20">
        <v>0.54</v>
      </c>
      <c r="CN1862" s="20">
        <v>0.5</v>
      </c>
      <c r="CO1862" s="20">
        <v>0.5</v>
      </c>
      <c r="CP1862" s="20">
        <v>0.46</v>
      </c>
      <c r="CQ1862" s="20">
        <v>0.55000000000000004</v>
      </c>
      <c r="CR1862" s="20">
        <v>0.46</v>
      </c>
      <c r="CS1862" s="20">
        <v>0.51</v>
      </c>
      <c r="CT1862" s="20">
        <v>0.23</v>
      </c>
      <c r="CU1862" s="20">
        <v>0.28000000000000003</v>
      </c>
      <c r="CV1862" s="20">
        <v>0.27</v>
      </c>
      <c r="CW1862" s="20">
        <v>0.26</v>
      </c>
      <c r="CX1862" s="20">
        <v>0.22</v>
      </c>
      <c r="CY1862" s="6" t="s">
        <v>662</v>
      </c>
      <c r="CZ1862" s="6" t="s">
        <v>663</v>
      </c>
      <c r="DA1862" s="6" t="s">
        <v>130</v>
      </c>
      <c r="DB1862" s="6"/>
      <c r="DC1862" s="6">
        <v>25300</v>
      </c>
      <c r="DD1862" s="6">
        <v>448</v>
      </c>
      <c r="DE1862" s="6" t="s">
        <v>598</v>
      </c>
      <c r="DF1862" s="6" t="s">
        <v>363</v>
      </c>
      <c r="DG1862" s="6" t="s">
        <v>376</v>
      </c>
      <c r="DH1862" s="6" t="s">
        <v>468</v>
      </c>
      <c r="DI1862" s="6" t="s">
        <v>575</v>
      </c>
      <c r="DJ1862" s="6">
        <v>29</v>
      </c>
      <c r="DK1862" s="6">
        <v>173</v>
      </c>
      <c r="DL1862" s="6">
        <v>8</v>
      </c>
      <c r="DM1862" s="6" t="s">
        <v>368</v>
      </c>
      <c r="DN1862" s="6">
        <v>9</v>
      </c>
      <c r="DO1862" s="6" t="s">
        <v>384</v>
      </c>
      <c r="DP1862" s="6"/>
      <c r="DQ1862" s="6"/>
    </row>
    <row r="1863" spans="1:121" x14ac:dyDescent="0.2">
      <c r="A1863" s="6" t="s">
        <v>323</v>
      </c>
      <c r="B1863" s="6" t="s">
        <v>323</v>
      </c>
      <c r="C1863" s="6" t="s">
        <v>192</v>
      </c>
      <c r="D1863" s="6" t="s">
        <v>130</v>
      </c>
      <c r="E1863" s="6" t="s">
        <v>271</v>
      </c>
      <c r="F1863" s="11">
        <v>-50</v>
      </c>
      <c r="G1863" s="13">
        <v>-0.25125628140700002</v>
      </c>
      <c r="H1863" s="11">
        <v>-63.026136825000009</v>
      </c>
      <c r="I1863" s="13">
        <v>-0.31630323810294364</v>
      </c>
      <c r="J1863" s="11">
        <v>4.5145043459999954</v>
      </c>
      <c r="K1863" s="13">
        <v>3.3138244844984163E-2</v>
      </c>
      <c r="L1863" s="11">
        <v>8.0176575849999949</v>
      </c>
      <c r="M1863" s="13">
        <v>5.6965051326045367E-2</v>
      </c>
      <c r="N1863" s="11">
        <v>12.53216193099999</v>
      </c>
      <c r="O1863" s="13">
        <v>9.1991017989479104E-2</v>
      </c>
      <c r="P1863" s="7">
        <v>199.25858869800001</v>
      </c>
      <c r="Q1863" s="7">
        <v>215.66577703999999</v>
      </c>
      <c r="R1863" s="7">
        <v>215.23964017200001</v>
      </c>
      <c r="S1863" s="7">
        <v>215.670604905</v>
      </c>
      <c r="T1863" s="7">
        <v>195.04530617500001</v>
      </c>
      <c r="U1863" s="7">
        <v>145.20277134</v>
      </c>
      <c r="V1863" s="7">
        <v>136.232451873</v>
      </c>
      <c r="W1863" s="7">
        <v>94.192084878599999</v>
      </c>
      <c r="X1863" s="7">
        <v>119.437301277</v>
      </c>
      <c r="Y1863" s="7">
        <v>140.746956219</v>
      </c>
      <c r="Z1863" s="7">
        <v>135.52526178100001</v>
      </c>
      <c r="AA1863" s="7">
        <v>155.18645156400001</v>
      </c>
      <c r="AB1863" s="7">
        <v>134.687440057</v>
      </c>
      <c r="AC1863" s="7">
        <v>166.747797292</v>
      </c>
      <c r="AD1863" s="7">
        <v>146.70449196000001</v>
      </c>
      <c r="AE1863" s="7">
        <v>148.528200086</v>
      </c>
      <c r="AF1863" s="7">
        <v>148.76461380399999</v>
      </c>
      <c r="AG1863" s="9">
        <v>4694.2984221000006</v>
      </c>
      <c r="AH1863" s="13">
        <v>0.4285982844724498</v>
      </c>
      <c r="AI1863" s="9">
        <v>1150.4793699000002</v>
      </c>
      <c r="AJ1863" s="13">
        <v>0.10504093262130086</v>
      </c>
      <c r="AK1863" s="9">
        <v>2147.6498054999993</v>
      </c>
      <c r="AL1863" s="13">
        <v>0.17744543672443988</v>
      </c>
      <c r="AM1863" s="9">
        <v>1396.1692467000012</v>
      </c>
      <c r="AN1863" s="13">
        <v>9.7971249058723398E-2</v>
      </c>
      <c r="AO1863" s="9">
        <v>3543.8190522000004</v>
      </c>
      <c r="AP1863" s="13">
        <v>0.29280123685882731</v>
      </c>
      <c r="AQ1863" s="9">
        <v>10952.6766489</v>
      </c>
      <c r="AR1863" s="9">
        <v>10959.234311300001</v>
      </c>
      <c r="AS1863" s="9">
        <v>12002.0209648</v>
      </c>
      <c r="AT1863" s="9">
        <v>12301.2111988</v>
      </c>
      <c r="AU1863" s="9">
        <v>13414.8964918</v>
      </c>
      <c r="AV1863" s="9">
        <v>13011.7916905</v>
      </c>
      <c r="AW1863" s="9">
        <v>12103.1560188</v>
      </c>
      <c r="AX1863" s="9">
        <v>12852.744346900001</v>
      </c>
      <c r="AY1863" s="9">
        <v>12570.796490799999</v>
      </c>
      <c r="AZ1863" s="9">
        <v>14250.8058243</v>
      </c>
      <c r="BA1863" s="9">
        <v>14698.3782278</v>
      </c>
      <c r="BB1863" s="9">
        <v>14418.640269699999</v>
      </c>
      <c r="BC1863" s="9">
        <v>14672.0536725</v>
      </c>
      <c r="BD1863" s="9">
        <v>15302.3804772</v>
      </c>
      <c r="BE1863" s="9">
        <v>15865.7396135</v>
      </c>
      <c r="BF1863" s="9">
        <v>15646.975071000001</v>
      </c>
      <c r="BG1863" s="11">
        <v>-2</v>
      </c>
      <c r="BH1863" s="13">
        <v>-0.11764705882352941</v>
      </c>
      <c r="BI1863" s="6">
        <v>-2</v>
      </c>
      <c r="BJ1863" s="13">
        <v>-0.11764705882352941</v>
      </c>
      <c r="BK1863" s="6">
        <v>-1</v>
      </c>
      <c r="BL1863" s="13">
        <v>-6.6666666666666666E-2</v>
      </c>
      <c r="BM1863" s="11">
        <v>1</v>
      </c>
      <c r="BN1863" s="13">
        <v>7.1428571428571425E-2</v>
      </c>
      <c r="BO1863" s="11">
        <v>0</v>
      </c>
      <c r="BP1863" s="13">
        <v>0</v>
      </c>
      <c r="BQ1863" s="6">
        <v>17</v>
      </c>
      <c r="BR1863" s="6">
        <v>14</v>
      </c>
      <c r="BS1863" s="6">
        <v>15</v>
      </c>
      <c r="BT1863" s="6">
        <v>15</v>
      </c>
      <c r="BU1863" s="6">
        <v>14</v>
      </c>
      <c r="BV1863" s="6">
        <v>14</v>
      </c>
      <c r="BW1863" s="6">
        <v>14</v>
      </c>
      <c r="BX1863" s="6">
        <v>13</v>
      </c>
      <c r="BY1863" s="6">
        <v>16</v>
      </c>
      <c r="BZ1863" s="6">
        <v>15</v>
      </c>
      <c r="CA1863" s="6">
        <v>14</v>
      </c>
      <c r="CB1863" s="6">
        <v>14</v>
      </c>
      <c r="CC1863" s="11">
        <v>15</v>
      </c>
      <c r="CD1863" s="11">
        <v>-117.58799999999999</v>
      </c>
      <c r="CE1863" s="11">
        <v>45.3125</v>
      </c>
      <c r="CF1863" s="11">
        <v>21.781400000000001</v>
      </c>
      <c r="CG1863" s="11">
        <v>67</v>
      </c>
      <c r="CH1863" s="20">
        <v>0.91089900000000001</v>
      </c>
      <c r="CI1863" s="20">
        <v>1.02244</v>
      </c>
      <c r="CJ1863" s="20">
        <v>1.03145</v>
      </c>
      <c r="CK1863" s="20">
        <v>0.90129099999999995</v>
      </c>
      <c r="CL1863" s="20">
        <v>0.78338300000000005</v>
      </c>
      <c r="CM1863" s="20">
        <v>0.58322700000000005</v>
      </c>
      <c r="CN1863" s="20">
        <v>0.456812</v>
      </c>
      <c r="CO1863" s="20">
        <v>0.330318</v>
      </c>
      <c r="CP1863" s="20">
        <v>0.45911000000000002</v>
      </c>
      <c r="CQ1863" s="20">
        <v>0.60671399999999998</v>
      </c>
      <c r="CR1863" s="20">
        <v>0.56417600000000001</v>
      </c>
      <c r="CS1863" s="20">
        <v>0.62958000000000003</v>
      </c>
      <c r="CT1863" s="20">
        <v>0.40589900000000001</v>
      </c>
      <c r="CU1863" s="20">
        <v>0.49889600000000001</v>
      </c>
      <c r="CV1863" s="20">
        <v>0.440272</v>
      </c>
      <c r="CW1863" s="20">
        <v>0.43991000000000002</v>
      </c>
      <c r="CX1863" s="20">
        <v>0.41397099999999998</v>
      </c>
      <c r="CY1863" s="6" t="s">
        <v>662</v>
      </c>
      <c r="CZ1863" s="6" t="s">
        <v>663</v>
      </c>
      <c r="DA1863" s="6" t="s">
        <v>130</v>
      </c>
      <c r="DB1863" s="6"/>
      <c r="DC1863" s="6">
        <v>25300</v>
      </c>
      <c r="DD1863" s="6">
        <v>448</v>
      </c>
      <c r="DE1863" s="6" t="s">
        <v>598</v>
      </c>
      <c r="DF1863" s="6" t="s">
        <v>363</v>
      </c>
      <c r="DG1863" s="6" t="s">
        <v>376</v>
      </c>
      <c r="DH1863" s="6" t="s">
        <v>468</v>
      </c>
      <c r="DI1863" s="6" t="s">
        <v>575</v>
      </c>
      <c r="DJ1863" s="6">
        <v>29</v>
      </c>
      <c r="DK1863" s="6">
        <v>173</v>
      </c>
      <c r="DL1863" s="6">
        <v>8</v>
      </c>
      <c r="DM1863" s="6" t="s">
        <v>368</v>
      </c>
      <c r="DN1863" s="6">
        <v>9</v>
      </c>
      <c r="DO1863" s="6" t="s">
        <v>384</v>
      </c>
      <c r="DP1863" s="6"/>
      <c r="DQ1863" s="6"/>
    </row>
    <row r="1864" spans="1:121" x14ac:dyDescent="0.2">
      <c r="A1864" s="6" t="s">
        <v>325</v>
      </c>
      <c r="B1864" s="6" t="s">
        <v>325</v>
      </c>
      <c r="C1864" s="6" t="s">
        <v>193</v>
      </c>
      <c r="D1864" s="6" t="s">
        <v>130</v>
      </c>
      <c r="E1864" s="6" t="s">
        <v>271</v>
      </c>
      <c r="F1864" s="11">
        <v>15</v>
      </c>
      <c r="G1864" s="13">
        <v>0.119047619048</v>
      </c>
      <c r="H1864" s="11">
        <v>11.715042532999988</v>
      </c>
      <c r="I1864" s="13">
        <v>9.2738975642517651E-2</v>
      </c>
      <c r="J1864" s="11">
        <v>-11.775764516999999</v>
      </c>
      <c r="K1864" s="13">
        <v>-8.5308263853576372E-2</v>
      </c>
      <c r="L1864" s="11">
        <v>14.289971936000001</v>
      </c>
      <c r="M1864" s="13">
        <v>0.11317711303523233</v>
      </c>
      <c r="N1864" s="11">
        <v>2.5142074190000017</v>
      </c>
      <c r="O1864" s="13">
        <v>1.821390616066031E-2</v>
      </c>
      <c r="P1864" s="7">
        <v>126.322751053</v>
      </c>
      <c r="Q1864" s="7">
        <v>136.18724741700001</v>
      </c>
      <c r="R1864" s="7">
        <v>162.76151404500001</v>
      </c>
      <c r="S1864" s="7">
        <v>142.14299965800001</v>
      </c>
      <c r="T1864" s="7">
        <v>132.37969267</v>
      </c>
      <c r="U1864" s="7">
        <v>136.82398059299999</v>
      </c>
      <c r="V1864" s="7">
        <v>138.03779358599999</v>
      </c>
      <c r="W1864" s="7">
        <v>128.163892301</v>
      </c>
      <c r="X1864" s="7">
        <v>135.969370497</v>
      </c>
      <c r="Y1864" s="7">
        <v>126.26202906899999</v>
      </c>
      <c r="Z1864" s="7">
        <v>131.95611501100001</v>
      </c>
      <c r="AA1864" s="7">
        <v>126.685753601</v>
      </c>
      <c r="AB1864" s="7">
        <v>105.749779612</v>
      </c>
      <c r="AC1864" s="7">
        <v>119.628471882</v>
      </c>
      <c r="AD1864" s="7">
        <v>119.31437130899999</v>
      </c>
      <c r="AE1864" s="7">
        <v>134.532094903</v>
      </c>
      <c r="AF1864" s="7">
        <v>140.55200100499999</v>
      </c>
      <c r="AG1864" s="9">
        <v>5687.1782725999983</v>
      </c>
      <c r="AH1864" s="13">
        <v>0.34141469324975743</v>
      </c>
      <c r="AI1864" s="9">
        <v>1364.7697463999975</v>
      </c>
      <c r="AJ1864" s="13">
        <v>8.1930339087240484E-2</v>
      </c>
      <c r="AK1864" s="9">
        <v>-1925.9036041999989</v>
      </c>
      <c r="AL1864" s="13">
        <v>-0.106861339130673</v>
      </c>
      <c r="AM1864" s="9">
        <v>6248.3121303999997</v>
      </c>
      <c r="AN1864" s="13">
        <v>0.38817708443047411</v>
      </c>
      <c r="AO1864" s="9">
        <v>4322.4085262000008</v>
      </c>
      <c r="AP1864" s="13">
        <v>0.23983462223772031</v>
      </c>
      <c r="AQ1864" s="9">
        <v>16657.684584300001</v>
      </c>
      <c r="AR1864" s="9">
        <v>17337.017878800001</v>
      </c>
      <c r="AS1864" s="9">
        <v>16086.045909099999</v>
      </c>
      <c r="AT1864" s="9">
        <v>17949.049833100002</v>
      </c>
      <c r="AU1864" s="9">
        <v>16811.713552699999</v>
      </c>
      <c r="AV1864" s="9">
        <v>17132.379394700001</v>
      </c>
      <c r="AW1864" s="9">
        <v>18022.454330699999</v>
      </c>
      <c r="AX1864" s="9">
        <v>17422.675720499999</v>
      </c>
      <c r="AY1864" s="9">
        <v>18248.635922699999</v>
      </c>
      <c r="AZ1864" s="9">
        <v>16096.5507265</v>
      </c>
      <c r="BA1864" s="9">
        <v>16255.1635245</v>
      </c>
      <c r="BB1864" s="9">
        <v>14361.4216404</v>
      </c>
      <c r="BC1864" s="9">
        <v>17882.597976599998</v>
      </c>
      <c r="BD1864" s="9">
        <v>20365.287223899999</v>
      </c>
      <c r="BE1864" s="9">
        <v>20517.280576500001</v>
      </c>
      <c r="BF1864" s="9">
        <v>22344.862856899999</v>
      </c>
      <c r="BG1864" s="11">
        <v>-15.75</v>
      </c>
      <c r="BH1864" s="13">
        <v>-0.5625</v>
      </c>
      <c r="BI1864" s="6">
        <v>-4</v>
      </c>
      <c r="BJ1864" s="13">
        <v>-0.14285714285714285</v>
      </c>
      <c r="BK1864" s="6">
        <v>-8</v>
      </c>
      <c r="BL1864" s="13">
        <v>-0.33333333333333331</v>
      </c>
      <c r="BM1864" s="11">
        <v>-3.75</v>
      </c>
      <c r="BN1864" s="13">
        <v>-0.234375</v>
      </c>
      <c r="BO1864" s="11">
        <v>-11.75</v>
      </c>
      <c r="BP1864" s="13">
        <v>-0.48958333333333331</v>
      </c>
      <c r="BQ1864" s="6">
        <v>28</v>
      </c>
      <c r="BR1864" s="6">
        <v>27</v>
      </c>
      <c r="BS1864" s="6">
        <v>22</v>
      </c>
      <c r="BT1864" s="6">
        <v>24</v>
      </c>
      <c r="BU1864" s="6">
        <v>23</v>
      </c>
      <c r="BV1864" s="6">
        <v>21</v>
      </c>
      <c r="BW1864" s="6">
        <v>16</v>
      </c>
      <c r="BX1864" s="6">
        <v>20</v>
      </c>
      <c r="BY1864" s="6">
        <v>25</v>
      </c>
      <c r="BZ1864" s="6">
        <v>9</v>
      </c>
      <c r="CA1864" s="6">
        <v>9</v>
      </c>
      <c r="CB1864" s="6">
        <v>10</v>
      </c>
      <c r="CC1864" s="11">
        <v>12.25</v>
      </c>
      <c r="CD1864" s="11">
        <v>1.58396</v>
      </c>
      <c r="CE1864" s="11">
        <v>-1.1633100000000001</v>
      </c>
      <c r="CF1864" s="11">
        <v>13.8086</v>
      </c>
      <c r="CG1864" s="11">
        <v>13</v>
      </c>
      <c r="CH1864" s="20">
        <v>0.85016199999999997</v>
      </c>
      <c r="CI1864" s="20">
        <v>0.94657800000000003</v>
      </c>
      <c r="CJ1864" s="20">
        <v>1.1500699999999999</v>
      </c>
      <c r="CK1864" s="20">
        <v>0.89174500000000001</v>
      </c>
      <c r="CL1864" s="20">
        <v>0.811415</v>
      </c>
      <c r="CM1864" s="20">
        <v>0.84654700000000005</v>
      </c>
      <c r="CN1864" s="20">
        <v>0.71651299999999996</v>
      </c>
      <c r="CO1864" s="20">
        <v>0.69508599999999998</v>
      </c>
      <c r="CP1864" s="20">
        <v>0.79182600000000003</v>
      </c>
      <c r="CQ1864" s="20">
        <v>0.83068500000000001</v>
      </c>
      <c r="CR1864" s="20">
        <v>0.85061799999999999</v>
      </c>
      <c r="CS1864" s="20">
        <v>0.80201199999999995</v>
      </c>
      <c r="CT1864" s="20">
        <v>0.54248499999999999</v>
      </c>
      <c r="CU1864" s="20">
        <v>0.61574499999999999</v>
      </c>
      <c r="CV1864" s="20">
        <v>0.62819999999999998</v>
      </c>
      <c r="CW1864" s="20">
        <v>0.70647599999999999</v>
      </c>
      <c r="CX1864" s="20">
        <v>0.69965100000000002</v>
      </c>
      <c r="CY1864" s="6" t="s">
        <v>662</v>
      </c>
      <c r="CZ1864" s="6" t="s">
        <v>663</v>
      </c>
      <c r="DA1864" s="6" t="s">
        <v>130</v>
      </c>
      <c r="DB1864" s="6"/>
      <c r="DC1864" s="6">
        <v>25300</v>
      </c>
      <c r="DD1864" s="6">
        <v>448</v>
      </c>
      <c r="DE1864" s="6" t="s">
        <v>598</v>
      </c>
      <c r="DF1864" s="6" t="s">
        <v>363</v>
      </c>
      <c r="DG1864" s="6" t="s">
        <v>376</v>
      </c>
      <c r="DH1864" s="6" t="s">
        <v>468</v>
      </c>
      <c r="DI1864" s="6" t="s">
        <v>575</v>
      </c>
      <c r="DJ1864" s="6">
        <v>29</v>
      </c>
      <c r="DK1864" s="6">
        <v>173</v>
      </c>
      <c r="DL1864" s="6">
        <v>8</v>
      </c>
      <c r="DM1864" s="6" t="s">
        <v>368</v>
      </c>
      <c r="DN1864" s="6">
        <v>9</v>
      </c>
      <c r="DO1864" s="6" t="s">
        <v>384</v>
      </c>
      <c r="DP1864" s="6"/>
      <c r="DQ1864" s="6"/>
    </row>
    <row r="1865" spans="1:121" x14ac:dyDescent="0.2">
      <c r="A1865" s="6" t="s">
        <v>327</v>
      </c>
      <c r="B1865" s="6" t="s">
        <v>327</v>
      </c>
      <c r="C1865" s="6" t="s">
        <v>194</v>
      </c>
      <c r="D1865" s="6" t="s">
        <v>130</v>
      </c>
      <c r="E1865" s="6" t="s">
        <v>271</v>
      </c>
      <c r="F1865" s="11">
        <v>-53</v>
      </c>
      <c r="G1865" s="13">
        <v>-0.117256637168</v>
      </c>
      <c r="H1865" s="11">
        <v>4.1455569999999966</v>
      </c>
      <c r="I1865" s="13">
        <v>9.1646837556291685E-3</v>
      </c>
      <c r="J1865" s="11">
        <v>44.769032999999979</v>
      </c>
      <c r="K1865" s="13">
        <v>9.8073181164106127E-2</v>
      </c>
      <c r="L1865" s="11">
        <v>-102.24193037200001</v>
      </c>
      <c r="M1865" s="13">
        <v>-0.20397188275147471</v>
      </c>
      <c r="N1865" s="11">
        <v>-57.472897372000034</v>
      </c>
      <c r="O1865" s="13">
        <v>-0.12590287299683781</v>
      </c>
      <c r="P1865" s="7">
        <v>452.34043100000002</v>
      </c>
      <c r="Q1865" s="7">
        <v>451.12887899999998</v>
      </c>
      <c r="R1865" s="7">
        <v>445.54468300000002</v>
      </c>
      <c r="S1865" s="7">
        <v>439.33853299999998</v>
      </c>
      <c r="T1865" s="7">
        <v>423.913251</v>
      </c>
      <c r="U1865" s="7">
        <v>423.53237000000001</v>
      </c>
      <c r="V1865" s="7">
        <v>456.48598800000002</v>
      </c>
      <c r="W1865" s="7">
        <v>454.30374999999998</v>
      </c>
      <c r="X1865" s="7">
        <v>466.61201899999998</v>
      </c>
      <c r="Y1865" s="7">
        <v>501.255021</v>
      </c>
      <c r="Z1865" s="7">
        <v>486.058492</v>
      </c>
      <c r="AA1865" s="7">
        <v>491.35980799999999</v>
      </c>
      <c r="AB1865" s="7">
        <v>464.413363</v>
      </c>
      <c r="AC1865" s="7">
        <v>436.52975199999997</v>
      </c>
      <c r="AD1865" s="7">
        <v>407.63816000000003</v>
      </c>
      <c r="AE1865" s="7">
        <v>409.8525085</v>
      </c>
      <c r="AF1865" s="7">
        <v>399.01309062799999</v>
      </c>
      <c r="AG1865" s="9">
        <v>16389.381892000001</v>
      </c>
      <c r="AH1865" s="13">
        <v>0.57523960436491195</v>
      </c>
      <c r="AI1865" s="9">
        <v>12089.775306</v>
      </c>
      <c r="AJ1865" s="13">
        <v>0.42433068005320979</v>
      </c>
      <c r="AK1865" s="9">
        <v>-132.81475459999638</v>
      </c>
      <c r="AL1865" s="13">
        <v>-3.2728168245544395E-3</v>
      </c>
      <c r="AM1865" s="9">
        <v>4432.4213405999981</v>
      </c>
      <c r="AN1865" s="13">
        <v>0.10958222377137396</v>
      </c>
      <c r="AO1865" s="9">
        <v>4299.6065860000017</v>
      </c>
      <c r="AP1865" s="13">
        <v>0.10595076440118847</v>
      </c>
      <c r="AQ1865" s="9">
        <v>28491.400396699999</v>
      </c>
      <c r="AR1865" s="9">
        <v>29444.857950599999</v>
      </c>
      <c r="AS1865" s="9">
        <v>31214.087326100002</v>
      </c>
      <c r="AT1865" s="9">
        <v>33432.842104099997</v>
      </c>
      <c r="AU1865" s="9">
        <v>36086.332851599997</v>
      </c>
      <c r="AV1865" s="9">
        <v>37546.813338599997</v>
      </c>
      <c r="AW1865" s="9">
        <v>40581.175702699999</v>
      </c>
      <c r="AX1865" s="9">
        <v>42399.449658700003</v>
      </c>
      <c r="AY1865" s="9">
        <v>42083.263700900003</v>
      </c>
      <c r="AZ1865" s="9">
        <v>40448.360948100002</v>
      </c>
      <c r="BA1865" s="9">
        <v>40931.6865282</v>
      </c>
      <c r="BB1865" s="9">
        <v>40133.247376599997</v>
      </c>
      <c r="BC1865" s="9">
        <v>36822.6039093</v>
      </c>
      <c r="BD1865" s="9">
        <v>39563.007666799997</v>
      </c>
      <c r="BE1865" s="9">
        <v>41943.061284900003</v>
      </c>
      <c r="BF1865" s="9">
        <v>44880.7822887</v>
      </c>
      <c r="BG1865" s="11">
        <v>-2.75</v>
      </c>
      <c r="BH1865" s="13">
        <v>-8.3333333333333329E-2</v>
      </c>
      <c r="BI1865" s="6">
        <v>-2</v>
      </c>
      <c r="BJ1865" s="13">
        <v>-6.0606060606060608E-2</v>
      </c>
      <c r="BK1865" s="6">
        <v>3</v>
      </c>
      <c r="BL1865" s="13">
        <v>9.6774193548387094E-2</v>
      </c>
      <c r="BM1865" s="11">
        <v>-3.75</v>
      </c>
      <c r="BN1865" s="13">
        <v>-0.11029411764705882</v>
      </c>
      <c r="BO1865" s="11">
        <v>-0.75</v>
      </c>
      <c r="BP1865" s="13">
        <v>-2.4193548387096774E-2</v>
      </c>
      <c r="BQ1865" s="6">
        <v>33</v>
      </c>
      <c r="BR1865" s="6">
        <v>32</v>
      </c>
      <c r="BS1865" s="6">
        <v>32</v>
      </c>
      <c r="BT1865" s="6">
        <v>31</v>
      </c>
      <c r="BU1865" s="6">
        <v>30</v>
      </c>
      <c r="BV1865" s="6">
        <v>31</v>
      </c>
      <c r="BW1865" s="6">
        <v>34</v>
      </c>
      <c r="BX1865" s="6">
        <v>33</v>
      </c>
      <c r="BY1865" s="6">
        <v>33</v>
      </c>
      <c r="BZ1865" s="6">
        <v>30</v>
      </c>
      <c r="CA1865" s="6">
        <v>29</v>
      </c>
      <c r="CB1865" s="6">
        <v>30</v>
      </c>
      <c r="CC1865" s="11">
        <v>30.25</v>
      </c>
      <c r="CD1865" s="11">
        <v>-76.255300000000005</v>
      </c>
      <c r="CE1865" s="11">
        <v>-26.5183</v>
      </c>
      <c r="CF1865" s="11">
        <v>49.446300000000001</v>
      </c>
      <c r="CG1865" s="11">
        <v>22</v>
      </c>
      <c r="CH1865" s="20">
        <v>0.91645900000000002</v>
      </c>
      <c r="CI1865" s="20">
        <v>0.94208599999999998</v>
      </c>
      <c r="CJ1865" s="20">
        <v>0.95285500000000001</v>
      </c>
      <c r="CK1865" s="20">
        <v>0.840256</v>
      </c>
      <c r="CL1865" s="20">
        <v>0.79395499999999997</v>
      </c>
      <c r="CM1865" s="20">
        <v>0.80598800000000004</v>
      </c>
      <c r="CN1865" s="20">
        <v>0.73402699999999999</v>
      </c>
      <c r="CO1865" s="20">
        <v>0.75563199999999997</v>
      </c>
      <c r="CP1865" s="20">
        <v>0.82404500000000003</v>
      </c>
      <c r="CQ1865" s="20">
        <v>0.99433899999999997</v>
      </c>
      <c r="CR1865" s="20">
        <v>0.96690399999999999</v>
      </c>
      <c r="CS1865" s="20">
        <v>0.99249399999999999</v>
      </c>
      <c r="CT1865" s="20">
        <v>0.721997</v>
      </c>
      <c r="CU1865" s="20">
        <v>0.69380500000000001</v>
      </c>
      <c r="CV1865" s="20">
        <v>0.66842599999999996</v>
      </c>
      <c r="CW1865" s="20">
        <v>0.67369199999999996</v>
      </c>
      <c r="CX1865" s="20">
        <v>0.62606300000000004</v>
      </c>
      <c r="CY1865" s="6" t="s">
        <v>662</v>
      </c>
      <c r="CZ1865" s="6" t="s">
        <v>663</v>
      </c>
      <c r="DA1865" s="6" t="s">
        <v>130</v>
      </c>
      <c r="DB1865" s="6"/>
      <c r="DC1865" s="6">
        <v>25300</v>
      </c>
      <c r="DD1865" s="6">
        <v>448</v>
      </c>
      <c r="DE1865" s="6" t="s">
        <v>598</v>
      </c>
      <c r="DF1865" s="6" t="s">
        <v>363</v>
      </c>
      <c r="DG1865" s="6" t="s">
        <v>376</v>
      </c>
      <c r="DH1865" s="6" t="s">
        <v>468</v>
      </c>
      <c r="DI1865" s="6" t="s">
        <v>575</v>
      </c>
      <c r="DJ1865" s="6">
        <v>29</v>
      </c>
      <c r="DK1865" s="6">
        <v>173</v>
      </c>
      <c r="DL1865" s="6">
        <v>8</v>
      </c>
      <c r="DM1865" s="6" t="s">
        <v>368</v>
      </c>
      <c r="DN1865" s="6">
        <v>9</v>
      </c>
      <c r="DO1865" s="6" t="s">
        <v>384</v>
      </c>
      <c r="DP1865" s="6"/>
      <c r="DQ1865" s="6"/>
    </row>
    <row r="1866" spans="1:121" x14ac:dyDescent="0.2">
      <c r="A1866" s="6" t="s">
        <v>1</v>
      </c>
      <c r="B1866" s="6" t="s">
        <v>1</v>
      </c>
      <c r="C1866" s="6" t="s">
        <v>2</v>
      </c>
      <c r="D1866" s="6" t="s">
        <v>134</v>
      </c>
      <c r="E1866" s="6" t="s">
        <v>275</v>
      </c>
      <c r="F1866" s="11">
        <v>-46</v>
      </c>
      <c r="G1866" s="13">
        <v>-0.28048780487800001</v>
      </c>
      <c r="H1866" s="11">
        <v>-1.0231071299999996</v>
      </c>
      <c r="I1866" s="13">
        <v>-6.2559851382965872E-3</v>
      </c>
      <c r="J1866" s="11">
        <v>-36.212582254999987</v>
      </c>
      <c r="K1866" s="13">
        <v>-0.2228227684401336</v>
      </c>
      <c r="L1866" s="11">
        <v>-8.5208890769999925</v>
      </c>
      <c r="M1866" s="13">
        <v>-6.746288569488991E-2</v>
      </c>
      <c r="N1866" s="11">
        <v>-44.733471331999979</v>
      </c>
      <c r="O1866" s="13">
        <v>-0.27525338717752784</v>
      </c>
      <c r="P1866" s="7">
        <v>163.54053076899999</v>
      </c>
      <c r="Q1866" s="7">
        <v>157.57323304900001</v>
      </c>
      <c r="R1866" s="7">
        <v>164.62994685000001</v>
      </c>
      <c r="S1866" s="7">
        <v>188.10307125400001</v>
      </c>
      <c r="T1866" s="7">
        <v>175.888367727</v>
      </c>
      <c r="U1866" s="7">
        <v>162.85287062099999</v>
      </c>
      <c r="V1866" s="7">
        <v>162.51742363899999</v>
      </c>
      <c r="W1866" s="7">
        <v>169.55983567000001</v>
      </c>
      <c r="X1866" s="7">
        <v>155.64196555300001</v>
      </c>
      <c r="Y1866" s="7">
        <v>126.304841384</v>
      </c>
      <c r="Z1866" s="7">
        <v>111.103940843</v>
      </c>
      <c r="AA1866" s="7">
        <v>94.605711087900005</v>
      </c>
      <c r="AB1866" s="7">
        <v>107.249378116</v>
      </c>
      <c r="AC1866" s="7">
        <v>132.670483827</v>
      </c>
      <c r="AD1866" s="7">
        <v>119.778819543</v>
      </c>
      <c r="AE1866" s="7">
        <v>119.190155531</v>
      </c>
      <c r="AF1866" s="7">
        <v>117.78395230700001</v>
      </c>
      <c r="AG1866" s="9">
        <v>9783.2922173999978</v>
      </c>
      <c r="AH1866" s="13">
        <v>0.5000653255135159</v>
      </c>
      <c r="AI1866" s="9">
        <v>1805.0423377000006</v>
      </c>
      <c r="AJ1866" s="13">
        <v>9.2263326507026622E-2</v>
      </c>
      <c r="AK1866" s="9">
        <v>1397.317939499997</v>
      </c>
      <c r="AL1866" s="13">
        <v>6.5389738202737149E-2</v>
      </c>
      <c r="AM1866" s="9">
        <v>6580.9319402000001</v>
      </c>
      <c r="AN1866" s="13">
        <v>0.28906349798862363</v>
      </c>
      <c r="AO1866" s="9">
        <v>7978.2498796999971</v>
      </c>
      <c r="AP1866" s="13">
        <v>0.37335502264880432</v>
      </c>
      <c r="AQ1866" s="9">
        <v>19564.028374400001</v>
      </c>
      <c r="AR1866" s="9">
        <v>20700.817525300001</v>
      </c>
      <c r="AS1866" s="9">
        <v>21097.8811193</v>
      </c>
      <c r="AT1866" s="9">
        <v>21049.998927299999</v>
      </c>
      <c r="AU1866" s="9">
        <v>21875.401556100001</v>
      </c>
      <c r="AV1866" s="9">
        <v>22060.664804200002</v>
      </c>
      <c r="AW1866" s="9">
        <v>21369.070712100001</v>
      </c>
      <c r="AX1866" s="9">
        <v>22761.287403499999</v>
      </c>
      <c r="AY1866" s="9">
        <v>22932.949575800001</v>
      </c>
      <c r="AZ1866" s="9">
        <v>22766.388651599998</v>
      </c>
      <c r="BA1866" s="9">
        <v>23375.566478000001</v>
      </c>
      <c r="BB1866" s="9">
        <v>23518.240716</v>
      </c>
      <c r="BC1866" s="9">
        <v>26302.990338600001</v>
      </c>
      <c r="BD1866" s="9">
        <v>26950.384223500001</v>
      </c>
      <c r="BE1866" s="9">
        <v>27112.3156862</v>
      </c>
      <c r="BF1866" s="9">
        <v>29347.320591799999</v>
      </c>
      <c r="BG1866" s="11">
        <v>2</v>
      </c>
      <c r="BH1866" s="13">
        <v>0.2857142857142857</v>
      </c>
      <c r="BI1866" s="6">
        <v>0</v>
      </c>
      <c r="BJ1866" s="13">
        <v>0</v>
      </c>
      <c r="BK1866" s="6">
        <v>0</v>
      </c>
      <c r="BL1866" s="13">
        <v>0</v>
      </c>
      <c r="BM1866" s="11">
        <v>2</v>
      </c>
      <c r="BN1866" s="13">
        <v>0.2857142857142857</v>
      </c>
      <c r="BO1866" s="11">
        <v>2</v>
      </c>
      <c r="BP1866" s="13">
        <v>0.2857142857142857</v>
      </c>
      <c r="BQ1866" s="6">
        <v>7</v>
      </c>
      <c r="BR1866" s="6">
        <v>6</v>
      </c>
      <c r="BS1866" s="6">
        <v>5</v>
      </c>
      <c r="BT1866" s="6">
        <v>7</v>
      </c>
      <c r="BU1866" s="6">
        <v>7</v>
      </c>
      <c r="BV1866" s="6">
        <v>6</v>
      </c>
      <c r="BW1866" s="6">
        <v>7</v>
      </c>
      <c r="BX1866" s="6">
        <v>7</v>
      </c>
      <c r="BY1866" s="6">
        <v>7</v>
      </c>
      <c r="BZ1866" s="6">
        <v>7</v>
      </c>
      <c r="CA1866" s="6">
        <v>8</v>
      </c>
      <c r="CB1866" s="6">
        <v>9</v>
      </c>
      <c r="CC1866" s="11">
        <v>9</v>
      </c>
      <c r="CD1866" s="11">
        <v>-48.722900000000003</v>
      </c>
      <c r="CE1866" s="11">
        <v>-14.910600000000001</v>
      </c>
      <c r="CF1866" s="11">
        <v>17.876899999999999</v>
      </c>
      <c r="CG1866" s="11">
        <v>3</v>
      </c>
      <c r="CH1866" s="20">
        <v>1.14351</v>
      </c>
      <c r="CI1866" s="20">
        <v>1.0632600000000001</v>
      </c>
      <c r="CJ1866" s="20">
        <v>1.0823199999999999</v>
      </c>
      <c r="CK1866" s="20">
        <v>1.23261</v>
      </c>
      <c r="CL1866" s="20">
        <v>1.1330899999999999</v>
      </c>
      <c r="CM1866" s="20">
        <v>1.0609999999999999</v>
      </c>
      <c r="CN1866" s="20">
        <v>1.08829</v>
      </c>
      <c r="CO1866" s="20">
        <v>1.18018</v>
      </c>
      <c r="CP1866" s="20">
        <v>1.1087899999999999</v>
      </c>
      <c r="CQ1866" s="20">
        <v>0.92314099999999999</v>
      </c>
      <c r="CR1866" s="20">
        <v>0.80995200000000001</v>
      </c>
      <c r="CS1866" s="20">
        <v>0.69555</v>
      </c>
      <c r="CT1866" s="20">
        <v>0.79547400000000001</v>
      </c>
      <c r="CU1866" s="20">
        <v>0.97823400000000005</v>
      </c>
      <c r="CV1866" s="20">
        <v>0.89476900000000004</v>
      </c>
      <c r="CW1866" s="20">
        <v>0.89519899999999997</v>
      </c>
      <c r="CX1866" s="20">
        <v>0.88117900000000005</v>
      </c>
      <c r="CY1866" s="6" t="s">
        <v>665</v>
      </c>
      <c r="CZ1866" s="6" t="s">
        <v>666</v>
      </c>
      <c r="DA1866" s="6" t="s">
        <v>134</v>
      </c>
      <c r="DB1866" s="6"/>
      <c r="DC1866" s="6">
        <v>33620</v>
      </c>
      <c r="DD1866" s="6">
        <v>190</v>
      </c>
      <c r="DE1866" s="6" t="s">
        <v>668</v>
      </c>
      <c r="DF1866" s="6" t="s">
        <v>363</v>
      </c>
      <c r="DG1866" s="6" t="s">
        <v>364</v>
      </c>
      <c r="DH1866" s="6" t="s">
        <v>365</v>
      </c>
      <c r="DI1866" s="6" t="s">
        <v>390</v>
      </c>
      <c r="DJ1866" s="6">
        <v>29</v>
      </c>
      <c r="DK1866" s="6">
        <v>175</v>
      </c>
      <c r="DL1866" s="6">
        <v>5</v>
      </c>
      <c r="DM1866" s="6" t="s">
        <v>392</v>
      </c>
      <c r="DN1866" s="6">
        <v>6</v>
      </c>
      <c r="DO1866" s="6" t="s">
        <v>393</v>
      </c>
      <c r="DP1866" s="6"/>
      <c r="DQ1866" s="6"/>
    </row>
    <row r="1867" spans="1:121" x14ac:dyDescent="0.2">
      <c r="A1867" s="6" t="s">
        <v>310</v>
      </c>
      <c r="B1867" s="6" t="s">
        <v>310</v>
      </c>
      <c r="C1867" s="6" t="s">
        <v>173</v>
      </c>
      <c r="D1867" s="6" t="s">
        <v>134</v>
      </c>
      <c r="E1867" s="6" t="s">
        <v>275</v>
      </c>
      <c r="F1867" s="11">
        <v>1</v>
      </c>
      <c r="G1867" s="13">
        <v>1</v>
      </c>
      <c r="H1867" s="11">
        <v>0</v>
      </c>
      <c r="I1867" s="13">
        <v>0</v>
      </c>
      <c r="J1867" s="11">
        <v>0</v>
      </c>
      <c r="K1867" s="13">
        <v>0</v>
      </c>
      <c r="L1867" s="11">
        <v>0</v>
      </c>
      <c r="M1867" s="13">
        <v>0</v>
      </c>
      <c r="N1867" s="11">
        <v>0</v>
      </c>
      <c r="O1867" s="13">
        <v>0</v>
      </c>
      <c r="P1867" s="7">
        <v>5</v>
      </c>
      <c r="Q1867" s="7">
        <v>5</v>
      </c>
      <c r="R1867" s="7">
        <v>10.220573</v>
      </c>
      <c r="S1867" s="7">
        <v>5</v>
      </c>
      <c r="T1867" s="7">
        <v>11.827484999999999</v>
      </c>
      <c r="U1867" s="7">
        <v>5</v>
      </c>
      <c r="V1867" s="7">
        <v>5</v>
      </c>
      <c r="W1867" s="7">
        <v>5</v>
      </c>
      <c r="X1867" s="7">
        <v>5</v>
      </c>
      <c r="Y1867" s="7">
        <v>5</v>
      </c>
      <c r="Z1867" s="7">
        <v>12.208154</v>
      </c>
      <c r="AA1867" s="7">
        <v>13.758143</v>
      </c>
      <c r="AB1867" s="7">
        <v>10.85632</v>
      </c>
      <c r="AC1867" s="7">
        <v>5</v>
      </c>
      <c r="AD1867" s="7">
        <v>10.659635</v>
      </c>
      <c r="AE1867" s="7">
        <v>5</v>
      </c>
      <c r="AF1867" s="7">
        <v>5</v>
      </c>
      <c r="AG1867" s="9">
        <v>0</v>
      </c>
      <c r="AH1867" s="13">
        <v>0</v>
      </c>
      <c r="AI1867" s="9">
        <v>0</v>
      </c>
      <c r="AJ1867" s="13">
        <v>0</v>
      </c>
      <c r="AK1867" s="9">
        <v>0</v>
      </c>
      <c r="AL1867" s="13">
        <v>0</v>
      </c>
      <c r="AM1867" s="9">
        <v>0</v>
      </c>
      <c r="AN1867" s="13">
        <v>0</v>
      </c>
      <c r="AO1867" s="9">
        <v>0</v>
      </c>
      <c r="AP1867" s="13">
        <v>0</v>
      </c>
      <c r="AQ1867" s="9">
        <v>1</v>
      </c>
      <c r="AR1867" s="9">
        <v>1</v>
      </c>
      <c r="AS1867" s="9">
        <v>56820.3376365</v>
      </c>
      <c r="AT1867" s="9">
        <v>1</v>
      </c>
      <c r="AU1867" s="9">
        <v>50463.786447899998</v>
      </c>
      <c r="AV1867" s="9">
        <v>1</v>
      </c>
      <c r="AW1867" s="9">
        <v>1</v>
      </c>
      <c r="AX1867" s="9">
        <v>1</v>
      </c>
      <c r="AY1867" s="9">
        <v>1</v>
      </c>
      <c r="AZ1867" s="9">
        <v>1</v>
      </c>
      <c r="BA1867" s="9">
        <v>54894.837059700003</v>
      </c>
      <c r="BB1867" s="9">
        <v>60084.9179669</v>
      </c>
      <c r="BC1867" s="9">
        <v>44219.110343100001</v>
      </c>
      <c r="BD1867" s="9">
        <v>1</v>
      </c>
      <c r="BE1867" s="9">
        <v>60022.035889300001</v>
      </c>
      <c r="BF1867" s="9">
        <v>1</v>
      </c>
      <c r="BG1867" s="11">
        <v>0</v>
      </c>
      <c r="BH1867" s="13">
        <v>0</v>
      </c>
      <c r="BI1867" s="6">
        <v>0</v>
      </c>
      <c r="BJ1867" s="13">
        <v>0</v>
      </c>
      <c r="BK1867" s="6">
        <v>0</v>
      </c>
      <c r="BL1867" s="13">
        <v>0</v>
      </c>
      <c r="BM1867" s="11">
        <v>0</v>
      </c>
      <c r="BN1867" s="13">
        <v>0</v>
      </c>
      <c r="BO1867" s="11">
        <v>0</v>
      </c>
      <c r="BP1867" s="13">
        <v>0</v>
      </c>
      <c r="BQ1867" s="6">
        <v>1</v>
      </c>
      <c r="BR1867" s="6">
        <v>1</v>
      </c>
      <c r="BS1867" s="6">
        <v>1</v>
      </c>
      <c r="BT1867" s="6">
        <v>1</v>
      </c>
      <c r="BU1867" s="6">
        <v>1</v>
      </c>
      <c r="BV1867" s="6">
        <v>1</v>
      </c>
      <c r="BW1867" s="6">
        <v>1</v>
      </c>
      <c r="BX1867" s="6">
        <v>1</v>
      </c>
      <c r="BY1867" s="6">
        <v>1</v>
      </c>
      <c r="BZ1867" s="6">
        <v>1</v>
      </c>
      <c r="CA1867" s="6">
        <v>1</v>
      </c>
      <c r="CB1867" s="6">
        <v>1</v>
      </c>
      <c r="CC1867" s="11">
        <v>1</v>
      </c>
      <c r="CD1867" s="11">
        <v>-1.1069500000000001</v>
      </c>
      <c r="CE1867" s="11">
        <v>0.94273399999999996</v>
      </c>
      <c r="CF1867" s="11">
        <v>0.99329400000000001</v>
      </c>
      <c r="CG1867" s="11">
        <v>2</v>
      </c>
      <c r="CH1867" s="20">
        <v>0.223939</v>
      </c>
      <c r="CI1867" s="20">
        <v>0.18982499999999999</v>
      </c>
      <c r="CJ1867" s="20">
        <v>0.25089</v>
      </c>
      <c r="CK1867" s="20">
        <v>0.18589600000000001</v>
      </c>
      <c r="CL1867" s="20">
        <v>0.25683699999999998</v>
      </c>
      <c r="CM1867" s="20">
        <v>0.16989799999999999</v>
      </c>
      <c r="CN1867" s="20">
        <v>0.13100500000000001</v>
      </c>
      <c r="CO1867" s="20">
        <v>3.22799E-2</v>
      </c>
      <c r="CP1867" s="20">
        <v>0.101988</v>
      </c>
      <c r="CQ1867" s="20">
        <v>0.188834</v>
      </c>
      <c r="CR1867" s="20">
        <v>0.22110299999999999</v>
      </c>
      <c r="CS1867" s="20">
        <v>0.23320199999999999</v>
      </c>
      <c r="CT1867" s="20">
        <v>0.18423800000000001</v>
      </c>
      <c r="CU1867" s="20">
        <v>0.15379499999999999</v>
      </c>
      <c r="CV1867" s="20">
        <v>0.202099</v>
      </c>
      <c r="CW1867" s="20">
        <v>0.22403400000000001</v>
      </c>
      <c r="CX1867" s="20">
        <v>0.21945200000000001</v>
      </c>
      <c r="CY1867" s="6" t="s">
        <v>665</v>
      </c>
      <c r="CZ1867" s="6" t="s">
        <v>666</v>
      </c>
      <c r="DA1867" s="6" t="s">
        <v>134</v>
      </c>
      <c r="DB1867" s="6"/>
      <c r="DC1867" s="6">
        <v>33620</v>
      </c>
      <c r="DD1867" s="6">
        <v>190</v>
      </c>
      <c r="DE1867" s="6" t="s">
        <v>668</v>
      </c>
      <c r="DF1867" s="6" t="s">
        <v>363</v>
      </c>
      <c r="DG1867" s="6" t="s">
        <v>364</v>
      </c>
      <c r="DH1867" s="6" t="s">
        <v>365</v>
      </c>
      <c r="DI1867" s="6" t="s">
        <v>390</v>
      </c>
      <c r="DJ1867" s="6">
        <v>29</v>
      </c>
      <c r="DK1867" s="6">
        <v>175</v>
      </c>
      <c r="DL1867" s="6">
        <v>5</v>
      </c>
      <c r="DM1867" s="6" t="s">
        <v>392</v>
      </c>
      <c r="DN1867" s="6">
        <v>6</v>
      </c>
      <c r="DO1867" s="6" t="s">
        <v>393</v>
      </c>
      <c r="DP1867" s="6"/>
      <c r="DQ1867" s="6"/>
    </row>
    <row r="1868" spans="1:121" x14ac:dyDescent="0.2">
      <c r="A1868" s="6" t="s">
        <v>311</v>
      </c>
      <c r="B1868" s="6" t="s">
        <v>311</v>
      </c>
      <c r="C1868" s="6" t="s">
        <v>174</v>
      </c>
      <c r="D1868" s="6" t="s">
        <v>134</v>
      </c>
      <c r="E1868" s="6" t="s">
        <v>275</v>
      </c>
      <c r="F1868" s="11">
        <v>-26</v>
      </c>
      <c r="G1868" s="13">
        <v>-9.4890510948899998E-2</v>
      </c>
      <c r="H1868" s="11">
        <v>-34.095592000000011</v>
      </c>
      <c r="I1868" s="13">
        <v>-0.12430316743069592</v>
      </c>
      <c r="J1868" s="11">
        <v>61.115436999999986</v>
      </c>
      <c r="K1868" s="13">
        <v>0.25443748986019832</v>
      </c>
      <c r="L1868" s="11">
        <v>-53.370899467999976</v>
      </c>
      <c r="M1868" s="13">
        <v>-0.17712737163646028</v>
      </c>
      <c r="N1868" s="11">
        <v>7.7445375320000096</v>
      </c>
      <c r="O1868" s="13">
        <v>3.2242274399022587E-2</v>
      </c>
      <c r="P1868" s="7">
        <v>274.29383100000001</v>
      </c>
      <c r="Q1868" s="7">
        <v>255.36023800000001</v>
      </c>
      <c r="R1868" s="7">
        <v>281.79472099999998</v>
      </c>
      <c r="S1868" s="7">
        <v>227.664635</v>
      </c>
      <c r="T1868" s="7">
        <v>205.889295</v>
      </c>
      <c r="U1868" s="7">
        <v>183.780553</v>
      </c>
      <c r="V1868" s="7">
        <v>240.198239</v>
      </c>
      <c r="W1868" s="7">
        <v>290.990973</v>
      </c>
      <c r="X1868" s="7">
        <v>312.947496</v>
      </c>
      <c r="Y1868" s="7">
        <v>301.31367599999999</v>
      </c>
      <c r="Z1868" s="7">
        <v>294.65892200000002</v>
      </c>
      <c r="AA1868" s="7">
        <v>304.10027300000002</v>
      </c>
      <c r="AB1868" s="7">
        <v>290.58810499999998</v>
      </c>
      <c r="AC1868" s="7">
        <v>287.876564062</v>
      </c>
      <c r="AD1868" s="7">
        <v>282.99535201600003</v>
      </c>
      <c r="AE1868" s="7">
        <v>254.20509465500001</v>
      </c>
      <c r="AF1868" s="7">
        <v>247.94277653200001</v>
      </c>
      <c r="AG1868" s="9">
        <v>33989.698689000012</v>
      </c>
      <c r="AH1868" s="13">
        <v>0.39080787333579192</v>
      </c>
      <c r="AI1868" s="9">
        <v>1967.9458436999994</v>
      </c>
      <c r="AJ1868" s="13">
        <v>2.2627112321690145E-2</v>
      </c>
      <c r="AK1868" s="9">
        <v>26307.419631300014</v>
      </c>
      <c r="AL1868" s="13">
        <v>0.29578554036197019</v>
      </c>
      <c r="AM1868" s="9">
        <v>5714.3332139999984</v>
      </c>
      <c r="AN1868" s="13">
        <v>4.9582808093128483E-2</v>
      </c>
      <c r="AO1868" s="9">
        <v>32021.752845300012</v>
      </c>
      <c r="AP1868" s="13">
        <v>0.36003422613958852</v>
      </c>
      <c r="AQ1868" s="9">
        <v>86972.911775999994</v>
      </c>
      <c r="AR1868" s="9">
        <v>88622.465422900001</v>
      </c>
      <c r="AS1868" s="9">
        <v>82807.592915800007</v>
      </c>
      <c r="AT1868" s="9">
        <v>93444.519440300006</v>
      </c>
      <c r="AU1868" s="9">
        <v>84643.334741800005</v>
      </c>
      <c r="AV1868" s="9">
        <v>112300.50723</v>
      </c>
      <c r="AW1868" s="9">
        <v>88940.857619699993</v>
      </c>
      <c r="AX1868" s="9">
        <v>110654.113937</v>
      </c>
      <c r="AY1868" s="9">
        <v>112119.79418500001</v>
      </c>
      <c r="AZ1868" s="9">
        <v>115248.27725100001</v>
      </c>
      <c r="BA1868" s="9">
        <v>120894.988641</v>
      </c>
      <c r="BB1868" s="9">
        <v>109873.257778</v>
      </c>
      <c r="BC1868" s="9">
        <v>128246.88026599999</v>
      </c>
      <c r="BD1868" s="9">
        <v>121205.724854</v>
      </c>
      <c r="BE1868" s="9">
        <v>124885.24914299999</v>
      </c>
      <c r="BF1868" s="9">
        <v>120962.61046500001</v>
      </c>
      <c r="BG1868" s="11">
        <v>-1</v>
      </c>
      <c r="BH1868" s="13">
        <v>-0.25</v>
      </c>
      <c r="BI1868" s="6">
        <v>-1</v>
      </c>
      <c r="BJ1868" s="13">
        <v>-0.25</v>
      </c>
      <c r="BK1868" s="6">
        <v>0</v>
      </c>
      <c r="BL1868" s="13">
        <v>0</v>
      </c>
      <c r="BM1868" s="11">
        <v>0</v>
      </c>
      <c r="BN1868" s="13">
        <v>0</v>
      </c>
      <c r="BO1868" s="11">
        <v>0</v>
      </c>
      <c r="BP1868" s="13">
        <v>0</v>
      </c>
      <c r="BQ1868" s="6">
        <v>4</v>
      </c>
      <c r="BR1868" s="6">
        <v>4</v>
      </c>
      <c r="BS1868" s="6">
        <v>4</v>
      </c>
      <c r="BT1868" s="6">
        <v>3</v>
      </c>
      <c r="BU1868" s="6">
        <v>3</v>
      </c>
      <c r="BV1868" s="6">
        <v>3</v>
      </c>
      <c r="BW1868" s="6">
        <v>3</v>
      </c>
      <c r="BX1868" s="6">
        <v>3</v>
      </c>
      <c r="BY1868" s="6">
        <v>3</v>
      </c>
      <c r="BZ1868" s="6">
        <v>3</v>
      </c>
      <c r="CA1868" s="6">
        <v>3</v>
      </c>
      <c r="CB1868" s="6">
        <v>3</v>
      </c>
      <c r="CC1868" s="11">
        <v>3</v>
      </c>
      <c r="CD1868" s="11">
        <v>-11.6676</v>
      </c>
      <c r="CE1868" s="11">
        <v>-44.667000000000002</v>
      </c>
      <c r="CF1868" s="11">
        <v>29.983599999999999</v>
      </c>
      <c r="CG1868" s="11">
        <v>-15</v>
      </c>
      <c r="CH1868" s="20">
        <v>6.1697300000000004</v>
      </c>
      <c r="CI1868" s="20">
        <v>5.5615300000000003</v>
      </c>
      <c r="CJ1868" s="20">
        <v>6.1743600000000001</v>
      </c>
      <c r="CK1868" s="20">
        <v>5.1073300000000001</v>
      </c>
      <c r="CL1868" s="20">
        <v>4.6800499999999996</v>
      </c>
      <c r="CM1868" s="20">
        <v>4.2469400000000004</v>
      </c>
      <c r="CN1868" s="20">
        <v>5.6283200000000004</v>
      </c>
      <c r="CO1868" s="20">
        <v>6.7872300000000001</v>
      </c>
      <c r="CP1868" s="20">
        <v>7.36843</v>
      </c>
      <c r="CQ1868" s="20">
        <v>7.3549899999999999</v>
      </c>
      <c r="CR1868" s="20">
        <v>7.2356100000000003</v>
      </c>
      <c r="CS1868" s="20">
        <v>7.63</v>
      </c>
      <c r="CT1868" s="20">
        <v>7.4464800000000002</v>
      </c>
      <c r="CU1868" s="20">
        <v>7.3884600000000002</v>
      </c>
      <c r="CV1868" s="20">
        <v>7.3693400000000002</v>
      </c>
      <c r="CW1868" s="20">
        <v>6.6470500000000001</v>
      </c>
      <c r="CX1868" s="20">
        <v>6.4189999999999996</v>
      </c>
      <c r="CY1868" s="6" t="s">
        <v>665</v>
      </c>
      <c r="CZ1868" s="6" t="s">
        <v>666</v>
      </c>
      <c r="DA1868" s="6" t="s">
        <v>134</v>
      </c>
      <c r="DB1868" s="6"/>
      <c r="DC1868" s="6">
        <v>33620</v>
      </c>
      <c r="DD1868" s="6">
        <v>190</v>
      </c>
      <c r="DE1868" s="6" t="s">
        <v>668</v>
      </c>
      <c r="DF1868" s="6" t="s">
        <v>363</v>
      </c>
      <c r="DG1868" s="6" t="s">
        <v>364</v>
      </c>
      <c r="DH1868" s="6" t="s">
        <v>365</v>
      </c>
      <c r="DI1868" s="6" t="s">
        <v>390</v>
      </c>
      <c r="DJ1868" s="6">
        <v>29</v>
      </c>
      <c r="DK1868" s="6">
        <v>175</v>
      </c>
      <c r="DL1868" s="6">
        <v>5</v>
      </c>
      <c r="DM1868" s="6" t="s">
        <v>392</v>
      </c>
      <c r="DN1868" s="6">
        <v>6</v>
      </c>
      <c r="DO1868" s="6" t="s">
        <v>393</v>
      </c>
      <c r="DP1868" s="6"/>
      <c r="DQ1868" s="6"/>
    </row>
    <row r="1869" spans="1:121" x14ac:dyDescent="0.2">
      <c r="A1869" s="6" t="s">
        <v>312</v>
      </c>
      <c r="B1869" s="6" t="s">
        <v>312</v>
      </c>
      <c r="C1869" s="6" t="s">
        <v>175</v>
      </c>
      <c r="D1869" s="6" t="s">
        <v>134</v>
      </c>
      <c r="E1869" s="6" t="s">
        <v>275</v>
      </c>
      <c r="F1869" s="11">
        <v>-59</v>
      </c>
      <c r="G1869" s="13">
        <v>-0.13657407407399999</v>
      </c>
      <c r="H1869" s="11">
        <v>-18.751881743000013</v>
      </c>
      <c r="I1869" s="13">
        <v>-4.3404238436671856E-2</v>
      </c>
      <c r="J1869" s="11">
        <v>-16.290018815999986</v>
      </c>
      <c r="K1869" s="13">
        <v>-3.9416714227304035E-2</v>
      </c>
      <c r="L1869" s="11">
        <v>-24.319027895000033</v>
      </c>
      <c r="M1869" s="13">
        <v>-6.1259016220753582E-2</v>
      </c>
      <c r="N1869" s="11">
        <v>-40.609046711000019</v>
      </c>
      <c r="O1869" s="13">
        <v>-9.8261101311838406E-2</v>
      </c>
      <c r="P1869" s="7">
        <v>432.02881604200002</v>
      </c>
      <c r="Q1869" s="7">
        <v>423.28259955200002</v>
      </c>
      <c r="R1869" s="7">
        <v>418.60299101800001</v>
      </c>
      <c r="S1869" s="7">
        <v>420.74998914499997</v>
      </c>
      <c r="T1869" s="7">
        <v>419.45849749899998</v>
      </c>
      <c r="U1869" s="7">
        <v>398.604789611</v>
      </c>
      <c r="V1869" s="7">
        <v>413.276934299</v>
      </c>
      <c r="W1869" s="7">
        <v>444.33138503999999</v>
      </c>
      <c r="X1869" s="7">
        <v>414.35889388599998</v>
      </c>
      <c r="Y1869" s="7">
        <v>396.98691548300002</v>
      </c>
      <c r="Z1869" s="7">
        <v>381.51946870400002</v>
      </c>
      <c r="AA1869" s="7">
        <v>394.07981597999998</v>
      </c>
      <c r="AB1869" s="7">
        <v>399.66849486699999</v>
      </c>
      <c r="AC1869" s="7">
        <v>370.09646922899998</v>
      </c>
      <c r="AD1869" s="7">
        <v>359.78996081700001</v>
      </c>
      <c r="AE1869" s="7">
        <v>372.89619546500001</v>
      </c>
      <c r="AF1869" s="7">
        <v>372.66788758799999</v>
      </c>
      <c r="AG1869" s="9">
        <v>12112.402565899996</v>
      </c>
      <c r="AH1869" s="13">
        <v>0.48888067396879936</v>
      </c>
      <c r="AI1869" s="9">
        <v>5440.0298242999997</v>
      </c>
      <c r="AJ1869" s="13">
        <v>0.21957043059330819</v>
      </c>
      <c r="AK1869" s="9">
        <v>-713.10036880000189</v>
      </c>
      <c r="AL1869" s="13">
        <v>-2.3600236110271278E-2</v>
      </c>
      <c r="AM1869" s="9">
        <v>7385.4731103999984</v>
      </c>
      <c r="AN1869" s="13">
        <v>0.25033198460005796</v>
      </c>
      <c r="AO1869" s="9">
        <v>6672.3727415999965</v>
      </c>
      <c r="AP1869" s="13">
        <v>0.22082385454727252</v>
      </c>
      <c r="AQ1869" s="9">
        <v>24775.785198400001</v>
      </c>
      <c r="AR1869" s="9">
        <v>24531.224142499999</v>
      </c>
      <c r="AS1869" s="9">
        <v>26117.295250399999</v>
      </c>
      <c r="AT1869" s="9">
        <v>26981.802671000001</v>
      </c>
      <c r="AU1869" s="9">
        <v>26593.844394600001</v>
      </c>
      <c r="AV1869" s="9">
        <v>28848.119202599999</v>
      </c>
      <c r="AW1869" s="9">
        <v>30215.815022700001</v>
      </c>
      <c r="AX1869" s="9">
        <v>31325.199012100002</v>
      </c>
      <c r="AY1869" s="9">
        <v>28775.1536781</v>
      </c>
      <c r="AZ1869" s="9">
        <v>29502.714653899999</v>
      </c>
      <c r="BA1869" s="9">
        <v>34810.995946199997</v>
      </c>
      <c r="BB1869" s="9">
        <v>33994.980694999998</v>
      </c>
      <c r="BC1869" s="9">
        <v>34690.232101599999</v>
      </c>
      <c r="BD1869" s="9">
        <v>35731.780227700001</v>
      </c>
      <c r="BE1869" s="9">
        <v>36078.126492099997</v>
      </c>
      <c r="BF1869" s="9">
        <v>36888.187764299997</v>
      </c>
      <c r="BG1869" s="11">
        <v>-8</v>
      </c>
      <c r="BH1869" s="13">
        <v>-0.15384615384615385</v>
      </c>
      <c r="BI1869" s="6">
        <v>-2</v>
      </c>
      <c r="BJ1869" s="13">
        <v>-3.8461538461538464E-2</v>
      </c>
      <c r="BK1869" s="6">
        <v>0</v>
      </c>
      <c r="BL1869" s="13">
        <v>0</v>
      </c>
      <c r="BM1869" s="11">
        <v>-6</v>
      </c>
      <c r="BN1869" s="13">
        <v>-0.12</v>
      </c>
      <c r="BO1869" s="11">
        <v>-6</v>
      </c>
      <c r="BP1869" s="13">
        <v>-0.12</v>
      </c>
      <c r="BQ1869" s="6">
        <v>52</v>
      </c>
      <c r="BR1869" s="6">
        <v>48</v>
      </c>
      <c r="BS1869" s="6">
        <v>44</v>
      </c>
      <c r="BT1869" s="6">
        <v>50</v>
      </c>
      <c r="BU1869" s="6">
        <v>52</v>
      </c>
      <c r="BV1869" s="6">
        <v>50</v>
      </c>
      <c r="BW1869" s="6">
        <v>50</v>
      </c>
      <c r="BX1869" s="6">
        <v>49</v>
      </c>
      <c r="BY1869" s="6">
        <v>42</v>
      </c>
      <c r="BZ1869" s="6">
        <v>44</v>
      </c>
      <c r="CA1869" s="6">
        <v>44</v>
      </c>
      <c r="CB1869" s="6">
        <v>47</v>
      </c>
      <c r="CC1869" s="11">
        <v>44</v>
      </c>
      <c r="CD1869" s="11">
        <v>-54.257199999999997</v>
      </c>
      <c r="CE1869" s="11">
        <v>-52.329700000000003</v>
      </c>
      <c r="CF1869" s="11">
        <v>47.225999999999999</v>
      </c>
      <c r="CG1869" s="11">
        <v>-5</v>
      </c>
      <c r="CH1869" s="20">
        <v>0.66998400000000002</v>
      </c>
      <c r="CI1869" s="20">
        <v>0.63119000000000003</v>
      </c>
      <c r="CJ1869" s="20">
        <v>0.60011700000000001</v>
      </c>
      <c r="CK1869" s="20">
        <v>0.57904999999999995</v>
      </c>
      <c r="CL1869" s="20">
        <v>0.54532800000000003</v>
      </c>
      <c r="CM1869" s="20">
        <v>0.50173800000000002</v>
      </c>
      <c r="CN1869" s="20">
        <v>0.53458600000000001</v>
      </c>
      <c r="CO1869" s="20">
        <v>0.614008</v>
      </c>
      <c r="CP1869" s="20">
        <v>0.66672399999999998</v>
      </c>
      <c r="CQ1869" s="20">
        <v>0.70847700000000002</v>
      </c>
      <c r="CR1869" s="20">
        <v>0.69215700000000002</v>
      </c>
      <c r="CS1869" s="20">
        <v>0.72362700000000002</v>
      </c>
      <c r="CT1869" s="20">
        <v>0.73139399999999999</v>
      </c>
      <c r="CU1869" s="20">
        <v>0.65774299999999997</v>
      </c>
      <c r="CV1869" s="20">
        <v>0.63080599999999998</v>
      </c>
      <c r="CW1869" s="20">
        <v>0.64295000000000002</v>
      </c>
      <c r="CX1869" s="20">
        <v>0.63709800000000005</v>
      </c>
      <c r="CY1869" s="6" t="s">
        <v>665</v>
      </c>
      <c r="CZ1869" s="6" t="s">
        <v>666</v>
      </c>
      <c r="DA1869" s="6" t="s">
        <v>134</v>
      </c>
      <c r="DB1869" s="6"/>
      <c r="DC1869" s="6">
        <v>33620</v>
      </c>
      <c r="DD1869" s="6">
        <v>190</v>
      </c>
      <c r="DE1869" s="6" t="s">
        <v>668</v>
      </c>
      <c r="DF1869" s="6" t="s">
        <v>363</v>
      </c>
      <c r="DG1869" s="6" t="s">
        <v>364</v>
      </c>
      <c r="DH1869" s="6" t="s">
        <v>365</v>
      </c>
      <c r="DI1869" s="6" t="s">
        <v>390</v>
      </c>
      <c r="DJ1869" s="6">
        <v>29</v>
      </c>
      <c r="DK1869" s="6">
        <v>175</v>
      </c>
      <c r="DL1869" s="6">
        <v>5</v>
      </c>
      <c r="DM1869" s="6" t="s">
        <v>392</v>
      </c>
      <c r="DN1869" s="6">
        <v>6</v>
      </c>
      <c r="DO1869" s="6" t="s">
        <v>393</v>
      </c>
      <c r="DP1869" s="6"/>
      <c r="DQ1869" s="6"/>
    </row>
    <row r="1870" spans="1:121" x14ac:dyDescent="0.2">
      <c r="A1870" s="6" t="s">
        <v>792</v>
      </c>
      <c r="B1870" s="6" t="s">
        <v>176</v>
      </c>
      <c r="C1870" s="6" t="s">
        <v>177</v>
      </c>
      <c r="D1870" s="6" t="s">
        <v>134</v>
      </c>
      <c r="E1870" s="6" t="s">
        <v>275</v>
      </c>
      <c r="F1870" s="11">
        <v>-362</v>
      </c>
      <c r="G1870" s="13">
        <v>-0.266764922623</v>
      </c>
      <c r="H1870" s="11">
        <v>145.18756635</v>
      </c>
      <c r="I1870" s="13">
        <v>0.10695685466833239</v>
      </c>
      <c r="J1870" s="11">
        <v>-525.93028789599998</v>
      </c>
      <c r="K1870" s="13">
        <v>-0.35000696409359688</v>
      </c>
      <c r="L1870" s="11">
        <v>18.052854914000022</v>
      </c>
      <c r="M1870" s="13">
        <v>1.8483562981351773E-2</v>
      </c>
      <c r="N1870" s="11">
        <v>-507.87743298199996</v>
      </c>
      <c r="O1870" s="13">
        <v>-0.33799277687698087</v>
      </c>
      <c r="P1870" s="7">
        <v>1357.44050066</v>
      </c>
      <c r="Q1870" s="7">
        <v>1437.87655038</v>
      </c>
      <c r="R1870" s="7">
        <v>1452.5066525699999</v>
      </c>
      <c r="S1870" s="7">
        <v>1493.84225743</v>
      </c>
      <c r="T1870" s="7">
        <v>1539.3578586399999</v>
      </c>
      <c r="U1870" s="7">
        <v>1610.43732989</v>
      </c>
      <c r="V1870" s="7">
        <v>1502.62806701</v>
      </c>
      <c r="W1870" s="7">
        <v>1448.6508425300001</v>
      </c>
      <c r="X1870" s="7">
        <v>1068.0675990300001</v>
      </c>
      <c r="Y1870" s="7">
        <v>976.69777911400001</v>
      </c>
      <c r="Z1870" s="7">
        <v>1016.9319508900001</v>
      </c>
      <c r="AA1870" s="7">
        <v>919.12076068900001</v>
      </c>
      <c r="AB1870" s="7">
        <v>873.30397324700004</v>
      </c>
      <c r="AC1870" s="7">
        <v>891.14858694400004</v>
      </c>
      <c r="AD1870" s="7">
        <v>902.72752937799999</v>
      </c>
      <c r="AE1870" s="7">
        <v>974.70688672100005</v>
      </c>
      <c r="AF1870" s="7">
        <v>994.75063402800004</v>
      </c>
      <c r="AG1870" s="9">
        <v>14870.296029199999</v>
      </c>
      <c r="AH1870" s="13">
        <v>0.47221432935265073</v>
      </c>
      <c r="AI1870" s="9">
        <v>7219.3693588999959</v>
      </c>
      <c r="AJ1870" s="13">
        <v>0.22925499623328224</v>
      </c>
      <c r="AK1870" s="9">
        <v>5720.4933423000039</v>
      </c>
      <c r="AL1870" s="13">
        <v>0.14777843047387315</v>
      </c>
      <c r="AM1870" s="9">
        <v>1930.4333279999992</v>
      </c>
      <c r="AN1870" s="13">
        <v>4.3448452517221896E-2</v>
      </c>
      <c r="AO1870" s="9">
        <v>7650.926670300003</v>
      </c>
      <c r="AP1870" s="13">
        <v>0.19764762711060871</v>
      </c>
      <c r="AQ1870" s="9">
        <v>31490.564993200001</v>
      </c>
      <c r="AR1870" s="9">
        <v>32702.562113399999</v>
      </c>
      <c r="AS1870" s="9">
        <v>33003.742587399996</v>
      </c>
      <c r="AT1870" s="9">
        <v>36022.607834000002</v>
      </c>
      <c r="AU1870" s="9">
        <v>37079.609101499998</v>
      </c>
      <c r="AV1870" s="9">
        <v>38108.337670300003</v>
      </c>
      <c r="AW1870" s="9">
        <v>38709.934352099997</v>
      </c>
      <c r="AX1870" s="9">
        <v>41484.672301500003</v>
      </c>
      <c r="AY1870" s="9">
        <v>42487.125227800003</v>
      </c>
      <c r="AZ1870" s="9">
        <v>44430.427694400001</v>
      </c>
      <c r="BA1870" s="9">
        <v>43518.2604335</v>
      </c>
      <c r="BB1870" s="9">
        <v>47894.791885099999</v>
      </c>
      <c r="BC1870" s="9">
        <v>43256.856933299998</v>
      </c>
      <c r="BD1870" s="9">
        <v>45536.8188371</v>
      </c>
      <c r="BE1870" s="9">
        <v>45697.682027299998</v>
      </c>
      <c r="BF1870" s="9">
        <v>46360.8610224</v>
      </c>
      <c r="BG1870" s="11">
        <v>6.25</v>
      </c>
      <c r="BH1870" s="13">
        <v>0.24038461538461539</v>
      </c>
      <c r="BI1870" s="6">
        <v>-1</v>
      </c>
      <c r="BJ1870" s="13">
        <v>-3.8461538461538464E-2</v>
      </c>
      <c r="BK1870" s="6">
        <v>3</v>
      </c>
      <c r="BL1870" s="13">
        <v>0.12</v>
      </c>
      <c r="BM1870" s="11">
        <v>4.25</v>
      </c>
      <c r="BN1870" s="13">
        <v>0.15178571428571427</v>
      </c>
      <c r="BO1870" s="11">
        <v>7.25</v>
      </c>
      <c r="BP1870" s="13">
        <v>0.28999999999999998</v>
      </c>
      <c r="BQ1870" s="6">
        <v>26</v>
      </c>
      <c r="BR1870" s="6">
        <v>26</v>
      </c>
      <c r="BS1870" s="6">
        <v>25</v>
      </c>
      <c r="BT1870" s="6">
        <v>25</v>
      </c>
      <c r="BU1870" s="6">
        <v>30</v>
      </c>
      <c r="BV1870" s="6">
        <v>36</v>
      </c>
      <c r="BW1870" s="6">
        <v>28</v>
      </c>
      <c r="BX1870" s="6">
        <v>28</v>
      </c>
      <c r="BY1870" s="6">
        <v>26</v>
      </c>
      <c r="BZ1870" s="6">
        <v>29</v>
      </c>
      <c r="CA1870" s="6">
        <v>28</v>
      </c>
      <c r="CB1870" s="6">
        <v>30</v>
      </c>
      <c r="CC1870" s="11">
        <v>32.25</v>
      </c>
      <c r="CD1870" s="11">
        <v>-31.9282</v>
      </c>
      <c r="CE1870" s="11">
        <v>-479.14600000000002</v>
      </c>
      <c r="CF1870" s="11">
        <v>148.38499999999999</v>
      </c>
      <c r="CG1870" s="11">
        <v>-331</v>
      </c>
      <c r="CH1870" s="20">
        <v>1.09958</v>
      </c>
      <c r="CI1870" s="20">
        <v>1.19685</v>
      </c>
      <c r="CJ1870" s="20">
        <v>1.24251</v>
      </c>
      <c r="CK1870" s="20">
        <v>1.2992999999999999</v>
      </c>
      <c r="CL1870" s="20">
        <v>1.33186</v>
      </c>
      <c r="CM1870" s="20">
        <v>1.4140200000000001</v>
      </c>
      <c r="CN1870" s="20">
        <v>1.3726499999999999</v>
      </c>
      <c r="CO1870" s="20">
        <v>1.3831800000000001</v>
      </c>
      <c r="CP1870" s="20">
        <v>1.1699200000000001</v>
      </c>
      <c r="CQ1870" s="20">
        <v>1.1225099999999999</v>
      </c>
      <c r="CR1870" s="20">
        <v>1.1527400000000001</v>
      </c>
      <c r="CS1870" s="20">
        <v>1.04695</v>
      </c>
      <c r="CT1870" s="20">
        <v>1.0069900000000001</v>
      </c>
      <c r="CU1870" s="20">
        <v>1.0223899999999999</v>
      </c>
      <c r="CV1870" s="20">
        <v>1.05033</v>
      </c>
      <c r="CW1870" s="20">
        <v>1.1396200000000001</v>
      </c>
      <c r="CX1870" s="20">
        <v>1.16059</v>
      </c>
      <c r="CY1870" s="6" t="s">
        <v>665</v>
      </c>
      <c r="CZ1870" s="6" t="s">
        <v>666</v>
      </c>
      <c r="DA1870" s="6" t="s">
        <v>134</v>
      </c>
      <c r="DB1870" s="6"/>
      <c r="DC1870" s="6">
        <v>33620</v>
      </c>
      <c r="DD1870" s="6">
        <v>190</v>
      </c>
      <c r="DE1870" s="6" t="s">
        <v>668</v>
      </c>
      <c r="DF1870" s="6" t="s">
        <v>363</v>
      </c>
      <c r="DG1870" s="6" t="s">
        <v>364</v>
      </c>
      <c r="DH1870" s="6" t="s">
        <v>365</v>
      </c>
      <c r="DI1870" s="6" t="s">
        <v>390</v>
      </c>
      <c r="DJ1870" s="6">
        <v>29</v>
      </c>
      <c r="DK1870" s="6">
        <v>175</v>
      </c>
      <c r="DL1870" s="6">
        <v>5</v>
      </c>
      <c r="DM1870" s="6" t="s">
        <v>392</v>
      </c>
      <c r="DN1870" s="6">
        <v>6</v>
      </c>
      <c r="DO1870" s="6" t="s">
        <v>393</v>
      </c>
      <c r="DP1870" s="6"/>
      <c r="DQ1870" s="6"/>
    </row>
    <row r="1871" spans="1:121" x14ac:dyDescent="0.2">
      <c r="A1871" s="6" t="s">
        <v>313</v>
      </c>
      <c r="B1871" s="6" t="s">
        <v>313</v>
      </c>
      <c r="C1871" s="6" t="s">
        <v>178</v>
      </c>
      <c r="D1871" s="6" t="s">
        <v>134</v>
      </c>
      <c r="E1871" s="6" t="s">
        <v>275</v>
      </c>
      <c r="F1871" s="11">
        <v>267</v>
      </c>
      <c r="G1871" s="13">
        <v>1.3024390243899999</v>
      </c>
      <c r="H1871" s="11">
        <v>183.55284037899997</v>
      </c>
      <c r="I1871" s="13">
        <v>0.89362359255299828</v>
      </c>
      <c r="J1871" s="11">
        <v>-118.49975576899999</v>
      </c>
      <c r="K1871" s="13">
        <v>-0.30466131771558458</v>
      </c>
      <c r="L1871" s="11">
        <v>201.75250387900002</v>
      </c>
      <c r="M1871" s="13">
        <v>0.74597178941968589</v>
      </c>
      <c r="N1871" s="11">
        <v>83.252748110000027</v>
      </c>
      <c r="O1871" s="13">
        <v>0.2140417233608472</v>
      </c>
      <c r="P1871" s="7">
        <v>205.40285855100001</v>
      </c>
      <c r="Q1871" s="7">
        <v>254.960041023</v>
      </c>
      <c r="R1871" s="7">
        <v>257.76757718300001</v>
      </c>
      <c r="S1871" s="7">
        <v>310.16676316600001</v>
      </c>
      <c r="T1871" s="7">
        <v>302.31610898000002</v>
      </c>
      <c r="U1871" s="7">
        <v>342.60169429799998</v>
      </c>
      <c r="V1871" s="7">
        <v>388.95569892999998</v>
      </c>
      <c r="W1871" s="7">
        <v>332.00825063299999</v>
      </c>
      <c r="X1871" s="7">
        <v>281.90895137899997</v>
      </c>
      <c r="Y1871" s="7">
        <v>270.45594316099999</v>
      </c>
      <c r="Z1871" s="7">
        <v>280.95701689499998</v>
      </c>
      <c r="AA1871" s="7">
        <v>381.08815210900002</v>
      </c>
      <c r="AB1871" s="7">
        <v>390.17976279700002</v>
      </c>
      <c r="AC1871" s="7">
        <v>404.05540345600002</v>
      </c>
      <c r="AD1871" s="7">
        <v>432.77473831100002</v>
      </c>
      <c r="AE1871" s="7">
        <v>423.742336217</v>
      </c>
      <c r="AF1871" s="7">
        <v>472.20844704000001</v>
      </c>
      <c r="AG1871" s="9">
        <v>26868.177205100001</v>
      </c>
      <c r="AH1871" s="13">
        <v>0.78412633572383339</v>
      </c>
      <c r="AI1871" s="9">
        <v>22141.0414332</v>
      </c>
      <c r="AJ1871" s="13">
        <v>0.64616864611229485</v>
      </c>
      <c r="AK1871" s="9">
        <v>-9920.7767403000034</v>
      </c>
      <c r="AL1871" s="13">
        <v>-0.17588110563648807</v>
      </c>
      <c r="AM1871" s="9">
        <v>14647.912512200004</v>
      </c>
      <c r="AN1871" s="13">
        <v>0.31510796206537767</v>
      </c>
      <c r="AO1871" s="9">
        <v>4727.1357719000007</v>
      </c>
      <c r="AP1871" s="13">
        <v>8.3805319665970393E-2</v>
      </c>
      <c r="AQ1871" s="9">
        <v>34265.112624100002</v>
      </c>
      <c r="AR1871" s="9">
        <v>39159.253256299999</v>
      </c>
      <c r="AS1871" s="9">
        <v>38728.441096499999</v>
      </c>
      <c r="AT1871" s="9">
        <v>48771.569432600001</v>
      </c>
      <c r="AU1871" s="9">
        <v>41880.405540200001</v>
      </c>
      <c r="AV1871" s="9">
        <v>41550.976081100001</v>
      </c>
      <c r="AW1871" s="9">
        <v>56406.154057300002</v>
      </c>
      <c r="AX1871" s="9">
        <v>47172.920115499997</v>
      </c>
      <c r="AY1871" s="9">
        <v>45438.625589499999</v>
      </c>
      <c r="AZ1871" s="9">
        <v>46485.377316999999</v>
      </c>
      <c r="BA1871" s="9">
        <v>48348.117987400001</v>
      </c>
      <c r="BB1871" s="9">
        <v>47068.416076499998</v>
      </c>
      <c r="BC1871" s="9">
        <v>47764.114303900002</v>
      </c>
      <c r="BD1871" s="9">
        <v>51594.947227500001</v>
      </c>
      <c r="BE1871" s="9">
        <v>54602.246718599999</v>
      </c>
      <c r="BF1871" s="9">
        <v>61133.289829200003</v>
      </c>
      <c r="BG1871" s="11">
        <v>-3</v>
      </c>
      <c r="BH1871" s="13">
        <v>-0.11538461538461539</v>
      </c>
      <c r="BI1871" s="6">
        <v>2</v>
      </c>
      <c r="BJ1871" s="13">
        <v>7.6923076923076927E-2</v>
      </c>
      <c r="BK1871" s="6">
        <v>-3</v>
      </c>
      <c r="BL1871" s="13">
        <v>-0.10714285714285714</v>
      </c>
      <c r="BM1871" s="11">
        <v>-2</v>
      </c>
      <c r="BN1871" s="13">
        <v>-0.08</v>
      </c>
      <c r="BO1871" s="11">
        <v>-5</v>
      </c>
      <c r="BP1871" s="13">
        <v>-0.17857142857142858</v>
      </c>
      <c r="BQ1871" s="6">
        <v>26</v>
      </c>
      <c r="BR1871" s="6">
        <v>31</v>
      </c>
      <c r="BS1871" s="6">
        <v>29</v>
      </c>
      <c r="BT1871" s="6">
        <v>28</v>
      </c>
      <c r="BU1871" s="6">
        <v>27</v>
      </c>
      <c r="BV1871" s="6">
        <v>25</v>
      </c>
      <c r="BW1871" s="6">
        <v>25</v>
      </c>
      <c r="BX1871" s="6">
        <v>25</v>
      </c>
      <c r="BY1871" s="6">
        <v>26</v>
      </c>
      <c r="BZ1871" s="6">
        <v>26</v>
      </c>
      <c r="CA1871" s="6">
        <v>25</v>
      </c>
      <c r="CB1871" s="6">
        <v>25</v>
      </c>
      <c r="CC1871" s="11">
        <v>23</v>
      </c>
      <c r="CD1871" s="11">
        <v>261.14800000000002</v>
      </c>
      <c r="CE1871" s="11">
        <v>-16.795300000000001</v>
      </c>
      <c r="CF1871" s="11">
        <v>22.452999999999999</v>
      </c>
      <c r="CG1871" s="11">
        <v>5</v>
      </c>
      <c r="CH1871" s="20">
        <v>0.46726899999999999</v>
      </c>
      <c r="CI1871" s="20">
        <v>0.56605099999999997</v>
      </c>
      <c r="CJ1871" s="20">
        <v>0.56220599999999998</v>
      </c>
      <c r="CK1871" s="20">
        <v>0.67155900000000002</v>
      </c>
      <c r="CL1871" s="20">
        <v>0.63568100000000005</v>
      </c>
      <c r="CM1871" s="20">
        <v>0.71130499999999997</v>
      </c>
      <c r="CN1871" s="20">
        <v>0.81042400000000003</v>
      </c>
      <c r="CO1871" s="20">
        <v>0.70451900000000001</v>
      </c>
      <c r="CP1871" s="20">
        <v>0.64872600000000002</v>
      </c>
      <c r="CQ1871" s="20">
        <v>0.64650600000000003</v>
      </c>
      <c r="CR1871" s="20">
        <v>0.66531200000000001</v>
      </c>
      <c r="CS1871" s="20">
        <v>0.90576999999999996</v>
      </c>
      <c r="CT1871" s="20">
        <v>0.93345599999999995</v>
      </c>
      <c r="CU1871" s="20">
        <v>0.96298399999999995</v>
      </c>
      <c r="CV1871" s="20">
        <v>1.04671</v>
      </c>
      <c r="CW1871" s="20">
        <v>1.0325299999999999</v>
      </c>
      <c r="CX1871" s="20">
        <v>1.1388499999999999</v>
      </c>
      <c r="CY1871" s="6" t="s">
        <v>665</v>
      </c>
      <c r="CZ1871" s="6" t="s">
        <v>666</v>
      </c>
      <c r="DA1871" s="6" t="s">
        <v>134</v>
      </c>
      <c r="DB1871" s="6"/>
      <c r="DC1871" s="6">
        <v>33620</v>
      </c>
      <c r="DD1871" s="6">
        <v>190</v>
      </c>
      <c r="DE1871" s="6" t="s">
        <v>668</v>
      </c>
      <c r="DF1871" s="6" t="s">
        <v>363</v>
      </c>
      <c r="DG1871" s="6" t="s">
        <v>364</v>
      </c>
      <c r="DH1871" s="6" t="s">
        <v>365</v>
      </c>
      <c r="DI1871" s="6" t="s">
        <v>390</v>
      </c>
      <c r="DJ1871" s="6">
        <v>29</v>
      </c>
      <c r="DK1871" s="6">
        <v>175</v>
      </c>
      <c r="DL1871" s="6">
        <v>5</v>
      </c>
      <c r="DM1871" s="6" t="s">
        <v>392</v>
      </c>
      <c r="DN1871" s="6">
        <v>6</v>
      </c>
      <c r="DO1871" s="6" t="s">
        <v>393</v>
      </c>
      <c r="DP1871" s="6"/>
      <c r="DQ1871" s="6"/>
    </row>
    <row r="1872" spans="1:121" x14ac:dyDescent="0.2">
      <c r="A1872" s="6" t="s">
        <v>793</v>
      </c>
      <c r="B1872" s="6" t="s">
        <v>179</v>
      </c>
      <c r="C1872" s="6" t="s">
        <v>180</v>
      </c>
      <c r="D1872" s="6" t="s">
        <v>134</v>
      </c>
      <c r="E1872" s="6" t="s">
        <v>275</v>
      </c>
      <c r="F1872" s="11">
        <v>-206</v>
      </c>
      <c r="G1872" s="13">
        <v>-0.14000000000000001</v>
      </c>
      <c r="H1872" s="11">
        <v>-219</v>
      </c>
      <c r="I1872" s="13">
        <v>-0.14580559254327563</v>
      </c>
      <c r="J1872" s="11">
        <v>-126</v>
      </c>
      <c r="K1872" s="13">
        <v>-9.8207326578332033E-2</v>
      </c>
      <c r="L1872" s="11">
        <v>139</v>
      </c>
      <c r="M1872" s="13">
        <v>0.12013828867761452</v>
      </c>
      <c r="N1872" s="11">
        <v>13</v>
      </c>
      <c r="O1872" s="13">
        <v>1.0132501948558068E-2</v>
      </c>
      <c r="P1872" s="7">
        <v>1502</v>
      </c>
      <c r="Q1872" s="7">
        <v>1692</v>
      </c>
      <c r="R1872" s="7">
        <v>1731</v>
      </c>
      <c r="S1872" s="7">
        <v>1717</v>
      </c>
      <c r="T1872" s="7">
        <v>1768</v>
      </c>
      <c r="U1872" s="7">
        <v>1744</v>
      </c>
      <c r="V1872" s="7">
        <v>1283</v>
      </c>
      <c r="W1872" s="7">
        <v>1282</v>
      </c>
      <c r="X1872" s="7">
        <v>1264</v>
      </c>
      <c r="Y1872" s="7">
        <v>1157</v>
      </c>
      <c r="Z1872" s="7">
        <v>1179</v>
      </c>
      <c r="AA1872" s="7">
        <v>1164</v>
      </c>
      <c r="AB1872" s="7">
        <v>1140</v>
      </c>
      <c r="AC1872" s="7">
        <v>1166</v>
      </c>
      <c r="AD1872" s="7">
        <v>1254</v>
      </c>
      <c r="AE1872" s="7">
        <v>1286</v>
      </c>
      <c r="AF1872" s="7">
        <v>1296</v>
      </c>
      <c r="AG1872" s="9">
        <v>7024</v>
      </c>
      <c r="AH1872" s="13">
        <v>0.35077906512185375</v>
      </c>
      <c r="AI1872" s="9">
        <v>3975</v>
      </c>
      <c r="AJ1872" s="13">
        <v>0.19851178585697163</v>
      </c>
      <c r="AK1872" s="9">
        <v>1017</v>
      </c>
      <c r="AL1872" s="13">
        <v>4.2376765698570774E-2</v>
      </c>
      <c r="AM1872" s="9">
        <v>2032</v>
      </c>
      <c r="AN1872" s="13">
        <v>8.1228014070994559E-2</v>
      </c>
      <c r="AO1872" s="9">
        <v>3049</v>
      </c>
      <c r="AP1872" s="13">
        <v>0.12704696029001208</v>
      </c>
      <c r="AQ1872" s="9">
        <v>20024</v>
      </c>
      <c r="AR1872" s="9">
        <v>21222</v>
      </c>
      <c r="AS1872" s="9">
        <v>24173</v>
      </c>
      <c r="AT1872" s="9">
        <v>24531</v>
      </c>
      <c r="AU1872" s="9">
        <v>26196</v>
      </c>
      <c r="AV1872" s="9">
        <v>26638</v>
      </c>
      <c r="AW1872" s="9">
        <v>23999</v>
      </c>
      <c r="AX1872" s="9">
        <v>24517</v>
      </c>
      <c r="AY1872" s="9">
        <v>24428</v>
      </c>
      <c r="AZ1872" s="9">
        <v>25016</v>
      </c>
      <c r="BA1872" s="9">
        <v>24787</v>
      </c>
      <c r="BB1872" s="9">
        <v>25687</v>
      </c>
      <c r="BC1872" s="9">
        <v>26878</v>
      </c>
      <c r="BD1872" s="9">
        <v>27315</v>
      </c>
      <c r="BE1872" s="9">
        <v>26551</v>
      </c>
      <c r="BF1872" s="9">
        <v>27048</v>
      </c>
      <c r="BG1872" s="11">
        <v>1</v>
      </c>
      <c r="BH1872" s="13">
        <v>1.0638297872340425E-2</v>
      </c>
      <c r="BI1872" s="6">
        <v>-2</v>
      </c>
      <c r="BJ1872" s="13">
        <v>-2.1276595744680851E-2</v>
      </c>
      <c r="BK1872" s="6">
        <v>4</v>
      </c>
      <c r="BL1872" s="13">
        <v>4.3478260869565216E-2</v>
      </c>
      <c r="BM1872" s="11">
        <v>-1</v>
      </c>
      <c r="BN1872" s="13">
        <v>-1.0416666666666666E-2</v>
      </c>
      <c r="BO1872" s="11">
        <v>3</v>
      </c>
      <c r="BP1872" s="13">
        <v>3.2608695652173912E-2</v>
      </c>
      <c r="BQ1872" s="6">
        <v>94</v>
      </c>
      <c r="BR1872" s="6">
        <v>99</v>
      </c>
      <c r="BS1872" s="6">
        <v>98</v>
      </c>
      <c r="BT1872" s="6">
        <v>92</v>
      </c>
      <c r="BU1872" s="6">
        <v>93</v>
      </c>
      <c r="BV1872" s="6">
        <v>94</v>
      </c>
      <c r="BW1872" s="6">
        <v>96</v>
      </c>
      <c r="BX1872" s="6">
        <v>93</v>
      </c>
      <c r="BY1872" s="6">
        <v>89</v>
      </c>
      <c r="BZ1872" s="6">
        <v>85</v>
      </c>
      <c r="CA1872" s="6">
        <v>84</v>
      </c>
      <c r="CB1872" s="6">
        <v>93</v>
      </c>
      <c r="CC1872" s="11">
        <v>95</v>
      </c>
      <c r="CD1872" s="11">
        <v>-273</v>
      </c>
      <c r="CE1872" s="11">
        <v>-96</v>
      </c>
      <c r="CF1872" s="11">
        <v>164</v>
      </c>
      <c r="CG1872" s="11">
        <v>68</v>
      </c>
      <c r="CH1872" s="20">
        <v>1.27</v>
      </c>
      <c r="CI1872" s="20">
        <v>1.38</v>
      </c>
      <c r="CJ1872" s="20">
        <v>1.39</v>
      </c>
      <c r="CK1872" s="20">
        <v>1.37</v>
      </c>
      <c r="CL1872" s="20">
        <v>1.38</v>
      </c>
      <c r="CM1872" s="20">
        <v>1.36</v>
      </c>
      <c r="CN1872" s="20">
        <v>1.01</v>
      </c>
      <c r="CO1872" s="20">
        <v>1.04</v>
      </c>
      <c r="CP1872" s="20">
        <v>1.0900000000000001</v>
      </c>
      <c r="CQ1872" s="20">
        <v>1.03</v>
      </c>
      <c r="CR1872" s="20">
        <v>1.04</v>
      </c>
      <c r="CS1872" s="20">
        <v>1.04</v>
      </c>
      <c r="CT1872" s="20">
        <v>1.02</v>
      </c>
      <c r="CU1872" s="20">
        <v>1.04</v>
      </c>
      <c r="CV1872" s="20">
        <v>1.1200000000000001</v>
      </c>
      <c r="CW1872" s="20">
        <v>1.1499999999999999</v>
      </c>
      <c r="CX1872" s="20">
        <v>1.1499999999999999</v>
      </c>
      <c r="CY1872" s="6" t="s">
        <v>665</v>
      </c>
      <c r="CZ1872" s="6" t="s">
        <v>666</v>
      </c>
      <c r="DA1872" s="6" t="s">
        <v>134</v>
      </c>
      <c r="DB1872" s="6"/>
      <c r="DC1872" s="6">
        <v>33620</v>
      </c>
      <c r="DD1872" s="6">
        <v>190</v>
      </c>
      <c r="DE1872" s="6" t="s">
        <v>668</v>
      </c>
      <c r="DF1872" s="6" t="s">
        <v>363</v>
      </c>
      <c r="DG1872" s="6" t="s">
        <v>364</v>
      </c>
      <c r="DH1872" s="6" t="s">
        <v>365</v>
      </c>
      <c r="DI1872" s="6" t="s">
        <v>390</v>
      </c>
      <c r="DJ1872" s="6">
        <v>29</v>
      </c>
      <c r="DK1872" s="6">
        <v>175</v>
      </c>
      <c r="DL1872" s="6">
        <v>5</v>
      </c>
      <c r="DM1872" s="6" t="s">
        <v>392</v>
      </c>
      <c r="DN1872" s="6">
        <v>6</v>
      </c>
      <c r="DO1872" s="6" t="s">
        <v>393</v>
      </c>
      <c r="DP1872" s="6"/>
      <c r="DQ1872" s="6"/>
    </row>
    <row r="1873" spans="1:121" x14ac:dyDescent="0.2">
      <c r="A1873" s="6" t="s">
        <v>794</v>
      </c>
      <c r="B1873" s="6" t="s">
        <v>181</v>
      </c>
      <c r="C1873" s="6" t="s">
        <v>182</v>
      </c>
      <c r="D1873" s="6" t="s">
        <v>134</v>
      </c>
      <c r="E1873" s="6" t="s">
        <v>275</v>
      </c>
      <c r="F1873" s="11">
        <v>447</v>
      </c>
      <c r="G1873" s="13">
        <v>0.85961538461499998</v>
      </c>
      <c r="H1873" s="11">
        <v>411.56598265299999</v>
      </c>
      <c r="I1873" s="13">
        <v>0.7919255878308864</v>
      </c>
      <c r="J1873" s="11">
        <v>-76.538226554999937</v>
      </c>
      <c r="K1873" s="13">
        <v>-8.218703784903246E-2</v>
      </c>
      <c r="L1873" s="11">
        <v>112.10229895199996</v>
      </c>
      <c r="M1873" s="13">
        <v>0.13115512482904618</v>
      </c>
      <c r="N1873" s="11">
        <v>35.564072397000018</v>
      </c>
      <c r="O1873" s="13">
        <v>3.8188835771594314E-2</v>
      </c>
      <c r="P1873" s="7">
        <v>519.70284705699999</v>
      </c>
      <c r="Q1873" s="7">
        <v>505.011869719</v>
      </c>
      <c r="R1873" s="7">
        <v>501.27704208500001</v>
      </c>
      <c r="S1873" s="7">
        <v>476.35432892799997</v>
      </c>
      <c r="T1873" s="7">
        <v>552.78029972599995</v>
      </c>
      <c r="U1873" s="7">
        <v>592.28767294099998</v>
      </c>
      <c r="V1873" s="7">
        <v>931.26882970999998</v>
      </c>
      <c r="W1873" s="7">
        <v>834.63076609899997</v>
      </c>
      <c r="X1873" s="7">
        <v>692.06942654700003</v>
      </c>
      <c r="Y1873" s="7">
        <v>854.73060315500004</v>
      </c>
      <c r="Z1873" s="7">
        <v>926.66339471100002</v>
      </c>
      <c r="AA1873" s="7">
        <v>865.12458981500004</v>
      </c>
      <c r="AB1873" s="7">
        <v>878.32096450699999</v>
      </c>
      <c r="AC1873" s="7">
        <v>893.15144120800005</v>
      </c>
      <c r="AD1873" s="7">
        <v>913.67338162700003</v>
      </c>
      <c r="AE1873" s="7">
        <v>945.744233119</v>
      </c>
      <c r="AF1873" s="7">
        <v>966.832902107</v>
      </c>
      <c r="AG1873" s="9">
        <v>13377.984455799997</v>
      </c>
      <c r="AH1873" s="13">
        <v>0.395008009608316</v>
      </c>
      <c r="AI1873" s="9">
        <v>5574.4824551999991</v>
      </c>
      <c r="AJ1873" s="13">
        <v>0.16459618610712118</v>
      </c>
      <c r="AK1873" s="9">
        <v>6130.0536209999991</v>
      </c>
      <c r="AL1873" s="13">
        <v>0.15541900520417248</v>
      </c>
      <c r="AM1873" s="9">
        <v>1673.4483795999986</v>
      </c>
      <c r="AN1873" s="13">
        <v>3.6720844873107047E-2</v>
      </c>
      <c r="AO1873" s="9">
        <v>7803.5020005999977</v>
      </c>
      <c r="AP1873" s="13">
        <v>0.19784696725771456</v>
      </c>
      <c r="AQ1873" s="9">
        <v>33867.628327500002</v>
      </c>
      <c r="AR1873" s="9">
        <v>36682.841236699998</v>
      </c>
      <c r="AS1873" s="9">
        <v>36586.310729600002</v>
      </c>
      <c r="AT1873" s="9">
        <v>38389.638730999999</v>
      </c>
      <c r="AU1873" s="9">
        <v>48981.182216000001</v>
      </c>
      <c r="AV1873" s="9">
        <v>46922.013332199997</v>
      </c>
      <c r="AW1873" s="9">
        <v>39442.110782700001</v>
      </c>
      <c r="AX1873" s="9">
        <v>41426.651284799998</v>
      </c>
      <c r="AY1873" s="9">
        <v>46214.203209200001</v>
      </c>
      <c r="AZ1873" s="9">
        <v>45572.164403700001</v>
      </c>
      <c r="BA1873" s="9">
        <v>44620.559466899998</v>
      </c>
      <c r="BB1873" s="9">
        <v>46498.353240600001</v>
      </c>
      <c r="BC1873" s="9">
        <v>46618.539646099998</v>
      </c>
      <c r="BD1873" s="9">
        <v>46918.571910500003</v>
      </c>
      <c r="BE1873" s="9">
        <v>46435.160635</v>
      </c>
      <c r="BF1873" s="9">
        <v>47245.612783299999</v>
      </c>
      <c r="BG1873" s="11">
        <v>-8</v>
      </c>
      <c r="BH1873" s="13">
        <v>-0.27586206896551724</v>
      </c>
      <c r="BI1873" s="6">
        <v>8</v>
      </c>
      <c r="BJ1873" s="13">
        <v>0.27586206896551724</v>
      </c>
      <c r="BK1873" s="6">
        <v>-9</v>
      </c>
      <c r="BL1873" s="13">
        <v>-0.24324324324324326</v>
      </c>
      <c r="BM1873" s="11">
        <v>-7</v>
      </c>
      <c r="BN1873" s="13">
        <v>-0.25</v>
      </c>
      <c r="BO1873" s="11">
        <v>-16</v>
      </c>
      <c r="BP1873" s="13">
        <v>-0.43243243243243246</v>
      </c>
      <c r="BQ1873" s="6">
        <v>29</v>
      </c>
      <c r="BR1873" s="6">
        <v>32</v>
      </c>
      <c r="BS1873" s="6">
        <v>34</v>
      </c>
      <c r="BT1873" s="6">
        <v>37</v>
      </c>
      <c r="BU1873" s="6">
        <v>34</v>
      </c>
      <c r="BV1873" s="6">
        <v>31</v>
      </c>
      <c r="BW1873" s="6">
        <v>28</v>
      </c>
      <c r="BX1873" s="6">
        <v>29</v>
      </c>
      <c r="BY1873" s="6">
        <v>29</v>
      </c>
      <c r="BZ1873" s="6">
        <v>30</v>
      </c>
      <c r="CA1873" s="6">
        <v>26</v>
      </c>
      <c r="CB1873" s="6">
        <v>22</v>
      </c>
      <c r="CC1873" s="11">
        <v>21</v>
      </c>
      <c r="CD1873" s="11">
        <v>357.56299999999999</v>
      </c>
      <c r="CE1873" s="11">
        <v>32.757100000000001</v>
      </c>
      <c r="CF1873" s="11">
        <v>56.809800000000003</v>
      </c>
      <c r="CG1873" s="11">
        <v>90</v>
      </c>
      <c r="CH1873" s="20">
        <v>1.4935099999999999</v>
      </c>
      <c r="CI1873" s="20">
        <v>1.42839</v>
      </c>
      <c r="CJ1873" s="20">
        <v>1.3957900000000001</v>
      </c>
      <c r="CK1873" s="20">
        <v>1.3040400000000001</v>
      </c>
      <c r="CL1873" s="20">
        <v>1.4608000000000001</v>
      </c>
      <c r="CM1873" s="20">
        <v>1.5410299999999999</v>
      </c>
      <c r="CN1873" s="20">
        <v>2.4264000000000001</v>
      </c>
      <c r="CO1873" s="20">
        <v>2.2149299999999998</v>
      </c>
      <c r="CP1873" s="20">
        <v>1.9858899999999999</v>
      </c>
      <c r="CQ1873" s="20">
        <v>2.5323899999999999</v>
      </c>
      <c r="CR1873" s="20">
        <v>2.6845300000000001</v>
      </c>
      <c r="CS1873" s="20">
        <v>2.5057200000000002</v>
      </c>
      <c r="CT1873" s="20">
        <v>2.5452499999999998</v>
      </c>
      <c r="CU1873" s="20">
        <v>2.52095</v>
      </c>
      <c r="CV1873" s="20">
        <v>2.5274700000000001</v>
      </c>
      <c r="CW1873" s="20">
        <v>2.5683699999999998</v>
      </c>
      <c r="CX1873" s="20">
        <v>2.5817899999999998</v>
      </c>
      <c r="CY1873" s="6" t="s">
        <v>665</v>
      </c>
      <c r="CZ1873" s="6" t="s">
        <v>666</v>
      </c>
      <c r="DA1873" s="6" t="s">
        <v>134</v>
      </c>
      <c r="DB1873" s="6"/>
      <c r="DC1873" s="6">
        <v>33620</v>
      </c>
      <c r="DD1873" s="6">
        <v>190</v>
      </c>
      <c r="DE1873" s="6" t="s">
        <v>668</v>
      </c>
      <c r="DF1873" s="6" t="s">
        <v>363</v>
      </c>
      <c r="DG1873" s="6" t="s">
        <v>364</v>
      </c>
      <c r="DH1873" s="6" t="s">
        <v>365</v>
      </c>
      <c r="DI1873" s="6" t="s">
        <v>390</v>
      </c>
      <c r="DJ1873" s="6">
        <v>29</v>
      </c>
      <c r="DK1873" s="6">
        <v>175</v>
      </c>
      <c r="DL1873" s="6">
        <v>5</v>
      </c>
      <c r="DM1873" s="6" t="s">
        <v>392</v>
      </c>
      <c r="DN1873" s="6">
        <v>6</v>
      </c>
      <c r="DO1873" s="6" t="s">
        <v>393</v>
      </c>
      <c r="DP1873" s="6"/>
      <c r="DQ1873" s="6"/>
    </row>
    <row r="1874" spans="1:121" x14ac:dyDescent="0.2">
      <c r="A1874" s="6" t="s">
        <v>314</v>
      </c>
      <c r="B1874" s="6" t="s">
        <v>314</v>
      </c>
      <c r="C1874" s="6" t="s">
        <v>183</v>
      </c>
      <c r="D1874" s="6" t="s">
        <v>134</v>
      </c>
      <c r="E1874" s="6" t="s">
        <v>275</v>
      </c>
      <c r="F1874" s="11">
        <v>-50</v>
      </c>
      <c r="G1874" s="13">
        <v>-0.32467532467499999</v>
      </c>
      <c r="H1874" s="11">
        <v>6.4281353499999909</v>
      </c>
      <c r="I1874" s="13">
        <v>4.1797972483837202E-2</v>
      </c>
      <c r="J1874" s="11">
        <v>1.8761354650000044</v>
      </c>
      <c r="K1874" s="13">
        <v>1.1709838039036089E-2</v>
      </c>
      <c r="L1874" s="11">
        <v>-58.208797990000008</v>
      </c>
      <c r="M1874" s="13">
        <v>-0.35910326455655239</v>
      </c>
      <c r="N1874" s="11">
        <v>-56.332662525000003</v>
      </c>
      <c r="O1874" s="13">
        <v>-0.35159846758476265</v>
      </c>
      <c r="P1874" s="7">
        <v>153.79060198400001</v>
      </c>
      <c r="Q1874" s="7">
        <v>161.92545565200001</v>
      </c>
      <c r="R1874" s="7">
        <v>152.51094033800001</v>
      </c>
      <c r="S1874" s="7">
        <v>154.66575855900001</v>
      </c>
      <c r="T1874" s="7">
        <v>152.61544124900001</v>
      </c>
      <c r="U1874" s="7">
        <v>153.61913163200001</v>
      </c>
      <c r="V1874" s="7">
        <v>160.218737334</v>
      </c>
      <c r="W1874" s="7">
        <v>154.020499661</v>
      </c>
      <c r="X1874" s="7">
        <v>165.63987081100001</v>
      </c>
      <c r="Y1874" s="7">
        <v>162.094872799</v>
      </c>
      <c r="Z1874" s="7">
        <v>153.37430494</v>
      </c>
      <c r="AA1874" s="7">
        <v>123.649544737</v>
      </c>
      <c r="AB1874" s="7">
        <v>104.21079527000001</v>
      </c>
      <c r="AC1874" s="7">
        <v>110.212248523</v>
      </c>
      <c r="AD1874" s="7">
        <v>107.245268415</v>
      </c>
      <c r="AE1874" s="7">
        <v>106.477204867</v>
      </c>
      <c r="AF1874" s="7">
        <v>103.88607480899999</v>
      </c>
      <c r="AG1874" s="9">
        <v>835.35020580000128</v>
      </c>
      <c r="AH1874" s="13">
        <v>2.2342991528053347E-2</v>
      </c>
      <c r="AI1874" s="9">
        <v>-939.29932140000165</v>
      </c>
      <c r="AJ1874" s="13">
        <v>-2.5123303537404197E-2</v>
      </c>
      <c r="AK1874" s="9">
        <v>-3242.5504351999989</v>
      </c>
      <c r="AL1874" s="13">
        <v>-8.8963075381359266E-2</v>
      </c>
      <c r="AM1874" s="9">
        <v>5017.1999624000018</v>
      </c>
      <c r="AN1874" s="13">
        <v>0.15109443837714209</v>
      </c>
      <c r="AO1874" s="9">
        <v>1774.6495272000029</v>
      </c>
      <c r="AP1874" s="13">
        <v>4.8689537084732989E-2</v>
      </c>
      <c r="AQ1874" s="9">
        <v>37387.572060400002</v>
      </c>
      <c r="AR1874" s="9">
        <v>38158.8018247</v>
      </c>
      <c r="AS1874" s="9">
        <v>40153.944973099999</v>
      </c>
      <c r="AT1874" s="9">
        <v>40216.5769229</v>
      </c>
      <c r="AU1874" s="9">
        <v>35864.876713099999</v>
      </c>
      <c r="AV1874" s="9">
        <v>36446.802728000002</v>
      </c>
      <c r="AW1874" s="9">
        <v>36448.272739</v>
      </c>
      <c r="AX1874" s="9">
        <v>37243.544340300003</v>
      </c>
      <c r="AY1874" s="9">
        <v>34894.116572899999</v>
      </c>
      <c r="AZ1874" s="9">
        <v>33205.722303800001</v>
      </c>
      <c r="BA1874" s="9">
        <v>33165.914507300004</v>
      </c>
      <c r="BB1874" s="9">
        <v>34987.120329400001</v>
      </c>
      <c r="BC1874" s="9">
        <v>35933.805730599997</v>
      </c>
      <c r="BD1874" s="9">
        <v>39025.401304400002</v>
      </c>
      <c r="BE1874" s="9">
        <v>38326.713866700004</v>
      </c>
      <c r="BF1874" s="9">
        <v>38222.922266200003</v>
      </c>
      <c r="BG1874" s="11">
        <v>-6.25</v>
      </c>
      <c r="BH1874" s="13">
        <v>-0.390625</v>
      </c>
      <c r="BI1874" s="6">
        <v>-1</v>
      </c>
      <c r="BJ1874" s="13">
        <v>-6.25E-2</v>
      </c>
      <c r="BK1874" s="6">
        <v>-2</v>
      </c>
      <c r="BL1874" s="13">
        <v>-0.13333333333333333</v>
      </c>
      <c r="BM1874" s="11">
        <v>-3.25</v>
      </c>
      <c r="BN1874" s="13">
        <v>-0.25</v>
      </c>
      <c r="BO1874" s="11">
        <v>-5.25</v>
      </c>
      <c r="BP1874" s="13">
        <v>-0.35</v>
      </c>
      <c r="BQ1874" s="6">
        <v>16</v>
      </c>
      <c r="BR1874" s="6">
        <v>14</v>
      </c>
      <c r="BS1874" s="6">
        <v>14</v>
      </c>
      <c r="BT1874" s="6">
        <v>15</v>
      </c>
      <c r="BU1874" s="6">
        <v>14</v>
      </c>
      <c r="BV1874" s="6">
        <v>15</v>
      </c>
      <c r="BW1874" s="6">
        <v>13</v>
      </c>
      <c r="BX1874" s="6">
        <v>13</v>
      </c>
      <c r="BY1874" s="6">
        <v>11</v>
      </c>
      <c r="BZ1874" s="6">
        <v>10</v>
      </c>
      <c r="CA1874" s="6">
        <v>10</v>
      </c>
      <c r="CB1874" s="6">
        <v>9</v>
      </c>
      <c r="CC1874" s="11">
        <v>9.75</v>
      </c>
      <c r="CD1874" s="11">
        <v>-19.6111</v>
      </c>
      <c r="CE1874" s="11">
        <v>-47.104599999999998</v>
      </c>
      <c r="CF1874" s="11">
        <v>16.811199999999999</v>
      </c>
      <c r="CG1874" s="11">
        <v>-30</v>
      </c>
      <c r="CH1874" s="20">
        <v>0.56123100000000004</v>
      </c>
      <c r="CI1874" s="20">
        <v>0.598001</v>
      </c>
      <c r="CJ1874" s="20">
        <v>0.57896700000000001</v>
      </c>
      <c r="CK1874" s="20">
        <v>0.60167000000000004</v>
      </c>
      <c r="CL1874" s="20">
        <v>0.59484599999999999</v>
      </c>
      <c r="CM1874" s="20">
        <v>0.60707500000000003</v>
      </c>
      <c r="CN1874" s="20">
        <v>0.64856400000000003</v>
      </c>
      <c r="CO1874" s="20">
        <v>0.64055600000000001</v>
      </c>
      <c r="CP1874" s="20">
        <v>0.74134699999999998</v>
      </c>
      <c r="CQ1874" s="20">
        <v>0.76834199999999997</v>
      </c>
      <c r="CR1874" s="20">
        <v>0.73731400000000002</v>
      </c>
      <c r="CS1874" s="20">
        <v>0.606298</v>
      </c>
      <c r="CT1874" s="20">
        <v>0.51655099999999998</v>
      </c>
      <c r="CU1874" s="20">
        <v>0.54352100000000003</v>
      </c>
      <c r="CV1874" s="20">
        <v>0.53727800000000003</v>
      </c>
      <c r="CW1874" s="20">
        <v>0.52938700000000005</v>
      </c>
      <c r="CX1874" s="20">
        <v>0.514297</v>
      </c>
      <c r="CY1874" s="6" t="s">
        <v>665</v>
      </c>
      <c r="CZ1874" s="6" t="s">
        <v>666</v>
      </c>
      <c r="DA1874" s="6" t="s">
        <v>134</v>
      </c>
      <c r="DB1874" s="6"/>
      <c r="DC1874" s="6">
        <v>33620</v>
      </c>
      <c r="DD1874" s="6">
        <v>190</v>
      </c>
      <c r="DE1874" s="6" t="s">
        <v>668</v>
      </c>
      <c r="DF1874" s="6" t="s">
        <v>363</v>
      </c>
      <c r="DG1874" s="6" t="s">
        <v>364</v>
      </c>
      <c r="DH1874" s="6" t="s">
        <v>365</v>
      </c>
      <c r="DI1874" s="6" t="s">
        <v>390</v>
      </c>
      <c r="DJ1874" s="6">
        <v>29</v>
      </c>
      <c r="DK1874" s="6">
        <v>175</v>
      </c>
      <c r="DL1874" s="6">
        <v>5</v>
      </c>
      <c r="DM1874" s="6" t="s">
        <v>392</v>
      </c>
      <c r="DN1874" s="6">
        <v>6</v>
      </c>
      <c r="DO1874" s="6" t="s">
        <v>393</v>
      </c>
      <c r="DP1874" s="6"/>
      <c r="DQ1874" s="6"/>
    </row>
    <row r="1875" spans="1:121" x14ac:dyDescent="0.2">
      <c r="A1875" s="6" t="s">
        <v>315</v>
      </c>
      <c r="B1875" s="6" t="s">
        <v>315</v>
      </c>
      <c r="C1875" s="6" t="s">
        <v>184</v>
      </c>
      <c r="D1875" s="6" t="s">
        <v>134</v>
      </c>
      <c r="E1875" s="6" t="s">
        <v>275</v>
      </c>
      <c r="F1875" s="11">
        <v>-53</v>
      </c>
      <c r="G1875" s="13">
        <v>-0.11</v>
      </c>
      <c r="H1875" s="11">
        <v>-136</v>
      </c>
      <c r="I1875" s="13">
        <v>-0.28997867803837951</v>
      </c>
      <c r="J1875" s="11">
        <v>58</v>
      </c>
      <c r="K1875" s="13">
        <v>0.17417417417417416</v>
      </c>
      <c r="L1875" s="11">
        <v>25</v>
      </c>
      <c r="M1875" s="13">
        <v>6.3938618925831206E-2</v>
      </c>
      <c r="N1875" s="11">
        <v>83</v>
      </c>
      <c r="O1875" s="13">
        <v>0.24924924924924924</v>
      </c>
      <c r="P1875" s="7">
        <v>469</v>
      </c>
      <c r="Q1875" s="7">
        <v>472</v>
      </c>
      <c r="R1875" s="7">
        <v>439</v>
      </c>
      <c r="S1875" s="7">
        <v>456</v>
      </c>
      <c r="T1875" s="7">
        <v>443</v>
      </c>
      <c r="U1875" s="7">
        <v>376</v>
      </c>
      <c r="V1875" s="7">
        <v>333</v>
      </c>
      <c r="W1875" s="7">
        <v>335</v>
      </c>
      <c r="X1875" s="7">
        <v>412</v>
      </c>
      <c r="Y1875" s="7">
        <v>391</v>
      </c>
      <c r="Z1875" s="7">
        <v>380</v>
      </c>
      <c r="AA1875" s="7">
        <v>404</v>
      </c>
      <c r="AB1875" s="7">
        <v>399</v>
      </c>
      <c r="AC1875" s="7">
        <v>406</v>
      </c>
      <c r="AD1875" s="7">
        <v>399</v>
      </c>
      <c r="AE1875" s="7">
        <v>406</v>
      </c>
      <c r="AF1875" s="7">
        <v>416</v>
      </c>
      <c r="AG1875" s="9">
        <v>34133</v>
      </c>
      <c r="AH1875" s="13">
        <v>0.92987713515133341</v>
      </c>
      <c r="AI1875" s="9">
        <v>15393</v>
      </c>
      <c r="AJ1875" s="13">
        <v>0.41934780831993895</v>
      </c>
      <c r="AK1875" s="9">
        <v>4661</v>
      </c>
      <c r="AL1875" s="13">
        <v>8.9462571976967373E-2</v>
      </c>
      <c r="AM1875" s="9">
        <v>14079</v>
      </c>
      <c r="AN1875" s="13">
        <v>0.24804002748365955</v>
      </c>
      <c r="AO1875" s="9">
        <v>18740</v>
      </c>
      <c r="AP1875" s="13">
        <v>0.3596928982725528</v>
      </c>
      <c r="AQ1875" s="9">
        <v>36707</v>
      </c>
      <c r="AR1875" s="9">
        <v>42172</v>
      </c>
      <c r="AS1875" s="9">
        <v>40021</v>
      </c>
      <c r="AT1875" s="9">
        <v>40232</v>
      </c>
      <c r="AU1875" s="9">
        <v>44059</v>
      </c>
      <c r="AV1875" s="9">
        <v>48850</v>
      </c>
      <c r="AW1875" s="9">
        <v>52100</v>
      </c>
      <c r="AX1875" s="9">
        <v>54621</v>
      </c>
      <c r="AY1875" s="9">
        <v>53818</v>
      </c>
      <c r="AZ1875" s="9">
        <v>56761</v>
      </c>
      <c r="BA1875" s="9">
        <v>59652</v>
      </c>
      <c r="BB1875" s="9">
        <v>59665</v>
      </c>
      <c r="BC1875" s="9">
        <v>59090</v>
      </c>
      <c r="BD1875" s="9">
        <v>62523</v>
      </c>
      <c r="BE1875" s="9">
        <v>65327</v>
      </c>
      <c r="BF1875" s="9">
        <v>70840</v>
      </c>
      <c r="BG1875" s="11">
        <v>8</v>
      </c>
      <c r="BH1875" s="13">
        <v>0.1951219512195122</v>
      </c>
      <c r="BI1875" s="6">
        <v>7</v>
      </c>
      <c r="BJ1875" s="13">
        <v>0.17073170731707318</v>
      </c>
      <c r="BK1875" s="6">
        <v>-6</v>
      </c>
      <c r="BL1875" s="13">
        <v>-0.125</v>
      </c>
      <c r="BM1875" s="11">
        <v>7</v>
      </c>
      <c r="BN1875" s="13">
        <v>0.16666666666666666</v>
      </c>
      <c r="BO1875" s="11">
        <v>1</v>
      </c>
      <c r="BP1875" s="13">
        <v>2.0833333333333332E-2</v>
      </c>
      <c r="BQ1875" s="6">
        <v>41</v>
      </c>
      <c r="BR1875" s="6">
        <v>42</v>
      </c>
      <c r="BS1875" s="6">
        <v>46</v>
      </c>
      <c r="BT1875" s="6">
        <v>48</v>
      </c>
      <c r="BU1875" s="6">
        <v>44</v>
      </c>
      <c r="BV1875" s="6">
        <v>44</v>
      </c>
      <c r="BW1875" s="6">
        <v>42</v>
      </c>
      <c r="BX1875" s="6">
        <v>40</v>
      </c>
      <c r="BY1875" s="6">
        <v>44</v>
      </c>
      <c r="BZ1875" s="6">
        <v>48</v>
      </c>
      <c r="CA1875" s="6">
        <v>48</v>
      </c>
      <c r="CB1875" s="6">
        <v>47</v>
      </c>
      <c r="CC1875" s="11">
        <v>49</v>
      </c>
      <c r="CD1875" s="11">
        <v>-67</v>
      </c>
      <c r="CE1875" s="11">
        <v>-37</v>
      </c>
      <c r="CF1875" s="11">
        <v>51</v>
      </c>
      <c r="CG1875" s="11">
        <v>14</v>
      </c>
      <c r="CH1875" s="20">
        <v>1.05</v>
      </c>
      <c r="CI1875" s="20">
        <v>1.01</v>
      </c>
      <c r="CJ1875" s="20">
        <v>0.9</v>
      </c>
      <c r="CK1875" s="20">
        <v>0.93</v>
      </c>
      <c r="CL1875" s="20">
        <v>0.88</v>
      </c>
      <c r="CM1875" s="20">
        <v>0.74</v>
      </c>
      <c r="CN1875" s="20">
        <v>0.67</v>
      </c>
      <c r="CO1875" s="20">
        <v>0.7</v>
      </c>
      <c r="CP1875" s="20">
        <v>0.91</v>
      </c>
      <c r="CQ1875" s="20">
        <v>0.9</v>
      </c>
      <c r="CR1875" s="20">
        <v>0.88</v>
      </c>
      <c r="CS1875" s="20">
        <v>0.94</v>
      </c>
      <c r="CT1875" s="20">
        <v>0.95</v>
      </c>
      <c r="CU1875" s="20">
        <v>0.97</v>
      </c>
      <c r="CV1875" s="20">
        <v>0.96</v>
      </c>
      <c r="CW1875" s="20">
        <v>0.97</v>
      </c>
      <c r="CX1875" s="20">
        <v>0.98</v>
      </c>
      <c r="CY1875" s="6" t="s">
        <v>665</v>
      </c>
      <c r="CZ1875" s="6" t="s">
        <v>666</v>
      </c>
      <c r="DA1875" s="6" t="s">
        <v>134</v>
      </c>
      <c r="DB1875" s="6"/>
      <c r="DC1875" s="6">
        <v>33620</v>
      </c>
      <c r="DD1875" s="6">
        <v>190</v>
      </c>
      <c r="DE1875" s="6" t="s">
        <v>668</v>
      </c>
      <c r="DF1875" s="6" t="s">
        <v>363</v>
      </c>
      <c r="DG1875" s="6" t="s">
        <v>364</v>
      </c>
      <c r="DH1875" s="6" t="s">
        <v>365</v>
      </c>
      <c r="DI1875" s="6" t="s">
        <v>390</v>
      </c>
      <c r="DJ1875" s="6">
        <v>29</v>
      </c>
      <c r="DK1875" s="6">
        <v>175</v>
      </c>
      <c r="DL1875" s="6">
        <v>5</v>
      </c>
      <c r="DM1875" s="6" t="s">
        <v>392</v>
      </c>
      <c r="DN1875" s="6">
        <v>6</v>
      </c>
      <c r="DO1875" s="6" t="s">
        <v>393</v>
      </c>
      <c r="DP1875" s="6"/>
      <c r="DQ1875" s="6"/>
    </row>
    <row r="1876" spans="1:121" x14ac:dyDescent="0.2">
      <c r="A1876" s="6" t="s">
        <v>316</v>
      </c>
      <c r="B1876" s="6" t="s">
        <v>316</v>
      </c>
      <c r="C1876" s="6" t="s">
        <v>185</v>
      </c>
      <c r="D1876" s="6" t="s">
        <v>134</v>
      </c>
      <c r="E1876" s="6" t="s">
        <v>275</v>
      </c>
      <c r="F1876" s="11">
        <v>-2</v>
      </c>
      <c r="G1876" s="13">
        <v>-0.02</v>
      </c>
      <c r="H1876" s="11">
        <v>37</v>
      </c>
      <c r="I1876" s="13">
        <v>0.40659340659340654</v>
      </c>
      <c r="J1876" s="11">
        <v>3</v>
      </c>
      <c r="K1876" s="13">
        <v>2.34375E-2</v>
      </c>
      <c r="L1876" s="11">
        <v>-42</v>
      </c>
      <c r="M1876" s="13">
        <v>-0.32061068702290074</v>
      </c>
      <c r="N1876" s="11">
        <v>-39</v>
      </c>
      <c r="O1876" s="13">
        <v>-0.3046875</v>
      </c>
      <c r="P1876" s="7">
        <v>91</v>
      </c>
      <c r="Q1876" s="7">
        <v>88</v>
      </c>
      <c r="R1876" s="7">
        <v>96</v>
      </c>
      <c r="S1876" s="7">
        <v>97</v>
      </c>
      <c r="T1876" s="7">
        <v>136</v>
      </c>
      <c r="U1876" s="7">
        <v>131</v>
      </c>
      <c r="V1876" s="7">
        <v>128</v>
      </c>
      <c r="W1876" s="7">
        <v>133</v>
      </c>
      <c r="X1876" s="7">
        <v>125</v>
      </c>
      <c r="Y1876" s="7">
        <v>131</v>
      </c>
      <c r="Z1876" s="7">
        <v>121</v>
      </c>
      <c r="AA1876" s="7">
        <v>101</v>
      </c>
      <c r="AB1876" s="7">
        <v>94</v>
      </c>
      <c r="AC1876" s="7">
        <v>103</v>
      </c>
      <c r="AD1876" s="7">
        <v>99</v>
      </c>
      <c r="AE1876" s="7">
        <v>88</v>
      </c>
      <c r="AF1876" s="7">
        <v>89</v>
      </c>
      <c r="AG1876" s="9">
        <v>16228</v>
      </c>
      <c r="AH1876" s="13">
        <v>0.8660476037997652</v>
      </c>
      <c r="AI1876" s="9">
        <v>8784</v>
      </c>
      <c r="AJ1876" s="13">
        <v>0.4687800192122959</v>
      </c>
      <c r="AK1876" s="9">
        <v>4486</v>
      </c>
      <c r="AL1876" s="13">
        <v>0.16299687522709105</v>
      </c>
      <c r="AM1876" s="9">
        <v>2958</v>
      </c>
      <c r="AN1876" s="13">
        <v>9.2414396400899781E-2</v>
      </c>
      <c r="AO1876" s="9">
        <v>7444</v>
      </c>
      <c r="AP1876" s="13">
        <v>0.27047452946733525</v>
      </c>
      <c r="AQ1876" s="9">
        <v>18738</v>
      </c>
      <c r="AR1876" s="9">
        <v>24144</v>
      </c>
      <c r="AS1876" s="9">
        <v>26137</v>
      </c>
      <c r="AT1876" s="9">
        <v>26634</v>
      </c>
      <c r="AU1876" s="9">
        <v>33673</v>
      </c>
      <c r="AV1876" s="9">
        <v>27615</v>
      </c>
      <c r="AW1876" s="9">
        <v>27522</v>
      </c>
      <c r="AX1876" s="9">
        <v>29115</v>
      </c>
      <c r="AY1876" s="9">
        <v>33736</v>
      </c>
      <c r="AZ1876" s="9">
        <v>32008</v>
      </c>
      <c r="BA1876" s="9">
        <v>32495</v>
      </c>
      <c r="BB1876" s="9">
        <v>38729</v>
      </c>
      <c r="BC1876" s="9">
        <v>34279</v>
      </c>
      <c r="BD1876" s="9">
        <v>33070</v>
      </c>
      <c r="BE1876" s="9">
        <v>35723</v>
      </c>
      <c r="BF1876" s="9">
        <v>34966</v>
      </c>
      <c r="BG1876" s="11">
        <v>1</v>
      </c>
      <c r="BH1876" s="13">
        <v>6.25E-2</v>
      </c>
      <c r="BI1876" s="6">
        <v>1</v>
      </c>
      <c r="BJ1876" s="13">
        <v>6.25E-2</v>
      </c>
      <c r="BK1876" s="6">
        <v>0</v>
      </c>
      <c r="BL1876" s="13">
        <v>0</v>
      </c>
      <c r="BM1876" s="11">
        <v>0</v>
      </c>
      <c r="BN1876" s="13">
        <v>0</v>
      </c>
      <c r="BO1876" s="11">
        <v>0</v>
      </c>
      <c r="BP1876" s="13">
        <v>0</v>
      </c>
      <c r="BQ1876" s="6">
        <v>16</v>
      </c>
      <c r="BR1876" s="6">
        <v>19</v>
      </c>
      <c r="BS1876" s="6">
        <v>20</v>
      </c>
      <c r="BT1876" s="6">
        <v>17</v>
      </c>
      <c r="BU1876" s="6">
        <v>16</v>
      </c>
      <c r="BV1876" s="6">
        <v>16</v>
      </c>
      <c r="BW1876" s="6">
        <v>17</v>
      </c>
      <c r="BX1876" s="6">
        <v>16</v>
      </c>
      <c r="BY1876" s="6">
        <v>15</v>
      </c>
      <c r="BZ1876" s="6">
        <v>15</v>
      </c>
      <c r="CA1876" s="6">
        <v>17</v>
      </c>
      <c r="CB1876" s="6">
        <v>17</v>
      </c>
      <c r="CC1876" s="11">
        <v>17</v>
      </c>
      <c r="CD1876" s="11">
        <v>-7</v>
      </c>
      <c r="CE1876" s="11">
        <v>-5</v>
      </c>
      <c r="CF1876" s="11">
        <v>10</v>
      </c>
      <c r="CG1876" s="11">
        <v>5</v>
      </c>
      <c r="CH1876" s="20">
        <v>0.5</v>
      </c>
      <c r="CI1876" s="20">
        <v>0.45</v>
      </c>
      <c r="CJ1876" s="20">
        <v>0.47</v>
      </c>
      <c r="CK1876" s="20">
        <v>0.47</v>
      </c>
      <c r="CL1876" s="20">
        <v>0.63</v>
      </c>
      <c r="CM1876" s="20">
        <v>0.6</v>
      </c>
      <c r="CN1876" s="20">
        <v>0.6</v>
      </c>
      <c r="CO1876" s="20">
        <v>0.65</v>
      </c>
      <c r="CP1876" s="20">
        <v>0.66</v>
      </c>
      <c r="CQ1876" s="20">
        <v>0.73</v>
      </c>
      <c r="CR1876" s="20">
        <v>0.69</v>
      </c>
      <c r="CS1876" s="20">
        <v>0.57999999999999996</v>
      </c>
      <c r="CT1876" s="20">
        <v>0.54</v>
      </c>
      <c r="CU1876" s="20">
        <v>0.57999999999999996</v>
      </c>
      <c r="CV1876" s="20">
        <v>0.56000000000000005</v>
      </c>
      <c r="CW1876" s="20">
        <v>0.5</v>
      </c>
      <c r="CX1876" s="20">
        <v>0.5</v>
      </c>
      <c r="CY1876" s="6" t="s">
        <v>665</v>
      </c>
      <c r="CZ1876" s="6" t="s">
        <v>666</v>
      </c>
      <c r="DA1876" s="6" t="s">
        <v>134</v>
      </c>
      <c r="DB1876" s="6"/>
      <c r="DC1876" s="6">
        <v>33620</v>
      </c>
      <c r="DD1876" s="6">
        <v>190</v>
      </c>
      <c r="DE1876" s="6" t="s">
        <v>668</v>
      </c>
      <c r="DF1876" s="6" t="s">
        <v>363</v>
      </c>
      <c r="DG1876" s="6" t="s">
        <v>364</v>
      </c>
      <c r="DH1876" s="6" t="s">
        <v>365</v>
      </c>
      <c r="DI1876" s="6" t="s">
        <v>390</v>
      </c>
      <c r="DJ1876" s="6">
        <v>29</v>
      </c>
      <c r="DK1876" s="6">
        <v>175</v>
      </c>
      <c r="DL1876" s="6">
        <v>5</v>
      </c>
      <c r="DM1876" s="6" t="s">
        <v>392</v>
      </c>
      <c r="DN1876" s="6">
        <v>6</v>
      </c>
      <c r="DO1876" s="6" t="s">
        <v>393</v>
      </c>
      <c r="DP1876" s="6"/>
      <c r="DQ1876" s="6"/>
    </row>
    <row r="1877" spans="1:121" x14ac:dyDescent="0.2">
      <c r="A1877" s="6" t="s">
        <v>317</v>
      </c>
      <c r="B1877" s="6" t="s">
        <v>317</v>
      </c>
      <c r="C1877" s="6" t="s">
        <v>186</v>
      </c>
      <c r="D1877" s="6" t="s">
        <v>134</v>
      </c>
      <c r="E1877" s="6" t="s">
        <v>275</v>
      </c>
      <c r="F1877" s="11">
        <v>-3</v>
      </c>
      <c r="G1877" s="13">
        <v>-0.03</v>
      </c>
      <c r="H1877" s="11">
        <v>0</v>
      </c>
      <c r="I1877" s="13">
        <v>0</v>
      </c>
      <c r="J1877" s="11">
        <v>-23</v>
      </c>
      <c r="K1877" s="13">
        <v>-0.20535714285714285</v>
      </c>
      <c r="L1877" s="11">
        <v>20</v>
      </c>
      <c r="M1877" s="13">
        <v>0.2247191011235955</v>
      </c>
      <c r="N1877" s="11">
        <v>-3</v>
      </c>
      <c r="O1877" s="13">
        <v>-2.6785714285714284E-2</v>
      </c>
      <c r="P1877" s="7">
        <v>112</v>
      </c>
      <c r="Q1877" s="7">
        <v>179</v>
      </c>
      <c r="R1877" s="7">
        <v>123</v>
      </c>
      <c r="S1877" s="7">
        <v>213</v>
      </c>
      <c r="T1877" s="7">
        <v>152</v>
      </c>
      <c r="U1877" s="7">
        <v>131</v>
      </c>
      <c r="V1877" s="7">
        <v>112</v>
      </c>
      <c r="W1877" s="7">
        <v>114</v>
      </c>
      <c r="X1877" s="7">
        <v>112</v>
      </c>
      <c r="Y1877" s="7">
        <v>89</v>
      </c>
      <c r="Z1877" s="7">
        <v>96</v>
      </c>
      <c r="AA1877" s="7">
        <v>104</v>
      </c>
      <c r="AB1877" s="7">
        <v>105</v>
      </c>
      <c r="AC1877" s="7">
        <v>102</v>
      </c>
      <c r="AD1877" s="7">
        <v>100</v>
      </c>
      <c r="AE1877" s="7">
        <v>108</v>
      </c>
      <c r="AF1877" s="7">
        <v>109</v>
      </c>
      <c r="AG1877" s="9">
        <v>7098</v>
      </c>
      <c r="AH1877" s="13">
        <v>0.26002857456863393</v>
      </c>
      <c r="AI1877" s="9">
        <v>321</v>
      </c>
      <c r="AJ1877" s="13">
        <v>1.1759534014726894E-2</v>
      </c>
      <c r="AK1877" s="9">
        <v>1576</v>
      </c>
      <c r="AL1877" s="13">
        <v>5.706423347092475E-2</v>
      </c>
      <c r="AM1877" s="9">
        <v>5201</v>
      </c>
      <c r="AN1877" s="13">
        <v>0.17815304514626293</v>
      </c>
      <c r="AO1877" s="9">
        <v>6777</v>
      </c>
      <c r="AP1877" s="13">
        <v>0.24538344557897024</v>
      </c>
      <c r="AQ1877" s="9">
        <v>27297</v>
      </c>
      <c r="AR1877" s="9">
        <v>31472</v>
      </c>
      <c r="AS1877" s="9">
        <v>31062</v>
      </c>
      <c r="AT1877" s="9">
        <v>30905</v>
      </c>
      <c r="AU1877" s="9">
        <v>32112</v>
      </c>
      <c r="AV1877" s="9">
        <v>31075</v>
      </c>
      <c r="AW1877" s="9">
        <v>27618</v>
      </c>
      <c r="AX1877" s="9">
        <v>29484</v>
      </c>
      <c r="AY1877" s="9">
        <v>27113</v>
      </c>
      <c r="AZ1877" s="9">
        <v>29194</v>
      </c>
      <c r="BA1877" s="9">
        <v>29877</v>
      </c>
      <c r="BB1877" s="9">
        <v>26796</v>
      </c>
      <c r="BC1877" s="9">
        <v>29863</v>
      </c>
      <c r="BD1877" s="9">
        <v>30139</v>
      </c>
      <c r="BE1877" s="9">
        <v>30290</v>
      </c>
      <c r="BF1877" s="9">
        <v>34395</v>
      </c>
      <c r="BG1877" s="11">
        <v>-13</v>
      </c>
      <c r="BH1877" s="13">
        <v>-0.38235294117647056</v>
      </c>
      <c r="BI1877" s="6">
        <v>-3</v>
      </c>
      <c r="BJ1877" s="13">
        <v>-8.8235294117647065E-2</v>
      </c>
      <c r="BK1877" s="6">
        <v>-7</v>
      </c>
      <c r="BL1877" s="13">
        <v>-0.22580645161290322</v>
      </c>
      <c r="BM1877" s="11">
        <v>-3</v>
      </c>
      <c r="BN1877" s="13">
        <v>-0.125</v>
      </c>
      <c r="BO1877" s="11">
        <v>-10</v>
      </c>
      <c r="BP1877" s="13">
        <v>-0.32258064516129031</v>
      </c>
      <c r="BQ1877" s="6">
        <v>34</v>
      </c>
      <c r="BR1877" s="6">
        <v>34</v>
      </c>
      <c r="BS1877" s="6">
        <v>33</v>
      </c>
      <c r="BT1877" s="6">
        <v>31</v>
      </c>
      <c r="BU1877" s="6">
        <v>31</v>
      </c>
      <c r="BV1877" s="6">
        <v>27</v>
      </c>
      <c r="BW1877" s="6">
        <v>24</v>
      </c>
      <c r="BX1877" s="6">
        <v>25</v>
      </c>
      <c r="BY1877" s="6">
        <v>27</v>
      </c>
      <c r="BZ1877" s="6">
        <v>25</v>
      </c>
      <c r="CA1877" s="6">
        <v>21</v>
      </c>
      <c r="CB1877" s="6">
        <v>21</v>
      </c>
      <c r="CC1877" s="11">
        <v>21</v>
      </c>
      <c r="CD1877" s="11">
        <v>-39</v>
      </c>
      <c r="CE1877" s="11">
        <v>23</v>
      </c>
      <c r="CF1877" s="11">
        <v>12</v>
      </c>
      <c r="CG1877" s="11">
        <v>35</v>
      </c>
      <c r="CH1877" s="20">
        <v>0.19</v>
      </c>
      <c r="CI1877" s="20">
        <v>0.3</v>
      </c>
      <c r="CJ1877" s="20">
        <v>0.2</v>
      </c>
      <c r="CK1877" s="20">
        <v>0.34</v>
      </c>
      <c r="CL1877" s="20">
        <v>0.23</v>
      </c>
      <c r="CM1877" s="20">
        <v>0.19</v>
      </c>
      <c r="CN1877" s="20">
        <v>0.16</v>
      </c>
      <c r="CO1877" s="20">
        <v>0.16</v>
      </c>
      <c r="CP1877" s="20">
        <v>0.17</v>
      </c>
      <c r="CQ1877" s="20">
        <v>0.14000000000000001</v>
      </c>
      <c r="CR1877" s="20">
        <v>0.15</v>
      </c>
      <c r="CS1877" s="20">
        <v>0.16</v>
      </c>
      <c r="CT1877" s="20">
        <v>0.16</v>
      </c>
      <c r="CU1877" s="20">
        <v>0.15</v>
      </c>
      <c r="CV1877" s="20">
        <v>0.15</v>
      </c>
      <c r="CW1877" s="20">
        <v>0.16</v>
      </c>
      <c r="CX1877" s="20">
        <v>0.15</v>
      </c>
      <c r="CY1877" s="6" t="s">
        <v>665</v>
      </c>
      <c r="CZ1877" s="6" t="s">
        <v>666</v>
      </c>
      <c r="DA1877" s="6" t="s">
        <v>134</v>
      </c>
      <c r="DB1877" s="6"/>
      <c r="DC1877" s="6">
        <v>33620</v>
      </c>
      <c r="DD1877" s="6">
        <v>190</v>
      </c>
      <c r="DE1877" s="6" t="s">
        <v>668</v>
      </c>
      <c r="DF1877" s="6" t="s">
        <v>363</v>
      </c>
      <c r="DG1877" s="6" t="s">
        <v>364</v>
      </c>
      <c r="DH1877" s="6" t="s">
        <v>365</v>
      </c>
      <c r="DI1877" s="6" t="s">
        <v>390</v>
      </c>
      <c r="DJ1877" s="6">
        <v>29</v>
      </c>
      <c r="DK1877" s="6">
        <v>175</v>
      </c>
      <c r="DL1877" s="6">
        <v>5</v>
      </c>
      <c r="DM1877" s="6" t="s">
        <v>392</v>
      </c>
      <c r="DN1877" s="6">
        <v>6</v>
      </c>
      <c r="DO1877" s="6" t="s">
        <v>393</v>
      </c>
      <c r="DP1877" s="6"/>
      <c r="DQ1877" s="6"/>
    </row>
    <row r="1878" spans="1:121" x14ac:dyDescent="0.2">
      <c r="A1878" s="6" t="s">
        <v>318</v>
      </c>
      <c r="B1878" s="6" t="s">
        <v>318</v>
      </c>
      <c r="C1878" s="6" t="s">
        <v>187</v>
      </c>
      <c r="D1878" s="6" t="s">
        <v>134</v>
      </c>
      <c r="E1878" s="6" t="s">
        <v>275</v>
      </c>
      <c r="F1878" s="11">
        <v>178</v>
      </c>
      <c r="G1878" s="13">
        <v>0.59333333333299998</v>
      </c>
      <c r="H1878" s="11">
        <v>100.44807900000001</v>
      </c>
      <c r="I1878" s="13">
        <v>0.33516499081633699</v>
      </c>
      <c r="J1878" s="11">
        <v>7.7668350000000146</v>
      </c>
      <c r="K1878" s="13">
        <v>1.9410027733237977E-2</v>
      </c>
      <c r="L1878" s="11">
        <v>70.458344894999982</v>
      </c>
      <c r="M1878" s="13">
        <v>0.17272914078579851</v>
      </c>
      <c r="N1878" s="11">
        <v>78.225179894999997</v>
      </c>
      <c r="O1878" s="13">
        <v>0.1954918459320272</v>
      </c>
      <c r="P1878" s="7">
        <v>299.697408</v>
      </c>
      <c r="Q1878" s="7">
        <v>310.40069199999999</v>
      </c>
      <c r="R1878" s="7">
        <v>333.120948</v>
      </c>
      <c r="S1878" s="7">
        <v>262.674665</v>
      </c>
      <c r="T1878" s="7">
        <v>385.02168</v>
      </c>
      <c r="U1878" s="7">
        <v>399.18454600000001</v>
      </c>
      <c r="V1878" s="7">
        <v>400.145487</v>
      </c>
      <c r="W1878" s="7">
        <v>412.90227499999997</v>
      </c>
      <c r="X1878" s="7">
        <v>408.31960500000002</v>
      </c>
      <c r="Y1878" s="7">
        <v>407.91232200000002</v>
      </c>
      <c r="Z1878" s="7">
        <v>413.15159999999997</v>
      </c>
      <c r="AA1878" s="7">
        <v>348.87926900000002</v>
      </c>
      <c r="AB1878" s="7">
        <v>354.62382000000002</v>
      </c>
      <c r="AC1878" s="7">
        <v>444.03890999999999</v>
      </c>
      <c r="AD1878" s="7">
        <v>455.97106500000001</v>
      </c>
      <c r="AE1878" s="7">
        <v>463.33721350000002</v>
      </c>
      <c r="AF1878" s="7">
        <v>478.370666895</v>
      </c>
      <c r="AG1878" s="9">
        <v>17653.587605000001</v>
      </c>
      <c r="AH1878" s="13">
        <v>0.377054497159374</v>
      </c>
      <c r="AI1878" s="9">
        <v>5859.4408416000006</v>
      </c>
      <c r="AJ1878" s="13">
        <v>0.12514898215583345</v>
      </c>
      <c r="AK1878" s="9">
        <v>-3364.6531258999967</v>
      </c>
      <c r="AL1878" s="13">
        <v>-6.3870661513525717E-2</v>
      </c>
      <c r="AM1878" s="9">
        <v>15158.799889299997</v>
      </c>
      <c r="AN1878" s="13">
        <v>0.30739024413151</v>
      </c>
      <c r="AO1878" s="9">
        <v>11794.1467634</v>
      </c>
      <c r="AP1878" s="13">
        <v>0.22388636438250056</v>
      </c>
      <c r="AQ1878" s="9">
        <v>46819.724305099997</v>
      </c>
      <c r="AR1878" s="9">
        <v>46725.831940099997</v>
      </c>
      <c r="AS1878" s="9">
        <v>49692.654309799997</v>
      </c>
      <c r="AT1878" s="9">
        <v>57480.411053999997</v>
      </c>
      <c r="AU1878" s="9">
        <v>52155.5213611</v>
      </c>
      <c r="AV1878" s="9">
        <v>54802.899828499998</v>
      </c>
      <c r="AW1878" s="9">
        <v>52679.165146699997</v>
      </c>
      <c r="AX1878" s="9">
        <v>54136.920896099997</v>
      </c>
      <c r="AY1878" s="9">
        <v>50604.917042499997</v>
      </c>
      <c r="AZ1878" s="9">
        <v>49314.512020800001</v>
      </c>
      <c r="BA1878" s="9">
        <v>54513.276539999999</v>
      </c>
      <c r="BB1878" s="9">
        <v>59524.0648172</v>
      </c>
      <c r="BC1878" s="9">
        <v>60269.785946299999</v>
      </c>
      <c r="BD1878" s="9">
        <v>58924.880103099997</v>
      </c>
      <c r="BE1878" s="9">
        <v>70452.323267999993</v>
      </c>
      <c r="BF1878" s="9">
        <v>64473.311910099997</v>
      </c>
      <c r="BG1878" s="11">
        <v>0</v>
      </c>
      <c r="BH1878" s="13">
        <v>0</v>
      </c>
      <c r="BI1878" s="6">
        <v>1</v>
      </c>
      <c r="BJ1878" s="13">
        <v>0.16666666666666666</v>
      </c>
      <c r="BK1878" s="6">
        <v>0</v>
      </c>
      <c r="BL1878" s="13">
        <v>0</v>
      </c>
      <c r="BM1878" s="11">
        <v>-1</v>
      </c>
      <c r="BN1878" s="13">
        <v>-0.14285714285714285</v>
      </c>
      <c r="BO1878" s="11">
        <v>-1</v>
      </c>
      <c r="BP1878" s="13">
        <v>-0.14285714285714285</v>
      </c>
      <c r="BQ1878" s="6">
        <v>6</v>
      </c>
      <c r="BR1878" s="6">
        <v>7</v>
      </c>
      <c r="BS1878" s="6">
        <v>7</v>
      </c>
      <c r="BT1878" s="6">
        <v>7</v>
      </c>
      <c r="BU1878" s="6">
        <v>7</v>
      </c>
      <c r="BV1878" s="6">
        <v>8</v>
      </c>
      <c r="BW1878" s="6">
        <v>7</v>
      </c>
      <c r="BX1878" s="6">
        <v>5</v>
      </c>
      <c r="BY1878" s="6">
        <v>5</v>
      </c>
      <c r="BZ1878" s="6">
        <v>5</v>
      </c>
      <c r="CA1878" s="6">
        <v>5</v>
      </c>
      <c r="CB1878" s="6">
        <v>6</v>
      </c>
      <c r="CC1878" s="11">
        <v>6</v>
      </c>
      <c r="CD1878" s="11">
        <v>81.745099999999994</v>
      </c>
      <c r="CE1878" s="11">
        <v>64.167599999999993</v>
      </c>
      <c r="CF1878" s="11">
        <v>32.7605</v>
      </c>
      <c r="CG1878" s="11">
        <v>97</v>
      </c>
      <c r="CH1878" s="20">
        <v>2.3564699999999998</v>
      </c>
      <c r="CI1878" s="20">
        <v>2.3609399999999998</v>
      </c>
      <c r="CJ1878" s="20">
        <v>2.5318999999999998</v>
      </c>
      <c r="CK1878" s="20">
        <v>1.95875</v>
      </c>
      <c r="CL1878" s="20">
        <v>2.7642799999999998</v>
      </c>
      <c r="CM1878" s="20">
        <v>2.82395</v>
      </c>
      <c r="CN1878" s="20">
        <v>2.8008999999999999</v>
      </c>
      <c r="CO1878" s="20">
        <v>2.8351600000000001</v>
      </c>
      <c r="CP1878" s="20">
        <v>2.9058199999999998</v>
      </c>
      <c r="CQ1878" s="20">
        <v>2.9605199999999998</v>
      </c>
      <c r="CR1878" s="20">
        <v>2.9160900000000001</v>
      </c>
      <c r="CS1878" s="20">
        <v>2.40557</v>
      </c>
      <c r="CT1878" s="20">
        <v>2.3928799999999999</v>
      </c>
      <c r="CU1878" s="20">
        <v>2.9277199999999999</v>
      </c>
      <c r="CV1878" s="20">
        <v>3.0204300000000002</v>
      </c>
      <c r="CW1878" s="20">
        <v>3.0534400000000002</v>
      </c>
      <c r="CX1878" s="20">
        <v>3.0961099999999999</v>
      </c>
      <c r="CY1878" s="6" t="s">
        <v>665</v>
      </c>
      <c r="CZ1878" s="6" t="s">
        <v>666</v>
      </c>
      <c r="DA1878" s="6" t="s">
        <v>134</v>
      </c>
      <c r="DB1878" s="6"/>
      <c r="DC1878" s="6">
        <v>33620</v>
      </c>
      <c r="DD1878" s="6">
        <v>190</v>
      </c>
      <c r="DE1878" s="6" t="s">
        <v>668</v>
      </c>
      <c r="DF1878" s="6" t="s">
        <v>363</v>
      </c>
      <c r="DG1878" s="6" t="s">
        <v>364</v>
      </c>
      <c r="DH1878" s="6" t="s">
        <v>365</v>
      </c>
      <c r="DI1878" s="6" t="s">
        <v>390</v>
      </c>
      <c r="DJ1878" s="6">
        <v>29</v>
      </c>
      <c r="DK1878" s="6">
        <v>175</v>
      </c>
      <c r="DL1878" s="6">
        <v>5</v>
      </c>
      <c r="DM1878" s="6" t="s">
        <v>392</v>
      </c>
      <c r="DN1878" s="6">
        <v>6</v>
      </c>
      <c r="DO1878" s="6" t="s">
        <v>393</v>
      </c>
      <c r="DP1878" s="6"/>
      <c r="DQ1878" s="6"/>
    </row>
    <row r="1879" spans="1:121" x14ac:dyDescent="0.2">
      <c r="A1879" s="6" t="s">
        <v>319</v>
      </c>
      <c r="B1879" s="6" t="s">
        <v>319</v>
      </c>
      <c r="C1879" s="6" t="s">
        <v>188</v>
      </c>
      <c r="D1879" s="6" t="s">
        <v>134</v>
      </c>
      <c r="E1879" s="6" t="s">
        <v>275</v>
      </c>
      <c r="F1879" s="11">
        <v>-211</v>
      </c>
      <c r="G1879" s="13">
        <v>-0.653250773994</v>
      </c>
      <c r="H1879" s="11">
        <v>139.49431970700005</v>
      </c>
      <c r="I1879" s="13">
        <v>0.43220535125077658</v>
      </c>
      <c r="J1879" s="11">
        <v>-347.63639982900003</v>
      </c>
      <c r="K1879" s="13">
        <v>-0.75206186619864068</v>
      </c>
      <c r="L1879" s="11">
        <v>-2.5160877179999943</v>
      </c>
      <c r="M1879" s="13">
        <v>-2.1953854125262177E-2</v>
      </c>
      <c r="N1879" s="11">
        <v>-350.15248754700002</v>
      </c>
      <c r="O1879" s="13">
        <v>-0.75750506382020544</v>
      </c>
      <c r="P1879" s="7">
        <v>322.75009854299998</v>
      </c>
      <c r="Q1879" s="7">
        <v>344.39335786300001</v>
      </c>
      <c r="R1879" s="7">
        <v>346.73863780699998</v>
      </c>
      <c r="S1879" s="7">
        <v>347.692624153</v>
      </c>
      <c r="T1879" s="7">
        <v>297.61762241600002</v>
      </c>
      <c r="U1879" s="7">
        <v>366.28608579399997</v>
      </c>
      <c r="V1879" s="7">
        <v>462.24441825000002</v>
      </c>
      <c r="W1879" s="7">
        <v>317.23792154199998</v>
      </c>
      <c r="X1879" s="7">
        <v>154.257619113</v>
      </c>
      <c r="Y1879" s="7">
        <v>114.608018421</v>
      </c>
      <c r="Z1879" s="7">
        <v>127.79245009100001</v>
      </c>
      <c r="AA1879" s="7">
        <v>144.5525672</v>
      </c>
      <c r="AB1879" s="7">
        <v>173.10814048399999</v>
      </c>
      <c r="AC1879" s="7">
        <v>120.218944067</v>
      </c>
      <c r="AD1879" s="7">
        <v>111.044930151</v>
      </c>
      <c r="AE1879" s="7">
        <v>109.929643486</v>
      </c>
      <c r="AF1879" s="7">
        <v>112.091930703</v>
      </c>
      <c r="AG1879" s="9">
        <v>16212.550120799999</v>
      </c>
      <c r="AH1879" s="13">
        <v>1.0697568838436893</v>
      </c>
      <c r="AI1879" s="9">
        <v>-338.30836060000001</v>
      </c>
      <c r="AJ1879" s="13">
        <v>-2.2322687974263299E-2</v>
      </c>
      <c r="AK1879" s="9">
        <v>12657.928516600001</v>
      </c>
      <c r="AL1879" s="13">
        <v>0.85428122118423333</v>
      </c>
      <c r="AM1879" s="9">
        <v>3892.9299647999978</v>
      </c>
      <c r="AN1879" s="13">
        <v>0.14169000369452661</v>
      </c>
      <c r="AO1879" s="9">
        <v>16550.858481399999</v>
      </c>
      <c r="AP1879" s="13">
        <v>1.1170143342645189</v>
      </c>
      <c r="AQ1879" s="9">
        <v>15155.3594706</v>
      </c>
      <c r="AR1879" s="9">
        <v>14376.987908900001</v>
      </c>
      <c r="AS1879" s="9">
        <v>16064.620341899999</v>
      </c>
      <c r="AT1879" s="9">
        <v>16523.913584400001</v>
      </c>
      <c r="AU1879" s="9">
        <v>17098.219866200001</v>
      </c>
      <c r="AV1879" s="9">
        <v>14922.2202223</v>
      </c>
      <c r="AW1879" s="9">
        <v>14817.05111</v>
      </c>
      <c r="AX1879" s="9">
        <v>14995.095646</v>
      </c>
      <c r="AY1879" s="9">
        <v>13932.786367000001</v>
      </c>
      <c r="AZ1879" s="9">
        <v>27474.979626600001</v>
      </c>
      <c r="BA1879" s="9">
        <v>23951.488251499999</v>
      </c>
      <c r="BB1879" s="9">
        <v>54398.846372300002</v>
      </c>
      <c r="BC1879" s="9">
        <v>47215.248327200003</v>
      </c>
      <c r="BD1879" s="9">
        <v>33170.757347300001</v>
      </c>
      <c r="BE1879" s="9">
        <v>20044.723209200001</v>
      </c>
      <c r="BF1879" s="9">
        <v>31367.909591399999</v>
      </c>
      <c r="BG1879" s="11">
        <v>-1.5</v>
      </c>
      <c r="BH1879" s="13">
        <v>-7.8947368421052627E-2</v>
      </c>
      <c r="BI1879" s="6">
        <v>-1</v>
      </c>
      <c r="BJ1879" s="13">
        <v>-5.2631578947368418E-2</v>
      </c>
      <c r="BK1879" s="6">
        <v>-1</v>
      </c>
      <c r="BL1879" s="13">
        <v>-5.5555555555555552E-2</v>
      </c>
      <c r="BM1879" s="11">
        <v>0.5</v>
      </c>
      <c r="BN1879" s="13">
        <v>2.9411764705882353E-2</v>
      </c>
      <c r="BO1879" s="11">
        <v>-0.5</v>
      </c>
      <c r="BP1879" s="13">
        <v>-2.7777777777777776E-2</v>
      </c>
      <c r="BQ1879" s="6">
        <v>19</v>
      </c>
      <c r="BR1879" s="6">
        <v>20</v>
      </c>
      <c r="BS1879" s="6">
        <v>17</v>
      </c>
      <c r="BT1879" s="6">
        <v>18</v>
      </c>
      <c r="BU1879" s="6">
        <v>16</v>
      </c>
      <c r="BV1879" s="6">
        <v>16</v>
      </c>
      <c r="BW1879" s="6">
        <v>17</v>
      </c>
      <c r="BX1879" s="6">
        <v>16</v>
      </c>
      <c r="BY1879" s="6">
        <v>13</v>
      </c>
      <c r="BZ1879" s="6">
        <v>16</v>
      </c>
      <c r="CA1879" s="6">
        <v>18</v>
      </c>
      <c r="CB1879" s="6">
        <v>19</v>
      </c>
      <c r="CC1879" s="11">
        <v>17.5</v>
      </c>
      <c r="CD1879" s="11">
        <v>-274.97699999999998</v>
      </c>
      <c r="CE1879" s="11">
        <v>29.038699999999999</v>
      </c>
      <c r="CF1879" s="11">
        <v>35.280500000000004</v>
      </c>
      <c r="CG1879" s="11">
        <v>64</v>
      </c>
      <c r="CH1879" s="20">
        <v>0.51735100000000001</v>
      </c>
      <c r="CI1879" s="20">
        <v>0.52881</v>
      </c>
      <c r="CJ1879" s="20">
        <v>0.52256899999999995</v>
      </c>
      <c r="CK1879" s="20">
        <v>0.50809599999999999</v>
      </c>
      <c r="CL1879" s="20">
        <v>0.41578799999999999</v>
      </c>
      <c r="CM1879" s="20">
        <v>0.50192099999999995</v>
      </c>
      <c r="CN1879" s="20">
        <v>0.63989399999999996</v>
      </c>
      <c r="CO1879" s="20">
        <v>0.46420299999999998</v>
      </c>
      <c r="CP1879" s="20">
        <v>0.25184299999999998</v>
      </c>
      <c r="CQ1879" s="20">
        <v>0.18548500000000001</v>
      </c>
      <c r="CR1879" s="20">
        <v>0.20003599999999999</v>
      </c>
      <c r="CS1879" s="20">
        <v>0.223886</v>
      </c>
      <c r="CT1879" s="20">
        <v>0.26536999999999999</v>
      </c>
      <c r="CU1879" s="20">
        <v>0.17985000000000001</v>
      </c>
      <c r="CV1879" s="20">
        <v>0.16644700000000001</v>
      </c>
      <c r="CW1879" s="20">
        <v>0.163189</v>
      </c>
      <c r="CX1879" s="20">
        <v>0.16320799999999999</v>
      </c>
      <c r="CY1879" s="6" t="s">
        <v>665</v>
      </c>
      <c r="CZ1879" s="6" t="s">
        <v>666</v>
      </c>
      <c r="DA1879" s="6" t="s">
        <v>134</v>
      </c>
      <c r="DB1879" s="6"/>
      <c r="DC1879" s="6">
        <v>33620</v>
      </c>
      <c r="DD1879" s="6">
        <v>190</v>
      </c>
      <c r="DE1879" s="6" t="s">
        <v>668</v>
      </c>
      <c r="DF1879" s="6" t="s">
        <v>363</v>
      </c>
      <c r="DG1879" s="6" t="s">
        <v>364</v>
      </c>
      <c r="DH1879" s="6" t="s">
        <v>365</v>
      </c>
      <c r="DI1879" s="6" t="s">
        <v>390</v>
      </c>
      <c r="DJ1879" s="6">
        <v>29</v>
      </c>
      <c r="DK1879" s="6">
        <v>175</v>
      </c>
      <c r="DL1879" s="6">
        <v>5</v>
      </c>
      <c r="DM1879" s="6" t="s">
        <v>392</v>
      </c>
      <c r="DN1879" s="6">
        <v>6</v>
      </c>
      <c r="DO1879" s="6" t="s">
        <v>393</v>
      </c>
      <c r="DP1879" s="6"/>
      <c r="DQ1879" s="6"/>
    </row>
    <row r="1880" spans="1:121" x14ac:dyDescent="0.2">
      <c r="A1880" s="6" t="s">
        <v>320</v>
      </c>
      <c r="B1880" s="6" t="s">
        <v>320</v>
      </c>
      <c r="C1880" s="6" t="s">
        <v>189</v>
      </c>
      <c r="D1880" s="6" t="s">
        <v>134</v>
      </c>
      <c r="E1880" s="6" t="s">
        <v>275</v>
      </c>
      <c r="F1880" s="11">
        <v>-60</v>
      </c>
      <c r="G1880" s="13">
        <v>-0.38961038961</v>
      </c>
      <c r="H1880" s="11">
        <v>38.496634978999992</v>
      </c>
      <c r="I1880" s="13">
        <v>0.25016279341693964</v>
      </c>
      <c r="J1880" s="11">
        <v>-90.576429783999998</v>
      </c>
      <c r="K1880" s="13">
        <v>-0.4708131423846949</v>
      </c>
      <c r="L1880" s="11">
        <v>-7.5685537518999979</v>
      </c>
      <c r="M1880" s="13">
        <v>-7.434251151362023E-2</v>
      </c>
      <c r="N1880" s="11">
        <v>-98.144983535899996</v>
      </c>
      <c r="O1880" s="13">
        <v>-0.51015422243981723</v>
      </c>
      <c r="P1880" s="7">
        <v>153.88633318800001</v>
      </c>
      <c r="Q1880" s="7">
        <v>121.446415178</v>
      </c>
      <c r="R1880" s="7">
        <v>117.32501116100001</v>
      </c>
      <c r="S1880" s="7">
        <v>137.50878659399999</v>
      </c>
      <c r="T1880" s="7">
        <v>182.39430358800001</v>
      </c>
      <c r="U1880" s="7">
        <v>231.24770886600001</v>
      </c>
      <c r="V1880" s="7">
        <v>192.382968167</v>
      </c>
      <c r="W1880" s="7">
        <v>186.96672709399999</v>
      </c>
      <c r="X1880" s="7">
        <v>208.16978024599999</v>
      </c>
      <c r="Y1880" s="7">
        <v>101.806538383</v>
      </c>
      <c r="Z1880" s="7">
        <v>136.36305567100001</v>
      </c>
      <c r="AA1880" s="7">
        <v>122.131778289</v>
      </c>
      <c r="AB1880" s="7">
        <v>112.34876178899999</v>
      </c>
      <c r="AC1880" s="7">
        <v>134.673509951</v>
      </c>
      <c r="AD1880" s="7">
        <v>126.51073710599999</v>
      </c>
      <c r="AE1880" s="7">
        <v>97.923246293899993</v>
      </c>
      <c r="AF1880" s="7">
        <v>94.237984631100005</v>
      </c>
      <c r="AG1880" s="9">
        <v>2395.4820676999952</v>
      </c>
      <c r="AH1880" s="13">
        <v>7.2777929445996342E-2</v>
      </c>
      <c r="AI1880" s="9">
        <v>-17211.046837400001</v>
      </c>
      <c r="AJ1880" s="13">
        <v>-0.5228944809537629</v>
      </c>
      <c r="AK1880" s="9">
        <v>5796.5261084999984</v>
      </c>
      <c r="AL1880" s="13">
        <v>0.36911366828170467</v>
      </c>
      <c r="AM1880" s="9">
        <v>13810.002796599998</v>
      </c>
      <c r="AN1880" s="13">
        <v>0.64231282176908522</v>
      </c>
      <c r="AO1880" s="9">
        <v>19606.528905099996</v>
      </c>
      <c r="AP1880" s="13">
        <v>1.2485129318783497</v>
      </c>
      <c r="AQ1880" s="9">
        <v>32914.952183100002</v>
      </c>
      <c r="AR1880" s="9">
        <v>28790.8575838</v>
      </c>
      <c r="AS1880" s="9">
        <v>14452.3240821</v>
      </c>
      <c r="AT1880" s="9">
        <v>19585.126799400001</v>
      </c>
      <c r="AU1880" s="9">
        <v>13323.9137919</v>
      </c>
      <c r="AV1880" s="9">
        <v>12084.112193499999</v>
      </c>
      <c r="AW1880" s="9">
        <v>15703.905345700001</v>
      </c>
      <c r="AX1880" s="9">
        <v>21817.477462999999</v>
      </c>
      <c r="AY1880" s="9">
        <v>23563.375233800001</v>
      </c>
      <c r="AZ1880" s="9">
        <v>21500.431454199999</v>
      </c>
      <c r="BA1880" s="9">
        <v>18280.517292100001</v>
      </c>
      <c r="BB1880" s="9">
        <v>27399.313519700001</v>
      </c>
      <c r="BC1880" s="9">
        <v>26619.432297700001</v>
      </c>
      <c r="BD1880" s="9">
        <v>34309.966347000001</v>
      </c>
      <c r="BE1880" s="9">
        <v>35319.926909000002</v>
      </c>
      <c r="BF1880" s="9">
        <v>35310.434250799997</v>
      </c>
      <c r="BG1880" s="11">
        <v>1.25</v>
      </c>
      <c r="BH1880" s="13">
        <v>0.25</v>
      </c>
      <c r="BI1880" s="6">
        <v>-1</v>
      </c>
      <c r="BJ1880" s="13">
        <v>-0.2</v>
      </c>
      <c r="BK1880" s="6">
        <v>1</v>
      </c>
      <c r="BL1880" s="13">
        <v>0.25</v>
      </c>
      <c r="BM1880" s="11">
        <v>1.25</v>
      </c>
      <c r="BN1880" s="13">
        <v>0.25</v>
      </c>
      <c r="BO1880" s="11">
        <v>2.25</v>
      </c>
      <c r="BP1880" s="13">
        <v>0.5625</v>
      </c>
      <c r="BQ1880" s="6">
        <v>5</v>
      </c>
      <c r="BR1880" s="6">
        <v>4</v>
      </c>
      <c r="BS1880" s="6">
        <v>4</v>
      </c>
      <c r="BT1880" s="6">
        <v>4</v>
      </c>
      <c r="BU1880" s="6">
        <v>4</v>
      </c>
      <c r="BV1880" s="6">
        <v>5</v>
      </c>
      <c r="BW1880" s="6">
        <v>5</v>
      </c>
      <c r="BX1880" s="6">
        <v>5</v>
      </c>
      <c r="BY1880" s="6">
        <v>5</v>
      </c>
      <c r="BZ1880" s="6">
        <v>5</v>
      </c>
      <c r="CA1880" s="6">
        <v>7</v>
      </c>
      <c r="CB1880" s="6">
        <v>7</v>
      </c>
      <c r="CC1880" s="11">
        <v>6.25</v>
      </c>
      <c r="CD1880" s="11">
        <v>-132.19300000000001</v>
      </c>
      <c r="CE1880" s="11">
        <v>55.722999999999999</v>
      </c>
      <c r="CF1880" s="11">
        <v>16.8216</v>
      </c>
      <c r="CG1880" s="11">
        <v>73</v>
      </c>
      <c r="CH1880" s="20">
        <v>0.73936000000000002</v>
      </c>
      <c r="CI1880" s="20">
        <v>0.53413699999999997</v>
      </c>
      <c r="CJ1880" s="20">
        <v>0.49185400000000001</v>
      </c>
      <c r="CK1880" s="20">
        <v>0.55683099999999996</v>
      </c>
      <c r="CL1880" s="20">
        <v>0.72191300000000003</v>
      </c>
      <c r="CM1880" s="20">
        <v>0.90214799999999995</v>
      </c>
      <c r="CN1880" s="20">
        <v>0.74638000000000004</v>
      </c>
      <c r="CO1880" s="20">
        <v>0.71261799999999997</v>
      </c>
      <c r="CP1880" s="20">
        <v>0.78372799999999998</v>
      </c>
      <c r="CQ1880" s="20">
        <v>0.38280599999999998</v>
      </c>
      <c r="CR1880" s="20">
        <v>0.49954900000000002</v>
      </c>
      <c r="CS1880" s="20">
        <v>0.44696900000000001</v>
      </c>
      <c r="CT1880" s="20">
        <v>0.41227599999999998</v>
      </c>
      <c r="CU1880" s="20">
        <v>0.488068</v>
      </c>
      <c r="CV1880" s="20">
        <v>0.464337</v>
      </c>
      <c r="CW1880" s="20">
        <v>0.35641600000000001</v>
      </c>
      <c r="CX1880" s="20">
        <v>0.33521099999999998</v>
      </c>
      <c r="CY1880" s="6" t="s">
        <v>665</v>
      </c>
      <c r="CZ1880" s="6" t="s">
        <v>666</v>
      </c>
      <c r="DA1880" s="6" t="s">
        <v>134</v>
      </c>
      <c r="DB1880" s="6"/>
      <c r="DC1880" s="6">
        <v>33620</v>
      </c>
      <c r="DD1880" s="6">
        <v>190</v>
      </c>
      <c r="DE1880" s="6" t="s">
        <v>668</v>
      </c>
      <c r="DF1880" s="6" t="s">
        <v>363</v>
      </c>
      <c r="DG1880" s="6" t="s">
        <v>364</v>
      </c>
      <c r="DH1880" s="6" t="s">
        <v>365</v>
      </c>
      <c r="DI1880" s="6" t="s">
        <v>390</v>
      </c>
      <c r="DJ1880" s="6">
        <v>29</v>
      </c>
      <c r="DK1880" s="6">
        <v>175</v>
      </c>
      <c r="DL1880" s="6">
        <v>5</v>
      </c>
      <c r="DM1880" s="6" t="s">
        <v>392</v>
      </c>
      <c r="DN1880" s="6">
        <v>6</v>
      </c>
      <c r="DO1880" s="6" t="s">
        <v>393</v>
      </c>
      <c r="DP1880" s="6"/>
      <c r="DQ1880" s="6"/>
    </row>
    <row r="1881" spans="1:121" x14ac:dyDescent="0.2">
      <c r="A1881" s="6" t="s">
        <v>321</v>
      </c>
      <c r="B1881" s="6" t="s">
        <v>321</v>
      </c>
      <c r="C1881" s="6" t="s">
        <v>190</v>
      </c>
      <c r="D1881" s="6" t="s">
        <v>134</v>
      </c>
      <c r="E1881" s="6" t="s">
        <v>275</v>
      </c>
      <c r="F1881" s="11">
        <v>255</v>
      </c>
      <c r="G1881" s="13">
        <v>0.20238095238100001</v>
      </c>
      <c r="H1881" s="11">
        <v>226.1997276300001</v>
      </c>
      <c r="I1881" s="13">
        <v>0.17952663094631374</v>
      </c>
      <c r="J1881" s="11">
        <v>80.755321819999835</v>
      </c>
      <c r="K1881" s="13">
        <v>5.4337569003418934E-2</v>
      </c>
      <c r="L1881" s="11">
        <v>-52.089870609999934</v>
      </c>
      <c r="M1881" s="13">
        <v>-3.3243186743677225E-2</v>
      </c>
      <c r="N1881" s="11">
        <v>28.665451209999901</v>
      </c>
      <c r="O1881" s="13">
        <v>1.9288028306163607E-2</v>
      </c>
      <c r="P1881" s="7">
        <v>1259.97868081</v>
      </c>
      <c r="Q1881" s="7">
        <v>1307.67039052</v>
      </c>
      <c r="R1881" s="7">
        <v>1368.26326453</v>
      </c>
      <c r="S1881" s="7">
        <v>1386.62044081</v>
      </c>
      <c r="T1881" s="7">
        <v>1471.1897469400001</v>
      </c>
      <c r="U1881" s="7">
        <v>1518.5291724000001</v>
      </c>
      <c r="V1881" s="7">
        <v>1486.1784084400001</v>
      </c>
      <c r="W1881" s="7">
        <v>1529.4497888400001</v>
      </c>
      <c r="X1881" s="7">
        <v>1551.3005896300001</v>
      </c>
      <c r="Y1881" s="7">
        <v>1566.9337302599999</v>
      </c>
      <c r="Z1881" s="7">
        <v>1540.1504710900001</v>
      </c>
      <c r="AA1881" s="7">
        <v>1672.16007515</v>
      </c>
      <c r="AB1881" s="7">
        <v>1636.3943016200001</v>
      </c>
      <c r="AC1881" s="7">
        <v>1565.7900042199999</v>
      </c>
      <c r="AD1881" s="7">
        <v>1471.5592598200001</v>
      </c>
      <c r="AE1881" s="7">
        <v>1499.8006156700001</v>
      </c>
      <c r="AF1881" s="7">
        <v>1514.84385965</v>
      </c>
      <c r="AG1881" s="9">
        <v>14659.244889400004</v>
      </c>
      <c r="AH1881" s="13">
        <v>0.61282300939864631</v>
      </c>
      <c r="AI1881" s="9">
        <v>7250.9718960999999</v>
      </c>
      <c r="AJ1881" s="13">
        <v>0.30312355458677948</v>
      </c>
      <c r="AK1881" s="9">
        <v>3598.5656916999978</v>
      </c>
      <c r="AL1881" s="13">
        <v>0.115442920046733</v>
      </c>
      <c r="AM1881" s="9">
        <v>3809.7073016000068</v>
      </c>
      <c r="AN1881" s="13">
        <v>0.10956759455675</v>
      </c>
      <c r="AO1881" s="9">
        <v>7408.2729933000046</v>
      </c>
      <c r="AP1881" s="13">
        <v>0.23765931766161075</v>
      </c>
      <c r="AQ1881" s="9">
        <v>23920.846091899999</v>
      </c>
      <c r="AR1881" s="9">
        <v>26565.779957800001</v>
      </c>
      <c r="AS1881" s="9">
        <v>28905.412558200002</v>
      </c>
      <c r="AT1881" s="9">
        <v>29907.996093400001</v>
      </c>
      <c r="AU1881" s="9">
        <v>28693.5281865</v>
      </c>
      <c r="AV1881" s="9">
        <v>29610.4897571</v>
      </c>
      <c r="AW1881" s="9">
        <v>31171.817987999999</v>
      </c>
      <c r="AX1881" s="9">
        <v>32181.8791752</v>
      </c>
      <c r="AY1881" s="9">
        <v>33185.637586800003</v>
      </c>
      <c r="AZ1881" s="9">
        <v>34770.383679699997</v>
      </c>
      <c r="BA1881" s="9">
        <v>36532.403588399997</v>
      </c>
      <c r="BB1881" s="9">
        <v>37406.886850299998</v>
      </c>
      <c r="BC1881" s="9">
        <v>39327.797435100001</v>
      </c>
      <c r="BD1881" s="9">
        <v>39300.044610299999</v>
      </c>
      <c r="BE1881" s="9">
        <v>39942.716347699999</v>
      </c>
      <c r="BF1881" s="9">
        <v>38580.090981300003</v>
      </c>
      <c r="BG1881" s="11">
        <v>69.25</v>
      </c>
      <c r="BH1881" s="13">
        <v>1.0492424242424243</v>
      </c>
      <c r="BI1881" s="6">
        <v>2</v>
      </c>
      <c r="BJ1881" s="13">
        <v>3.0303030303030304E-2</v>
      </c>
      <c r="BK1881" s="6">
        <v>-5</v>
      </c>
      <c r="BL1881" s="13">
        <v>-7.3529411764705885E-2</v>
      </c>
      <c r="BM1881" s="11">
        <v>72.25</v>
      </c>
      <c r="BN1881" s="13">
        <v>1.1468253968253967</v>
      </c>
      <c r="BO1881" s="11">
        <v>67.25</v>
      </c>
      <c r="BP1881" s="13">
        <v>0.98897058823529416</v>
      </c>
      <c r="BQ1881" s="6">
        <v>66</v>
      </c>
      <c r="BR1881" s="6">
        <v>64</v>
      </c>
      <c r="BS1881" s="6">
        <v>70</v>
      </c>
      <c r="BT1881" s="6">
        <v>68</v>
      </c>
      <c r="BU1881" s="6">
        <v>66</v>
      </c>
      <c r="BV1881" s="6">
        <v>65</v>
      </c>
      <c r="BW1881" s="6">
        <v>63</v>
      </c>
      <c r="BX1881" s="6">
        <v>65</v>
      </c>
      <c r="BY1881" s="6">
        <v>68</v>
      </c>
      <c r="BZ1881" s="6">
        <v>132</v>
      </c>
      <c r="CA1881" s="6">
        <v>121</v>
      </c>
      <c r="CB1881" s="6">
        <v>122</v>
      </c>
      <c r="CC1881" s="11">
        <v>135.25</v>
      </c>
      <c r="CD1881" s="11">
        <v>-341.70800000000003</v>
      </c>
      <c r="CE1881" s="11">
        <v>458.84199999999998</v>
      </c>
      <c r="CF1881" s="11">
        <v>137.73099999999999</v>
      </c>
      <c r="CG1881" s="11">
        <v>597</v>
      </c>
      <c r="CH1881" s="20">
        <v>1.22576</v>
      </c>
      <c r="CI1881" s="20">
        <v>1.173</v>
      </c>
      <c r="CJ1881" s="20">
        <v>1.16787</v>
      </c>
      <c r="CK1881" s="20">
        <v>1.16178</v>
      </c>
      <c r="CL1881" s="20">
        <v>1.19177</v>
      </c>
      <c r="CM1881" s="20">
        <v>1.2086300000000001</v>
      </c>
      <c r="CN1881" s="20">
        <v>1.1737500000000001</v>
      </c>
      <c r="CO1881" s="20">
        <v>1.19069</v>
      </c>
      <c r="CP1881" s="20">
        <v>1.2020900000000001</v>
      </c>
      <c r="CQ1881" s="20">
        <v>1.22031</v>
      </c>
      <c r="CR1881" s="20">
        <v>1.1894499999999999</v>
      </c>
      <c r="CS1881" s="20">
        <v>1.2688699999999999</v>
      </c>
      <c r="CT1881" s="20">
        <v>1.2385299999999999</v>
      </c>
      <c r="CU1881" s="20">
        <v>1.17279</v>
      </c>
      <c r="CV1881" s="20">
        <v>1.1051500000000001</v>
      </c>
      <c r="CW1881" s="20">
        <v>1.11026</v>
      </c>
      <c r="CX1881" s="20">
        <v>1.0895300000000001</v>
      </c>
      <c r="CY1881" s="6" t="s">
        <v>665</v>
      </c>
      <c r="CZ1881" s="6" t="s">
        <v>666</v>
      </c>
      <c r="DA1881" s="6" t="s">
        <v>134</v>
      </c>
      <c r="DB1881" s="6"/>
      <c r="DC1881" s="6">
        <v>33620</v>
      </c>
      <c r="DD1881" s="6">
        <v>190</v>
      </c>
      <c r="DE1881" s="6" t="s">
        <v>668</v>
      </c>
      <c r="DF1881" s="6" t="s">
        <v>363</v>
      </c>
      <c r="DG1881" s="6" t="s">
        <v>364</v>
      </c>
      <c r="DH1881" s="6" t="s">
        <v>365</v>
      </c>
      <c r="DI1881" s="6" t="s">
        <v>390</v>
      </c>
      <c r="DJ1881" s="6">
        <v>29</v>
      </c>
      <c r="DK1881" s="6">
        <v>175</v>
      </c>
      <c r="DL1881" s="6">
        <v>5</v>
      </c>
      <c r="DM1881" s="6" t="s">
        <v>392</v>
      </c>
      <c r="DN1881" s="6">
        <v>6</v>
      </c>
      <c r="DO1881" s="6" t="s">
        <v>393</v>
      </c>
      <c r="DP1881" s="6"/>
      <c r="DQ1881" s="6"/>
    </row>
    <row r="1882" spans="1:121" x14ac:dyDescent="0.2">
      <c r="A1882" s="6" t="s">
        <v>322</v>
      </c>
      <c r="B1882" s="6" t="s">
        <v>322</v>
      </c>
      <c r="C1882" s="6" t="s">
        <v>191</v>
      </c>
      <c r="D1882" s="6" t="s">
        <v>134</v>
      </c>
      <c r="E1882" s="6" t="s">
        <v>275</v>
      </c>
      <c r="F1882" s="11">
        <v>-24</v>
      </c>
      <c r="G1882" s="13">
        <v>-0.26</v>
      </c>
      <c r="H1882" s="11">
        <v>49</v>
      </c>
      <c r="I1882" s="13">
        <v>0.53260869565217395</v>
      </c>
      <c r="J1882" s="11">
        <v>-18</v>
      </c>
      <c r="K1882" s="13">
        <v>-0.1276595744680851</v>
      </c>
      <c r="L1882" s="11">
        <v>-55</v>
      </c>
      <c r="M1882" s="13">
        <v>-0.44715447154471544</v>
      </c>
      <c r="N1882" s="11">
        <v>-73</v>
      </c>
      <c r="O1882" s="13">
        <v>-0.51773049645390068</v>
      </c>
      <c r="P1882" s="7">
        <v>92</v>
      </c>
      <c r="Q1882" s="7">
        <v>97</v>
      </c>
      <c r="R1882" s="7">
        <v>115</v>
      </c>
      <c r="S1882" s="7">
        <v>160</v>
      </c>
      <c r="T1882" s="7">
        <v>157</v>
      </c>
      <c r="U1882" s="7">
        <v>141</v>
      </c>
      <c r="V1882" s="7">
        <v>141</v>
      </c>
      <c r="W1882" s="7">
        <v>170</v>
      </c>
      <c r="X1882" s="7">
        <v>159</v>
      </c>
      <c r="Y1882" s="7">
        <v>123</v>
      </c>
      <c r="Z1882" s="7">
        <v>112</v>
      </c>
      <c r="AA1882" s="7">
        <v>97</v>
      </c>
      <c r="AB1882" s="7">
        <v>73</v>
      </c>
      <c r="AC1882" s="7">
        <v>85</v>
      </c>
      <c r="AD1882" s="7">
        <v>77</v>
      </c>
      <c r="AE1882" s="7">
        <v>73</v>
      </c>
      <c r="AF1882" s="7">
        <v>68</v>
      </c>
      <c r="AG1882" s="9">
        <v>-13</v>
      </c>
      <c r="AH1882" s="13">
        <v>-1.1501371317349377E-3</v>
      </c>
      <c r="AI1882" s="9">
        <v>100</v>
      </c>
      <c r="AJ1882" s="13">
        <v>8.8472087056533661E-3</v>
      </c>
      <c r="AK1882" s="9">
        <v>-2093</v>
      </c>
      <c r="AL1882" s="13">
        <v>-0.18354818907305095</v>
      </c>
      <c r="AM1882" s="9">
        <v>1980</v>
      </c>
      <c r="AN1882" s="13">
        <v>0.21267454350161116</v>
      </c>
      <c r="AO1882" s="9">
        <v>-113</v>
      </c>
      <c r="AP1882" s="13">
        <v>-9.9096728930983067E-3</v>
      </c>
      <c r="AQ1882" s="9">
        <v>11303</v>
      </c>
      <c r="AR1882" s="9">
        <v>12196</v>
      </c>
      <c r="AS1882" s="9">
        <v>11826</v>
      </c>
      <c r="AT1882" s="9">
        <v>11227</v>
      </c>
      <c r="AU1882" s="9">
        <v>11086</v>
      </c>
      <c r="AV1882" s="9">
        <v>11383</v>
      </c>
      <c r="AW1882" s="9">
        <v>11403</v>
      </c>
      <c r="AX1882" s="9">
        <v>10230</v>
      </c>
      <c r="AY1882" s="9">
        <v>10010</v>
      </c>
      <c r="AZ1882" s="9">
        <v>9310</v>
      </c>
      <c r="BA1882" s="9">
        <v>9603</v>
      </c>
      <c r="BB1882" s="9">
        <v>9790</v>
      </c>
      <c r="BC1882" s="9">
        <v>12293</v>
      </c>
      <c r="BD1882" s="9">
        <v>11010</v>
      </c>
      <c r="BE1882" s="9">
        <v>10515</v>
      </c>
      <c r="BF1882" s="9">
        <v>11290</v>
      </c>
      <c r="BG1882" s="11">
        <v>-5</v>
      </c>
      <c r="BH1882" s="13">
        <v>-0.41666666666666669</v>
      </c>
      <c r="BI1882" s="6">
        <v>-1</v>
      </c>
      <c r="BJ1882" s="13">
        <v>-8.3333333333333329E-2</v>
      </c>
      <c r="BK1882" s="6">
        <v>0</v>
      </c>
      <c r="BL1882" s="13">
        <v>0</v>
      </c>
      <c r="BM1882" s="11">
        <v>-4</v>
      </c>
      <c r="BN1882" s="13">
        <v>-0.36363636363636365</v>
      </c>
      <c r="BO1882" s="11">
        <v>-4</v>
      </c>
      <c r="BP1882" s="13">
        <v>-0.36363636363636365</v>
      </c>
      <c r="BQ1882" s="6">
        <v>12</v>
      </c>
      <c r="BR1882" s="6">
        <v>13</v>
      </c>
      <c r="BS1882" s="6">
        <v>12</v>
      </c>
      <c r="BT1882" s="6">
        <v>11</v>
      </c>
      <c r="BU1882" s="6">
        <v>11</v>
      </c>
      <c r="BV1882" s="6">
        <v>11</v>
      </c>
      <c r="BW1882" s="6">
        <v>11</v>
      </c>
      <c r="BX1882" s="6">
        <v>9</v>
      </c>
      <c r="BY1882" s="6">
        <v>8</v>
      </c>
      <c r="BZ1882" s="6">
        <v>8</v>
      </c>
      <c r="CA1882" s="6">
        <v>8</v>
      </c>
      <c r="CB1882" s="6">
        <v>7</v>
      </c>
      <c r="CC1882" s="11">
        <v>7</v>
      </c>
      <c r="CD1882" s="11">
        <v>-51</v>
      </c>
      <c r="CE1882" s="11">
        <v>17</v>
      </c>
      <c r="CF1882" s="11">
        <v>10</v>
      </c>
      <c r="CG1882" s="11">
        <v>27</v>
      </c>
      <c r="CH1882" s="20">
        <v>0.57999999999999996</v>
      </c>
      <c r="CI1882" s="20">
        <v>0.57999999999999996</v>
      </c>
      <c r="CJ1882" s="20">
        <v>0.66</v>
      </c>
      <c r="CK1882" s="20">
        <v>0.9</v>
      </c>
      <c r="CL1882" s="20">
        <v>0.86</v>
      </c>
      <c r="CM1882" s="20">
        <v>0.77</v>
      </c>
      <c r="CN1882" s="20">
        <v>0.76</v>
      </c>
      <c r="CO1882" s="20">
        <v>0.93</v>
      </c>
      <c r="CP1882" s="20">
        <v>0.9</v>
      </c>
      <c r="CQ1882" s="20">
        <v>0.72</v>
      </c>
      <c r="CR1882" s="20">
        <v>0.64</v>
      </c>
      <c r="CS1882" s="20">
        <v>0.56000000000000005</v>
      </c>
      <c r="CT1882" s="20">
        <v>0.42</v>
      </c>
      <c r="CU1882" s="20">
        <v>0.48</v>
      </c>
      <c r="CV1882" s="20">
        <v>0.43</v>
      </c>
      <c r="CW1882" s="20">
        <v>0.4</v>
      </c>
      <c r="CX1882" s="20">
        <v>0.36</v>
      </c>
      <c r="CY1882" s="6" t="s">
        <v>665</v>
      </c>
      <c r="CZ1882" s="6" t="s">
        <v>666</v>
      </c>
      <c r="DA1882" s="6" t="s">
        <v>134</v>
      </c>
      <c r="DB1882" s="6"/>
      <c r="DC1882" s="6">
        <v>33620</v>
      </c>
      <c r="DD1882" s="6">
        <v>190</v>
      </c>
      <c r="DE1882" s="6" t="s">
        <v>668</v>
      </c>
      <c r="DF1882" s="6" t="s">
        <v>363</v>
      </c>
      <c r="DG1882" s="6" t="s">
        <v>364</v>
      </c>
      <c r="DH1882" s="6" t="s">
        <v>365</v>
      </c>
      <c r="DI1882" s="6" t="s">
        <v>390</v>
      </c>
      <c r="DJ1882" s="6">
        <v>29</v>
      </c>
      <c r="DK1882" s="6">
        <v>175</v>
      </c>
      <c r="DL1882" s="6">
        <v>5</v>
      </c>
      <c r="DM1882" s="6" t="s">
        <v>392</v>
      </c>
      <c r="DN1882" s="6">
        <v>6</v>
      </c>
      <c r="DO1882" s="6" t="s">
        <v>393</v>
      </c>
      <c r="DP1882" s="6"/>
      <c r="DQ1882" s="6"/>
    </row>
    <row r="1883" spans="1:121" x14ac:dyDescent="0.2">
      <c r="A1883" s="6" t="s">
        <v>323</v>
      </c>
      <c r="B1883" s="6" t="s">
        <v>323</v>
      </c>
      <c r="C1883" s="6" t="s">
        <v>192</v>
      </c>
      <c r="D1883" s="6" t="s">
        <v>134</v>
      </c>
      <c r="E1883" s="6" t="s">
        <v>275</v>
      </c>
      <c r="F1883" s="11">
        <v>120</v>
      </c>
      <c r="G1883" s="13">
        <v>0.20869565217399999</v>
      </c>
      <c r="H1883" s="11">
        <v>50.019732005000037</v>
      </c>
      <c r="I1883" s="13">
        <v>8.703212418281793E-2</v>
      </c>
      <c r="J1883" s="11">
        <v>-18.50308140300001</v>
      </c>
      <c r="K1883" s="13">
        <v>-2.9616920782934535E-2</v>
      </c>
      <c r="L1883" s="11">
        <v>88.909942387000001</v>
      </c>
      <c r="M1883" s="13">
        <v>0.14665705442650909</v>
      </c>
      <c r="N1883" s="11">
        <v>70.406860983999991</v>
      </c>
      <c r="O1883" s="13">
        <v>0.1126966032803661</v>
      </c>
      <c r="P1883" s="7">
        <v>574.727234049</v>
      </c>
      <c r="Q1883" s="7">
        <v>563.14765931800002</v>
      </c>
      <c r="R1883" s="7">
        <v>612.68278002600005</v>
      </c>
      <c r="S1883" s="7">
        <v>616.88980700800005</v>
      </c>
      <c r="T1883" s="7">
        <v>612.00937163699996</v>
      </c>
      <c r="U1883" s="7">
        <v>606.51310712199995</v>
      </c>
      <c r="V1883" s="7">
        <v>624.74696605400004</v>
      </c>
      <c r="W1883" s="7">
        <v>607.16498574699995</v>
      </c>
      <c r="X1883" s="7">
        <v>627.02206811200006</v>
      </c>
      <c r="Y1883" s="7">
        <v>606.24388465100003</v>
      </c>
      <c r="Z1883" s="7">
        <v>595.93453450799996</v>
      </c>
      <c r="AA1883" s="7">
        <v>600.80418246299996</v>
      </c>
      <c r="AB1883" s="7">
        <v>675.23185310700001</v>
      </c>
      <c r="AC1883" s="7">
        <v>693.88266027500003</v>
      </c>
      <c r="AD1883" s="7">
        <v>662.562015277</v>
      </c>
      <c r="AE1883" s="7">
        <v>683.184432722</v>
      </c>
      <c r="AF1883" s="7">
        <v>695.15382703800003</v>
      </c>
      <c r="AG1883" s="9">
        <v>4416.2218273999988</v>
      </c>
      <c r="AH1883" s="13">
        <v>0.44046690105850433</v>
      </c>
      <c r="AI1883" s="9">
        <v>1794.3723945999991</v>
      </c>
      <c r="AJ1883" s="13">
        <v>0.17896783243329645</v>
      </c>
      <c r="AK1883" s="9">
        <v>858.58036979999997</v>
      </c>
      <c r="AL1883" s="13">
        <v>7.2634240204287617E-2</v>
      </c>
      <c r="AM1883" s="9">
        <v>1763.2690629999997</v>
      </c>
      <c r="AN1883" s="13">
        <v>0.13906805309722792</v>
      </c>
      <c r="AO1883" s="9">
        <v>2621.8494327999997</v>
      </c>
      <c r="AP1883" s="13">
        <v>0.22180339567492219</v>
      </c>
      <c r="AQ1883" s="9">
        <v>10026.228569700001</v>
      </c>
      <c r="AR1883" s="9">
        <v>10599.7201788</v>
      </c>
      <c r="AS1883" s="9">
        <v>10632.987201899999</v>
      </c>
      <c r="AT1883" s="9">
        <v>10549.129242200001</v>
      </c>
      <c r="AU1883" s="9">
        <v>11353.953231699999</v>
      </c>
      <c r="AV1883" s="9">
        <v>11327.460585299999</v>
      </c>
      <c r="AW1883" s="9">
        <v>11820.6009643</v>
      </c>
      <c r="AX1883" s="9">
        <v>11775.2580839</v>
      </c>
      <c r="AY1883" s="9">
        <v>12092.8260556</v>
      </c>
      <c r="AZ1883" s="9">
        <v>12679.1813341</v>
      </c>
      <c r="BA1883" s="9">
        <v>13102.8598119</v>
      </c>
      <c r="BB1883" s="9">
        <v>13286.6775122</v>
      </c>
      <c r="BC1883" s="9">
        <v>12945.8136665</v>
      </c>
      <c r="BD1883" s="9">
        <v>13513.555893000001</v>
      </c>
      <c r="BE1883" s="9">
        <v>14464.4414645</v>
      </c>
      <c r="BF1883" s="9">
        <v>14442.450397099999</v>
      </c>
      <c r="BG1883" s="11">
        <v>3.75</v>
      </c>
      <c r="BH1883" s="13">
        <v>8.9285714285714288E-2</v>
      </c>
      <c r="BI1883" s="6">
        <v>-3</v>
      </c>
      <c r="BJ1883" s="13">
        <v>-7.1428571428571425E-2</v>
      </c>
      <c r="BK1883" s="6">
        <v>4</v>
      </c>
      <c r="BL1883" s="13">
        <v>0.10256410256410256</v>
      </c>
      <c r="BM1883" s="11">
        <v>2.75</v>
      </c>
      <c r="BN1883" s="13">
        <v>6.3953488372093026E-2</v>
      </c>
      <c r="BO1883" s="11">
        <v>6.75</v>
      </c>
      <c r="BP1883" s="13">
        <v>0.17307692307692307</v>
      </c>
      <c r="BQ1883" s="6">
        <v>42</v>
      </c>
      <c r="BR1883" s="6">
        <v>45</v>
      </c>
      <c r="BS1883" s="6">
        <v>42</v>
      </c>
      <c r="BT1883" s="6">
        <v>39</v>
      </c>
      <c r="BU1883" s="6">
        <v>37</v>
      </c>
      <c r="BV1883" s="6">
        <v>42</v>
      </c>
      <c r="BW1883" s="6">
        <v>43</v>
      </c>
      <c r="BX1883" s="6">
        <v>41</v>
      </c>
      <c r="BY1883" s="6">
        <v>42</v>
      </c>
      <c r="BZ1883" s="6">
        <v>44</v>
      </c>
      <c r="CA1883" s="6">
        <v>42</v>
      </c>
      <c r="CB1883" s="6">
        <v>46</v>
      </c>
      <c r="CC1883" s="11">
        <v>45.75</v>
      </c>
      <c r="CD1883" s="11">
        <v>-73.094200000000001</v>
      </c>
      <c r="CE1883" s="11">
        <v>130.696</v>
      </c>
      <c r="CF1883" s="11">
        <v>62.824599999999997</v>
      </c>
      <c r="CG1883" s="11">
        <v>194</v>
      </c>
      <c r="CH1883" s="20">
        <v>0.75340399999999996</v>
      </c>
      <c r="CI1883" s="20">
        <v>0.69799500000000003</v>
      </c>
      <c r="CJ1883" s="20">
        <v>0.731433</v>
      </c>
      <c r="CK1883" s="20">
        <v>0.71914199999999995</v>
      </c>
      <c r="CL1883" s="20">
        <v>0.68927700000000003</v>
      </c>
      <c r="CM1883" s="20">
        <v>0.67381400000000002</v>
      </c>
      <c r="CN1883" s="20">
        <v>0.69257199999999997</v>
      </c>
      <c r="CO1883" s="20">
        <v>0.67867100000000002</v>
      </c>
      <c r="CP1883" s="20">
        <v>0.73219400000000001</v>
      </c>
      <c r="CQ1883" s="20">
        <v>0.7208</v>
      </c>
      <c r="CR1883" s="20">
        <v>0.69493899999999997</v>
      </c>
      <c r="CS1883" s="20">
        <v>0.69266399999999995</v>
      </c>
      <c r="CT1883" s="20">
        <v>0.768181</v>
      </c>
      <c r="CU1883" s="20">
        <v>0.77297700000000003</v>
      </c>
      <c r="CV1883" s="20">
        <v>0.73296600000000001</v>
      </c>
      <c r="CW1883" s="20">
        <v>0.743224</v>
      </c>
      <c r="CX1883" s="20">
        <v>0.74264200000000002</v>
      </c>
      <c r="CY1883" s="6" t="s">
        <v>665</v>
      </c>
      <c r="CZ1883" s="6" t="s">
        <v>666</v>
      </c>
      <c r="DA1883" s="6" t="s">
        <v>134</v>
      </c>
      <c r="DB1883" s="6"/>
      <c r="DC1883" s="6">
        <v>33620</v>
      </c>
      <c r="DD1883" s="6">
        <v>190</v>
      </c>
      <c r="DE1883" s="6" t="s">
        <v>668</v>
      </c>
      <c r="DF1883" s="6" t="s">
        <v>363</v>
      </c>
      <c r="DG1883" s="6" t="s">
        <v>364</v>
      </c>
      <c r="DH1883" s="6" t="s">
        <v>365</v>
      </c>
      <c r="DI1883" s="6" t="s">
        <v>390</v>
      </c>
      <c r="DJ1883" s="6">
        <v>29</v>
      </c>
      <c r="DK1883" s="6">
        <v>175</v>
      </c>
      <c r="DL1883" s="6">
        <v>5</v>
      </c>
      <c r="DM1883" s="6" t="s">
        <v>392</v>
      </c>
      <c r="DN1883" s="6">
        <v>6</v>
      </c>
      <c r="DO1883" s="6" t="s">
        <v>393</v>
      </c>
      <c r="DP1883" s="6"/>
      <c r="DQ1883" s="6"/>
    </row>
    <row r="1884" spans="1:121" x14ac:dyDescent="0.2">
      <c r="A1884" s="6" t="s">
        <v>325</v>
      </c>
      <c r="B1884" s="6" t="s">
        <v>325</v>
      </c>
      <c r="C1884" s="6" t="s">
        <v>193</v>
      </c>
      <c r="D1884" s="6" t="s">
        <v>134</v>
      </c>
      <c r="E1884" s="6" t="s">
        <v>275</v>
      </c>
      <c r="F1884" s="11">
        <v>-69</v>
      </c>
      <c r="G1884" s="13">
        <v>-0.151648351648</v>
      </c>
      <c r="H1884" s="11">
        <v>16.850013196999953</v>
      </c>
      <c r="I1884" s="13">
        <v>3.7031826876337701E-2</v>
      </c>
      <c r="J1884" s="11">
        <v>-5.4436794019999866</v>
      </c>
      <c r="K1884" s="13">
        <v>-1.1536533910248462E-2</v>
      </c>
      <c r="L1884" s="11">
        <v>-80.363763142999971</v>
      </c>
      <c r="M1884" s="13">
        <v>-0.1722988780780165</v>
      </c>
      <c r="N1884" s="11">
        <v>-85.807442544999958</v>
      </c>
      <c r="O1884" s="13">
        <v>-0.18184768013862015</v>
      </c>
      <c r="P1884" s="7">
        <v>455.01436516400003</v>
      </c>
      <c r="Q1884" s="7">
        <v>469.21644405299998</v>
      </c>
      <c r="R1884" s="7">
        <v>535.59592919500005</v>
      </c>
      <c r="S1884" s="7">
        <v>567.79075906699995</v>
      </c>
      <c r="T1884" s="7">
        <v>570.28948816699994</v>
      </c>
      <c r="U1884" s="7">
        <v>479.79279322500003</v>
      </c>
      <c r="V1884" s="7">
        <v>471.86437836099998</v>
      </c>
      <c r="W1884" s="7">
        <v>444.949137914</v>
      </c>
      <c r="X1884" s="7">
        <v>439.860772951</v>
      </c>
      <c r="Y1884" s="7">
        <v>466.42069895899999</v>
      </c>
      <c r="Z1884" s="7">
        <v>450.999431797</v>
      </c>
      <c r="AA1884" s="7">
        <v>437.83122549500001</v>
      </c>
      <c r="AB1884" s="7">
        <v>386.56819732100001</v>
      </c>
      <c r="AC1884" s="7">
        <v>389.96450369399997</v>
      </c>
      <c r="AD1884" s="7">
        <v>377.34636562899999</v>
      </c>
      <c r="AE1884" s="7">
        <v>386.916209439</v>
      </c>
      <c r="AF1884" s="7">
        <v>386.05693581600002</v>
      </c>
      <c r="AG1884" s="9">
        <v>5791.2561691999999</v>
      </c>
      <c r="AH1884" s="13">
        <v>0.36904672849150755</v>
      </c>
      <c r="AI1884" s="9">
        <v>195.01944750000075</v>
      </c>
      <c r="AJ1884" s="13">
        <v>1.2427578229895268E-2</v>
      </c>
      <c r="AK1884" s="9">
        <v>-661.34797570000046</v>
      </c>
      <c r="AL1884" s="13">
        <v>-4.1626955215832789E-2</v>
      </c>
      <c r="AM1884" s="9">
        <v>6257.5846973999996</v>
      </c>
      <c r="AN1884" s="13">
        <v>0.41097628641318906</v>
      </c>
      <c r="AO1884" s="9">
        <v>5596.2367216999992</v>
      </c>
      <c r="AP1884" s="13">
        <v>0.35224163972806516</v>
      </c>
      <c r="AQ1884" s="9">
        <v>15692.473939199999</v>
      </c>
      <c r="AR1884" s="9">
        <v>15767.096749599999</v>
      </c>
      <c r="AS1884" s="9">
        <v>15566.618799100001</v>
      </c>
      <c r="AT1884" s="9">
        <v>16371.9710978</v>
      </c>
      <c r="AU1884" s="9">
        <v>15623.1423194</v>
      </c>
      <c r="AV1884" s="9">
        <v>15638.2202124</v>
      </c>
      <c r="AW1884" s="9">
        <v>15887.4933867</v>
      </c>
      <c r="AX1884" s="9">
        <v>16342.473460499999</v>
      </c>
      <c r="AY1884" s="9">
        <v>15946.309952899999</v>
      </c>
      <c r="AZ1884" s="9">
        <v>15226.145411</v>
      </c>
      <c r="BA1884" s="9">
        <v>16351.456120299999</v>
      </c>
      <c r="BB1884" s="9">
        <v>17611.819391599998</v>
      </c>
      <c r="BC1884" s="9">
        <v>18813.9951182</v>
      </c>
      <c r="BD1884" s="9">
        <v>20257.598604800001</v>
      </c>
      <c r="BE1884" s="9">
        <v>21112.823350999999</v>
      </c>
      <c r="BF1884" s="9">
        <v>21483.730108399999</v>
      </c>
      <c r="BG1884" s="11">
        <v>-68.25</v>
      </c>
      <c r="BH1884" s="13">
        <v>-0.56404958677685946</v>
      </c>
      <c r="BI1884" s="6">
        <v>21</v>
      </c>
      <c r="BJ1884" s="13">
        <v>0.17355371900826447</v>
      </c>
      <c r="BK1884" s="6">
        <v>-20</v>
      </c>
      <c r="BL1884" s="13">
        <v>-0.14084507042253522</v>
      </c>
      <c r="BM1884" s="11">
        <v>-69.25</v>
      </c>
      <c r="BN1884" s="13">
        <v>-0.56762295081967218</v>
      </c>
      <c r="BO1884" s="11">
        <v>-89.25</v>
      </c>
      <c r="BP1884" s="13">
        <v>-0.62852112676056338</v>
      </c>
      <c r="BQ1884" s="6">
        <v>121</v>
      </c>
      <c r="BR1884" s="6">
        <v>132</v>
      </c>
      <c r="BS1884" s="6">
        <v>140</v>
      </c>
      <c r="BT1884" s="6">
        <v>142</v>
      </c>
      <c r="BU1884" s="6">
        <v>127</v>
      </c>
      <c r="BV1884" s="6">
        <v>115</v>
      </c>
      <c r="BW1884" s="6">
        <v>122</v>
      </c>
      <c r="BX1884" s="6">
        <v>121</v>
      </c>
      <c r="BY1884" s="6">
        <v>117</v>
      </c>
      <c r="BZ1884" s="6">
        <v>50</v>
      </c>
      <c r="CA1884" s="6">
        <v>50</v>
      </c>
      <c r="CB1884" s="6">
        <v>53</v>
      </c>
      <c r="CC1884" s="11">
        <v>52.75</v>
      </c>
      <c r="CD1884" s="11">
        <v>-114.506</v>
      </c>
      <c r="CE1884" s="11">
        <v>-4.1902499999999998</v>
      </c>
      <c r="CF1884" s="11">
        <v>49.738500000000002</v>
      </c>
      <c r="CG1884" s="11">
        <v>46</v>
      </c>
      <c r="CH1884" s="20">
        <v>0.87812900000000005</v>
      </c>
      <c r="CI1884" s="20">
        <v>0.85263900000000004</v>
      </c>
      <c r="CJ1884" s="20">
        <v>0.94281099999999995</v>
      </c>
      <c r="CK1884" s="20">
        <v>0.99365599999999998</v>
      </c>
      <c r="CL1884" s="20">
        <v>0.98019800000000001</v>
      </c>
      <c r="CM1884" s="20">
        <v>0.82106900000000005</v>
      </c>
      <c r="CN1884" s="20">
        <v>0.80974299999999999</v>
      </c>
      <c r="CO1884" s="20">
        <v>0.76916300000000004</v>
      </c>
      <c r="CP1884" s="20">
        <v>0.77816300000000005</v>
      </c>
      <c r="CQ1884" s="20">
        <v>0.84637700000000005</v>
      </c>
      <c r="CR1884" s="20">
        <v>0.81439600000000001</v>
      </c>
      <c r="CS1884" s="20">
        <v>0.78768499999999997</v>
      </c>
      <c r="CT1884" s="20">
        <v>0.74860800000000005</v>
      </c>
      <c r="CU1884" s="20">
        <v>0.74734599999999995</v>
      </c>
      <c r="CV1884" s="20">
        <v>0.73236100000000004</v>
      </c>
      <c r="CW1884" s="20">
        <v>0.74630300000000005</v>
      </c>
      <c r="CX1884" s="20">
        <v>0.73777400000000004</v>
      </c>
      <c r="CY1884" s="6" t="s">
        <v>665</v>
      </c>
      <c r="CZ1884" s="6" t="s">
        <v>666</v>
      </c>
      <c r="DA1884" s="6" t="s">
        <v>134</v>
      </c>
      <c r="DB1884" s="6"/>
      <c r="DC1884" s="6">
        <v>33620</v>
      </c>
      <c r="DD1884" s="6">
        <v>190</v>
      </c>
      <c r="DE1884" s="6" t="s">
        <v>668</v>
      </c>
      <c r="DF1884" s="6" t="s">
        <v>363</v>
      </c>
      <c r="DG1884" s="6" t="s">
        <v>364</v>
      </c>
      <c r="DH1884" s="6" t="s">
        <v>365</v>
      </c>
      <c r="DI1884" s="6" t="s">
        <v>390</v>
      </c>
      <c r="DJ1884" s="6">
        <v>29</v>
      </c>
      <c r="DK1884" s="6">
        <v>175</v>
      </c>
      <c r="DL1884" s="6">
        <v>5</v>
      </c>
      <c r="DM1884" s="6" t="s">
        <v>392</v>
      </c>
      <c r="DN1884" s="6">
        <v>6</v>
      </c>
      <c r="DO1884" s="6" t="s">
        <v>393</v>
      </c>
      <c r="DP1884" s="6"/>
      <c r="DQ1884" s="6"/>
    </row>
    <row r="1885" spans="1:121" x14ac:dyDescent="0.2">
      <c r="A1885" s="6" t="s">
        <v>327</v>
      </c>
      <c r="B1885" s="6" t="s">
        <v>327</v>
      </c>
      <c r="C1885" s="6" t="s">
        <v>194</v>
      </c>
      <c r="D1885" s="6" t="s">
        <v>134</v>
      </c>
      <c r="E1885" s="6" t="s">
        <v>275</v>
      </c>
      <c r="F1885" s="11">
        <v>101</v>
      </c>
      <c r="G1885" s="13">
        <v>4.4259421559999998E-2</v>
      </c>
      <c r="H1885" s="11">
        <v>115.96036099999992</v>
      </c>
      <c r="I1885" s="13">
        <v>5.0806182844868958E-2</v>
      </c>
      <c r="J1885" s="11">
        <v>61.631435000000238</v>
      </c>
      <c r="K1885" s="13">
        <v>2.5697251113013943E-2</v>
      </c>
      <c r="L1885" s="11">
        <v>-77.345295540000279</v>
      </c>
      <c r="M1885" s="13">
        <v>-3.1441199070400924E-2</v>
      </c>
      <c r="N1885" s="11">
        <v>-15.713860540000042</v>
      </c>
      <c r="O1885" s="13">
        <v>-6.5519003451933325E-3</v>
      </c>
      <c r="P1885" s="7">
        <v>2282.406481</v>
      </c>
      <c r="Q1885" s="7">
        <v>2321.003119</v>
      </c>
      <c r="R1885" s="7">
        <v>2356.0870129999998</v>
      </c>
      <c r="S1885" s="7">
        <v>2292.2786839999999</v>
      </c>
      <c r="T1885" s="7">
        <v>2326.095945</v>
      </c>
      <c r="U1885" s="7">
        <v>2378.7192279999999</v>
      </c>
      <c r="V1885" s="7">
        <v>2398.3668419999999</v>
      </c>
      <c r="W1885" s="7">
        <v>2435.5456290000002</v>
      </c>
      <c r="X1885" s="7">
        <v>2459.215858</v>
      </c>
      <c r="Y1885" s="7">
        <v>2459.9982770000001</v>
      </c>
      <c r="Z1885" s="7">
        <v>2453.407737</v>
      </c>
      <c r="AA1885" s="7">
        <v>2455.4302510000002</v>
      </c>
      <c r="AB1885" s="7">
        <v>2461.2913659999999</v>
      </c>
      <c r="AC1885" s="7">
        <v>2467.4723389999999</v>
      </c>
      <c r="AD1885" s="7">
        <v>2447.6761839999999</v>
      </c>
      <c r="AE1885" s="7">
        <v>2375.4167315</v>
      </c>
      <c r="AF1885" s="7">
        <v>2382.6529814599999</v>
      </c>
      <c r="AG1885" s="9">
        <v>12319.009270399998</v>
      </c>
      <c r="AH1885" s="13">
        <v>0.40593572876476902</v>
      </c>
      <c r="AI1885" s="9">
        <v>6217.1925715999969</v>
      </c>
      <c r="AJ1885" s="13">
        <v>0.20486879602302679</v>
      </c>
      <c r="AK1885" s="9">
        <v>2710.8812365999984</v>
      </c>
      <c r="AL1885" s="13">
        <v>7.413994000949467E-2</v>
      </c>
      <c r="AM1885" s="9">
        <v>3390.9354622000028</v>
      </c>
      <c r="AN1885" s="13">
        <v>8.6337684579800691E-2</v>
      </c>
      <c r="AO1885" s="9">
        <v>6101.8166988000012</v>
      </c>
      <c r="AP1885" s="13">
        <v>0.16687869534460045</v>
      </c>
      <c r="AQ1885" s="9">
        <v>30347.191433200001</v>
      </c>
      <c r="AR1885" s="9">
        <v>30816.6857021</v>
      </c>
      <c r="AS1885" s="9">
        <v>31564.218942</v>
      </c>
      <c r="AT1885" s="9">
        <v>33693.163870900004</v>
      </c>
      <c r="AU1885" s="9">
        <v>34659.436145200001</v>
      </c>
      <c r="AV1885" s="9">
        <v>35364.765895099998</v>
      </c>
      <c r="AW1885" s="9">
        <v>36564.384004799998</v>
      </c>
      <c r="AX1885" s="9">
        <v>37477.539075499997</v>
      </c>
      <c r="AY1885" s="9">
        <v>38272.935645799997</v>
      </c>
      <c r="AZ1885" s="9">
        <v>39275.265241399997</v>
      </c>
      <c r="BA1885" s="9">
        <v>39094.209641499998</v>
      </c>
      <c r="BB1885" s="9">
        <v>39010.580351899996</v>
      </c>
      <c r="BC1885" s="9">
        <v>40146.013737200003</v>
      </c>
      <c r="BD1885" s="9">
        <v>39781.141557700001</v>
      </c>
      <c r="BE1885" s="9">
        <v>41475.211986399998</v>
      </c>
      <c r="BF1885" s="9">
        <v>42666.2007036</v>
      </c>
      <c r="BG1885" s="11">
        <v>-2.25</v>
      </c>
      <c r="BH1885" s="13">
        <v>-2.9605263157894735E-2</v>
      </c>
      <c r="BI1885" s="6">
        <v>1</v>
      </c>
      <c r="BJ1885" s="13">
        <v>1.3157894736842105E-2</v>
      </c>
      <c r="BK1885" s="6">
        <v>3</v>
      </c>
      <c r="BL1885" s="13">
        <v>3.896103896103896E-2</v>
      </c>
      <c r="BM1885" s="11">
        <v>-6.25</v>
      </c>
      <c r="BN1885" s="13">
        <v>-7.8125E-2</v>
      </c>
      <c r="BO1885" s="11">
        <v>-3.25</v>
      </c>
      <c r="BP1885" s="13">
        <v>-4.2207792207792208E-2</v>
      </c>
      <c r="BQ1885" s="6">
        <v>76</v>
      </c>
      <c r="BR1885" s="6">
        <v>75</v>
      </c>
      <c r="BS1885" s="6">
        <v>74</v>
      </c>
      <c r="BT1885" s="6">
        <v>77</v>
      </c>
      <c r="BU1885" s="6">
        <v>76</v>
      </c>
      <c r="BV1885" s="6">
        <v>78</v>
      </c>
      <c r="BW1885" s="6">
        <v>80</v>
      </c>
      <c r="BX1885" s="6">
        <v>80</v>
      </c>
      <c r="BY1885" s="6">
        <v>78</v>
      </c>
      <c r="BZ1885" s="6">
        <v>73</v>
      </c>
      <c r="CA1885" s="6">
        <v>72</v>
      </c>
      <c r="CB1885" s="6">
        <v>73</v>
      </c>
      <c r="CC1885" s="11">
        <v>73.75</v>
      </c>
      <c r="CD1885" s="11">
        <v>-15.4428</v>
      </c>
      <c r="CE1885" s="11">
        <v>-133.80500000000001</v>
      </c>
      <c r="CF1885" s="11">
        <v>249.495</v>
      </c>
      <c r="CG1885" s="11">
        <v>115</v>
      </c>
      <c r="CH1885" s="20">
        <v>1.32603</v>
      </c>
      <c r="CI1885" s="20">
        <v>1.26718</v>
      </c>
      <c r="CJ1885" s="20">
        <v>1.25528</v>
      </c>
      <c r="CK1885" s="20">
        <v>1.22296</v>
      </c>
      <c r="CL1885" s="20">
        <v>1.2216400000000001</v>
      </c>
      <c r="CM1885" s="20">
        <v>1.2520500000000001</v>
      </c>
      <c r="CN1885" s="20">
        <v>1.27498</v>
      </c>
      <c r="CO1885" s="20">
        <v>1.2911999999999999</v>
      </c>
      <c r="CP1885" s="20">
        <v>1.31935</v>
      </c>
      <c r="CQ1885" s="20">
        <v>1.34596</v>
      </c>
      <c r="CR1885" s="20">
        <v>1.3671599999999999</v>
      </c>
      <c r="CS1885" s="20">
        <v>1.4094500000000001</v>
      </c>
      <c r="CT1885" s="20">
        <v>1.4444900000000001</v>
      </c>
      <c r="CU1885" s="20">
        <v>1.46018</v>
      </c>
      <c r="CV1885" s="20">
        <v>1.47949</v>
      </c>
      <c r="CW1885" s="20">
        <v>1.4341699999999999</v>
      </c>
      <c r="CX1885" s="20">
        <v>1.4352199999999999</v>
      </c>
      <c r="CY1885" s="6" t="s">
        <v>665</v>
      </c>
      <c r="CZ1885" s="6" t="s">
        <v>666</v>
      </c>
      <c r="DA1885" s="6" t="s">
        <v>134</v>
      </c>
      <c r="DB1885" s="6"/>
      <c r="DC1885" s="6">
        <v>33620</v>
      </c>
      <c r="DD1885" s="6">
        <v>190</v>
      </c>
      <c r="DE1885" s="6" t="s">
        <v>668</v>
      </c>
      <c r="DF1885" s="6" t="s">
        <v>363</v>
      </c>
      <c r="DG1885" s="6" t="s">
        <v>364</v>
      </c>
      <c r="DH1885" s="6" t="s">
        <v>365</v>
      </c>
      <c r="DI1885" s="6" t="s">
        <v>390</v>
      </c>
      <c r="DJ1885" s="6">
        <v>29</v>
      </c>
      <c r="DK1885" s="6">
        <v>175</v>
      </c>
      <c r="DL1885" s="6">
        <v>5</v>
      </c>
      <c r="DM1885" s="6" t="s">
        <v>392</v>
      </c>
      <c r="DN1885" s="6">
        <v>6</v>
      </c>
      <c r="DO1885" s="6" t="s">
        <v>393</v>
      </c>
      <c r="DP1885" s="6"/>
      <c r="DQ1885" s="6"/>
    </row>
    <row r="1886" spans="1:121" x14ac:dyDescent="0.2">
      <c r="A1886" s="6" t="s">
        <v>1</v>
      </c>
      <c r="B1886" s="6" t="s">
        <v>1</v>
      </c>
      <c r="C1886" s="6" t="s">
        <v>2</v>
      </c>
      <c r="D1886" s="6" t="s">
        <v>64</v>
      </c>
      <c r="E1886" s="6" t="s">
        <v>205</v>
      </c>
      <c r="F1886" s="11">
        <v>185</v>
      </c>
      <c r="G1886" s="13">
        <v>2.0786516853900001</v>
      </c>
      <c r="H1886" s="11">
        <v>36.712820943099999</v>
      </c>
      <c r="I1886" s="13">
        <v>0.41458232903691</v>
      </c>
      <c r="J1886" s="11">
        <v>33.050123995999996</v>
      </c>
      <c r="K1886" s="13">
        <v>0.26383833369148241</v>
      </c>
      <c r="L1886" s="11">
        <v>115.41236168900002</v>
      </c>
      <c r="M1886" s="13">
        <v>0.72899677405661345</v>
      </c>
      <c r="N1886" s="11">
        <v>148.46248568500002</v>
      </c>
      <c r="O1886" s="13">
        <v>1.185172401881659</v>
      </c>
      <c r="P1886" s="7">
        <v>88.553752467899997</v>
      </c>
      <c r="Q1886" s="7">
        <v>72.7619415729</v>
      </c>
      <c r="R1886" s="7">
        <v>65.308330413199997</v>
      </c>
      <c r="S1886" s="7">
        <v>96.165861270199997</v>
      </c>
      <c r="T1886" s="7">
        <v>112.11322169</v>
      </c>
      <c r="U1886" s="7">
        <v>141.133039416</v>
      </c>
      <c r="V1886" s="7">
        <v>125.266573411</v>
      </c>
      <c r="W1886" s="7">
        <v>140.56517608499999</v>
      </c>
      <c r="X1886" s="7">
        <v>129.83667159500001</v>
      </c>
      <c r="Y1886" s="7">
        <v>158.31669740699999</v>
      </c>
      <c r="Z1886" s="7">
        <v>210.70639695</v>
      </c>
      <c r="AA1886" s="7">
        <v>208.295006938</v>
      </c>
      <c r="AB1886" s="7">
        <v>203.514062954</v>
      </c>
      <c r="AC1886" s="7">
        <v>252.011069273</v>
      </c>
      <c r="AD1886" s="7">
        <v>247.59814447100001</v>
      </c>
      <c r="AE1886" s="7">
        <v>259.786018958</v>
      </c>
      <c r="AF1886" s="7">
        <v>273.72905909600001</v>
      </c>
      <c r="AG1886" s="9">
        <v>11374.254524699998</v>
      </c>
      <c r="AH1886" s="13">
        <v>0.55388886963502604</v>
      </c>
      <c r="AI1886" s="9">
        <v>2123.8637166999979</v>
      </c>
      <c r="AJ1886" s="13">
        <v>0.10342519333879904</v>
      </c>
      <c r="AK1886" s="9">
        <v>3860.0904177000011</v>
      </c>
      <c r="AL1886" s="13">
        <v>0.17035476189612744</v>
      </c>
      <c r="AM1886" s="9">
        <v>5390.300390299999</v>
      </c>
      <c r="AN1886" s="13">
        <v>0.20326015008596449</v>
      </c>
      <c r="AO1886" s="9">
        <v>9250.3908080000001</v>
      </c>
      <c r="AP1886" s="13">
        <v>0.40824124645295762</v>
      </c>
      <c r="AQ1886" s="9">
        <v>20535.264650100002</v>
      </c>
      <c r="AR1886" s="9">
        <v>20071.030394099998</v>
      </c>
      <c r="AS1886" s="9">
        <v>19069.7428043</v>
      </c>
      <c r="AT1886" s="9">
        <v>21077.826477999999</v>
      </c>
      <c r="AU1886" s="9">
        <v>21856.824199999999</v>
      </c>
      <c r="AV1886" s="9">
        <v>22197.097252899999</v>
      </c>
      <c r="AW1886" s="9">
        <v>22659.1283668</v>
      </c>
      <c r="AX1886" s="9">
        <v>23334.351945400002</v>
      </c>
      <c r="AY1886" s="9">
        <v>24246.758951299998</v>
      </c>
      <c r="AZ1886" s="9">
        <v>26519.218784500001</v>
      </c>
      <c r="BA1886" s="9">
        <v>27384.489010500001</v>
      </c>
      <c r="BB1886" s="9">
        <v>29634.786283900001</v>
      </c>
      <c r="BC1886" s="9">
        <v>31284.746007900001</v>
      </c>
      <c r="BD1886" s="9">
        <v>29598.941202000002</v>
      </c>
      <c r="BE1886" s="9">
        <v>31347.5589736</v>
      </c>
      <c r="BF1886" s="9">
        <v>31909.5191748</v>
      </c>
      <c r="BG1886" s="11">
        <v>9.5</v>
      </c>
      <c r="BH1886" s="13">
        <v>1.5833333333333333</v>
      </c>
      <c r="BI1886" s="6">
        <v>3</v>
      </c>
      <c r="BJ1886" s="13">
        <v>0.5</v>
      </c>
      <c r="BK1886" s="6">
        <v>-1</v>
      </c>
      <c r="BL1886" s="13">
        <v>-0.1111111111111111</v>
      </c>
      <c r="BM1886" s="11">
        <v>7.5</v>
      </c>
      <c r="BN1886" s="13">
        <v>0.9375</v>
      </c>
      <c r="BO1886" s="11">
        <v>6.5</v>
      </c>
      <c r="BP1886" s="13">
        <v>0.72222222222222221</v>
      </c>
      <c r="BQ1886" s="6">
        <v>6</v>
      </c>
      <c r="BR1886" s="6">
        <v>5</v>
      </c>
      <c r="BS1886" s="6">
        <v>7</v>
      </c>
      <c r="BT1886" s="6">
        <v>9</v>
      </c>
      <c r="BU1886" s="6">
        <v>7</v>
      </c>
      <c r="BV1886" s="6">
        <v>8</v>
      </c>
      <c r="BW1886" s="6">
        <v>8</v>
      </c>
      <c r="BX1886" s="6">
        <v>12</v>
      </c>
      <c r="BY1886" s="6">
        <v>12</v>
      </c>
      <c r="BZ1886" s="6">
        <v>12</v>
      </c>
      <c r="CA1886" s="6">
        <v>15</v>
      </c>
      <c r="CB1886" s="6">
        <v>15</v>
      </c>
      <c r="CC1886" s="11">
        <v>15.5</v>
      </c>
      <c r="CD1886" s="11">
        <v>183.56899999999999</v>
      </c>
      <c r="CE1886" s="11">
        <v>-8.0737699999999997</v>
      </c>
      <c r="CF1886" s="11">
        <v>9.6799900000000001</v>
      </c>
      <c r="CG1886" s="11">
        <v>2</v>
      </c>
      <c r="CH1886" s="20">
        <v>1.1732</v>
      </c>
      <c r="CI1886" s="20">
        <v>0.95816900000000005</v>
      </c>
      <c r="CJ1886" s="20">
        <v>0.85739600000000005</v>
      </c>
      <c r="CK1886" s="20">
        <v>1.2639800000000001</v>
      </c>
      <c r="CL1886" s="20">
        <v>1.59843</v>
      </c>
      <c r="CM1886" s="20">
        <v>2.0132400000000001</v>
      </c>
      <c r="CN1886" s="20">
        <v>1.8430200000000001</v>
      </c>
      <c r="CO1886" s="20">
        <v>2.1806299999999998</v>
      </c>
      <c r="CP1886" s="20">
        <v>1.96315</v>
      </c>
      <c r="CQ1886" s="20">
        <v>2.4479000000000002</v>
      </c>
      <c r="CR1886" s="20">
        <v>3.3100399999999999</v>
      </c>
      <c r="CS1886" s="20">
        <v>3.2763200000000001</v>
      </c>
      <c r="CT1886" s="20">
        <v>3.1930700000000001</v>
      </c>
      <c r="CU1886" s="20">
        <v>4.0083900000000003</v>
      </c>
      <c r="CV1886" s="20">
        <v>3.7671299999999999</v>
      </c>
      <c r="CW1886" s="20">
        <v>3.99464</v>
      </c>
      <c r="CX1886" s="20">
        <v>4.1886400000000004</v>
      </c>
      <c r="CY1886" s="6" t="s">
        <v>670</v>
      </c>
      <c r="CZ1886" s="6" t="s">
        <v>671</v>
      </c>
      <c r="DA1886" s="6" t="s">
        <v>64</v>
      </c>
      <c r="DB1886" s="6"/>
      <c r="DC1886" s="6">
        <v>28140</v>
      </c>
      <c r="DD1886" s="6">
        <v>312</v>
      </c>
      <c r="DE1886" s="6" t="s">
        <v>402</v>
      </c>
      <c r="DF1886" s="6" t="s">
        <v>375</v>
      </c>
      <c r="DG1886" s="6" t="s">
        <v>376</v>
      </c>
      <c r="DH1886" s="6" t="s">
        <v>328</v>
      </c>
      <c r="DI1886" s="6" t="s">
        <v>377</v>
      </c>
      <c r="DJ1886" s="6">
        <v>29</v>
      </c>
      <c r="DK1886" s="6">
        <v>177</v>
      </c>
      <c r="DL1886" s="6">
        <v>1</v>
      </c>
      <c r="DM1886" s="6" t="s">
        <v>404</v>
      </c>
      <c r="DN1886" s="6">
        <v>1</v>
      </c>
      <c r="DO1886" s="6" t="s">
        <v>405</v>
      </c>
      <c r="DP1886" s="6"/>
      <c r="DQ1886" s="6"/>
    </row>
    <row r="1887" spans="1:121" x14ac:dyDescent="0.2">
      <c r="A1887" s="6" t="s">
        <v>310</v>
      </c>
      <c r="B1887" s="6" t="s">
        <v>310</v>
      </c>
      <c r="C1887" s="6" t="s">
        <v>173</v>
      </c>
      <c r="D1887" s="6" t="s">
        <v>64</v>
      </c>
      <c r="E1887" s="6" t="s">
        <v>205</v>
      </c>
      <c r="F1887" s="11">
        <v>1</v>
      </c>
      <c r="G1887" s="13">
        <v>1</v>
      </c>
      <c r="H1887" s="11">
        <v>6.4156169999999992</v>
      </c>
      <c r="I1887" s="13">
        <v>1.2831233999999998</v>
      </c>
      <c r="J1887" s="11">
        <v>6.6185470000000013</v>
      </c>
      <c r="K1887" s="13">
        <v>0.57978005043441816</v>
      </c>
      <c r="L1887" s="11">
        <v>-5.1933513636999997</v>
      </c>
      <c r="M1887" s="13">
        <v>-0.28797294755110353</v>
      </c>
      <c r="N1887" s="11">
        <v>1.4251956363000016</v>
      </c>
      <c r="O1887" s="13">
        <v>0.1248461328283878</v>
      </c>
      <c r="P1887" s="7">
        <v>5</v>
      </c>
      <c r="Q1887" s="7">
        <v>5</v>
      </c>
      <c r="R1887" s="7">
        <v>16.280342999999998</v>
      </c>
      <c r="S1887" s="7">
        <v>11.419096</v>
      </c>
      <c r="T1887" s="7">
        <v>17.020284</v>
      </c>
      <c r="U1887" s="7">
        <v>16.852201000000001</v>
      </c>
      <c r="V1887" s="7">
        <v>11.415616999999999</v>
      </c>
      <c r="W1887" s="7">
        <v>5</v>
      </c>
      <c r="X1887" s="7">
        <v>10.233873000000001</v>
      </c>
      <c r="Y1887" s="7">
        <v>18.034164000000001</v>
      </c>
      <c r="Z1887" s="7">
        <v>15.030578</v>
      </c>
      <c r="AA1887" s="7">
        <v>15.800528</v>
      </c>
      <c r="AB1887" s="7">
        <v>14.031254000000001</v>
      </c>
      <c r="AC1887" s="7">
        <v>14.036433000000001</v>
      </c>
      <c r="AD1887" s="7">
        <v>14.623047</v>
      </c>
      <c r="AE1887" s="7">
        <v>12.47355125</v>
      </c>
      <c r="AF1887" s="7">
        <v>12.840812636300001</v>
      </c>
      <c r="AG1887" s="9">
        <v>80418.402289699996</v>
      </c>
      <c r="AH1887" s="13">
        <v>80418.402289699996</v>
      </c>
      <c r="AI1887" s="9">
        <v>20436.683851099999</v>
      </c>
      <c r="AJ1887" s="13">
        <v>20436.683851099999</v>
      </c>
      <c r="AK1887" s="9">
        <v>21501.139262500004</v>
      </c>
      <c r="AL1887" s="13">
        <v>1.0520340474560561</v>
      </c>
      <c r="AM1887" s="9">
        <v>38480.579176099993</v>
      </c>
      <c r="AN1887" s="13">
        <v>0.9175407491017894</v>
      </c>
      <c r="AO1887" s="9">
        <v>59981.718438600001</v>
      </c>
      <c r="AP1887" s="13">
        <v>2.934858904541263</v>
      </c>
      <c r="AQ1887" s="9">
        <v>1</v>
      </c>
      <c r="AR1887" s="9">
        <v>1</v>
      </c>
      <c r="AS1887" s="9">
        <v>32666.098510299998</v>
      </c>
      <c r="AT1887" s="9">
        <v>21100.6322611</v>
      </c>
      <c r="AU1887" s="9">
        <v>30300.686565700002</v>
      </c>
      <c r="AV1887" s="9">
        <v>28299.774542399999</v>
      </c>
      <c r="AW1887" s="9">
        <v>20437.683851099999</v>
      </c>
      <c r="AX1887" s="9">
        <v>1</v>
      </c>
      <c r="AY1887" s="9">
        <v>33006.757435699998</v>
      </c>
      <c r="AZ1887" s="9">
        <v>41938.823113600003</v>
      </c>
      <c r="BA1887" s="9">
        <v>53274.907717000002</v>
      </c>
      <c r="BB1887" s="9">
        <v>53485.414890100001</v>
      </c>
      <c r="BC1887" s="9">
        <v>57051.759650300002</v>
      </c>
      <c r="BD1887" s="9">
        <v>70102.935035500006</v>
      </c>
      <c r="BE1887" s="9">
        <v>67576.394965</v>
      </c>
      <c r="BF1887" s="9">
        <v>80419.402289699996</v>
      </c>
      <c r="BG1887" s="11">
        <v>-2</v>
      </c>
      <c r="BH1887" s="13">
        <v>-0.5</v>
      </c>
      <c r="BI1887" s="6">
        <v>-2</v>
      </c>
      <c r="BJ1887" s="13">
        <v>-0.5</v>
      </c>
      <c r="BK1887" s="6">
        <v>0</v>
      </c>
      <c r="BL1887" s="13">
        <v>0</v>
      </c>
      <c r="BM1887" s="11">
        <v>0</v>
      </c>
      <c r="BN1887" s="13">
        <v>0</v>
      </c>
      <c r="BO1887" s="11">
        <v>0</v>
      </c>
      <c r="BP1887" s="13">
        <v>0</v>
      </c>
      <c r="BQ1887" s="6">
        <v>4</v>
      </c>
      <c r="BR1887" s="6">
        <v>4</v>
      </c>
      <c r="BS1887" s="6">
        <v>2</v>
      </c>
      <c r="BT1887" s="6">
        <v>2</v>
      </c>
      <c r="BU1887" s="6">
        <v>2</v>
      </c>
      <c r="BV1887" s="6">
        <v>1</v>
      </c>
      <c r="BW1887" s="6">
        <v>2</v>
      </c>
      <c r="BX1887" s="6">
        <v>2</v>
      </c>
      <c r="BY1887" s="6">
        <v>2</v>
      </c>
      <c r="BZ1887" s="6">
        <v>2</v>
      </c>
      <c r="CA1887" s="6">
        <v>2</v>
      </c>
      <c r="CB1887" s="6">
        <v>2</v>
      </c>
      <c r="CC1887" s="11">
        <v>2</v>
      </c>
      <c r="CD1887" s="11">
        <v>3.0477500000000002</v>
      </c>
      <c r="CE1887" s="11">
        <v>0.83755900000000005</v>
      </c>
      <c r="CF1887" s="11">
        <v>0.88247900000000001</v>
      </c>
      <c r="CG1887" s="11">
        <v>2</v>
      </c>
      <c r="CH1887" s="20">
        <v>0.37697199999999997</v>
      </c>
      <c r="CI1887" s="20">
        <v>0.45170700000000003</v>
      </c>
      <c r="CJ1887" s="20">
        <v>0.79805999999999999</v>
      </c>
      <c r="CK1887" s="20">
        <v>0.542265</v>
      </c>
      <c r="CL1887" s="20">
        <v>0.81797500000000001</v>
      </c>
      <c r="CM1887" s="20">
        <v>0.73558100000000004</v>
      </c>
      <c r="CN1887" s="20">
        <v>0.47690700000000003</v>
      </c>
      <c r="CO1887" s="20">
        <v>0.10134899999999999</v>
      </c>
      <c r="CP1887" s="20">
        <v>0.43547400000000003</v>
      </c>
      <c r="CQ1887" s="20">
        <v>0.76954400000000001</v>
      </c>
      <c r="CR1887" s="20">
        <v>0.58660800000000002</v>
      </c>
      <c r="CS1887" s="20">
        <v>0.57298199999999999</v>
      </c>
      <c r="CT1887" s="20">
        <v>0.50370400000000004</v>
      </c>
      <c r="CU1887" s="20">
        <v>0.50130399999999997</v>
      </c>
      <c r="CV1887" s="20">
        <v>0.56466700000000003</v>
      </c>
      <c r="CW1887" s="20">
        <v>0.57299800000000001</v>
      </c>
      <c r="CX1887" s="20">
        <v>0.58126800000000001</v>
      </c>
      <c r="CY1887" s="6" t="s">
        <v>670</v>
      </c>
      <c r="CZ1887" s="6" t="s">
        <v>671</v>
      </c>
      <c r="DA1887" s="6" t="s">
        <v>64</v>
      </c>
      <c r="DB1887" s="6"/>
      <c r="DC1887" s="6">
        <v>28140</v>
      </c>
      <c r="DD1887" s="6">
        <v>312</v>
      </c>
      <c r="DE1887" s="6" t="s">
        <v>402</v>
      </c>
      <c r="DF1887" s="6" t="s">
        <v>375</v>
      </c>
      <c r="DG1887" s="6" t="s">
        <v>376</v>
      </c>
      <c r="DH1887" s="6" t="s">
        <v>328</v>
      </c>
      <c r="DI1887" s="6" t="s">
        <v>377</v>
      </c>
      <c r="DJ1887" s="6">
        <v>29</v>
      </c>
      <c r="DK1887" s="6">
        <v>177</v>
      </c>
      <c r="DL1887" s="6">
        <v>1</v>
      </c>
      <c r="DM1887" s="6" t="s">
        <v>404</v>
      </c>
      <c r="DN1887" s="6">
        <v>1</v>
      </c>
      <c r="DO1887" s="6" t="s">
        <v>405</v>
      </c>
      <c r="DP1887" s="6"/>
      <c r="DQ1887" s="6"/>
    </row>
    <row r="1888" spans="1:121" x14ac:dyDescent="0.2">
      <c r="A1888" s="6" t="s">
        <v>311</v>
      </c>
      <c r="B1888" s="6" t="s">
        <v>311</v>
      </c>
      <c r="C1888" s="6" t="s">
        <v>174</v>
      </c>
      <c r="D1888" s="6" t="s">
        <v>64</v>
      </c>
      <c r="E1888" s="6" t="s">
        <v>205</v>
      </c>
      <c r="F1888" s="11">
        <v>1</v>
      </c>
      <c r="G1888" s="13">
        <v>1</v>
      </c>
      <c r="H1888" s="11">
        <v>5.1191119999999994</v>
      </c>
      <c r="I1888" s="13">
        <v>1.0238223999999998</v>
      </c>
      <c r="J1888" s="11">
        <v>1.0218579999999999</v>
      </c>
      <c r="K1888" s="13">
        <v>0.10098297162834052</v>
      </c>
      <c r="L1888" s="11">
        <v>18.971743660600001</v>
      </c>
      <c r="M1888" s="13">
        <v>1.7028807779394437</v>
      </c>
      <c r="N1888" s="11">
        <v>19.9936016606</v>
      </c>
      <c r="O1888" s="13">
        <v>1.9758257108528892</v>
      </c>
      <c r="P1888" s="7">
        <v>5</v>
      </c>
      <c r="Q1888" s="7">
        <v>5</v>
      </c>
      <c r="R1888" s="7">
        <v>11.348971000000001</v>
      </c>
      <c r="S1888" s="7">
        <v>13.303207</v>
      </c>
      <c r="T1888" s="7">
        <v>12.215221</v>
      </c>
      <c r="U1888" s="7">
        <v>11.155806</v>
      </c>
      <c r="V1888" s="7">
        <v>10.119111999999999</v>
      </c>
      <c r="W1888" s="7">
        <v>5</v>
      </c>
      <c r="X1888" s="7">
        <v>12.161939</v>
      </c>
      <c r="Y1888" s="7">
        <v>11.140969999999999</v>
      </c>
      <c r="Z1888" s="7">
        <v>17.706451999999999</v>
      </c>
      <c r="AA1888" s="7">
        <v>21.785337999999999</v>
      </c>
      <c r="AB1888" s="7">
        <v>26.7537121899</v>
      </c>
      <c r="AC1888" s="7">
        <v>22.7897636999</v>
      </c>
      <c r="AD1888" s="7">
        <v>24.6577071896</v>
      </c>
      <c r="AE1888" s="7">
        <v>28.585566926599999</v>
      </c>
      <c r="AF1888" s="7">
        <v>30.112713660600001</v>
      </c>
      <c r="AG1888" s="9">
        <v>120255.538312</v>
      </c>
      <c r="AH1888" s="13">
        <v>120255.538312</v>
      </c>
      <c r="AI1888" s="9">
        <v>67738.486000699995</v>
      </c>
      <c r="AJ1888" s="13">
        <v>67738.486000699995</v>
      </c>
      <c r="AK1888" s="9">
        <v>42962.194088300006</v>
      </c>
      <c r="AL1888" s="13">
        <v>0.6342267505226723</v>
      </c>
      <c r="AM1888" s="9">
        <v>9554.8582230000029</v>
      </c>
      <c r="AN1888" s="13">
        <v>8.6311772461973968E-2</v>
      </c>
      <c r="AO1888" s="9">
        <v>52517.052311300009</v>
      </c>
      <c r="AP1888" s="13">
        <v>0.77527975796505622</v>
      </c>
      <c r="AQ1888" s="9">
        <v>1</v>
      </c>
      <c r="AR1888" s="9">
        <v>1</v>
      </c>
      <c r="AS1888" s="9">
        <v>84392.479776299995</v>
      </c>
      <c r="AT1888" s="9">
        <v>74177.3712715</v>
      </c>
      <c r="AU1888" s="9">
        <v>49099.799331200004</v>
      </c>
      <c r="AV1888" s="9">
        <v>68440.358834700004</v>
      </c>
      <c r="AW1888" s="9">
        <v>67739.486000699995</v>
      </c>
      <c r="AX1888" s="9">
        <v>1</v>
      </c>
      <c r="AY1888" s="9">
        <v>127427.754457</v>
      </c>
      <c r="AZ1888" s="9">
        <v>110701.680089</v>
      </c>
      <c r="BA1888" s="9">
        <v>122377.09908299999</v>
      </c>
      <c r="BB1888" s="9">
        <v>105380.455112</v>
      </c>
      <c r="BC1888" s="9">
        <v>96339.623832400001</v>
      </c>
      <c r="BD1888" s="9">
        <v>105214.089322</v>
      </c>
      <c r="BE1888" s="9">
        <v>117800.415522</v>
      </c>
      <c r="BF1888" s="9">
        <v>120256.538312</v>
      </c>
      <c r="BG1888" s="11">
        <v>1</v>
      </c>
      <c r="BH1888" s="13">
        <v>1</v>
      </c>
      <c r="BI1888" s="6">
        <v>0</v>
      </c>
      <c r="BJ1888" s="13">
        <v>0</v>
      </c>
      <c r="BK1888" s="6">
        <v>1</v>
      </c>
      <c r="BL1888" s="13">
        <v>1</v>
      </c>
      <c r="BM1888" s="11">
        <v>0</v>
      </c>
      <c r="BN1888" s="13">
        <v>0</v>
      </c>
      <c r="BO1888" s="11">
        <v>1</v>
      </c>
      <c r="BP1888" s="13">
        <v>1</v>
      </c>
      <c r="BQ1888" s="6">
        <v>1</v>
      </c>
      <c r="BR1888" s="6">
        <v>1</v>
      </c>
      <c r="BS1888" s="6">
        <v>1</v>
      </c>
      <c r="BT1888" s="6">
        <v>1</v>
      </c>
      <c r="BU1888" s="6">
        <v>1</v>
      </c>
      <c r="BV1888" s="6">
        <v>2</v>
      </c>
      <c r="BW1888" s="6">
        <v>2</v>
      </c>
      <c r="BX1888" s="6">
        <v>3</v>
      </c>
      <c r="BY1888" s="6">
        <v>3</v>
      </c>
      <c r="BZ1888" s="6">
        <v>3</v>
      </c>
      <c r="CA1888" s="6">
        <v>2</v>
      </c>
      <c r="CB1888" s="6">
        <v>2</v>
      </c>
      <c r="CC1888" s="11">
        <v>2</v>
      </c>
      <c r="CD1888" s="11">
        <v>24.199000000000002</v>
      </c>
      <c r="CE1888" s="11">
        <v>-1.0174700000000001</v>
      </c>
      <c r="CF1888" s="11">
        <v>0.68299699999999997</v>
      </c>
      <c r="CG1888" s="11">
        <v>0</v>
      </c>
      <c r="CH1888" s="20">
        <v>0.266289</v>
      </c>
      <c r="CI1888" s="20">
        <v>0.41078900000000002</v>
      </c>
      <c r="CJ1888" s="20">
        <v>0.49656899999999998</v>
      </c>
      <c r="CK1888" s="20">
        <v>0.598611</v>
      </c>
      <c r="CL1888" s="20">
        <v>0.61450700000000003</v>
      </c>
      <c r="CM1888" s="20">
        <v>0.56445100000000004</v>
      </c>
      <c r="CN1888" s="20">
        <v>0.52095400000000003</v>
      </c>
      <c r="CO1888" s="20">
        <v>0.46463500000000002</v>
      </c>
      <c r="CP1888" s="20">
        <v>0.60776699999999995</v>
      </c>
      <c r="CQ1888" s="20">
        <v>0.57531399999999999</v>
      </c>
      <c r="CR1888" s="20">
        <v>0.93694299999999997</v>
      </c>
      <c r="CS1888" s="20">
        <v>1.1694100000000001</v>
      </c>
      <c r="CT1888" s="20">
        <v>1.45024</v>
      </c>
      <c r="CU1888" s="20">
        <v>1.2617400000000001</v>
      </c>
      <c r="CV1888" s="20">
        <v>1.3077799999999999</v>
      </c>
      <c r="CW1888" s="20">
        <v>1.5302899999999999</v>
      </c>
      <c r="CX1888" s="20">
        <v>1.5945499999999999</v>
      </c>
      <c r="CY1888" s="6" t="s">
        <v>670</v>
      </c>
      <c r="CZ1888" s="6" t="s">
        <v>671</v>
      </c>
      <c r="DA1888" s="6" t="s">
        <v>64</v>
      </c>
      <c r="DB1888" s="6"/>
      <c r="DC1888" s="6">
        <v>28140</v>
      </c>
      <c r="DD1888" s="6">
        <v>312</v>
      </c>
      <c r="DE1888" s="6" t="s">
        <v>402</v>
      </c>
      <c r="DF1888" s="6" t="s">
        <v>375</v>
      </c>
      <c r="DG1888" s="6" t="s">
        <v>376</v>
      </c>
      <c r="DH1888" s="6" t="s">
        <v>328</v>
      </c>
      <c r="DI1888" s="6" t="s">
        <v>377</v>
      </c>
      <c r="DJ1888" s="6">
        <v>29</v>
      </c>
      <c r="DK1888" s="6">
        <v>177</v>
      </c>
      <c r="DL1888" s="6">
        <v>1</v>
      </c>
      <c r="DM1888" s="6" t="s">
        <v>404</v>
      </c>
      <c r="DN1888" s="6">
        <v>1</v>
      </c>
      <c r="DO1888" s="6" t="s">
        <v>405</v>
      </c>
      <c r="DP1888" s="6"/>
      <c r="DQ1888" s="6"/>
    </row>
    <row r="1889" spans="1:121" x14ac:dyDescent="0.2">
      <c r="A1889" s="6" t="s">
        <v>312</v>
      </c>
      <c r="B1889" s="6" t="s">
        <v>312</v>
      </c>
      <c r="C1889" s="6" t="s">
        <v>175</v>
      </c>
      <c r="D1889" s="6" t="s">
        <v>64</v>
      </c>
      <c r="E1889" s="6" t="s">
        <v>205</v>
      </c>
      <c r="F1889" s="11">
        <v>-27</v>
      </c>
      <c r="G1889" s="13">
        <v>-6.8702290076299993E-2</v>
      </c>
      <c r="H1889" s="11">
        <v>37.505406068000013</v>
      </c>
      <c r="I1889" s="13">
        <v>9.5406183329635602E-2</v>
      </c>
      <c r="J1889" s="11">
        <v>-79.41369924899999</v>
      </c>
      <c r="K1889" s="13">
        <v>-0.18441782227942169</v>
      </c>
      <c r="L1889" s="11">
        <v>15.007822319000013</v>
      </c>
      <c r="M1889" s="13">
        <v>4.2732412786698877E-2</v>
      </c>
      <c r="N1889" s="11">
        <v>-64.405876929999977</v>
      </c>
      <c r="O1889" s="13">
        <v>-0.14956602799959107</v>
      </c>
      <c r="P1889" s="7">
        <v>393.11294885799998</v>
      </c>
      <c r="Q1889" s="7">
        <v>397.514934901</v>
      </c>
      <c r="R1889" s="7">
        <v>459.65328979100002</v>
      </c>
      <c r="S1889" s="7">
        <v>495.53579234</v>
      </c>
      <c r="T1889" s="7">
        <v>504.77550392900002</v>
      </c>
      <c r="U1889" s="7">
        <v>511.84714117499999</v>
      </c>
      <c r="V1889" s="7">
        <v>430.61835492599999</v>
      </c>
      <c r="W1889" s="7">
        <v>368.531038518</v>
      </c>
      <c r="X1889" s="7">
        <v>360.99528396599999</v>
      </c>
      <c r="Y1889" s="7">
        <v>351.20465567700001</v>
      </c>
      <c r="Z1889" s="7">
        <v>322.89453204199998</v>
      </c>
      <c r="AA1889" s="7">
        <v>336.87744735699999</v>
      </c>
      <c r="AB1889" s="7">
        <v>346.15394678899997</v>
      </c>
      <c r="AC1889" s="7">
        <v>346.04620415800002</v>
      </c>
      <c r="AD1889" s="7">
        <v>371.61508077299999</v>
      </c>
      <c r="AE1889" s="7">
        <v>362.59416525300003</v>
      </c>
      <c r="AF1889" s="7">
        <v>366.21247799600002</v>
      </c>
      <c r="AG1889" s="9">
        <v>8505.5292822999982</v>
      </c>
      <c r="AH1889" s="13">
        <v>0.35861097966665922</v>
      </c>
      <c r="AI1889" s="9">
        <v>3239.4696225000007</v>
      </c>
      <c r="AJ1889" s="13">
        <v>0.13658284350894245</v>
      </c>
      <c r="AK1889" s="9">
        <v>1329.7072931999974</v>
      </c>
      <c r="AL1889" s="13">
        <v>4.9326146999377742E-2</v>
      </c>
      <c r="AM1889" s="9">
        <v>3936.3523666000001</v>
      </c>
      <c r="AN1889" s="13">
        <v>0.13915685827414442</v>
      </c>
      <c r="AO1889" s="9">
        <v>5266.0596597999975</v>
      </c>
      <c r="AP1889" s="13">
        <v>0.1953470769207242</v>
      </c>
      <c r="AQ1889" s="9">
        <v>23717.9834544</v>
      </c>
      <c r="AR1889" s="9">
        <v>24987.3568418</v>
      </c>
      <c r="AS1889" s="9">
        <v>26219.3115708</v>
      </c>
      <c r="AT1889" s="9">
        <v>26803.795735</v>
      </c>
      <c r="AU1889" s="9">
        <v>28022.255360200001</v>
      </c>
      <c r="AV1889" s="9">
        <v>28983.913834200001</v>
      </c>
      <c r="AW1889" s="9">
        <v>26957.453076900001</v>
      </c>
      <c r="AX1889" s="9">
        <v>26704.200063100001</v>
      </c>
      <c r="AY1889" s="9">
        <v>26030.517236700001</v>
      </c>
      <c r="AZ1889" s="9">
        <v>28287.160370099999</v>
      </c>
      <c r="BA1889" s="9">
        <v>27074.491520700001</v>
      </c>
      <c r="BB1889" s="9">
        <v>28781.677798000001</v>
      </c>
      <c r="BC1889" s="9">
        <v>27277.3776793</v>
      </c>
      <c r="BD1889" s="9">
        <v>30414.6423077</v>
      </c>
      <c r="BE1889" s="9">
        <v>31426.108795200002</v>
      </c>
      <c r="BF1889" s="9">
        <v>32223.512736699999</v>
      </c>
      <c r="BG1889" s="11">
        <v>-25.75</v>
      </c>
      <c r="BH1889" s="13">
        <v>-0.38432835820895522</v>
      </c>
      <c r="BI1889" s="6">
        <v>-4</v>
      </c>
      <c r="BJ1889" s="13">
        <v>-5.9701492537313432E-2</v>
      </c>
      <c r="BK1889" s="6">
        <v>-13</v>
      </c>
      <c r="BL1889" s="13">
        <v>-0.20634920634920634</v>
      </c>
      <c r="BM1889" s="11">
        <v>-8.75</v>
      </c>
      <c r="BN1889" s="13">
        <v>-0.17499999999999999</v>
      </c>
      <c r="BO1889" s="11">
        <v>-21.75</v>
      </c>
      <c r="BP1889" s="13">
        <v>-0.34523809523809523</v>
      </c>
      <c r="BQ1889" s="6">
        <v>67</v>
      </c>
      <c r="BR1889" s="6">
        <v>61</v>
      </c>
      <c r="BS1889" s="6">
        <v>57</v>
      </c>
      <c r="BT1889" s="6">
        <v>63</v>
      </c>
      <c r="BU1889" s="6">
        <v>60</v>
      </c>
      <c r="BV1889" s="6">
        <v>55</v>
      </c>
      <c r="BW1889" s="6">
        <v>50</v>
      </c>
      <c r="BX1889" s="6">
        <v>42</v>
      </c>
      <c r="BY1889" s="6">
        <v>38</v>
      </c>
      <c r="BZ1889" s="6">
        <v>36</v>
      </c>
      <c r="CA1889" s="6">
        <v>38</v>
      </c>
      <c r="CB1889" s="6">
        <v>40</v>
      </c>
      <c r="CC1889" s="11">
        <v>41.25</v>
      </c>
      <c r="CD1889" s="11">
        <v>-22.256499999999999</v>
      </c>
      <c r="CE1889" s="11">
        <v>-47.616</v>
      </c>
      <c r="CF1889" s="11">
        <v>42.972000000000001</v>
      </c>
      <c r="CG1889" s="11">
        <v>-5</v>
      </c>
      <c r="CH1889" s="20">
        <v>1.1551</v>
      </c>
      <c r="CI1889" s="20">
        <v>1.1568099999999999</v>
      </c>
      <c r="CJ1889" s="20">
        <v>1.31592</v>
      </c>
      <c r="CK1889" s="20">
        <v>1.36791</v>
      </c>
      <c r="CL1889" s="20">
        <v>1.4523600000000001</v>
      </c>
      <c r="CM1889" s="20">
        <v>1.41066</v>
      </c>
      <c r="CN1889" s="20">
        <v>1.2238199999999999</v>
      </c>
      <c r="CO1889" s="20">
        <v>1.13506</v>
      </c>
      <c r="CP1889" s="20">
        <v>1.2328300000000001</v>
      </c>
      <c r="CQ1889" s="20">
        <v>1.32595</v>
      </c>
      <c r="CR1889" s="20">
        <v>1.26234</v>
      </c>
      <c r="CS1889" s="20">
        <v>1.3234300000000001</v>
      </c>
      <c r="CT1889" s="20">
        <v>1.34</v>
      </c>
      <c r="CU1889" s="20">
        <v>1.3266500000000001</v>
      </c>
      <c r="CV1889" s="20">
        <v>1.327</v>
      </c>
      <c r="CW1889" s="20">
        <v>1.2799499999999999</v>
      </c>
      <c r="CX1889" s="20">
        <v>1.2805299999999999</v>
      </c>
      <c r="CY1889" s="6" t="s">
        <v>670</v>
      </c>
      <c r="CZ1889" s="6" t="s">
        <v>671</v>
      </c>
      <c r="DA1889" s="6" t="s">
        <v>64</v>
      </c>
      <c r="DB1889" s="6"/>
      <c r="DC1889" s="6">
        <v>28140</v>
      </c>
      <c r="DD1889" s="6">
        <v>312</v>
      </c>
      <c r="DE1889" s="6" t="s">
        <v>402</v>
      </c>
      <c r="DF1889" s="6" t="s">
        <v>375</v>
      </c>
      <c r="DG1889" s="6" t="s">
        <v>376</v>
      </c>
      <c r="DH1889" s="6" t="s">
        <v>328</v>
      </c>
      <c r="DI1889" s="6" t="s">
        <v>377</v>
      </c>
      <c r="DJ1889" s="6">
        <v>29</v>
      </c>
      <c r="DK1889" s="6">
        <v>177</v>
      </c>
      <c r="DL1889" s="6">
        <v>1</v>
      </c>
      <c r="DM1889" s="6" t="s">
        <v>404</v>
      </c>
      <c r="DN1889" s="6">
        <v>1</v>
      </c>
      <c r="DO1889" s="6" t="s">
        <v>405</v>
      </c>
      <c r="DP1889" s="6"/>
      <c r="DQ1889" s="6"/>
    </row>
    <row r="1890" spans="1:121" x14ac:dyDescent="0.2">
      <c r="A1890" s="6" t="s">
        <v>792</v>
      </c>
      <c r="B1890" s="6" t="s">
        <v>176</v>
      </c>
      <c r="C1890" s="6" t="s">
        <v>177</v>
      </c>
      <c r="D1890" s="6" t="s">
        <v>64</v>
      </c>
      <c r="E1890" s="6" t="s">
        <v>205</v>
      </c>
      <c r="F1890" s="11">
        <v>-179</v>
      </c>
      <c r="G1890" s="13">
        <v>-0.27039274924500001</v>
      </c>
      <c r="H1890" s="11">
        <v>-178.30043148000004</v>
      </c>
      <c r="I1890" s="13">
        <v>-0.26942032240532204</v>
      </c>
      <c r="J1890" s="11">
        <v>-126.11744136299995</v>
      </c>
      <c r="K1890" s="13">
        <v>-0.26084680482602129</v>
      </c>
      <c r="L1890" s="11">
        <v>125.81988296499998</v>
      </c>
      <c r="M1890" s="13">
        <v>0.35206689353616621</v>
      </c>
      <c r="N1890" s="11">
        <v>-0.2975583979999783</v>
      </c>
      <c r="O1890" s="13">
        <v>-6.154355537870517E-4</v>
      </c>
      <c r="P1890" s="7">
        <v>661.79280719500002</v>
      </c>
      <c r="Q1890" s="7">
        <v>692.38717941300001</v>
      </c>
      <c r="R1890" s="7">
        <v>678.42414219099999</v>
      </c>
      <c r="S1890" s="7">
        <v>694.62069040799997</v>
      </c>
      <c r="T1890" s="7">
        <v>599.83525085700001</v>
      </c>
      <c r="U1890" s="7">
        <v>555.78285573000005</v>
      </c>
      <c r="V1890" s="7">
        <v>483.49237571499998</v>
      </c>
      <c r="W1890" s="7">
        <v>486.98295473600001</v>
      </c>
      <c r="X1890" s="7">
        <v>419.156178135</v>
      </c>
      <c r="Y1890" s="7">
        <v>357.37493435200003</v>
      </c>
      <c r="Z1890" s="7">
        <v>351.483246678</v>
      </c>
      <c r="AA1890" s="7">
        <v>355.45461114900002</v>
      </c>
      <c r="AB1890" s="7">
        <v>364.967640125</v>
      </c>
      <c r="AC1890" s="7">
        <v>396.74888918900001</v>
      </c>
      <c r="AD1890" s="7">
        <v>443.449092097</v>
      </c>
      <c r="AE1890" s="7">
        <v>467.308731722</v>
      </c>
      <c r="AF1890" s="7">
        <v>483.194817317</v>
      </c>
      <c r="AG1890" s="9">
        <v>35249.2213357</v>
      </c>
      <c r="AH1890" s="13">
        <v>0.96084365228579616</v>
      </c>
      <c r="AI1890" s="9">
        <v>5379.9131109000009</v>
      </c>
      <c r="AJ1890" s="13">
        <v>0.14664878163484521</v>
      </c>
      <c r="AK1890" s="9">
        <v>16881.716193100001</v>
      </c>
      <c r="AL1890" s="13">
        <v>0.40131868315982194</v>
      </c>
      <c r="AM1890" s="9">
        <v>12987.592031699998</v>
      </c>
      <c r="AN1890" s="13">
        <v>0.22032537065822705</v>
      </c>
      <c r="AO1890" s="9">
        <v>29869.308224799999</v>
      </c>
      <c r="AP1890" s="13">
        <v>0.71006474143730824</v>
      </c>
      <c r="AQ1890" s="9">
        <v>36685.699334999998</v>
      </c>
      <c r="AR1890" s="9">
        <v>35566.519423899997</v>
      </c>
      <c r="AS1890" s="9">
        <v>34403.848834600001</v>
      </c>
      <c r="AT1890" s="9">
        <v>42527.656146699999</v>
      </c>
      <c r="AU1890" s="9">
        <v>41331.889498899996</v>
      </c>
      <c r="AV1890" s="9">
        <v>40797.611016700001</v>
      </c>
      <c r="AW1890" s="9">
        <v>42065.612445899998</v>
      </c>
      <c r="AX1890" s="9">
        <v>47225.6015195</v>
      </c>
      <c r="AY1890" s="9">
        <v>51166.013148099999</v>
      </c>
      <c r="AZ1890" s="9">
        <v>58947.328638999999</v>
      </c>
      <c r="BA1890" s="9">
        <v>59603.961992099998</v>
      </c>
      <c r="BB1890" s="9">
        <v>63119.372152900003</v>
      </c>
      <c r="BC1890" s="9">
        <v>65112.7836704</v>
      </c>
      <c r="BD1890" s="9">
        <v>65608.332615799998</v>
      </c>
      <c r="BE1890" s="9">
        <v>69278.935732800004</v>
      </c>
      <c r="BF1890" s="9">
        <v>71934.920670699998</v>
      </c>
      <c r="BG1890" s="11">
        <v>-1.5</v>
      </c>
      <c r="BH1890" s="13">
        <v>-9.375E-2</v>
      </c>
      <c r="BI1890" s="6">
        <v>-3</v>
      </c>
      <c r="BJ1890" s="13">
        <v>-0.1875</v>
      </c>
      <c r="BK1890" s="6">
        <v>-2</v>
      </c>
      <c r="BL1890" s="13">
        <v>-0.15384615384615385</v>
      </c>
      <c r="BM1890" s="11">
        <v>3.5</v>
      </c>
      <c r="BN1890" s="13">
        <v>0.31818181818181818</v>
      </c>
      <c r="BO1890" s="11">
        <v>1.5</v>
      </c>
      <c r="BP1890" s="13">
        <v>0.11538461538461539</v>
      </c>
      <c r="BQ1890" s="6">
        <v>16</v>
      </c>
      <c r="BR1890" s="6">
        <v>16</v>
      </c>
      <c r="BS1890" s="6">
        <v>17</v>
      </c>
      <c r="BT1890" s="6">
        <v>13</v>
      </c>
      <c r="BU1890" s="6">
        <v>13</v>
      </c>
      <c r="BV1890" s="6">
        <v>11</v>
      </c>
      <c r="BW1890" s="6">
        <v>11</v>
      </c>
      <c r="BX1890" s="6">
        <v>11</v>
      </c>
      <c r="BY1890" s="6">
        <v>12</v>
      </c>
      <c r="BZ1890" s="6">
        <v>12</v>
      </c>
      <c r="CA1890" s="6">
        <v>12</v>
      </c>
      <c r="CB1890" s="6">
        <v>15</v>
      </c>
      <c r="CC1890" s="11">
        <v>14.5</v>
      </c>
      <c r="CD1890" s="11">
        <v>-17.341799999999999</v>
      </c>
      <c r="CE1890" s="11">
        <v>-233.59800000000001</v>
      </c>
      <c r="CF1890" s="11">
        <v>72.341899999999995</v>
      </c>
      <c r="CG1890" s="11">
        <v>-162</v>
      </c>
      <c r="CH1890" s="20">
        <v>1.0157400000000001</v>
      </c>
      <c r="CI1890" s="20">
        <v>1.12473</v>
      </c>
      <c r="CJ1890" s="20">
        <v>1.1589</v>
      </c>
      <c r="CK1890" s="20">
        <v>1.21184</v>
      </c>
      <c r="CL1890" s="20">
        <v>1.1485700000000001</v>
      </c>
      <c r="CM1890" s="20">
        <v>1.0684800000000001</v>
      </c>
      <c r="CN1890" s="20">
        <v>0.97039299999999995</v>
      </c>
      <c r="CO1890" s="20">
        <v>1.0363500000000001</v>
      </c>
      <c r="CP1890" s="20">
        <v>0.97446200000000005</v>
      </c>
      <c r="CQ1890" s="20">
        <v>0.86890500000000004</v>
      </c>
      <c r="CR1890" s="20">
        <v>0.85855599999999999</v>
      </c>
      <c r="CS1890" s="20">
        <v>0.866232</v>
      </c>
      <c r="CT1890" s="20">
        <v>0.89021799999999995</v>
      </c>
      <c r="CU1890" s="20">
        <v>0.98189000000000004</v>
      </c>
      <c r="CV1890" s="20">
        <v>1.0508599999999999</v>
      </c>
      <c r="CW1890" s="20">
        <v>1.11859</v>
      </c>
      <c r="CX1890" s="20">
        <v>1.1530800000000001</v>
      </c>
      <c r="CY1890" s="6" t="s">
        <v>670</v>
      </c>
      <c r="CZ1890" s="6" t="s">
        <v>671</v>
      </c>
      <c r="DA1890" s="6" t="s">
        <v>64</v>
      </c>
      <c r="DB1890" s="6"/>
      <c r="DC1890" s="6">
        <v>28140</v>
      </c>
      <c r="DD1890" s="6">
        <v>312</v>
      </c>
      <c r="DE1890" s="6" t="s">
        <v>402</v>
      </c>
      <c r="DF1890" s="6" t="s">
        <v>375</v>
      </c>
      <c r="DG1890" s="6" t="s">
        <v>376</v>
      </c>
      <c r="DH1890" s="6" t="s">
        <v>328</v>
      </c>
      <c r="DI1890" s="6" t="s">
        <v>377</v>
      </c>
      <c r="DJ1890" s="6">
        <v>29</v>
      </c>
      <c r="DK1890" s="6">
        <v>177</v>
      </c>
      <c r="DL1890" s="6">
        <v>1</v>
      </c>
      <c r="DM1890" s="6" t="s">
        <v>404</v>
      </c>
      <c r="DN1890" s="6">
        <v>1</v>
      </c>
      <c r="DO1890" s="6" t="s">
        <v>405</v>
      </c>
      <c r="DP1890" s="6"/>
      <c r="DQ1890" s="6"/>
    </row>
    <row r="1891" spans="1:121" x14ac:dyDescent="0.2">
      <c r="A1891" s="6" t="s">
        <v>313</v>
      </c>
      <c r="B1891" s="6" t="s">
        <v>313</v>
      </c>
      <c r="C1891" s="6" t="s">
        <v>178</v>
      </c>
      <c r="D1891" s="6" t="s">
        <v>64</v>
      </c>
      <c r="E1891" s="6" t="s">
        <v>205</v>
      </c>
      <c r="F1891" s="11">
        <v>-30</v>
      </c>
      <c r="G1891" s="13">
        <v>-0.212765957447</v>
      </c>
      <c r="H1891" s="11">
        <v>-23.673057008000015</v>
      </c>
      <c r="I1891" s="13">
        <v>-0.16762037281257794</v>
      </c>
      <c r="J1891" s="11">
        <v>4.0446070269999979</v>
      </c>
      <c r="K1891" s="13">
        <v>3.4405458375700977E-2</v>
      </c>
      <c r="L1891" s="11">
        <v>-10.412153957000001</v>
      </c>
      <c r="M1891" s="13">
        <v>-8.5625041240913968E-2</v>
      </c>
      <c r="N1891" s="11">
        <v>-6.3675469300000032</v>
      </c>
      <c r="O1891" s="13">
        <v>-5.4165551657544941E-2</v>
      </c>
      <c r="P1891" s="7">
        <v>141.23018945000001</v>
      </c>
      <c r="Q1891" s="7">
        <v>131.69932984299999</v>
      </c>
      <c r="R1891" s="7">
        <v>132.87484939999999</v>
      </c>
      <c r="S1891" s="7">
        <v>120.04663828</v>
      </c>
      <c r="T1891" s="7">
        <v>124.441185752</v>
      </c>
      <c r="U1891" s="7">
        <v>121.97937308900001</v>
      </c>
      <c r="V1891" s="7">
        <v>117.557132442</v>
      </c>
      <c r="W1891" s="7">
        <v>104.888586246</v>
      </c>
      <c r="X1891" s="7">
        <v>124.481563483</v>
      </c>
      <c r="Y1891" s="7">
        <v>121.60173946899999</v>
      </c>
      <c r="Z1891" s="7">
        <v>128.81542782599999</v>
      </c>
      <c r="AA1891" s="7">
        <v>141.78700381300001</v>
      </c>
      <c r="AB1891" s="7">
        <v>157.85660805000001</v>
      </c>
      <c r="AC1891" s="7">
        <v>122.89498662699999</v>
      </c>
      <c r="AD1891" s="7">
        <v>115.104422786</v>
      </c>
      <c r="AE1891" s="7">
        <v>108.573504146</v>
      </c>
      <c r="AF1891" s="7">
        <v>111.18958551199999</v>
      </c>
      <c r="AG1891" s="9">
        <v>25404.067159399998</v>
      </c>
      <c r="AH1891" s="13">
        <v>0.87326820360262059</v>
      </c>
      <c r="AI1891" s="9">
        <v>7335.5400381000036</v>
      </c>
      <c r="AJ1891" s="13">
        <v>0.25216016913088596</v>
      </c>
      <c r="AK1891" s="9">
        <v>10278.822292899997</v>
      </c>
      <c r="AL1891" s="13">
        <v>0.28218106492316741</v>
      </c>
      <c r="AM1891" s="9">
        <v>7789.7048283999975</v>
      </c>
      <c r="AN1891" s="13">
        <v>0.16678467877420011</v>
      </c>
      <c r="AO1891" s="9">
        <v>18068.527121299994</v>
      </c>
      <c r="AP1891" s="13">
        <v>0.49602922196673976</v>
      </c>
      <c r="AQ1891" s="9">
        <v>29090.795994399999</v>
      </c>
      <c r="AR1891" s="9">
        <v>31000.157797799999</v>
      </c>
      <c r="AS1891" s="9">
        <v>31757.5576999</v>
      </c>
      <c r="AT1891" s="9">
        <v>34714.992324300001</v>
      </c>
      <c r="AU1891" s="9">
        <v>36834.550601000003</v>
      </c>
      <c r="AV1891" s="9">
        <v>35661.218952199997</v>
      </c>
      <c r="AW1891" s="9">
        <v>36426.336032500003</v>
      </c>
      <c r="AX1891" s="9">
        <v>40161.957161899998</v>
      </c>
      <c r="AY1891" s="9">
        <v>44495.9657783</v>
      </c>
      <c r="AZ1891" s="9">
        <v>46705.1583254</v>
      </c>
      <c r="BA1891" s="9">
        <v>49819.542389299997</v>
      </c>
      <c r="BB1891" s="9">
        <v>52648.655060700003</v>
      </c>
      <c r="BC1891" s="9">
        <v>55697.422059299999</v>
      </c>
      <c r="BD1891" s="9">
        <v>59287.841718000003</v>
      </c>
      <c r="BE1891" s="9">
        <v>52951.774900500001</v>
      </c>
      <c r="BF1891" s="9">
        <v>54494.863153799997</v>
      </c>
      <c r="BG1891" s="11">
        <v>0.75</v>
      </c>
      <c r="BH1891" s="13">
        <v>3.9473684210526314E-2</v>
      </c>
      <c r="BI1891" s="6">
        <v>2</v>
      </c>
      <c r="BJ1891" s="13">
        <v>0.10526315789473684</v>
      </c>
      <c r="BK1891" s="6">
        <v>-4</v>
      </c>
      <c r="BL1891" s="13">
        <v>-0.19047619047619047</v>
      </c>
      <c r="BM1891" s="11">
        <v>2.75</v>
      </c>
      <c r="BN1891" s="13">
        <v>0.16176470588235295</v>
      </c>
      <c r="BO1891" s="11">
        <v>-1.25</v>
      </c>
      <c r="BP1891" s="13">
        <v>-5.9523809523809521E-2</v>
      </c>
      <c r="BQ1891" s="6">
        <v>19</v>
      </c>
      <c r="BR1891" s="6">
        <v>19</v>
      </c>
      <c r="BS1891" s="6">
        <v>19</v>
      </c>
      <c r="BT1891" s="6">
        <v>21</v>
      </c>
      <c r="BU1891" s="6">
        <v>21</v>
      </c>
      <c r="BV1891" s="6">
        <v>21</v>
      </c>
      <c r="BW1891" s="6">
        <v>17</v>
      </c>
      <c r="BX1891" s="6">
        <v>18</v>
      </c>
      <c r="BY1891" s="6">
        <v>18</v>
      </c>
      <c r="BZ1891" s="6">
        <v>20</v>
      </c>
      <c r="CA1891" s="6">
        <v>22</v>
      </c>
      <c r="CB1891" s="6">
        <v>19</v>
      </c>
      <c r="CC1891" s="11">
        <v>19.75</v>
      </c>
      <c r="CD1891" s="11">
        <v>-33.930700000000002</v>
      </c>
      <c r="CE1891" s="11">
        <v>-11.548</v>
      </c>
      <c r="CF1891" s="11">
        <v>15.4382</v>
      </c>
      <c r="CG1891" s="11">
        <v>3</v>
      </c>
      <c r="CH1891" s="20">
        <v>0.60875199999999996</v>
      </c>
      <c r="CI1891" s="20">
        <v>0.57062000000000002</v>
      </c>
      <c r="CJ1891" s="20">
        <v>0.57872800000000002</v>
      </c>
      <c r="CK1891" s="20">
        <v>0.52134899999999995</v>
      </c>
      <c r="CL1891" s="20">
        <v>0.57909500000000003</v>
      </c>
      <c r="CM1891" s="20">
        <v>0.55449999999999999</v>
      </c>
      <c r="CN1891" s="20">
        <v>0.538157</v>
      </c>
      <c r="CO1891" s="20">
        <v>0.49607800000000002</v>
      </c>
      <c r="CP1891" s="20">
        <v>0.60797800000000002</v>
      </c>
      <c r="CQ1891" s="20">
        <v>0.61494199999999999</v>
      </c>
      <c r="CR1891" s="20">
        <v>0.65732400000000002</v>
      </c>
      <c r="CS1891" s="20">
        <v>0.72098399999999996</v>
      </c>
      <c r="CT1891" s="20">
        <v>0.79886699999999999</v>
      </c>
      <c r="CU1891" s="20">
        <v>0.63182099999999997</v>
      </c>
      <c r="CV1891" s="20">
        <v>0.56700700000000004</v>
      </c>
      <c r="CW1891" s="20">
        <v>0.54163399999999995</v>
      </c>
      <c r="CX1891" s="20">
        <v>0.54849099999999995</v>
      </c>
      <c r="CY1891" s="6" t="s">
        <v>670</v>
      </c>
      <c r="CZ1891" s="6" t="s">
        <v>671</v>
      </c>
      <c r="DA1891" s="6" t="s">
        <v>64</v>
      </c>
      <c r="DB1891" s="6"/>
      <c r="DC1891" s="6">
        <v>28140</v>
      </c>
      <c r="DD1891" s="6">
        <v>312</v>
      </c>
      <c r="DE1891" s="6" t="s">
        <v>402</v>
      </c>
      <c r="DF1891" s="6" t="s">
        <v>375</v>
      </c>
      <c r="DG1891" s="6" t="s">
        <v>376</v>
      </c>
      <c r="DH1891" s="6" t="s">
        <v>328</v>
      </c>
      <c r="DI1891" s="6" t="s">
        <v>377</v>
      </c>
      <c r="DJ1891" s="6">
        <v>29</v>
      </c>
      <c r="DK1891" s="6">
        <v>177</v>
      </c>
      <c r="DL1891" s="6">
        <v>1</v>
      </c>
      <c r="DM1891" s="6" t="s">
        <v>404</v>
      </c>
      <c r="DN1891" s="6">
        <v>1</v>
      </c>
      <c r="DO1891" s="6" t="s">
        <v>405</v>
      </c>
      <c r="DP1891" s="6"/>
      <c r="DQ1891" s="6"/>
    </row>
    <row r="1892" spans="1:121" x14ac:dyDescent="0.2">
      <c r="A1892" s="6" t="s">
        <v>793</v>
      </c>
      <c r="B1892" s="6" t="s">
        <v>179</v>
      </c>
      <c r="C1892" s="6" t="s">
        <v>180</v>
      </c>
      <c r="D1892" s="6" t="s">
        <v>64</v>
      </c>
      <c r="E1892" s="6" t="s">
        <v>205</v>
      </c>
      <c r="F1892" s="11">
        <v>-94</v>
      </c>
      <c r="G1892" s="13">
        <v>-0.13</v>
      </c>
      <c r="H1892" s="11">
        <v>-7</v>
      </c>
      <c r="I1892" s="13">
        <v>-9.5367847411444145E-3</v>
      </c>
      <c r="J1892" s="11">
        <v>-19</v>
      </c>
      <c r="K1892" s="13">
        <v>-2.6134800550206328E-2</v>
      </c>
      <c r="L1892" s="11">
        <v>-68</v>
      </c>
      <c r="M1892" s="13">
        <v>-9.6045197740112997E-2</v>
      </c>
      <c r="N1892" s="11">
        <v>-87</v>
      </c>
      <c r="O1892" s="13">
        <v>-0.11966987620357634</v>
      </c>
      <c r="P1892" s="7">
        <v>734</v>
      </c>
      <c r="Q1892" s="7">
        <v>766</v>
      </c>
      <c r="R1892" s="7">
        <v>736</v>
      </c>
      <c r="S1892" s="7">
        <v>742</v>
      </c>
      <c r="T1892" s="7">
        <v>751</v>
      </c>
      <c r="U1892" s="7">
        <v>726</v>
      </c>
      <c r="V1892" s="7">
        <v>727</v>
      </c>
      <c r="W1892" s="7">
        <v>723</v>
      </c>
      <c r="X1892" s="7">
        <v>702</v>
      </c>
      <c r="Y1892" s="7">
        <v>708</v>
      </c>
      <c r="Z1892" s="7">
        <v>677</v>
      </c>
      <c r="AA1892" s="7">
        <v>660</v>
      </c>
      <c r="AB1892" s="7">
        <v>639</v>
      </c>
      <c r="AC1892" s="7">
        <v>605</v>
      </c>
      <c r="AD1892" s="7">
        <v>602</v>
      </c>
      <c r="AE1892" s="7">
        <v>639</v>
      </c>
      <c r="AF1892" s="7">
        <v>640</v>
      </c>
      <c r="AG1892" s="9">
        <v>8064</v>
      </c>
      <c r="AH1892" s="13">
        <v>0.43582121818083552</v>
      </c>
      <c r="AI1892" s="9">
        <v>5080</v>
      </c>
      <c r="AJ1892" s="13">
        <v>0.27455007296114142</v>
      </c>
      <c r="AK1892" s="9">
        <v>832</v>
      </c>
      <c r="AL1892" s="13">
        <v>3.5279650595768139E-2</v>
      </c>
      <c r="AM1892" s="9">
        <v>2152</v>
      </c>
      <c r="AN1892" s="13">
        <v>8.8142535326643456E-2</v>
      </c>
      <c r="AO1892" s="9">
        <v>2984</v>
      </c>
      <c r="AP1892" s="13">
        <v>0.12653182377136071</v>
      </c>
      <c r="AQ1892" s="9">
        <v>18503</v>
      </c>
      <c r="AR1892" s="9">
        <v>19867</v>
      </c>
      <c r="AS1892" s="9">
        <v>20931</v>
      </c>
      <c r="AT1892" s="9">
        <v>20881</v>
      </c>
      <c r="AU1892" s="9">
        <v>21312</v>
      </c>
      <c r="AV1892" s="9">
        <v>22301</v>
      </c>
      <c r="AW1892" s="9">
        <v>23583</v>
      </c>
      <c r="AX1892" s="9">
        <v>24336</v>
      </c>
      <c r="AY1892" s="9">
        <v>25016</v>
      </c>
      <c r="AZ1892" s="9">
        <v>24415</v>
      </c>
      <c r="BA1892" s="9">
        <v>25047</v>
      </c>
      <c r="BB1892" s="9">
        <v>25890</v>
      </c>
      <c r="BC1892" s="9">
        <v>26901</v>
      </c>
      <c r="BD1892" s="9">
        <v>27057</v>
      </c>
      <c r="BE1892" s="9">
        <v>25965</v>
      </c>
      <c r="BF1892" s="9">
        <v>26567</v>
      </c>
      <c r="BG1892" s="11">
        <v>-2</v>
      </c>
      <c r="BH1892" s="13">
        <v>-0.04</v>
      </c>
      <c r="BI1892" s="6">
        <v>8</v>
      </c>
      <c r="BJ1892" s="13">
        <v>0.16</v>
      </c>
      <c r="BK1892" s="6">
        <v>-6</v>
      </c>
      <c r="BL1892" s="13">
        <v>-0.10344827586206896</v>
      </c>
      <c r="BM1892" s="11">
        <v>-4</v>
      </c>
      <c r="BN1892" s="13">
        <v>-7.6923076923076927E-2</v>
      </c>
      <c r="BO1892" s="11">
        <v>-10</v>
      </c>
      <c r="BP1892" s="13">
        <v>-0.17241379310344829</v>
      </c>
      <c r="BQ1892" s="6">
        <v>50</v>
      </c>
      <c r="BR1892" s="6">
        <v>56</v>
      </c>
      <c r="BS1892" s="6">
        <v>55</v>
      </c>
      <c r="BT1892" s="6">
        <v>58</v>
      </c>
      <c r="BU1892" s="6">
        <v>57</v>
      </c>
      <c r="BV1892" s="6">
        <v>53</v>
      </c>
      <c r="BW1892" s="6">
        <v>52</v>
      </c>
      <c r="BX1892" s="6">
        <v>49</v>
      </c>
      <c r="BY1892" s="6">
        <v>51</v>
      </c>
      <c r="BZ1892" s="6">
        <v>51</v>
      </c>
      <c r="CA1892" s="6">
        <v>48</v>
      </c>
      <c r="CB1892" s="6">
        <v>47</v>
      </c>
      <c r="CC1892" s="11">
        <v>48</v>
      </c>
      <c r="CD1892" s="11">
        <v>-128</v>
      </c>
      <c r="CE1892" s="11">
        <v>-47</v>
      </c>
      <c r="CF1892" s="11">
        <v>80</v>
      </c>
      <c r="CG1892" s="11">
        <v>33</v>
      </c>
      <c r="CH1892" s="20">
        <v>1.18</v>
      </c>
      <c r="CI1892" s="20">
        <v>1.22</v>
      </c>
      <c r="CJ1892" s="20">
        <v>1.18</v>
      </c>
      <c r="CK1892" s="20">
        <v>1.19</v>
      </c>
      <c r="CL1892" s="20">
        <v>1.3</v>
      </c>
      <c r="CM1892" s="20">
        <v>1.24</v>
      </c>
      <c r="CN1892" s="20">
        <v>1.26</v>
      </c>
      <c r="CO1892" s="20">
        <v>1.31</v>
      </c>
      <c r="CP1892" s="20">
        <v>1.29</v>
      </c>
      <c r="CQ1892" s="20">
        <v>1.33</v>
      </c>
      <c r="CR1892" s="20">
        <v>1.29</v>
      </c>
      <c r="CS1892" s="20">
        <v>1.26</v>
      </c>
      <c r="CT1892" s="20">
        <v>1.21</v>
      </c>
      <c r="CU1892" s="20">
        <v>1.1599999999999999</v>
      </c>
      <c r="CV1892" s="20">
        <v>1.1000000000000001</v>
      </c>
      <c r="CW1892" s="20">
        <v>1.17</v>
      </c>
      <c r="CX1892" s="20">
        <v>1.1599999999999999</v>
      </c>
      <c r="CY1892" s="6" t="s">
        <v>670</v>
      </c>
      <c r="CZ1892" s="6" t="s">
        <v>671</v>
      </c>
      <c r="DA1892" s="6" t="s">
        <v>64</v>
      </c>
      <c r="DB1892" s="6"/>
      <c r="DC1892" s="6">
        <v>28140</v>
      </c>
      <c r="DD1892" s="6">
        <v>312</v>
      </c>
      <c r="DE1892" s="6" t="s">
        <v>402</v>
      </c>
      <c r="DF1892" s="6" t="s">
        <v>375</v>
      </c>
      <c r="DG1892" s="6" t="s">
        <v>376</v>
      </c>
      <c r="DH1892" s="6" t="s">
        <v>328</v>
      </c>
      <c r="DI1892" s="6" t="s">
        <v>377</v>
      </c>
      <c r="DJ1892" s="6">
        <v>29</v>
      </c>
      <c r="DK1892" s="6">
        <v>177</v>
      </c>
      <c r="DL1892" s="6">
        <v>1</v>
      </c>
      <c r="DM1892" s="6" t="s">
        <v>404</v>
      </c>
      <c r="DN1892" s="6">
        <v>1</v>
      </c>
      <c r="DO1892" s="6" t="s">
        <v>405</v>
      </c>
      <c r="DP1892" s="6"/>
      <c r="DQ1892" s="6"/>
    </row>
    <row r="1893" spans="1:121" x14ac:dyDescent="0.2">
      <c r="A1893" s="6" t="s">
        <v>794</v>
      </c>
      <c r="B1893" s="6" t="s">
        <v>181</v>
      </c>
      <c r="C1893" s="6" t="s">
        <v>182</v>
      </c>
      <c r="D1893" s="6" t="s">
        <v>64</v>
      </c>
      <c r="E1893" s="6" t="s">
        <v>205</v>
      </c>
      <c r="F1893" s="11">
        <v>-117</v>
      </c>
      <c r="G1893" s="13">
        <v>-0.18541996830400001</v>
      </c>
      <c r="H1893" s="11">
        <v>-257.21085875799997</v>
      </c>
      <c r="I1893" s="13">
        <v>-0.40785938901488472</v>
      </c>
      <c r="J1893" s="11">
        <v>-126.86355521500002</v>
      </c>
      <c r="K1893" s="13">
        <v>-0.33972944944380973</v>
      </c>
      <c r="L1893" s="11">
        <v>267.06456858299998</v>
      </c>
      <c r="M1893" s="13">
        <v>1.0831551382144835</v>
      </c>
      <c r="N1893" s="11">
        <v>140.20101336799996</v>
      </c>
      <c r="O1893" s="13">
        <v>0.37544599000283368</v>
      </c>
      <c r="P1893" s="7">
        <v>630.63611059499999</v>
      </c>
      <c r="Q1893" s="7">
        <v>664.227634653</v>
      </c>
      <c r="R1893" s="7">
        <v>624.69449142799999</v>
      </c>
      <c r="S1893" s="7">
        <v>610.84842707600001</v>
      </c>
      <c r="T1893" s="7">
        <v>279.85454566499999</v>
      </c>
      <c r="U1893" s="7">
        <v>304.43784533500002</v>
      </c>
      <c r="V1893" s="7">
        <v>373.42525183700002</v>
      </c>
      <c r="W1893" s="7">
        <v>335.32349733299998</v>
      </c>
      <c r="X1893" s="7">
        <v>300.70392104500002</v>
      </c>
      <c r="Y1893" s="7">
        <v>246.561696622</v>
      </c>
      <c r="Z1893" s="7">
        <v>271.030931469</v>
      </c>
      <c r="AA1893" s="7">
        <v>284.350864215</v>
      </c>
      <c r="AB1893" s="7">
        <v>312.15234198600001</v>
      </c>
      <c r="AC1893" s="7">
        <v>296.42945898599999</v>
      </c>
      <c r="AD1893" s="7">
        <v>499.60032869399998</v>
      </c>
      <c r="AE1893" s="7">
        <v>484.974703928</v>
      </c>
      <c r="AF1893" s="7">
        <v>513.62626520499998</v>
      </c>
      <c r="AG1893" s="9">
        <v>17482.202672499996</v>
      </c>
      <c r="AH1893" s="13">
        <v>0.50247001596098995</v>
      </c>
      <c r="AI1893" s="9">
        <v>11434.0449964</v>
      </c>
      <c r="AJ1893" s="13">
        <v>0.3286350627245187</v>
      </c>
      <c r="AK1893" s="9">
        <v>5370.5572074000011</v>
      </c>
      <c r="AL1893" s="13">
        <v>0.11617900109808511</v>
      </c>
      <c r="AM1893" s="9">
        <v>677.60046869999496</v>
      </c>
      <c r="AN1893" s="13">
        <v>1.3132522119878736E-2</v>
      </c>
      <c r="AO1893" s="9">
        <v>6048.157676099996</v>
      </c>
      <c r="AP1893" s="13">
        <v>0.13083724651974987</v>
      </c>
      <c r="AQ1893" s="9">
        <v>34792.529140400002</v>
      </c>
      <c r="AR1893" s="9">
        <v>33266.089205999997</v>
      </c>
      <c r="AS1893" s="9">
        <v>34519.352204700001</v>
      </c>
      <c r="AT1893" s="9">
        <v>36465.964632800002</v>
      </c>
      <c r="AU1893" s="9">
        <v>36533.259654300004</v>
      </c>
      <c r="AV1893" s="9">
        <v>39969.9837529</v>
      </c>
      <c r="AW1893" s="9">
        <v>46226.574136800002</v>
      </c>
      <c r="AX1893" s="9">
        <v>44452.837163700002</v>
      </c>
      <c r="AY1893" s="9">
        <v>46025.531606700002</v>
      </c>
      <c r="AZ1893" s="9">
        <v>51597.131344200003</v>
      </c>
      <c r="BA1893" s="9">
        <v>52218.778994499997</v>
      </c>
      <c r="BB1893" s="9">
        <v>55055.715256900003</v>
      </c>
      <c r="BC1893" s="9">
        <v>60280.066214799997</v>
      </c>
      <c r="BD1893" s="9">
        <v>54812.527500700002</v>
      </c>
      <c r="BE1893" s="9">
        <v>52688.309532799998</v>
      </c>
      <c r="BF1893" s="9">
        <v>52274.731812899998</v>
      </c>
      <c r="BG1893" s="11">
        <v>-1</v>
      </c>
      <c r="BH1893" s="13">
        <v>-4.5454545454545456E-2</v>
      </c>
      <c r="BI1893" s="6">
        <v>-3</v>
      </c>
      <c r="BJ1893" s="13">
        <v>-0.13636363636363635</v>
      </c>
      <c r="BK1893" s="6">
        <v>2</v>
      </c>
      <c r="BL1893" s="13">
        <v>0.10526315789473684</v>
      </c>
      <c r="BM1893" s="11">
        <v>0</v>
      </c>
      <c r="BN1893" s="13">
        <v>0</v>
      </c>
      <c r="BO1893" s="11">
        <v>2</v>
      </c>
      <c r="BP1893" s="13">
        <v>0.10526315789473684</v>
      </c>
      <c r="BQ1893" s="6">
        <v>22</v>
      </c>
      <c r="BR1893" s="6">
        <v>18</v>
      </c>
      <c r="BS1893" s="6">
        <v>19</v>
      </c>
      <c r="BT1893" s="6">
        <v>19</v>
      </c>
      <c r="BU1893" s="6">
        <v>20</v>
      </c>
      <c r="BV1893" s="6">
        <v>21</v>
      </c>
      <c r="BW1893" s="6">
        <v>21</v>
      </c>
      <c r="BX1893" s="6">
        <v>19</v>
      </c>
      <c r="BY1893" s="6">
        <v>17</v>
      </c>
      <c r="BZ1893" s="6">
        <v>16</v>
      </c>
      <c r="CA1893" s="6">
        <v>17</v>
      </c>
      <c r="CB1893" s="6">
        <v>18</v>
      </c>
      <c r="CC1893" s="11">
        <v>21</v>
      </c>
      <c r="CD1893" s="11">
        <v>-225.69499999999999</v>
      </c>
      <c r="CE1893" s="11">
        <v>39.749200000000002</v>
      </c>
      <c r="CF1893" s="11">
        <v>68.936099999999996</v>
      </c>
      <c r="CG1893" s="11">
        <v>109</v>
      </c>
      <c r="CH1893" s="20">
        <v>3.4338600000000001</v>
      </c>
      <c r="CI1893" s="20">
        <v>3.66642</v>
      </c>
      <c r="CJ1893" s="20">
        <v>3.4735399999999998</v>
      </c>
      <c r="CK1893" s="20">
        <v>3.3541500000000002</v>
      </c>
      <c r="CL1893" s="20">
        <v>1.6367400000000001</v>
      </c>
      <c r="CM1893" s="20">
        <v>1.7343</v>
      </c>
      <c r="CN1893" s="20">
        <v>2.1376599999999999</v>
      </c>
      <c r="CO1893" s="20">
        <v>1.98339</v>
      </c>
      <c r="CP1893" s="20">
        <v>1.8313699999999999</v>
      </c>
      <c r="CQ1893" s="20">
        <v>1.54542</v>
      </c>
      <c r="CR1893" s="20">
        <v>1.6919599999999999</v>
      </c>
      <c r="CS1893" s="20">
        <v>1.762</v>
      </c>
      <c r="CT1893" s="20">
        <v>1.9134899999999999</v>
      </c>
      <c r="CU1893" s="20">
        <v>1.8048500000000001</v>
      </c>
      <c r="CV1893" s="20">
        <v>2.8148200000000001</v>
      </c>
      <c r="CW1893" s="20">
        <v>2.6964000000000001</v>
      </c>
      <c r="CX1893" s="20">
        <v>2.8053699999999999</v>
      </c>
      <c r="CY1893" s="6" t="s">
        <v>670</v>
      </c>
      <c r="CZ1893" s="6" t="s">
        <v>671</v>
      </c>
      <c r="DA1893" s="6" t="s">
        <v>64</v>
      </c>
      <c r="DB1893" s="6"/>
      <c r="DC1893" s="6">
        <v>28140</v>
      </c>
      <c r="DD1893" s="6">
        <v>312</v>
      </c>
      <c r="DE1893" s="6" t="s">
        <v>402</v>
      </c>
      <c r="DF1893" s="6" t="s">
        <v>375</v>
      </c>
      <c r="DG1893" s="6" t="s">
        <v>376</v>
      </c>
      <c r="DH1893" s="6" t="s">
        <v>328</v>
      </c>
      <c r="DI1893" s="6" t="s">
        <v>377</v>
      </c>
      <c r="DJ1893" s="6">
        <v>29</v>
      </c>
      <c r="DK1893" s="6">
        <v>177</v>
      </c>
      <c r="DL1893" s="6">
        <v>1</v>
      </c>
      <c r="DM1893" s="6" t="s">
        <v>404</v>
      </c>
      <c r="DN1893" s="6">
        <v>1</v>
      </c>
      <c r="DO1893" s="6" t="s">
        <v>405</v>
      </c>
      <c r="DP1893" s="6"/>
      <c r="DQ1893" s="6"/>
    </row>
    <row r="1894" spans="1:121" x14ac:dyDescent="0.2">
      <c r="A1894" s="6" t="s">
        <v>314</v>
      </c>
      <c r="B1894" s="6" t="s">
        <v>314</v>
      </c>
      <c r="C1894" s="6" t="s">
        <v>183</v>
      </c>
      <c r="D1894" s="6" t="s">
        <v>64</v>
      </c>
      <c r="E1894" s="6" t="s">
        <v>205</v>
      </c>
      <c r="F1894" s="11">
        <v>-35</v>
      </c>
      <c r="G1894" s="13">
        <v>-0.67307692307699996</v>
      </c>
      <c r="H1894" s="11">
        <v>-15.589433585599998</v>
      </c>
      <c r="I1894" s="13">
        <v>-0.30001737018581159</v>
      </c>
      <c r="J1894" s="11">
        <v>-5.5228863476000036</v>
      </c>
      <c r="K1894" s="13">
        <v>-0.15184304589829603</v>
      </c>
      <c r="L1894" s="11">
        <v>-13.410335416300001</v>
      </c>
      <c r="M1894" s="13">
        <v>-0.43470257613221203</v>
      </c>
      <c r="N1894" s="11">
        <v>-18.933221763900004</v>
      </c>
      <c r="O1894" s="13">
        <v>-0.52053905881075713</v>
      </c>
      <c r="P1894" s="7">
        <v>51.961770000000001</v>
      </c>
      <c r="Q1894" s="7">
        <v>37.307145087599999</v>
      </c>
      <c r="R1894" s="7">
        <v>64.344807045099998</v>
      </c>
      <c r="S1894" s="7">
        <v>63.923034456800004</v>
      </c>
      <c r="T1894" s="7">
        <v>40.902200492299997</v>
      </c>
      <c r="U1894" s="7">
        <v>36.159536414100003</v>
      </c>
      <c r="V1894" s="7">
        <v>36.372336414400003</v>
      </c>
      <c r="W1894" s="7">
        <v>33.427565778400002</v>
      </c>
      <c r="X1894" s="7">
        <v>30.396545954099999</v>
      </c>
      <c r="Y1894" s="7">
        <v>30.849450066799999</v>
      </c>
      <c r="Z1894" s="7">
        <v>29.040042405499999</v>
      </c>
      <c r="AA1894" s="7">
        <v>26.941823915400001</v>
      </c>
      <c r="AB1894" s="7">
        <v>19.3202182962</v>
      </c>
      <c r="AC1894" s="7">
        <v>18.788255175500002</v>
      </c>
      <c r="AD1894" s="7">
        <v>18.675037013899999</v>
      </c>
      <c r="AE1894" s="7">
        <v>18.160382581299999</v>
      </c>
      <c r="AF1894" s="7">
        <v>17.439114650499999</v>
      </c>
      <c r="AG1894" s="9">
        <v>5435.5559228999991</v>
      </c>
      <c r="AH1894" s="13">
        <v>0.1889863826405116</v>
      </c>
      <c r="AI1894" s="9">
        <v>3699.3180090999995</v>
      </c>
      <c r="AJ1894" s="13">
        <v>0.12861991279149795</v>
      </c>
      <c r="AK1894" s="9">
        <v>416.20909970000139</v>
      </c>
      <c r="AL1894" s="13">
        <v>1.2821841580333143E-2</v>
      </c>
      <c r="AM1894" s="9">
        <v>1320.0288140999983</v>
      </c>
      <c r="AN1894" s="13">
        <v>4.0150336410084003E-2</v>
      </c>
      <c r="AO1894" s="9">
        <v>1736.2379137999997</v>
      </c>
      <c r="AP1894" s="13">
        <v>5.3486979243264322E-2</v>
      </c>
      <c r="AQ1894" s="9">
        <v>28761.627409100001</v>
      </c>
      <c r="AR1894" s="9">
        <v>24033.7622476</v>
      </c>
      <c r="AS1894" s="9">
        <v>29636.389476200002</v>
      </c>
      <c r="AT1894" s="9">
        <v>33494.9816077</v>
      </c>
      <c r="AU1894" s="9">
        <v>35806.933871000001</v>
      </c>
      <c r="AV1894" s="9">
        <v>30855.073851000001</v>
      </c>
      <c r="AW1894" s="9">
        <v>32460.945418200001</v>
      </c>
      <c r="AX1894" s="9">
        <v>33655.617360199998</v>
      </c>
      <c r="AY1894" s="9">
        <v>31673.260277500001</v>
      </c>
      <c r="AZ1894" s="9">
        <v>32877.154517900002</v>
      </c>
      <c r="BA1894" s="9">
        <v>34793.218310199998</v>
      </c>
      <c r="BB1894" s="9">
        <v>37095.945700900003</v>
      </c>
      <c r="BC1894" s="9">
        <v>38723.6865578</v>
      </c>
      <c r="BD1894" s="9">
        <v>37493.057285499999</v>
      </c>
      <c r="BE1894" s="9">
        <v>29754.021271199999</v>
      </c>
      <c r="BF1894" s="9">
        <v>34197.183332000001</v>
      </c>
      <c r="BG1894" s="11">
        <v>-6.25</v>
      </c>
      <c r="BH1894" s="13">
        <v>-0.625</v>
      </c>
      <c r="BI1894" s="6">
        <v>-2</v>
      </c>
      <c r="BJ1894" s="13">
        <v>-0.2</v>
      </c>
      <c r="BK1894" s="6">
        <v>-1</v>
      </c>
      <c r="BL1894" s="13">
        <v>-0.125</v>
      </c>
      <c r="BM1894" s="11">
        <v>-3.25</v>
      </c>
      <c r="BN1894" s="13">
        <v>-0.4642857142857143</v>
      </c>
      <c r="BO1894" s="11">
        <v>-4.25</v>
      </c>
      <c r="BP1894" s="13">
        <v>-0.53125</v>
      </c>
      <c r="BQ1894" s="6">
        <v>10</v>
      </c>
      <c r="BR1894" s="6">
        <v>9</v>
      </c>
      <c r="BS1894" s="6">
        <v>8</v>
      </c>
      <c r="BT1894" s="6">
        <v>8</v>
      </c>
      <c r="BU1894" s="6">
        <v>8</v>
      </c>
      <c r="BV1894" s="6">
        <v>8</v>
      </c>
      <c r="BW1894" s="6">
        <v>7</v>
      </c>
      <c r="BX1894" s="6">
        <v>7</v>
      </c>
      <c r="BY1894" s="6">
        <v>8</v>
      </c>
      <c r="BZ1894" s="6">
        <v>6</v>
      </c>
      <c r="CA1894" s="6">
        <v>6</v>
      </c>
      <c r="CB1894" s="6">
        <v>4</v>
      </c>
      <c r="CC1894" s="11">
        <v>3.75</v>
      </c>
      <c r="CD1894" s="11">
        <v>-24.287299999999998</v>
      </c>
      <c r="CE1894" s="11">
        <v>-15.9154</v>
      </c>
      <c r="CF1894" s="11">
        <v>5.6800499999999996</v>
      </c>
      <c r="CG1894" s="11">
        <v>-10</v>
      </c>
      <c r="CH1894" s="20">
        <v>0.35929299999999997</v>
      </c>
      <c r="CI1894" s="20">
        <v>0.26888000000000001</v>
      </c>
      <c r="CJ1894" s="20">
        <v>0.48778700000000003</v>
      </c>
      <c r="CK1894" s="20">
        <v>0.49878299999999998</v>
      </c>
      <c r="CL1894" s="20">
        <v>0.35282599999999997</v>
      </c>
      <c r="CM1894" s="20">
        <v>0.31287399999999999</v>
      </c>
      <c r="CN1894" s="20">
        <v>0.32348900000000003</v>
      </c>
      <c r="CO1894" s="20">
        <v>0.30985699999999999</v>
      </c>
      <c r="CP1894" s="20">
        <v>0.28874300000000003</v>
      </c>
      <c r="CQ1894" s="20">
        <v>0.30935099999999999</v>
      </c>
      <c r="CR1894" s="20">
        <v>0.30083199999999999</v>
      </c>
      <c r="CS1894" s="20">
        <v>0.28262999999999999</v>
      </c>
      <c r="CT1894" s="20">
        <v>0.20257900000000001</v>
      </c>
      <c r="CU1894" s="20">
        <v>0.199873</v>
      </c>
      <c r="CV1894" s="20">
        <v>0.190552</v>
      </c>
      <c r="CW1894" s="20">
        <v>0.18485199999999999</v>
      </c>
      <c r="CX1894" s="20">
        <v>0.17658499999999999</v>
      </c>
      <c r="CY1894" s="6" t="s">
        <v>670</v>
      </c>
      <c r="CZ1894" s="6" t="s">
        <v>671</v>
      </c>
      <c r="DA1894" s="6" t="s">
        <v>64</v>
      </c>
      <c r="DB1894" s="6"/>
      <c r="DC1894" s="6">
        <v>28140</v>
      </c>
      <c r="DD1894" s="6">
        <v>312</v>
      </c>
      <c r="DE1894" s="6" t="s">
        <v>402</v>
      </c>
      <c r="DF1894" s="6" t="s">
        <v>375</v>
      </c>
      <c r="DG1894" s="6" t="s">
        <v>376</v>
      </c>
      <c r="DH1894" s="6" t="s">
        <v>328</v>
      </c>
      <c r="DI1894" s="6" t="s">
        <v>377</v>
      </c>
      <c r="DJ1894" s="6">
        <v>29</v>
      </c>
      <c r="DK1894" s="6">
        <v>177</v>
      </c>
      <c r="DL1894" s="6">
        <v>1</v>
      </c>
      <c r="DM1894" s="6" t="s">
        <v>404</v>
      </c>
      <c r="DN1894" s="6">
        <v>1</v>
      </c>
      <c r="DO1894" s="6" t="s">
        <v>405</v>
      </c>
      <c r="DP1894" s="6"/>
      <c r="DQ1894" s="6"/>
    </row>
    <row r="1895" spans="1:121" x14ac:dyDescent="0.2">
      <c r="A1895" s="6" t="s">
        <v>315</v>
      </c>
      <c r="B1895" s="6" t="s">
        <v>315</v>
      </c>
      <c r="C1895" s="6" t="s">
        <v>184</v>
      </c>
      <c r="D1895" s="6" t="s">
        <v>64</v>
      </c>
      <c r="E1895" s="6" t="s">
        <v>205</v>
      </c>
      <c r="F1895" s="11">
        <v>-17</v>
      </c>
      <c r="G1895" s="13">
        <v>-0.11</v>
      </c>
      <c r="H1895" s="11">
        <v>43</v>
      </c>
      <c r="I1895" s="13">
        <v>0.28289473684210525</v>
      </c>
      <c r="J1895" s="11">
        <v>-34</v>
      </c>
      <c r="K1895" s="13">
        <v>-0.17435897435897435</v>
      </c>
      <c r="L1895" s="11">
        <v>-26</v>
      </c>
      <c r="M1895" s="13">
        <v>-0.16149068322981366</v>
      </c>
      <c r="N1895" s="11">
        <v>-60</v>
      </c>
      <c r="O1895" s="13">
        <v>-0.30769230769230771</v>
      </c>
      <c r="P1895" s="7">
        <v>152</v>
      </c>
      <c r="Q1895" s="7">
        <v>168</v>
      </c>
      <c r="R1895" s="7">
        <v>173</v>
      </c>
      <c r="S1895" s="7">
        <v>166</v>
      </c>
      <c r="T1895" s="7">
        <v>176</v>
      </c>
      <c r="U1895" s="7">
        <v>189</v>
      </c>
      <c r="V1895" s="7">
        <v>195</v>
      </c>
      <c r="W1895" s="7">
        <v>182</v>
      </c>
      <c r="X1895" s="7">
        <v>168</v>
      </c>
      <c r="Y1895" s="7">
        <v>161</v>
      </c>
      <c r="Z1895" s="7">
        <v>137</v>
      </c>
      <c r="AA1895" s="7">
        <v>150</v>
      </c>
      <c r="AB1895" s="7">
        <v>141</v>
      </c>
      <c r="AC1895" s="7">
        <v>150</v>
      </c>
      <c r="AD1895" s="7">
        <v>147</v>
      </c>
      <c r="AE1895" s="7">
        <v>138</v>
      </c>
      <c r="AF1895" s="7">
        <v>135</v>
      </c>
      <c r="AG1895" s="9">
        <v>4339</v>
      </c>
      <c r="AH1895" s="13">
        <v>9.4603728333151643E-2</v>
      </c>
      <c r="AI1895" s="9">
        <v>-5304</v>
      </c>
      <c r="AJ1895" s="13">
        <v>-0.11564373705439876</v>
      </c>
      <c r="AK1895" s="9">
        <v>2831</v>
      </c>
      <c r="AL1895" s="13">
        <v>6.979610956337369E-2</v>
      </c>
      <c r="AM1895" s="9">
        <v>6812</v>
      </c>
      <c r="AN1895" s="13">
        <v>0.15698746312684367</v>
      </c>
      <c r="AO1895" s="9">
        <v>9643</v>
      </c>
      <c r="AP1895" s="13">
        <v>0.23774068686669461</v>
      </c>
      <c r="AQ1895" s="9">
        <v>45865</v>
      </c>
      <c r="AR1895" s="9">
        <v>35142</v>
      </c>
      <c r="AS1895" s="9">
        <v>34418</v>
      </c>
      <c r="AT1895" s="9">
        <v>40393</v>
      </c>
      <c r="AU1895" s="9">
        <v>40610</v>
      </c>
      <c r="AV1895" s="9">
        <v>40123</v>
      </c>
      <c r="AW1895" s="9">
        <v>40561</v>
      </c>
      <c r="AX1895" s="9">
        <v>42142</v>
      </c>
      <c r="AY1895" s="9">
        <v>42621</v>
      </c>
      <c r="AZ1895" s="9">
        <v>43392</v>
      </c>
      <c r="BA1895" s="9">
        <v>48316</v>
      </c>
      <c r="BB1895" s="9">
        <v>49454</v>
      </c>
      <c r="BC1895" s="9">
        <v>48997</v>
      </c>
      <c r="BD1895" s="9">
        <v>49285</v>
      </c>
      <c r="BE1895" s="9">
        <v>49003</v>
      </c>
      <c r="BF1895" s="9">
        <v>50204</v>
      </c>
      <c r="BG1895" s="11">
        <v>3</v>
      </c>
      <c r="BH1895" s="13">
        <v>0.13636363636363635</v>
      </c>
      <c r="BI1895" s="6">
        <v>5</v>
      </c>
      <c r="BJ1895" s="13">
        <v>0.22727272727272727</v>
      </c>
      <c r="BK1895" s="6">
        <v>1</v>
      </c>
      <c r="BL1895" s="13">
        <v>3.7037037037037035E-2</v>
      </c>
      <c r="BM1895" s="11">
        <v>-3</v>
      </c>
      <c r="BN1895" s="13">
        <v>-0.10714285714285714</v>
      </c>
      <c r="BO1895" s="11">
        <v>-2</v>
      </c>
      <c r="BP1895" s="13">
        <v>-7.407407407407407E-2</v>
      </c>
      <c r="BQ1895" s="6">
        <v>22</v>
      </c>
      <c r="BR1895" s="6">
        <v>25</v>
      </c>
      <c r="BS1895" s="6">
        <v>27</v>
      </c>
      <c r="BT1895" s="6">
        <v>27</v>
      </c>
      <c r="BU1895" s="6">
        <v>27</v>
      </c>
      <c r="BV1895" s="6">
        <v>26</v>
      </c>
      <c r="BW1895" s="6">
        <v>28</v>
      </c>
      <c r="BX1895" s="6">
        <v>28</v>
      </c>
      <c r="BY1895" s="6">
        <v>26</v>
      </c>
      <c r="BZ1895" s="6">
        <v>26</v>
      </c>
      <c r="CA1895" s="6">
        <v>26</v>
      </c>
      <c r="CB1895" s="6">
        <v>26</v>
      </c>
      <c r="CC1895" s="11">
        <v>25</v>
      </c>
      <c r="CD1895" s="11">
        <v>-22</v>
      </c>
      <c r="CE1895" s="11">
        <v>-12</v>
      </c>
      <c r="CF1895" s="11">
        <v>17</v>
      </c>
      <c r="CG1895" s="11">
        <v>5</v>
      </c>
      <c r="CH1895" s="20">
        <v>0.65</v>
      </c>
      <c r="CI1895" s="20">
        <v>0.7</v>
      </c>
      <c r="CJ1895" s="20">
        <v>0.71</v>
      </c>
      <c r="CK1895" s="20">
        <v>0.68</v>
      </c>
      <c r="CL1895" s="20">
        <v>0.78</v>
      </c>
      <c r="CM1895" s="20">
        <v>0.82</v>
      </c>
      <c r="CN1895" s="20">
        <v>0.87</v>
      </c>
      <c r="CO1895" s="20">
        <v>0.85</v>
      </c>
      <c r="CP1895" s="20">
        <v>0.79</v>
      </c>
      <c r="CQ1895" s="20">
        <v>0.79</v>
      </c>
      <c r="CR1895" s="20">
        <v>0.68</v>
      </c>
      <c r="CS1895" s="20">
        <v>0.75</v>
      </c>
      <c r="CT1895" s="20">
        <v>0.71</v>
      </c>
      <c r="CU1895" s="20">
        <v>0.77</v>
      </c>
      <c r="CV1895" s="20">
        <v>0.72</v>
      </c>
      <c r="CW1895" s="20">
        <v>0.67</v>
      </c>
      <c r="CX1895" s="20">
        <v>0.65</v>
      </c>
      <c r="CY1895" s="6" t="s">
        <v>670</v>
      </c>
      <c r="CZ1895" s="6" t="s">
        <v>671</v>
      </c>
      <c r="DA1895" s="6" t="s">
        <v>64</v>
      </c>
      <c r="DB1895" s="6"/>
      <c r="DC1895" s="6">
        <v>28140</v>
      </c>
      <c r="DD1895" s="6">
        <v>312</v>
      </c>
      <c r="DE1895" s="6" t="s">
        <v>402</v>
      </c>
      <c r="DF1895" s="6" t="s">
        <v>375</v>
      </c>
      <c r="DG1895" s="6" t="s">
        <v>376</v>
      </c>
      <c r="DH1895" s="6" t="s">
        <v>328</v>
      </c>
      <c r="DI1895" s="6" t="s">
        <v>377</v>
      </c>
      <c r="DJ1895" s="6">
        <v>29</v>
      </c>
      <c r="DK1895" s="6">
        <v>177</v>
      </c>
      <c r="DL1895" s="6">
        <v>1</v>
      </c>
      <c r="DM1895" s="6" t="s">
        <v>404</v>
      </c>
      <c r="DN1895" s="6">
        <v>1</v>
      </c>
      <c r="DO1895" s="6" t="s">
        <v>405</v>
      </c>
      <c r="DP1895" s="6"/>
      <c r="DQ1895" s="6"/>
    </row>
    <row r="1896" spans="1:121" x14ac:dyDescent="0.2">
      <c r="A1896" s="6" t="s">
        <v>316</v>
      </c>
      <c r="B1896" s="6" t="s">
        <v>316</v>
      </c>
      <c r="C1896" s="6" t="s">
        <v>185</v>
      </c>
      <c r="D1896" s="6" t="s">
        <v>64</v>
      </c>
      <c r="E1896" s="6" t="s">
        <v>205</v>
      </c>
      <c r="F1896" s="11">
        <v>-28</v>
      </c>
      <c r="G1896" s="13">
        <v>-0.54</v>
      </c>
      <c r="H1896" s="11">
        <v>-7</v>
      </c>
      <c r="I1896" s="13">
        <v>-0.13461538461538461</v>
      </c>
      <c r="J1896" s="11">
        <v>-10</v>
      </c>
      <c r="K1896" s="13">
        <v>-0.22222222222222221</v>
      </c>
      <c r="L1896" s="11">
        <v>-11</v>
      </c>
      <c r="M1896" s="13">
        <v>-0.31428571428571428</v>
      </c>
      <c r="N1896" s="11">
        <v>-21</v>
      </c>
      <c r="O1896" s="13">
        <v>-0.46666666666666662</v>
      </c>
      <c r="P1896" s="7">
        <v>52</v>
      </c>
      <c r="Q1896" s="7">
        <v>34</v>
      </c>
      <c r="R1896" s="7">
        <v>35</v>
      </c>
      <c r="S1896" s="7">
        <v>44</v>
      </c>
      <c r="T1896" s="7">
        <v>46</v>
      </c>
      <c r="U1896" s="7">
        <v>46</v>
      </c>
      <c r="V1896" s="7">
        <v>45</v>
      </c>
      <c r="W1896" s="7">
        <v>39</v>
      </c>
      <c r="X1896" s="7">
        <v>39</v>
      </c>
      <c r="Y1896" s="7">
        <v>35</v>
      </c>
      <c r="Z1896" s="7">
        <v>25</v>
      </c>
      <c r="AA1896" s="7">
        <v>27</v>
      </c>
      <c r="AB1896" s="7">
        <v>20</v>
      </c>
      <c r="AC1896" s="7">
        <v>24</v>
      </c>
      <c r="AD1896" s="7">
        <v>25</v>
      </c>
      <c r="AE1896" s="7">
        <v>24</v>
      </c>
      <c r="AF1896" s="7">
        <v>24</v>
      </c>
      <c r="AG1896" s="9">
        <v>11675</v>
      </c>
      <c r="AH1896" s="13">
        <v>0.65630445781100677</v>
      </c>
      <c r="AI1896" s="9">
        <v>4615</v>
      </c>
      <c r="AJ1896" s="13">
        <v>0.25942998482208107</v>
      </c>
      <c r="AK1896" s="9">
        <v>-263</v>
      </c>
      <c r="AL1896" s="13">
        <v>-1.1738975183003037E-2</v>
      </c>
      <c r="AM1896" s="9">
        <v>7323</v>
      </c>
      <c r="AN1896" s="13">
        <v>0.33074386884061246</v>
      </c>
      <c r="AO1896" s="9">
        <v>7060</v>
      </c>
      <c r="AP1896" s="13">
        <v>0.31512229958935906</v>
      </c>
      <c r="AQ1896" s="9">
        <v>17789</v>
      </c>
      <c r="AR1896" s="9">
        <v>19730</v>
      </c>
      <c r="AS1896" s="9">
        <v>19282</v>
      </c>
      <c r="AT1896" s="9">
        <v>20297</v>
      </c>
      <c r="AU1896" s="9">
        <v>20582</v>
      </c>
      <c r="AV1896" s="9">
        <v>21705</v>
      </c>
      <c r="AW1896" s="9">
        <v>22404</v>
      </c>
      <c r="AX1896" s="9">
        <v>22757</v>
      </c>
      <c r="AY1896" s="9">
        <v>22099</v>
      </c>
      <c r="AZ1896" s="9">
        <v>22141</v>
      </c>
      <c r="BA1896" s="9">
        <v>23079</v>
      </c>
      <c r="BB1896" s="9">
        <v>24791</v>
      </c>
      <c r="BC1896" s="9">
        <v>27486</v>
      </c>
      <c r="BD1896" s="9">
        <v>28378</v>
      </c>
      <c r="BE1896" s="9">
        <v>28749</v>
      </c>
      <c r="BF1896" s="9">
        <v>29464</v>
      </c>
      <c r="BG1896" s="11">
        <v>-4</v>
      </c>
      <c r="BH1896" s="13">
        <v>-0.33333333333333331</v>
      </c>
      <c r="BI1896" s="6">
        <v>-4</v>
      </c>
      <c r="BJ1896" s="13">
        <v>-0.33333333333333331</v>
      </c>
      <c r="BK1896" s="6">
        <v>0</v>
      </c>
      <c r="BL1896" s="13">
        <v>0</v>
      </c>
      <c r="BM1896" s="11">
        <v>0</v>
      </c>
      <c r="BN1896" s="13">
        <v>0</v>
      </c>
      <c r="BO1896" s="11">
        <v>0</v>
      </c>
      <c r="BP1896" s="13">
        <v>0</v>
      </c>
      <c r="BQ1896" s="6">
        <v>12</v>
      </c>
      <c r="BR1896" s="6">
        <v>12</v>
      </c>
      <c r="BS1896" s="6">
        <v>10</v>
      </c>
      <c r="BT1896" s="6">
        <v>8</v>
      </c>
      <c r="BU1896" s="6">
        <v>9</v>
      </c>
      <c r="BV1896" s="6">
        <v>9</v>
      </c>
      <c r="BW1896" s="6">
        <v>8</v>
      </c>
      <c r="BX1896" s="6">
        <v>6</v>
      </c>
      <c r="BY1896" s="6">
        <v>6</v>
      </c>
      <c r="BZ1896" s="6">
        <v>6</v>
      </c>
      <c r="CA1896" s="6">
        <v>7</v>
      </c>
      <c r="CB1896" s="6">
        <v>8</v>
      </c>
      <c r="CC1896" s="11">
        <v>8</v>
      </c>
      <c r="CD1896" s="11">
        <v>-31</v>
      </c>
      <c r="CE1896" s="11">
        <v>-3</v>
      </c>
      <c r="CF1896" s="11">
        <v>6</v>
      </c>
      <c r="CG1896" s="11">
        <v>3</v>
      </c>
      <c r="CH1896" s="20">
        <v>0.54</v>
      </c>
      <c r="CI1896" s="20">
        <v>0.34</v>
      </c>
      <c r="CJ1896" s="20">
        <v>0.35</v>
      </c>
      <c r="CK1896" s="20">
        <v>0.43</v>
      </c>
      <c r="CL1896" s="20">
        <v>0.47</v>
      </c>
      <c r="CM1896" s="20">
        <v>0.46</v>
      </c>
      <c r="CN1896" s="20">
        <v>0.47</v>
      </c>
      <c r="CO1896" s="20">
        <v>0.43</v>
      </c>
      <c r="CP1896" s="20">
        <v>0.44</v>
      </c>
      <c r="CQ1896" s="20">
        <v>0.41</v>
      </c>
      <c r="CR1896" s="20">
        <v>0.3</v>
      </c>
      <c r="CS1896" s="20">
        <v>0.33</v>
      </c>
      <c r="CT1896" s="20">
        <v>0.25</v>
      </c>
      <c r="CU1896" s="20">
        <v>0.28999999999999998</v>
      </c>
      <c r="CV1896" s="20">
        <v>0.28999999999999998</v>
      </c>
      <c r="CW1896" s="20">
        <v>0.28000000000000003</v>
      </c>
      <c r="CX1896" s="20">
        <v>0.28000000000000003</v>
      </c>
      <c r="CY1896" s="6" t="s">
        <v>670</v>
      </c>
      <c r="CZ1896" s="6" t="s">
        <v>671</v>
      </c>
      <c r="DA1896" s="6" t="s">
        <v>64</v>
      </c>
      <c r="DB1896" s="6"/>
      <c r="DC1896" s="6">
        <v>28140</v>
      </c>
      <c r="DD1896" s="6">
        <v>312</v>
      </c>
      <c r="DE1896" s="6" t="s">
        <v>402</v>
      </c>
      <c r="DF1896" s="6" t="s">
        <v>375</v>
      </c>
      <c r="DG1896" s="6" t="s">
        <v>376</v>
      </c>
      <c r="DH1896" s="6" t="s">
        <v>328</v>
      </c>
      <c r="DI1896" s="6" t="s">
        <v>377</v>
      </c>
      <c r="DJ1896" s="6">
        <v>29</v>
      </c>
      <c r="DK1896" s="6">
        <v>177</v>
      </c>
      <c r="DL1896" s="6">
        <v>1</v>
      </c>
      <c r="DM1896" s="6" t="s">
        <v>404</v>
      </c>
      <c r="DN1896" s="6">
        <v>1</v>
      </c>
      <c r="DO1896" s="6" t="s">
        <v>405</v>
      </c>
      <c r="DP1896" s="6"/>
      <c r="DQ1896" s="6"/>
    </row>
    <row r="1897" spans="1:121" x14ac:dyDescent="0.2">
      <c r="A1897" s="6" t="s">
        <v>317</v>
      </c>
      <c r="B1897" s="6" t="s">
        <v>317</v>
      </c>
      <c r="C1897" s="6" t="s">
        <v>186</v>
      </c>
      <c r="D1897" s="6" t="s">
        <v>64</v>
      </c>
      <c r="E1897" s="6" t="s">
        <v>205</v>
      </c>
      <c r="F1897" s="11">
        <v>44</v>
      </c>
      <c r="G1897" s="13">
        <v>0.6</v>
      </c>
      <c r="H1897" s="11">
        <v>31</v>
      </c>
      <c r="I1897" s="13">
        <v>0.42465753424657537</v>
      </c>
      <c r="J1897" s="11">
        <v>3</v>
      </c>
      <c r="K1897" s="13">
        <v>2.8846153846153848E-2</v>
      </c>
      <c r="L1897" s="11">
        <v>10</v>
      </c>
      <c r="M1897" s="13">
        <v>9.3457943925233641E-2</v>
      </c>
      <c r="N1897" s="11">
        <v>13</v>
      </c>
      <c r="O1897" s="13">
        <v>0.125</v>
      </c>
      <c r="P1897" s="7">
        <v>73</v>
      </c>
      <c r="Q1897" s="7">
        <v>77</v>
      </c>
      <c r="R1897" s="7">
        <v>83</v>
      </c>
      <c r="S1897" s="7">
        <v>87</v>
      </c>
      <c r="T1897" s="7">
        <v>91</v>
      </c>
      <c r="U1897" s="7">
        <v>106</v>
      </c>
      <c r="V1897" s="7">
        <v>104</v>
      </c>
      <c r="W1897" s="7">
        <v>106</v>
      </c>
      <c r="X1897" s="7">
        <v>104</v>
      </c>
      <c r="Y1897" s="7">
        <v>107</v>
      </c>
      <c r="Z1897" s="7">
        <v>123</v>
      </c>
      <c r="AA1897" s="7">
        <v>124</v>
      </c>
      <c r="AB1897" s="7">
        <v>129</v>
      </c>
      <c r="AC1897" s="7">
        <v>111</v>
      </c>
      <c r="AD1897" s="7">
        <v>110</v>
      </c>
      <c r="AE1897" s="7">
        <v>115</v>
      </c>
      <c r="AF1897" s="7">
        <v>117</v>
      </c>
      <c r="AG1897" s="9">
        <v>16209</v>
      </c>
      <c r="AH1897" s="13">
        <v>0.55912383580545011</v>
      </c>
      <c r="AI1897" s="9">
        <v>4499</v>
      </c>
      <c r="AJ1897" s="13">
        <v>0.15519144532597448</v>
      </c>
      <c r="AK1897" s="9">
        <v>4851</v>
      </c>
      <c r="AL1897" s="13">
        <v>0.14485353399623757</v>
      </c>
      <c r="AM1897" s="9">
        <v>6859</v>
      </c>
      <c r="AN1897" s="13">
        <v>0.17889932185706833</v>
      </c>
      <c r="AO1897" s="9">
        <v>11710</v>
      </c>
      <c r="AP1897" s="13">
        <v>0.34966705485383259</v>
      </c>
      <c r="AQ1897" s="9">
        <v>28990</v>
      </c>
      <c r="AR1897" s="9">
        <v>30816</v>
      </c>
      <c r="AS1897" s="9">
        <v>30123</v>
      </c>
      <c r="AT1897" s="9">
        <v>34275</v>
      </c>
      <c r="AU1897" s="9">
        <v>32159</v>
      </c>
      <c r="AV1897" s="9">
        <v>32905</v>
      </c>
      <c r="AW1897" s="9">
        <v>33489</v>
      </c>
      <c r="AX1897" s="9">
        <v>35537</v>
      </c>
      <c r="AY1897" s="9">
        <v>38827</v>
      </c>
      <c r="AZ1897" s="9">
        <v>38340</v>
      </c>
      <c r="BA1897" s="9">
        <v>39832</v>
      </c>
      <c r="BB1897" s="9">
        <v>44832</v>
      </c>
      <c r="BC1897" s="9">
        <v>46446</v>
      </c>
      <c r="BD1897" s="9">
        <v>44448</v>
      </c>
      <c r="BE1897" s="9">
        <v>46098</v>
      </c>
      <c r="BF1897" s="9">
        <v>45199</v>
      </c>
      <c r="BG1897" s="11">
        <v>1</v>
      </c>
      <c r="BH1897" s="13">
        <v>4.7619047619047616E-2</v>
      </c>
      <c r="BI1897" s="6">
        <v>3</v>
      </c>
      <c r="BJ1897" s="13">
        <v>0.14285714285714285</v>
      </c>
      <c r="BK1897" s="6">
        <v>2</v>
      </c>
      <c r="BL1897" s="13">
        <v>8.3333333333333329E-2</v>
      </c>
      <c r="BM1897" s="11">
        <v>-4</v>
      </c>
      <c r="BN1897" s="13">
        <v>-0.15384615384615385</v>
      </c>
      <c r="BO1897" s="11">
        <v>-2</v>
      </c>
      <c r="BP1897" s="13">
        <v>-8.3333333333333329E-2</v>
      </c>
      <c r="BQ1897" s="6">
        <v>21</v>
      </c>
      <c r="BR1897" s="6">
        <v>25</v>
      </c>
      <c r="BS1897" s="6">
        <v>24</v>
      </c>
      <c r="BT1897" s="6">
        <v>24</v>
      </c>
      <c r="BU1897" s="6">
        <v>25</v>
      </c>
      <c r="BV1897" s="6">
        <v>25</v>
      </c>
      <c r="BW1897" s="6">
        <v>26</v>
      </c>
      <c r="BX1897" s="6">
        <v>24</v>
      </c>
      <c r="BY1897" s="6">
        <v>25</v>
      </c>
      <c r="BZ1897" s="6">
        <v>26</v>
      </c>
      <c r="CA1897" s="6">
        <v>24</v>
      </c>
      <c r="CB1897" s="6">
        <v>25</v>
      </c>
      <c r="CC1897" s="11">
        <v>22</v>
      </c>
      <c r="CD1897" s="11">
        <v>22</v>
      </c>
      <c r="CE1897" s="11">
        <v>15</v>
      </c>
      <c r="CF1897" s="11">
        <v>8</v>
      </c>
      <c r="CG1897" s="11">
        <v>23</v>
      </c>
      <c r="CH1897" s="20">
        <v>0.24</v>
      </c>
      <c r="CI1897" s="20">
        <v>0.25</v>
      </c>
      <c r="CJ1897" s="20">
        <v>0.27</v>
      </c>
      <c r="CK1897" s="20">
        <v>0.28000000000000003</v>
      </c>
      <c r="CL1897" s="20">
        <v>0.3</v>
      </c>
      <c r="CM1897" s="20">
        <v>0.34</v>
      </c>
      <c r="CN1897" s="20">
        <v>0.33</v>
      </c>
      <c r="CO1897" s="20">
        <v>0.34</v>
      </c>
      <c r="CP1897" s="20">
        <v>0.33</v>
      </c>
      <c r="CQ1897" s="20">
        <v>0.35</v>
      </c>
      <c r="CR1897" s="20">
        <v>0.4</v>
      </c>
      <c r="CS1897" s="20">
        <v>0.4</v>
      </c>
      <c r="CT1897" s="20">
        <v>0.41</v>
      </c>
      <c r="CU1897" s="20">
        <v>0.36</v>
      </c>
      <c r="CV1897" s="20">
        <v>0.33</v>
      </c>
      <c r="CW1897" s="20">
        <v>0.34</v>
      </c>
      <c r="CX1897" s="20">
        <v>0.34</v>
      </c>
      <c r="CY1897" s="6" t="s">
        <v>670</v>
      </c>
      <c r="CZ1897" s="6" t="s">
        <v>671</v>
      </c>
      <c r="DA1897" s="6" t="s">
        <v>64</v>
      </c>
      <c r="DB1897" s="6"/>
      <c r="DC1897" s="6">
        <v>28140</v>
      </c>
      <c r="DD1897" s="6">
        <v>312</v>
      </c>
      <c r="DE1897" s="6" t="s">
        <v>402</v>
      </c>
      <c r="DF1897" s="6" t="s">
        <v>375</v>
      </c>
      <c r="DG1897" s="6" t="s">
        <v>376</v>
      </c>
      <c r="DH1897" s="6" t="s">
        <v>328</v>
      </c>
      <c r="DI1897" s="6" t="s">
        <v>377</v>
      </c>
      <c r="DJ1897" s="6">
        <v>29</v>
      </c>
      <c r="DK1897" s="6">
        <v>177</v>
      </c>
      <c r="DL1897" s="6">
        <v>1</v>
      </c>
      <c r="DM1897" s="6" t="s">
        <v>404</v>
      </c>
      <c r="DN1897" s="6">
        <v>1</v>
      </c>
      <c r="DO1897" s="6" t="s">
        <v>405</v>
      </c>
      <c r="DP1897" s="6"/>
      <c r="DQ1897" s="6"/>
    </row>
    <row r="1898" spans="1:121" x14ac:dyDescent="0.2">
      <c r="A1898" s="6" t="s">
        <v>318</v>
      </c>
      <c r="B1898" s="6" t="s">
        <v>318</v>
      </c>
      <c r="C1898" s="6" t="s">
        <v>187</v>
      </c>
      <c r="D1898" s="6" t="s">
        <v>64</v>
      </c>
      <c r="E1898" s="6" t="s">
        <v>205</v>
      </c>
      <c r="F1898" s="11">
        <v>-15</v>
      </c>
      <c r="G1898" s="13">
        <v>-0.32608695652199998</v>
      </c>
      <c r="H1898" s="11">
        <v>-3.0641389999999973</v>
      </c>
      <c r="I1898" s="13">
        <v>-6.7050249343838852E-2</v>
      </c>
      <c r="J1898" s="11">
        <v>20.110455999999999</v>
      </c>
      <c r="K1898" s="13">
        <v>0.4716888387839992</v>
      </c>
      <c r="L1898" s="11">
        <v>-32.083045644099997</v>
      </c>
      <c r="M1898" s="13">
        <v>-0.51132058212306386</v>
      </c>
      <c r="N1898" s="11">
        <v>-11.972589644100001</v>
      </c>
      <c r="O1898" s="13">
        <v>-0.28081595496705114</v>
      </c>
      <c r="P1898" s="7">
        <v>45.699143999999997</v>
      </c>
      <c r="Q1898" s="7">
        <v>47.921411999999997</v>
      </c>
      <c r="R1898" s="7">
        <v>43.187460999999999</v>
      </c>
      <c r="S1898" s="7">
        <v>24.19613</v>
      </c>
      <c r="T1898" s="7">
        <v>18.353354</v>
      </c>
      <c r="U1898" s="7">
        <v>13.609723000000001</v>
      </c>
      <c r="V1898" s="7">
        <v>42.635005</v>
      </c>
      <c r="W1898" s="7">
        <v>34.612586999999998</v>
      </c>
      <c r="X1898" s="7">
        <v>48.382702000000002</v>
      </c>
      <c r="Y1898" s="7">
        <v>62.745460999999999</v>
      </c>
      <c r="Z1898" s="7">
        <v>61.514595</v>
      </c>
      <c r="AA1898" s="7">
        <v>50.741235000000003</v>
      </c>
      <c r="AB1898" s="7">
        <v>53.757734999999997</v>
      </c>
      <c r="AC1898" s="7">
        <v>50.619764000000004</v>
      </c>
      <c r="AD1898" s="7">
        <v>35.029843999999997</v>
      </c>
      <c r="AE1898" s="7">
        <v>33.0671575</v>
      </c>
      <c r="AF1898" s="7">
        <v>30.662415355899999</v>
      </c>
      <c r="AG1898" s="9">
        <v>53899.659247500007</v>
      </c>
      <c r="AH1898" s="13">
        <v>1.0976101817743569</v>
      </c>
      <c r="AI1898" s="9">
        <v>2482.8014922000002</v>
      </c>
      <c r="AJ1898" s="13">
        <v>5.0559655389466773E-2</v>
      </c>
      <c r="AK1898" s="9">
        <v>308.21656820000499</v>
      </c>
      <c r="AL1898" s="13">
        <v>5.9744422756489168E-3</v>
      </c>
      <c r="AM1898" s="9">
        <v>51108.641187100002</v>
      </c>
      <c r="AN1898" s="13">
        <v>0.98480166974104555</v>
      </c>
      <c r="AO1898" s="9">
        <v>51416.857755300007</v>
      </c>
      <c r="AP1898" s="13">
        <v>0.99665975274552498</v>
      </c>
      <c r="AQ1898" s="9">
        <v>49106.376874499998</v>
      </c>
      <c r="AR1898" s="9">
        <v>40193.549628399996</v>
      </c>
      <c r="AS1898" s="9">
        <v>44999.375403799997</v>
      </c>
      <c r="AT1898" s="9">
        <v>61581.307578300002</v>
      </c>
      <c r="AU1898" s="9">
        <v>67996.5628555</v>
      </c>
      <c r="AV1898" s="9">
        <v>110724.355713</v>
      </c>
      <c r="AW1898" s="9">
        <v>51589.178366699998</v>
      </c>
      <c r="AX1898" s="9">
        <v>43057.749142400004</v>
      </c>
      <c r="AY1898" s="9">
        <v>35472.812989099999</v>
      </c>
      <c r="AZ1898" s="9">
        <v>51897.394934900003</v>
      </c>
      <c r="BA1898" s="9">
        <v>50389.559620200002</v>
      </c>
      <c r="BB1898" s="9">
        <v>75299.644360200007</v>
      </c>
      <c r="BC1898" s="9">
        <v>79766.350487999996</v>
      </c>
      <c r="BD1898" s="9">
        <v>84780.271623699999</v>
      </c>
      <c r="BE1898" s="9">
        <v>105559.921735</v>
      </c>
      <c r="BF1898" s="9">
        <v>103006.036122</v>
      </c>
      <c r="BG1898" s="11">
        <v>-1</v>
      </c>
      <c r="BH1898" s="13">
        <v>-0.5</v>
      </c>
      <c r="BI1898" s="6">
        <v>-1</v>
      </c>
      <c r="BJ1898" s="13">
        <v>-0.5</v>
      </c>
      <c r="BK1898" s="6">
        <v>0</v>
      </c>
      <c r="BL1898" s="13">
        <v>0</v>
      </c>
      <c r="BM1898" s="11">
        <v>0</v>
      </c>
      <c r="BN1898" s="13">
        <v>0</v>
      </c>
      <c r="BO1898" s="11">
        <v>0</v>
      </c>
      <c r="BP1898" s="13">
        <v>0</v>
      </c>
      <c r="BQ1898" s="6">
        <v>2</v>
      </c>
      <c r="BR1898" s="6">
        <v>2</v>
      </c>
      <c r="BS1898" s="6">
        <v>1</v>
      </c>
      <c r="BT1898" s="6">
        <v>1</v>
      </c>
      <c r="BU1898" s="6">
        <v>1</v>
      </c>
      <c r="BV1898" s="6">
        <v>1</v>
      </c>
      <c r="BW1898" s="6">
        <v>1</v>
      </c>
      <c r="BX1898" s="6">
        <v>1</v>
      </c>
      <c r="BY1898" s="6">
        <v>1</v>
      </c>
      <c r="BZ1898" s="6">
        <v>1</v>
      </c>
      <c r="CA1898" s="6">
        <v>1</v>
      </c>
      <c r="CB1898" s="6">
        <v>1</v>
      </c>
      <c r="CC1898" s="11">
        <v>1</v>
      </c>
      <c r="CD1898" s="11">
        <v>-29.816700000000001</v>
      </c>
      <c r="CE1898" s="11">
        <v>9.7845499999999994</v>
      </c>
      <c r="CF1898" s="11">
        <v>4.9954700000000001</v>
      </c>
      <c r="CG1898" s="11">
        <v>15</v>
      </c>
      <c r="CH1898" s="20">
        <v>0.68083000000000005</v>
      </c>
      <c r="CI1898" s="20">
        <v>0.71133100000000005</v>
      </c>
      <c r="CJ1898" s="20">
        <v>0.65549000000000002</v>
      </c>
      <c r="CK1898" s="20">
        <v>0.36190600000000001</v>
      </c>
      <c r="CL1898" s="20">
        <v>0.29162199999999999</v>
      </c>
      <c r="CM1898" s="20">
        <v>0.21080499999999999</v>
      </c>
      <c r="CN1898" s="20">
        <v>0.65568400000000004</v>
      </c>
      <c r="CO1898" s="20">
        <v>0.52971400000000002</v>
      </c>
      <c r="CP1898" s="20">
        <v>0.73078399999999999</v>
      </c>
      <c r="CQ1898" s="20">
        <v>0.96338900000000005</v>
      </c>
      <c r="CR1898" s="20">
        <v>0.93561300000000003</v>
      </c>
      <c r="CS1898" s="20">
        <v>0.74851500000000004</v>
      </c>
      <c r="CT1898" s="20">
        <v>0.76732</v>
      </c>
      <c r="CU1898" s="20">
        <v>0.71996499999999997</v>
      </c>
      <c r="CV1898" s="20">
        <v>0.472609</v>
      </c>
      <c r="CW1898" s="20">
        <v>0.44614100000000001</v>
      </c>
      <c r="CX1898" s="20">
        <v>0.40591300000000002</v>
      </c>
      <c r="CY1898" s="6" t="s">
        <v>670</v>
      </c>
      <c r="CZ1898" s="6" t="s">
        <v>671</v>
      </c>
      <c r="DA1898" s="6" t="s">
        <v>64</v>
      </c>
      <c r="DB1898" s="6"/>
      <c r="DC1898" s="6">
        <v>28140</v>
      </c>
      <c r="DD1898" s="6">
        <v>312</v>
      </c>
      <c r="DE1898" s="6" t="s">
        <v>402</v>
      </c>
      <c r="DF1898" s="6" t="s">
        <v>375</v>
      </c>
      <c r="DG1898" s="6" t="s">
        <v>376</v>
      </c>
      <c r="DH1898" s="6" t="s">
        <v>328</v>
      </c>
      <c r="DI1898" s="6" t="s">
        <v>377</v>
      </c>
      <c r="DJ1898" s="6">
        <v>29</v>
      </c>
      <c r="DK1898" s="6">
        <v>177</v>
      </c>
      <c r="DL1898" s="6">
        <v>1</v>
      </c>
      <c r="DM1898" s="6" t="s">
        <v>404</v>
      </c>
      <c r="DN1898" s="6">
        <v>1</v>
      </c>
      <c r="DO1898" s="6" t="s">
        <v>405</v>
      </c>
      <c r="DP1898" s="6"/>
      <c r="DQ1898" s="6"/>
    </row>
    <row r="1899" spans="1:121" x14ac:dyDescent="0.2">
      <c r="A1899" s="6" t="s">
        <v>319</v>
      </c>
      <c r="B1899" s="6" t="s">
        <v>319</v>
      </c>
      <c r="C1899" s="6" t="s">
        <v>188</v>
      </c>
      <c r="D1899" s="6" t="s">
        <v>64</v>
      </c>
      <c r="E1899" s="6" t="s">
        <v>205</v>
      </c>
      <c r="F1899" s="11">
        <v>-55</v>
      </c>
      <c r="G1899" s="13">
        <v>-0.41666666666699997</v>
      </c>
      <c r="H1899" s="11">
        <v>-15.059418910000005</v>
      </c>
      <c r="I1899" s="13">
        <v>-0.11427855685518427</v>
      </c>
      <c r="J1899" s="11">
        <v>-15.482801058000007</v>
      </c>
      <c r="K1899" s="13">
        <v>-0.13265050495645697</v>
      </c>
      <c r="L1899" s="11">
        <v>-24.451369962499996</v>
      </c>
      <c r="M1899" s="13">
        <v>-0.24152853152199072</v>
      </c>
      <c r="N1899" s="11">
        <v>-39.934171020500003</v>
      </c>
      <c r="O1899" s="13">
        <v>-0.34214015481066412</v>
      </c>
      <c r="P1899" s="7">
        <v>131.77816840200001</v>
      </c>
      <c r="Q1899" s="7">
        <v>126.849051758</v>
      </c>
      <c r="R1899" s="7">
        <v>125.18825046800001</v>
      </c>
      <c r="S1899" s="7">
        <v>130.471286343</v>
      </c>
      <c r="T1899" s="7">
        <v>116.04531984800001</v>
      </c>
      <c r="U1899" s="7">
        <v>122.925895177</v>
      </c>
      <c r="V1899" s="7">
        <v>116.718749492</v>
      </c>
      <c r="W1899" s="7">
        <v>134.585943824</v>
      </c>
      <c r="X1899" s="7">
        <v>119.990766205</v>
      </c>
      <c r="Y1899" s="7">
        <v>101.23594843399999</v>
      </c>
      <c r="Z1899" s="7">
        <v>101.945839423</v>
      </c>
      <c r="AA1899" s="7">
        <v>96.618858800400005</v>
      </c>
      <c r="AB1899" s="7">
        <v>93.454102655599996</v>
      </c>
      <c r="AC1899" s="7">
        <v>89.449640932899996</v>
      </c>
      <c r="AD1899" s="7">
        <v>79.776232079300001</v>
      </c>
      <c r="AE1899" s="7">
        <v>77.601916460799998</v>
      </c>
      <c r="AF1899" s="7">
        <v>76.784578471499998</v>
      </c>
      <c r="AG1899" s="9">
        <v>12711.4317667</v>
      </c>
      <c r="AH1899" s="13">
        <v>0.86708833143018749</v>
      </c>
      <c r="AI1899" s="9">
        <v>10512.5627403</v>
      </c>
      <c r="AJ1899" s="13">
        <v>0.71709628410398207</v>
      </c>
      <c r="AK1899" s="9">
        <v>-3844.9230988999989</v>
      </c>
      <c r="AL1899" s="13">
        <v>-0.15274319861124336</v>
      </c>
      <c r="AM1899" s="9">
        <v>6043.7921252999986</v>
      </c>
      <c r="AN1899" s="13">
        <v>0.2833796617445164</v>
      </c>
      <c r="AO1899" s="9">
        <v>2198.8690263999997</v>
      </c>
      <c r="AP1899" s="13">
        <v>8.7352147177043399E-2</v>
      </c>
      <c r="AQ1899" s="9">
        <v>14659.904078899999</v>
      </c>
      <c r="AR1899" s="9">
        <v>16501.538519599999</v>
      </c>
      <c r="AS1899" s="9">
        <v>15863.6991084</v>
      </c>
      <c r="AT1899" s="9">
        <v>16737.628059999999</v>
      </c>
      <c r="AU1899" s="9">
        <v>18733.2504276</v>
      </c>
      <c r="AV1899" s="9">
        <v>17749.7847406</v>
      </c>
      <c r="AW1899" s="9">
        <v>25172.466819199999</v>
      </c>
      <c r="AX1899" s="9">
        <v>26532.052880399999</v>
      </c>
      <c r="AY1899" s="9">
        <v>21622.4465451</v>
      </c>
      <c r="AZ1899" s="9">
        <v>21327.5437203</v>
      </c>
      <c r="BA1899" s="9">
        <v>29355.889543699999</v>
      </c>
      <c r="BB1899" s="9">
        <v>24893.445132100002</v>
      </c>
      <c r="BC1899" s="9">
        <v>24596.7671538</v>
      </c>
      <c r="BD1899" s="9">
        <v>29074.766615</v>
      </c>
      <c r="BE1899" s="9">
        <v>22825.279687999999</v>
      </c>
      <c r="BF1899" s="9">
        <v>27371.335845599999</v>
      </c>
      <c r="BG1899" s="11">
        <v>-4</v>
      </c>
      <c r="BH1899" s="13">
        <v>-0.2857142857142857</v>
      </c>
      <c r="BI1899" s="6">
        <v>-1</v>
      </c>
      <c r="BJ1899" s="13">
        <v>-7.1428571428571425E-2</v>
      </c>
      <c r="BK1899" s="6">
        <v>0</v>
      </c>
      <c r="BL1899" s="13">
        <v>0</v>
      </c>
      <c r="BM1899" s="11">
        <v>-3</v>
      </c>
      <c r="BN1899" s="13">
        <v>-0.23076923076923078</v>
      </c>
      <c r="BO1899" s="11">
        <v>-3</v>
      </c>
      <c r="BP1899" s="13">
        <v>-0.23076923076923078</v>
      </c>
      <c r="BQ1899" s="6">
        <v>14</v>
      </c>
      <c r="BR1899" s="6">
        <v>13</v>
      </c>
      <c r="BS1899" s="6">
        <v>9</v>
      </c>
      <c r="BT1899" s="6">
        <v>13</v>
      </c>
      <c r="BU1899" s="6">
        <v>13</v>
      </c>
      <c r="BV1899" s="6">
        <v>15</v>
      </c>
      <c r="BW1899" s="6">
        <v>13</v>
      </c>
      <c r="BX1899" s="6">
        <v>12</v>
      </c>
      <c r="BY1899" s="6">
        <v>11</v>
      </c>
      <c r="BZ1899" s="6">
        <v>11</v>
      </c>
      <c r="CA1899" s="6">
        <v>11</v>
      </c>
      <c r="CB1899" s="6">
        <v>10</v>
      </c>
      <c r="CC1899" s="11">
        <v>10</v>
      </c>
      <c r="CD1899" s="11">
        <v>-81.254900000000006</v>
      </c>
      <c r="CE1899" s="11">
        <v>11.856400000000001</v>
      </c>
      <c r="CF1899" s="11">
        <v>14.4049</v>
      </c>
      <c r="CG1899" s="11">
        <v>26</v>
      </c>
      <c r="CH1899" s="20">
        <v>0.40023500000000001</v>
      </c>
      <c r="CI1899" s="20">
        <v>0.38011200000000001</v>
      </c>
      <c r="CJ1899" s="20">
        <v>0.37676399999999999</v>
      </c>
      <c r="CK1899" s="20">
        <v>0.38243300000000002</v>
      </c>
      <c r="CL1899" s="20">
        <v>0.35879699999999998</v>
      </c>
      <c r="CM1899" s="20">
        <v>0.36881399999999998</v>
      </c>
      <c r="CN1899" s="20">
        <v>0.35499799999999998</v>
      </c>
      <c r="CO1899" s="20">
        <v>0.43893500000000002</v>
      </c>
      <c r="CP1899" s="20">
        <v>0.41577900000000001</v>
      </c>
      <c r="CQ1899" s="20">
        <v>0.34661399999999998</v>
      </c>
      <c r="CR1899" s="20">
        <v>0.34387400000000001</v>
      </c>
      <c r="CS1899" s="20">
        <v>0.32015399999999999</v>
      </c>
      <c r="CT1899" s="20">
        <v>0.30304999999999999</v>
      </c>
      <c r="CU1899" s="20">
        <v>0.28866799999999998</v>
      </c>
      <c r="CV1899" s="20">
        <v>0.24354700000000001</v>
      </c>
      <c r="CW1899" s="20">
        <v>0.235848</v>
      </c>
      <c r="CX1899" s="20">
        <v>0.22867399999999999</v>
      </c>
      <c r="CY1899" s="6" t="s">
        <v>670</v>
      </c>
      <c r="CZ1899" s="6" t="s">
        <v>671</v>
      </c>
      <c r="DA1899" s="6" t="s">
        <v>64</v>
      </c>
      <c r="DB1899" s="6"/>
      <c r="DC1899" s="6">
        <v>28140</v>
      </c>
      <c r="DD1899" s="6">
        <v>312</v>
      </c>
      <c r="DE1899" s="6" t="s">
        <v>402</v>
      </c>
      <c r="DF1899" s="6" t="s">
        <v>375</v>
      </c>
      <c r="DG1899" s="6" t="s">
        <v>376</v>
      </c>
      <c r="DH1899" s="6" t="s">
        <v>328</v>
      </c>
      <c r="DI1899" s="6" t="s">
        <v>377</v>
      </c>
      <c r="DJ1899" s="6">
        <v>29</v>
      </c>
      <c r="DK1899" s="6">
        <v>177</v>
      </c>
      <c r="DL1899" s="6">
        <v>1</v>
      </c>
      <c r="DM1899" s="6" t="s">
        <v>404</v>
      </c>
      <c r="DN1899" s="6">
        <v>1</v>
      </c>
      <c r="DO1899" s="6" t="s">
        <v>405</v>
      </c>
      <c r="DP1899" s="6"/>
      <c r="DQ1899" s="6"/>
    </row>
    <row r="1900" spans="1:121" x14ac:dyDescent="0.2">
      <c r="A1900" s="6" t="s">
        <v>320</v>
      </c>
      <c r="B1900" s="6" t="s">
        <v>320</v>
      </c>
      <c r="C1900" s="6" t="s">
        <v>189</v>
      </c>
      <c r="D1900" s="6" t="s">
        <v>64</v>
      </c>
      <c r="E1900" s="6" t="s">
        <v>205</v>
      </c>
      <c r="F1900" s="11">
        <v>1</v>
      </c>
      <c r="G1900" s="13">
        <v>1</v>
      </c>
      <c r="H1900" s="11">
        <v>13.633974980000001</v>
      </c>
      <c r="I1900" s="13">
        <v>2.7267949960000002</v>
      </c>
      <c r="J1900" s="11">
        <v>-1.7684056910000017</v>
      </c>
      <c r="K1900" s="13">
        <v>-9.4902225257791004E-2</v>
      </c>
      <c r="L1900" s="11">
        <v>-2.4603455089999997</v>
      </c>
      <c r="M1900" s="13">
        <v>-0.14587977831288965</v>
      </c>
      <c r="N1900" s="11">
        <v>-4.2287512000000014</v>
      </c>
      <c r="O1900" s="13">
        <v>-0.22693768798867417</v>
      </c>
      <c r="P1900" s="7">
        <v>5</v>
      </c>
      <c r="Q1900" s="7">
        <v>5</v>
      </c>
      <c r="R1900" s="7">
        <v>13.832806911400001</v>
      </c>
      <c r="S1900" s="7">
        <v>16.443158113700001</v>
      </c>
      <c r="T1900" s="7">
        <v>14.859110121400001</v>
      </c>
      <c r="U1900" s="7">
        <v>14.5557440182</v>
      </c>
      <c r="V1900" s="7">
        <v>18.633974980000001</v>
      </c>
      <c r="W1900" s="7">
        <v>11.6012297279</v>
      </c>
      <c r="X1900" s="7">
        <v>5</v>
      </c>
      <c r="Y1900" s="7">
        <v>16.865569289</v>
      </c>
      <c r="Z1900" s="7">
        <v>18.8520393264</v>
      </c>
      <c r="AA1900" s="7">
        <v>17.628993007599998</v>
      </c>
      <c r="AB1900" s="7">
        <v>17.777676179299998</v>
      </c>
      <c r="AC1900" s="7">
        <v>16.367539941</v>
      </c>
      <c r="AD1900" s="7">
        <v>12.224006082200001</v>
      </c>
      <c r="AE1900" s="7">
        <v>14.285417668199999</v>
      </c>
      <c r="AF1900" s="7">
        <v>14.40522378</v>
      </c>
      <c r="AG1900" s="9">
        <v>19462.647024400001</v>
      </c>
      <c r="AH1900" s="13">
        <v>19462.647024400001</v>
      </c>
      <c r="AI1900" s="9">
        <v>15628.6354209</v>
      </c>
      <c r="AJ1900" s="13">
        <v>15628.6354209</v>
      </c>
      <c r="AK1900" s="9">
        <v>-1832.6946822999998</v>
      </c>
      <c r="AL1900" s="13">
        <v>-0.11725767319238392</v>
      </c>
      <c r="AM1900" s="9">
        <v>5666.7062858000008</v>
      </c>
      <c r="AN1900" s="13">
        <v>0.41072194141895046</v>
      </c>
      <c r="AO1900" s="9">
        <v>3834.011603500001</v>
      </c>
      <c r="AP1900" s="13">
        <v>0.24530396904672183</v>
      </c>
      <c r="AQ1900" s="9">
        <v>1</v>
      </c>
      <c r="AR1900" s="9">
        <v>1</v>
      </c>
      <c r="AS1900" s="9">
        <v>12277.177601699999</v>
      </c>
      <c r="AT1900" s="9">
        <v>10037.1908076</v>
      </c>
      <c r="AU1900" s="9">
        <v>10442.6650376</v>
      </c>
      <c r="AV1900" s="9">
        <v>14543.774151600001</v>
      </c>
      <c r="AW1900" s="9">
        <v>15629.6354209</v>
      </c>
      <c r="AX1900" s="9">
        <v>10828.3698742</v>
      </c>
      <c r="AY1900" s="9">
        <v>1</v>
      </c>
      <c r="AZ1900" s="9">
        <v>13796.9407386</v>
      </c>
      <c r="BA1900" s="9">
        <v>22214.114276</v>
      </c>
      <c r="BB1900" s="9">
        <v>26868.333377899999</v>
      </c>
      <c r="BC1900" s="9">
        <v>25876.291168100001</v>
      </c>
      <c r="BD1900" s="9">
        <v>23406.780652900001</v>
      </c>
      <c r="BE1900" s="9">
        <v>14261.444255</v>
      </c>
      <c r="BF1900" s="9">
        <v>19463.647024400001</v>
      </c>
      <c r="BG1900" s="11">
        <v>0</v>
      </c>
      <c r="BH1900" s="13">
        <v>0</v>
      </c>
      <c r="BI1900" s="6">
        <v>1</v>
      </c>
      <c r="BJ1900" s="13">
        <v>1</v>
      </c>
      <c r="BK1900" s="6">
        <v>-1</v>
      </c>
      <c r="BL1900" s="13">
        <v>-0.5</v>
      </c>
      <c r="BM1900" s="11">
        <v>0</v>
      </c>
      <c r="BN1900" s="13">
        <v>0</v>
      </c>
      <c r="BO1900" s="11">
        <v>-1</v>
      </c>
      <c r="BP1900" s="13">
        <v>-0.5</v>
      </c>
      <c r="BQ1900" s="6">
        <v>1</v>
      </c>
      <c r="BR1900" s="6">
        <v>1</v>
      </c>
      <c r="BS1900" s="6">
        <v>1</v>
      </c>
      <c r="BT1900" s="6">
        <v>2</v>
      </c>
      <c r="BU1900" s="6">
        <v>1</v>
      </c>
      <c r="BV1900" s="6">
        <v>1</v>
      </c>
      <c r="BW1900" s="6">
        <v>1</v>
      </c>
      <c r="BX1900" s="6">
        <v>1</v>
      </c>
      <c r="BY1900" s="6">
        <v>1</v>
      </c>
      <c r="BZ1900" s="6">
        <v>1</v>
      </c>
      <c r="CA1900" s="6">
        <v>1</v>
      </c>
      <c r="CB1900" s="6">
        <v>1</v>
      </c>
      <c r="CC1900" s="11">
        <v>1</v>
      </c>
      <c r="CD1900" s="11">
        <v>7.09795</v>
      </c>
      <c r="CE1900" s="11">
        <v>1.79827</v>
      </c>
      <c r="CF1900" s="11">
        <v>0.54286000000000001</v>
      </c>
      <c r="CG1900" s="11">
        <v>3</v>
      </c>
      <c r="CH1900" s="20">
        <v>4.5209300000000001E-2</v>
      </c>
      <c r="CI1900" s="20">
        <v>5.9596499999999997E-2</v>
      </c>
      <c r="CJ1900" s="20">
        <v>0.115803</v>
      </c>
      <c r="CK1900" s="20">
        <v>0.13355700000000001</v>
      </c>
      <c r="CL1900" s="20">
        <v>0.130159</v>
      </c>
      <c r="CM1900" s="20">
        <v>0.124332</v>
      </c>
      <c r="CN1900" s="20">
        <v>0.158835</v>
      </c>
      <c r="CO1900" s="20">
        <v>9.8554100000000006E-2</v>
      </c>
      <c r="CP1900" s="20">
        <v>7.0222999999999994E-2</v>
      </c>
      <c r="CQ1900" s="20">
        <v>0.13416</v>
      </c>
      <c r="CR1900" s="20">
        <v>0.14882200000000001</v>
      </c>
      <c r="CS1900" s="20">
        <v>0.13803000000000001</v>
      </c>
      <c r="CT1900" s="20">
        <v>0.13799900000000001</v>
      </c>
      <c r="CU1900" s="20">
        <v>0.12795699999999999</v>
      </c>
      <c r="CV1900" s="20">
        <v>9.1380100000000006E-2</v>
      </c>
      <c r="CW1900" s="20">
        <v>0.10645</v>
      </c>
      <c r="CX1900" s="20">
        <v>0.104806</v>
      </c>
      <c r="CY1900" s="6" t="s">
        <v>670</v>
      </c>
      <c r="CZ1900" s="6" t="s">
        <v>671</v>
      </c>
      <c r="DA1900" s="6" t="s">
        <v>64</v>
      </c>
      <c r="DB1900" s="6"/>
      <c r="DC1900" s="6">
        <v>28140</v>
      </c>
      <c r="DD1900" s="6">
        <v>312</v>
      </c>
      <c r="DE1900" s="6" t="s">
        <v>402</v>
      </c>
      <c r="DF1900" s="6" t="s">
        <v>375</v>
      </c>
      <c r="DG1900" s="6" t="s">
        <v>376</v>
      </c>
      <c r="DH1900" s="6" t="s">
        <v>328</v>
      </c>
      <c r="DI1900" s="6" t="s">
        <v>377</v>
      </c>
      <c r="DJ1900" s="6">
        <v>29</v>
      </c>
      <c r="DK1900" s="6">
        <v>177</v>
      </c>
      <c r="DL1900" s="6">
        <v>1</v>
      </c>
      <c r="DM1900" s="6" t="s">
        <v>404</v>
      </c>
      <c r="DN1900" s="6">
        <v>1</v>
      </c>
      <c r="DO1900" s="6" t="s">
        <v>405</v>
      </c>
      <c r="DP1900" s="6"/>
      <c r="DQ1900" s="6"/>
    </row>
    <row r="1901" spans="1:121" x14ac:dyDescent="0.2">
      <c r="A1901" s="6" t="s">
        <v>321</v>
      </c>
      <c r="B1901" s="6" t="s">
        <v>321</v>
      </c>
      <c r="C1901" s="6" t="s">
        <v>190</v>
      </c>
      <c r="D1901" s="6" t="s">
        <v>64</v>
      </c>
      <c r="E1901" s="6" t="s">
        <v>205</v>
      </c>
      <c r="F1901" s="11">
        <v>33</v>
      </c>
      <c r="G1901" s="13">
        <v>0.105431309904</v>
      </c>
      <c r="H1901" s="11">
        <v>38.827982481000049</v>
      </c>
      <c r="I1901" s="13">
        <v>0.12387300984032291</v>
      </c>
      <c r="J1901" s="11">
        <v>36.643088261999992</v>
      </c>
      <c r="K1901" s="13">
        <v>0.1040175672099474</v>
      </c>
      <c r="L1901" s="11">
        <v>-43.343490507000013</v>
      </c>
      <c r="M1901" s="13">
        <v>-0.11144549619864393</v>
      </c>
      <c r="N1901" s="11">
        <v>-6.7004022450000207</v>
      </c>
      <c r="O1901" s="13">
        <v>-1.9020218379784889E-2</v>
      </c>
      <c r="P1901" s="7">
        <v>313.44989946599998</v>
      </c>
      <c r="Q1901" s="7">
        <v>322.19094182999999</v>
      </c>
      <c r="R1901" s="7">
        <v>329.60457407600001</v>
      </c>
      <c r="S1901" s="7">
        <v>337.521712444</v>
      </c>
      <c r="T1901" s="7">
        <v>341.750219254</v>
      </c>
      <c r="U1901" s="7">
        <v>370.68931262000001</v>
      </c>
      <c r="V1901" s="7">
        <v>352.27788194700003</v>
      </c>
      <c r="W1901" s="7">
        <v>381.40806223800001</v>
      </c>
      <c r="X1901" s="7">
        <v>416.04381527200002</v>
      </c>
      <c r="Y1901" s="7">
        <v>388.92097020900002</v>
      </c>
      <c r="Z1901" s="7">
        <v>390.04438684799999</v>
      </c>
      <c r="AA1901" s="7">
        <v>433.204556884</v>
      </c>
      <c r="AB1901" s="7">
        <v>422.83574214800001</v>
      </c>
      <c r="AC1901" s="7">
        <v>392.097713097</v>
      </c>
      <c r="AD1901" s="7">
        <v>373.503435207</v>
      </c>
      <c r="AE1901" s="7">
        <v>345.28795256199999</v>
      </c>
      <c r="AF1901" s="7">
        <v>345.57747970200001</v>
      </c>
      <c r="AG1901" s="9">
        <v>10369.394230299997</v>
      </c>
      <c r="AH1901" s="13">
        <v>0.3910465517801312</v>
      </c>
      <c r="AI1901" s="9">
        <v>5663.6502986999985</v>
      </c>
      <c r="AJ1901" s="13">
        <v>0.21358537158549809</v>
      </c>
      <c r="AK1901" s="9">
        <v>3960.8440246999999</v>
      </c>
      <c r="AL1901" s="13">
        <v>0.12308141550530048</v>
      </c>
      <c r="AM1901" s="9">
        <v>744.89990689999831</v>
      </c>
      <c r="AN1901" s="13">
        <v>2.0610637310969356E-2</v>
      </c>
      <c r="AO1901" s="9">
        <v>4705.7439315999982</v>
      </c>
      <c r="AP1901" s="13">
        <v>0.1462288392309703</v>
      </c>
      <c r="AQ1901" s="9">
        <v>26517.0327755</v>
      </c>
      <c r="AR1901" s="9">
        <v>27722.692957200001</v>
      </c>
      <c r="AS1901" s="9">
        <v>28219.264153200002</v>
      </c>
      <c r="AT1901" s="9">
        <v>30736.3965217</v>
      </c>
      <c r="AU1901" s="9">
        <v>29457.881607399999</v>
      </c>
      <c r="AV1901" s="9">
        <v>30309.8405241</v>
      </c>
      <c r="AW1901" s="9">
        <v>32180.683074199998</v>
      </c>
      <c r="AX1901" s="9">
        <v>33831.470368200004</v>
      </c>
      <c r="AY1901" s="9">
        <v>33449.385400799998</v>
      </c>
      <c r="AZ1901" s="9">
        <v>36141.527098899998</v>
      </c>
      <c r="BA1901" s="9">
        <v>36190.340935699998</v>
      </c>
      <c r="BB1901" s="9">
        <v>35345.239303599999</v>
      </c>
      <c r="BC1901" s="9">
        <v>37684.457753800001</v>
      </c>
      <c r="BD1901" s="9">
        <v>40862.244613499999</v>
      </c>
      <c r="BE1901" s="9">
        <v>43730.778681900003</v>
      </c>
      <c r="BF1901" s="9">
        <v>36886.427005799997</v>
      </c>
      <c r="BG1901" s="11">
        <v>34.75</v>
      </c>
      <c r="BH1901" s="13">
        <v>1.287037037037037</v>
      </c>
      <c r="BI1901" s="6">
        <v>1</v>
      </c>
      <c r="BJ1901" s="13">
        <v>3.7037037037037035E-2</v>
      </c>
      <c r="BK1901" s="6">
        <v>-1</v>
      </c>
      <c r="BL1901" s="13">
        <v>-3.5714285714285712E-2</v>
      </c>
      <c r="BM1901" s="11">
        <v>34.75</v>
      </c>
      <c r="BN1901" s="13">
        <v>1.287037037037037</v>
      </c>
      <c r="BO1901" s="11">
        <v>33.75</v>
      </c>
      <c r="BP1901" s="13">
        <v>1.2053571428571428</v>
      </c>
      <c r="BQ1901" s="6">
        <v>27</v>
      </c>
      <c r="BR1901" s="6">
        <v>27</v>
      </c>
      <c r="BS1901" s="6">
        <v>28</v>
      </c>
      <c r="BT1901" s="6">
        <v>28</v>
      </c>
      <c r="BU1901" s="6">
        <v>28</v>
      </c>
      <c r="BV1901" s="6">
        <v>28</v>
      </c>
      <c r="BW1901" s="6">
        <v>27</v>
      </c>
      <c r="BX1901" s="6">
        <v>26</v>
      </c>
      <c r="BY1901" s="6">
        <v>29</v>
      </c>
      <c r="BZ1901" s="6">
        <v>48</v>
      </c>
      <c r="CA1901" s="6">
        <v>52</v>
      </c>
      <c r="CB1901" s="6">
        <v>61</v>
      </c>
      <c r="CC1901" s="11">
        <v>61.75</v>
      </c>
      <c r="CD1901" s="11">
        <v>-116.28400000000001</v>
      </c>
      <c r="CE1901" s="11">
        <v>114.148</v>
      </c>
      <c r="CF1901" s="11">
        <v>34.263800000000003</v>
      </c>
      <c r="CG1901" s="11">
        <v>148</v>
      </c>
      <c r="CH1901" s="20">
        <v>0.57777999999999996</v>
      </c>
      <c r="CI1901" s="20">
        <v>0.56401800000000002</v>
      </c>
      <c r="CJ1901" s="20">
        <v>0.56179999999999997</v>
      </c>
      <c r="CK1901" s="20">
        <v>0.56722899999999998</v>
      </c>
      <c r="CL1901" s="20">
        <v>0.61268699999999998</v>
      </c>
      <c r="CM1901" s="20">
        <v>0.64599600000000001</v>
      </c>
      <c r="CN1901" s="20">
        <v>0.61127600000000004</v>
      </c>
      <c r="CO1901" s="20">
        <v>0.66180600000000001</v>
      </c>
      <c r="CP1901" s="20">
        <v>0.68424499999999999</v>
      </c>
      <c r="CQ1901" s="20">
        <v>0.64076699999999998</v>
      </c>
      <c r="CR1901" s="20">
        <v>0.64911700000000006</v>
      </c>
      <c r="CS1901" s="20">
        <v>0.70328299999999999</v>
      </c>
      <c r="CT1901" s="20">
        <v>0.67697600000000002</v>
      </c>
      <c r="CU1901" s="20">
        <v>0.633525</v>
      </c>
      <c r="CV1901" s="20">
        <v>0.57130800000000004</v>
      </c>
      <c r="CW1901" s="20">
        <v>0.52330500000000002</v>
      </c>
      <c r="CX1901" s="20">
        <v>0.50838099999999997</v>
      </c>
      <c r="CY1901" s="6" t="s">
        <v>670</v>
      </c>
      <c r="CZ1901" s="6" t="s">
        <v>671</v>
      </c>
      <c r="DA1901" s="6" t="s">
        <v>64</v>
      </c>
      <c r="DB1901" s="6"/>
      <c r="DC1901" s="6">
        <v>28140</v>
      </c>
      <c r="DD1901" s="6">
        <v>312</v>
      </c>
      <c r="DE1901" s="6" t="s">
        <v>402</v>
      </c>
      <c r="DF1901" s="6" t="s">
        <v>375</v>
      </c>
      <c r="DG1901" s="6" t="s">
        <v>376</v>
      </c>
      <c r="DH1901" s="6" t="s">
        <v>328</v>
      </c>
      <c r="DI1901" s="6" t="s">
        <v>377</v>
      </c>
      <c r="DJ1901" s="6">
        <v>29</v>
      </c>
      <c r="DK1901" s="6">
        <v>177</v>
      </c>
      <c r="DL1901" s="6">
        <v>1</v>
      </c>
      <c r="DM1901" s="6" t="s">
        <v>404</v>
      </c>
      <c r="DN1901" s="6">
        <v>1</v>
      </c>
      <c r="DO1901" s="6" t="s">
        <v>405</v>
      </c>
      <c r="DP1901" s="6"/>
      <c r="DQ1901" s="6"/>
    </row>
    <row r="1902" spans="1:121" x14ac:dyDescent="0.2">
      <c r="A1902" s="6" t="s">
        <v>322</v>
      </c>
      <c r="B1902" s="6" t="s">
        <v>322</v>
      </c>
      <c r="C1902" s="6" t="s">
        <v>191</v>
      </c>
      <c r="D1902" s="6" t="s">
        <v>64</v>
      </c>
      <c r="E1902" s="6" t="s">
        <v>205</v>
      </c>
      <c r="F1902" s="11">
        <v>19</v>
      </c>
      <c r="G1902" s="13">
        <v>0.37</v>
      </c>
      <c r="H1902" s="11">
        <v>5</v>
      </c>
      <c r="I1902" s="13">
        <v>9.8039215686274508E-2</v>
      </c>
      <c r="J1902" s="11">
        <v>4</v>
      </c>
      <c r="K1902" s="13">
        <v>7.1428571428571425E-2</v>
      </c>
      <c r="L1902" s="11">
        <v>10</v>
      </c>
      <c r="M1902" s="13">
        <v>0.16666666666666666</v>
      </c>
      <c r="N1902" s="11">
        <v>14</v>
      </c>
      <c r="O1902" s="13">
        <v>0.25</v>
      </c>
      <c r="P1902" s="7">
        <v>51</v>
      </c>
      <c r="Q1902" s="7">
        <v>60</v>
      </c>
      <c r="R1902" s="7">
        <v>47</v>
      </c>
      <c r="S1902" s="7">
        <v>50</v>
      </c>
      <c r="T1902" s="7">
        <v>46</v>
      </c>
      <c r="U1902" s="7">
        <v>49</v>
      </c>
      <c r="V1902" s="7">
        <v>56</v>
      </c>
      <c r="W1902" s="7">
        <v>46</v>
      </c>
      <c r="X1902" s="7">
        <v>31</v>
      </c>
      <c r="Y1902" s="7">
        <v>60</v>
      </c>
      <c r="Z1902" s="7">
        <v>52</v>
      </c>
      <c r="AA1902" s="7">
        <v>58</v>
      </c>
      <c r="AB1902" s="7">
        <v>68</v>
      </c>
      <c r="AC1902" s="7">
        <v>70</v>
      </c>
      <c r="AD1902" s="7">
        <v>67</v>
      </c>
      <c r="AE1902" s="7">
        <v>66</v>
      </c>
      <c r="AF1902" s="7">
        <v>70</v>
      </c>
      <c r="AG1902" s="9">
        <v>2415</v>
      </c>
      <c r="AH1902" s="13">
        <v>0.2129817444219067</v>
      </c>
      <c r="AI1902" s="9">
        <v>1814</v>
      </c>
      <c r="AJ1902" s="13">
        <v>0.15997883411235558</v>
      </c>
      <c r="AK1902" s="9">
        <v>-367</v>
      </c>
      <c r="AL1902" s="13">
        <v>-2.7902379685242909E-2</v>
      </c>
      <c r="AM1902" s="9">
        <v>968</v>
      </c>
      <c r="AN1902" s="13">
        <v>7.5707805412169565E-2</v>
      </c>
      <c r="AO1902" s="9">
        <v>601</v>
      </c>
      <c r="AP1902" s="13">
        <v>4.569299779517981E-2</v>
      </c>
      <c r="AQ1902" s="9">
        <v>11339</v>
      </c>
      <c r="AR1902" s="9">
        <v>10513</v>
      </c>
      <c r="AS1902" s="9">
        <v>10918</v>
      </c>
      <c r="AT1902" s="9">
        <v>9979</v>
      </c>
      <c r="AU1902" s="9">
        <v>10757</v>
      </c>
      <c r="AV1902" s="9">
        <v>13617</v>
      </c>
      <c r="AW1902" s="9">
        <v>13153</v>
      </c>
      <c r="AX1902" s="9">
        <v>13160</v>
      </c>
      <c r="AY1902" s="9">
        <v>14710</v>
      </c>
      <c r="AZ1902" s="9">
        <v>12786</v>
      </c>
      <c r="BA1902" s="9">
        <v>12371</v>
      </c>
      <c r="BB1902" s="9">
        <v>11966</v>
      </c>
      <c r="BC1902" s="9">
        <v>11591</v>
      </c>
      <c r="BD1902" s="9">
        <v>13016</v>
      </c>
      <c r="BE1902" s="9">
        <v>13167</v>
      </c>
      <c r="BF1902" s="9">
        <v>13754</v>
      </c>
      <c r="BG1902" s="11">
        <v>0</v>
      </c>
      <c r="BH1902" s="13">
        <v>0</v>
      </c>
      <c r="BI1902" s="6">
        <v>-3</v>
      </c>
      <c r="BJ1902" s="13">
        <v>-0.375</v>
      </c>
      <c r="BK1902" s="6">
        <v>2</v>
      </c>
      <c r="BL1902" s="13">
        <v>0.4</v>
      </c>
      <c r="BM1902" s="11">
        <v>1</v>
      </c>
      <c r="BN1902" s="13">
        <v>0.14285714285714285</v>
      </c>
      <c r="BO1902" s="11">
        <v>3</v>
      </c>
      <c r="BP1902" s="13">
        <v>0.6</v>
      </c>
      <c r="BQ1902" s="6">
        <v>8</v>
      </c>
      <c r="BR1902" s="6">
        <v>7</v>
      </c>
      <c r="BS1902" s="6">
        <v>4</v>
      </c>
      <c r="BT1902" s="6">
        <v>5</v>
      </c>
      <c r="BU1902" s="6">
        <v>5</v>
      </c>
      <c r="BV1902" s="6">
        <v>5</v>
      </c>
      <c r="BW1902" s="6">
        <v>7</v>
      </c>
      <c r="BX1902" s="6">
        <v>7</v>
      </c>
      <c r="BY1902" s="6">
        <v>7</v>
      </c>
      <c r="BZ1902" s="6">
        <v>6</v>
      </c>
      <c r="CA1902" s="6">
        <v>8</v>
      </c>
      <c r="CB1902" s="6">
        <v>8</v>
      </c>
      <c r="CC1902" s="11">
        <v>8</v>
      </c>
      <c r="CD1902" s="11">
        <v>4</v>
      </c>
      <c r="CE1902" s="11">
        <v>9</v>
      </c>
      <c r="CF1902" s="11">
        <v>6</v>
      </c>
      <c r="CG1902" s="11">
        <v>15</v>
      </c>
      <c r="CH1902" s="20">
        <v>0.62</v>
      </c>
      <c r="CI1902" s="20">
        <v>0.7</v>
      </c>
      <c r="CJ1902" s="20">
        <v>0.54</v>
      </c>
      <c r="CK1902" s="20">
        <v>0.56999999999999995</v>
      </c>
      <c r="CL1902" s="20">
        <v>0.56000000000000005</v>
      </c>
      <c r="CM1902" s="20">
        <v>0.57999999999999996</v>
      </c>
      <c r="CN1902" s="20">
        <v>0.67</v>
      </c>
      <c r="CO1902" s="20">
        <v>0.55000000000000004</v>
      </c>
      <c r="CP1902" s="20">
        <v>0.38</v>
      </c>
      <c r="CQ1902" s="20">
        <v>0.74</v>
      </c>
      <c r="CR1902" s="20">
        <v>0.65</v>
      </c>
      <c r="CS1902" s="20">
        <v>0.71</v>
      </c>
      <c r="CT1902" s="20">
        <v>0.82</v>
      </c>
      <c r="CU1902" s="20">
        <v>0.85</v>
      </c>
      <c r="CV1902" s="20">
        <v>0.76</v>
      </c>
      <c r="CW1902" s="20">
        <v>0.74</v>
      </c>
      <c r="CX1902" s="20">
        <v>0.77</v>
      </c>
      <c r="CY1902" s="6" t="s">
        <v>670</v>
      </c>
      <c r="CZ1902" s="6" t="s">
        <v>671</v>
      </c>
      <c r="DA1902" s="6" t="s">
        <v>64</v>
      </c>
      <c r="DB1902" s="6"/>
      <c r="DC1902" s="6">
        <v>28140</v>
      </c>
      <c r="DD1902" s="6">
        <v>312</v>
      </c>
      <c r="DE1902" s="6" t="s">
        <v>402</v>
      </c>
      <c r="DF1902" s="6" t="s">
        <v>375</v>
      </c>
      <c r="DG1902" s="6" t="s">
        <v>376</v>
      </c>
      <c r="DH1902" s="6" t="s">
        <v>328</v>
      </c>
      <c r="DI1902" s="6" t="s">
        <v>377</v>
      </c>
      <c r="DJ1902" s="6">
        <v>29</v>
      </c>
      <c r="DK1902" s="6">
        <v>177</v>
      </c>
      <c r="DL1902" s="6">
        <v>1</v>
      </c>
      <c r="DM1902" s="6" t="s">
        <v>404</v>
      </c>
      <c r="DN1902" s="6">
        <v>1</v>
      </c>
      <c r="DO1902" s="6" t="s">
        <v>405</v>
      </c>
      <c r="DP1902" s="6"/>
      <c r="DQ1902" s="6"/>
    </row>
    <row r="1903" spans="1:121" x14ac:dyDescent="0.2">
      <c r="A1903" s="6" t="s">
        <v>323</v>
      </c>
      <c r="B1903" s="6" t="s">
        <v>323</v>
      </c>
      <c r="C1903" s="6" t="s">
        <v>192</v>
      </c>
      <c r="D1903" s="6" t="s">
        <v>64</v>
      </c>
      <c r="E1903" s="6" t="s">
        <v>205</v>
      </c>
      <c r="F1903" s="11">
        <v>-54</v>
      </c>
      <c r="G1903" s="13">
        <v>-0.13881748072</v>
      </c>
      <c r="H1903" s="11">
        <v>-51.929921160999982</v>
      </c>
      <c r="I1903" s="13">
        <v>-0.1334636321888262</v>
      </c>
      <c r="J1903" s="11">
        <v>-24.13084016800002</v>
      </c>
      <c r="K1903" s="13">
        <v>-7.1569984859171362E-2</v>
      </c>
      <c r="L1903" s="11">
        <v>22.144474357999968</v>
      </c>
      <c r="M1903" s="13">
        <v>7.0741568666060517E-2</v>
      </c>
      <c r="N1903" s="11">
        <v>-1.9863658100000521</v>
      </c>
      <c r="O1903" s="13">
        <v>-5.8913891914548306E-3</v>
      </c>
      <c r="P1903" s="7">
        <v>389.09416977000001</v>
      </c>
      <c r="Q1903" s="7">
        <v>375.41606438000002</v>
      </c>
      <c r="R1903" s="7">
        <v>360.901629942</v>
      </c>
      <c r="S1903" s="7">
        <v>331.28531124300002</v>
      </c>
      <c r="T1903" s="7">
        <v>321.65995727500001</v>
      </c>
      <c r="U1903" s="7">
        <v>360.98310694600002</v>
      </c>
      <c r="V1903" s="7">
        <v>337.16424860900003</v>
      </c>
      <c r="W1903" s="7">
        <v>293.14539949300001</v>
      </c>
      <c r="X1903" s="7">
        <v>322.87852966299999</v>
      </c>
      <c r="Y1903" s="7">
        <v>313.03340844100001</v>
      </c>
      <c r="Z1903" s="7">
        <v>320.69180470600003</v>
      </c>
      <c r="AA1903" s="7">
        <v>305.67092564199999</v>
      </c>
      <c r="AB1903" s="7">
        <v>315.39536851000003</v>
      </c>
      <c r="AC1903" s="7">
        <v>316.23663131400002</v>
      </c>
      <c r="AD1903" s="7">
        <v>329.35456890500001</v>
      </c>
      <c r="AE1903" s="7">
        <v>334.284458696</v>
      </c>
      <c r="AF1903" s="7">
        <v>335.17788279899997</v>
      </c>
      <c r="AG1903" s="9">
        <v>4235.3697989800003</v>
      </c>
      <c r="AH1903" s="13">
        <v>0.45915464995460809</v>
      </c>
      <c r="AI1903" s="9">
        <v>1992.0287443800007</v>
      </c>
      <c r="AJ1903" s="13">
        <v>0.21595499430665788</v>
      </c>
      <c r="AK1903" s="9">
        <v>1129.5374183999993</v>
      </c>
      <c r="AL1903" s="13">
        <v>0.10070493952224108</v>
      </c>
      <c r="AM1903" s="9">
        <v>1113.8036362000003</v>
      </c>
      <c r="AN1903" s="13">
        <v>9.0216893050647354E-2</v>
      </c>
      <c r="AO1903" s="9">
        <v>2243.3410545999996</v>
      </c>
      <c r="AP1903" s="13">
        <v>0.20000711933143839</v>
      </c>
      <c r="AQ1903" s="9">
        <v>9224.2772656199995</v>
      </c>
      <c r="AR1903" s="9">
        <v>8868.1725757700005</v>
      </c>
      <c r="AS1903" s="9">
        <v>9222.1786377799999</v>
      </c>
      <c r="AT1903" s="9">
        <v>10645.840810600001</v>
      </c>
      <c r="AU1903" s="9">
        <v>10856.8765375</v>
      </c>
      <c r="AV1903" s="9">
        <v>9922.3141783999999</v>
      </c>
      <c r="AW1903" s="9">
        <v>11216.30601</v>
      </c>
      <c r="AX1903" s="9">
        <v>10823.211714499999</v>
      </c>
      <c r="AY1903" s="9">
        <v>11426.887704299999</v>
      </c>
      <c r="AZ1903" s="9">
        <v>12345.8434284</v>
      </c>
      <c r="BA1903" s="9">
        <v>11953.4482926</v>
      </c>
      <c r="BB1903" s="9">
        <v>12828.5113643</v>
      </c>
      <c r="BC1903" s="9">
        <v>12699.840645</v>
      </c>
      <c r="BD1903" s="9">
        <v>13027.2097189</v>
      </c>
      <c r="BE1903" s="9">
        <v>13308.0278156</v>
      </c>
      <c r="BF1903" s="9">
        <v>13459.6470646</v>
      </c>
      <c r="BG1903" s="11">
        <v>-5.5</v>
      </c>
      <c r="BH1903" s="13">
        <v>-0.18333333333333332</v>
      </c>
      <c r="BI1903" s="6">
        <v>5</v>
      </c>
      <c r="BJ1903" s="13">
        <v>0.16666666666666666</v>
      </c>
      <c r="BK1903" s="6">
        <v>-10</v>
      </c>
      <c r="BL1903" s="13">
        <v>-0.2857142857142857</v>
      </c>
      <c r="BM1903" s="11">
        <v>-0.5</v>
      </c>
      <c r="BN1903" s="13">
        <v>-0.02</v>
      </c>
      <c r="BO1903" s="11">
        <v>-10.5</v>
      </c>
      <c r="BP1903" s="13">
        <v>-0.3</v>
      </c>
      <c r="BQ1903" s="6">
        <v>30</v>
      </c>
      <c r="BR1903" s="6">
        <v>31</v>
      </c>
      <c r="BS1903" s="6">
        <v>33</v>
      </c>
      <c r="BT1903" s="6">
        <v>35</v>
      </c>
      <c r="BU1903" s="6">
        <v>28</v>
      </c>
      <c r="BV1903" s="6">
        <v>27</v>
      </c>
      <c r="BW1903" s="6">
        <v>25</v>
      </c>
      <c r="BX1903" s="6">
        <v>25</v>
      </c>
      <c r="BY1903" s="6">
        <v>24</v>
      </c>
      <c r="BZ1903" s="6">
        <v>25</v>
      </c>
      <c r="CA1903" s="6">
        <v>24</v>
      </c>
      <c r="CB1903" s="6">
        <v>25</v>
      </c>
      <c r="CC1903" s="11">
        <v>24.5</v>
      </c>
      <c r="CD1903" s="11">
        <v>-184.93100000000001</v>
      </c>
      <c r="CE1903" s="11">
        <v>88.482200000000006</v>
      </c>
      <c r="CF1903" s="11">
        <v>42.532699999999998</v>
      </c>
      <c r="CG1903" s="11">
        <v>131</v>
      </c>
      <c r="CH1903" s="20">
        <v>0.96643699999999999</v>
      </c>
      <c r="CI1903" s="20">
        <v>0.90807800000000005</v>
      </c>
      <c r="CJ1903" s="20">
        <v>0.86038199999999998</v>
      </c>
      <c r="CK1903" s="20">
        <v>0.77463899999999997</v>
      </c>
      <c r="CL1903" s="20">
        <v>0.80175399999999997</v>
      </c>
      <c r="CM1903" s="20">
        <v>0.87808299999999995</v>
      </c>
      <c r="CN1903" s="20">
        <v>0.82120300000000002</v>
      </c>
      <c r="CO1903" s="20">
        <v>0.730321</v>
      </c>
      <c r="CP1903" s="20">
        <v>0.80022700000000002</v>
      </c>
      <c r="CQ1903" s="20">
        <v>0.78736499999999998</v>
      </c>
      <c r="CR1903" s="20">
        <v>0.80586599999999997</v>
      </c>
      <c r="CS1903" s="20">
        <v>0.75394700000000003</v>
      </c>
      <c r="CT1903" s="20">
        <v>0.75901099999999999</v>
      </c>
      <c r="CU1903" s="20">
        <v>0.75993200000000005</v>
      </c>
      <c r="CV1903" s="20">
        <v>0.74208399999999997</v>
      </c>
      <c r="CW1903" s="20">
        <v>0.74452600000000002</v>
      </c>
      <c r="CX1903" s="20">
        <v>0.73239900000000002</v>
      </c>
      <c r="CY1903" s="6" t="s">
        <v>670</v>
      </c>
      <c r="CZ1903" s="6" t="s">
        <v>671</v>
      </c>
      <c r="DA1903" s="6" t="s">
        <v>64</v>
      </c>
      <c r="DB1903" s="6"/>
      <c r="DC1903" s="6">
        <v>28140</v>
      </c>
      <c r="DD1903" s="6">
        <v>312</v>
      </c>
      <c r="DE1903" s="6" t="s">
        <v>402</v>
      </c>
      <c r="DF1903" s="6" t="s">
        <v>375</v>
      </c>
      <c r="DG1903" s="6" t="s">
        <v>376</v>
      </c>
      <c r="DH1903" s="6" t="s">
        <v>328</v>
      </c>
      <c r="DI1903" s="6" t="s">
        <v>377</v>
      </c>
      <c r="DJ1903" s="6">
        <v>29</v>
      </c>
      <c r="DK1903" s="6">
        <v>177</v>
      </c>
      <c r="DL1903" s="6">
        <v>1</v>
      </c>
      <c r="DM1903" s="6" t="s">
        <v>404</v>
      </c>
      <c r="DN1903" s="6">
        <v>1</v>
      </c>
      <c r="DO1903" s="6" t="s">
        <v>405</v>
      </c>
      <c r="DP1903" s="6"/>
      <c r="DQ1903" s="6"/>
    </row>
    <row r="1904" spans="1:121" x14ac:dyDescent="0.2">
      <c r="A1904" s="6" t="s">
        <v>325</v>
      </c>
      <c r="B1904" s="6" t="s">
        <v>325</v>
      </c>
      <c r="C1904" s="6" t="s">
        <v>193</v>
      </c>
      <c r="D1904" s="6" t="s">
        <v>64</v>
      </c>
      <c r="E1904" s="6" t="s">
        <v>205</v>
      </c>
      <c r="F1904" s="11">
        <v>-61</v>
      </c>
      <c r="G1904" s="13">
        <v>-0.204697986577</v>
      </c>
      <c r="H1904" s="11">
        <v>-3.3216802360000202</v>
      </c>
      <c r="I1904" s="13">
        <v>-1.1135749861685784E-2</v>
      </c>
      <c r="J1904" s="11">
        <v>-19.375683245999994</v>
      </c>
      <c r="K1904" s="13">
        <v>-6.5687388194036689E-2</v>
      </c>
      <c r="L1904" s="11">
        <v>-38.849525823000022</v>
      </c>
      <c r="M1904" s="13">
        <v>-0.14096733172444456</v>
      </c>
      <c r="N1904" s="11">
        <v>-58.225209069000016</v>
      </c>
      <c r="O1904" s="13">
        <v>-0.19739494407682012</v>
      </c>
      <c r="P1904" s="7">
        <v>298.28976739400002</v>
      </c>
      <c r="Q1904" s="7">
        <v>280.32652694699999</v>
      </c>
      <c r="R1904" s="7">
        <v>273.07131334399998</v>
      </c>
      <c r="S1904" s="7">
        <v>281.99486477300002</v>
      </c>
      <c r="T1904" s="7">
        <v>277.28524874499999</v>
      </c>
      <c r="U1904" s="7">
        <v>281.45102200000002</v>
      </c>
      <c r="V1904" s="7">
        <v>294.968087158</v>
      </c>
      <c r="W1904" s="7">
        <v>273.12235695999999</v>
      </c>
      <c r="X1904" s="7">
        <v>274.31399327999998</v>
      </c>
      <c r="Y1904" s="7">
        <v>275.59240391200001</v>
      </c>
      <c r="Z1904" s="7">
        <v>272.61723336599999</v>
      </c>
      <c r="AA1904" s="7">
        <v>263.04777680500001</v>
      </c>
      <c r="AB1904" s="7">
        <v>238.33449575399999</v>
      </c>
      <c r="AC1904" s="7">
        <v>237.364025532</v>
      </c>
      <c r="AD1904" s="7">
        <v>237.639053563</v>
      </c>
      <c r="AE1904" s="7">
        <v>235.382526907</v>
      </c>
      <c r="AF1904" s="7">
        <v>236.74287808899999</v>
      </c>
      <c r="AG1904" s="9">
        <v>11170.905183999999</v>
      </c>
      <c r="AH1904" s="13">
        <v>0.75702644551517051</v>
      </c>
      <c r="AI1904" s="9">
        <v>2416.7990649000021</v>
      </c>
      <c r="AJ1904" s="13">
        <v>0.163780891117591</v>
      </c>
      <c r="AK1904" s="9">
        <v>1555.4570483999996</v>
      </c>
      <c r="AL1904" s="13">
        <v>9.0575238605805269E-2</v>
      </c>
      <c r="AM1904" s="9">
        <v>7198.6490706999975</v>
      </c>
      <c r="AN1904" s="13">
        <v>0.38436765419893199</v>
      </c>
      <c r="AO1904" s="9">
        <v>8754.1061190999972</v>
      </c>
      <c r="AP1904" s="13">
        <v>0.50975708479615922</v>
      </c>
      <c r="AQ1904" s="9">
        <v>14756.294512799999</v>
      </c>
      <c r="AR1904" s="9">
        <v>14825.9844868</v>
      </c>
      <c r="AS1904" s="9">
        <v>16033.759629300001</v>
      </c>
      <c r="AT1904" s="9">
        <v>15975.0855132</v>
      </c>
      <c r="AU1904" s="9">
        <v>16537.103616</v>
      </c>
      <c r="AV1904" s="9">
        <v>16961.662749899999</v>
      </c>
      <c r="AW1904" s="9">
        <v>17173.093577700001</v>
      </c>
      <c r="AX1904" s="9">
        <v>19045.009466899999</v>
      </c>
      <c r="AY1904" s="9">
        <v>18854.022673300002</v>
      </c>
      <c r="AZ1904" s="9">
        <v>18728.550626100001</v>
      </c>
      <c r="BA1904" s="9">
        <v>19218.375123099999</v>
      </c>
      <c r="BB1904" s="9">
        <v>20070.125603699998</v>
      </c>
      <c r="BC1904" s="9">
        <v>23777.9939381</v>
      </c>
      <c r="BD1904" s="9">
        <v>25717.853275599999</v>
      </c>
      <c r="BE1904" s="9">
        <v>25577.244085599999</v>
      </c>
      <c r="BF1904" s="9">
        <v>25927.199696799998</v>
      </c>
      <c r="BG1904" s="11">
        <v>-18.75</v>
      </c>
      <c r="BH1904" s="13">
        <v>-0.390625</v>
      </c>
      <c r="BI1904" s="6">
        <v>-4</v>
      </c>
      <c r="BJ1904" s="13">
        <v>-8.3333333333333329E-2</v>
      </c>
      <c r="BK1904" s="6">
        <v>1</v>
      </c>
      <c r="BL1904" s="13">
        <v>2.2727272727272728E-2</v>
      </c>
      <c r="BM1904" s="11">
        <v>-15.75</v>
      </c>
      <c r="BN1904" s="13">
        <v>-0.35</v>
      </c>
      <c r="BO1904" s="11">
        <v>-14.75</v>
      </c>
      <c r="BP1904" s="13">
        <v>-0.33522727272727271</v>
      </c>
      <c r="BQ1904" s="6">
        <v>48</v>
      </c>
      <c r="BR1904" s="6">
        <v>46</v>
      </c>
      <c r="BS1904" s="6">
        <v>44</v>
      </c>
      <c r="BT1904" s="6">
        <v>44</v>
      </c>
      <c r="BU1904" s="6">
        <v>41</v>
      </c>
      <c r="BV1904" s="6">
        <v>43</v>
      </c>
      <c r="BW1904" s="6">
        <v>45</v>
      </c>
      <c r="BX1904" s="6">
        <v>48</v>
      </c>
      <c r="BY1904" s="6">
        <v>48</v>
      </c>
      <c r="BZ1904" s="6">
        <v>31</v>
      </c>
      <c r="CA1904" s="6">
        <v>30</v>
      </c>
      <c r="CB1904" s="6">
        <v>29</v>
      </c>
      <c r="CC1904" s="11">
        <v>29.25</v>
      </c>
      <c r="CD1904" s="11">
        <v>-91.406599999999997</v>
      </c>
      <c r="CE1904" s="11">
        <v>-2.7469700000000001</v>
      </c>
      <c r="CF1904" s="11">
        <v>32.606699999999996</v>
      </c>
      <c r="CG1904" s="11">
        <v>30</v>
      </c>
      <c r="CH1904" s="20">
        <v>1.0907500000000001</v>
      </c>
      <c r="CI1904" s="20">
        <v>0.99411400000000005</v>
      </c>
      <c r="CJ1904" s="20">
        <v>0.95990299999999995</v>
      </c>
      <c r="CK1904" s="20">
        <v>0.98987199999999997</v>
      </c>
      <c r="CL1904" s="20">
        <v>1.0547599999999999</v>
      </c>
      <c r="CM1904" s="20">
        <v>1.0545800000000001</v>
      </c>
      <c r="CN1904" s="20">
        <v>1.11212</v>
      </c>
      <c r="CO1904" s="20">
        <v>1.0523100000000001</v>
      </c>
      <c r="CP1904" s="20">
        <v>1.02999</v>
      </c>
      <c r="CQ1904" s="20">
        <v>1.0579700000000001</v>
      </c>
      <c r="CR1904" s="20">
        <v>1.06081</v>
      </c>
      <c r="CS1904" s="20">
        <v>1.0124599999999999</v>
      </c>
      <c r="CT1904" s="20">
        <v>0.97633300000000001</v>
      </c>
      <c r="CU1904" s="20">
        <v>0.98128199999999999</v>
      </c>
      <c r="CV1904" s="20">
        <v>0.93936600000000003</v>
      </c>
      <c r="CW1904" s="20">
        <v>0.929512</v>
      </c>
      <c r="CX1904" s="20">
        <v>0.92538500000000001</v>
      </c>
      <c r="CY1904" s="6" t="s">
        <v>670</v>
      </c>
      <c r="CZ1904" s="6" t="s">
        <v>671</v>
      </c>
      <c r="DA1904" s="6" t="s">
        <v>64</v>
      </c>
      <c r="DB1904" s="6"/>
      <c r="DC1904" s="6">
        <v>28140</v>
      </c>
      <c r="DD1904" s="6">
        <v>312</v>
      </c>
      <c r="DE1904" s="6" t="s">
        <v>402</v>
      </c>
      <c r="DF1904" s="6" t="s">
        <v>375</v>
      </c>
      <c r="DG1904" s="6" t="s">
        <v>376</v>
      </c>
      <c r="DH1904" s="6" t="s">
        <v>328</v>
      </c>
      <c r="DI1904" s="6" t="s">
        <v>377</v>
      </c>
      <c r="DJ1904" s="6">
        <v>29</v>
      </c>
      <c r="DK1904" s="6">
        <v>177</v>
      </c>
      <c r="DL1904" s="6">
        <v>1</v>
      </c>
      <c r="DM1904" s="6" t="s">
        <v>404</v>
      </c>
      <c r="DN1904" s="6">
        <v>1</v>
      </c>
      <c r="DO1904" s="6" t="s">
        <v>405</v>
      </c>
      <c r="DP1904" s="6"/>
      <c r="DQ1904" s="6"/>
    </row>
    <row r="1905" spans="1:121" x14ac:dyDescent="0.2">
      <c r="A1905" s="6" t="s">
        <v>327</v>
      </c>
      <c r="B1905" s="6" t="s">
        <v>327</v>
      </c>
      <c r="C1905" s="6" t="s">
        <v>194</v>
      </c>
      <c r="D1905" s="6" t="s">
        <v>64</v>
      </c>
      <c r="E1905" s="6" t="s">
        <v>205</v>
      </c>
      <c r="F1905" s="11">
        <v>73</v>
      </c>
      <c r="G1905" s="13">
        <v>5.0871080139399998E-2</v>
      </c>
      <c r="H1905" s="11">
        <v>75.197186999999985</v>
      </c>
      <c r="I1905" s="13">
        <v>5.2398087627925333E-2</v>
      </c>
      <c r="J1905" s="11">
        <v>29.141104999999925</v>
      </c>
      <c r="K1905" s="13">
        <v>1.929477895935244E-2</v>
      </c>
      <c r="L1905" s="11">
        <v>-31.121295889999828</v>
      </c>
      <c r="M1905" s="13">
        <v>-2.0215834102334396E-2</v>
      </c>
      <c r="N1905" s="11">
        <v>-1.9801908899999034</v>
      </c>
      <c r="O1905" s="13">
        <v>-1.3111151934654371E-3</v>
      </c>
      <c r="P1905" s="7">
        <v>1435.113196</v>
      </c>
      <c r="Q1905" s="7">
        <v>1443.473213</v>
      </c>
      <c r="R1905" s="7">
        <v>1442.74434</v>
      </c>
      <c r="S1905" s="7">
        <v>1432.7072290000001</v>
      </c>
      <c r="T1905" s="7">
        <v>1467.924004</v>
      </c>
      <c r="U1905" s="7">
        <v>1481.482939</v>
      </c>
      <c r="V1905" s="7">
        <v>1510.310383</v>
      </c>
      <c r="W1905" s="7">
        <v>1518.88977</v>
      </c>
      <c r="X1905" s="7">
        <v>1566.214367</v>
      </c>
      <c r="Y1905" s="7">
        <v>1539.4514879999999</v>
      </c>
      <c r="Z1905" s="7">
        <v>1477.228736</v>
      </c>
      <c r="AA1905" s="7">
        <v>1446.156594</v>
      </c>
      <c r="AB1905" s="7">
        <v>1458.752493</v>
      </c>
      <c r="AC1905" s="7">
        <v>1463.9398289999999</v>
      </c>
      <c r="AD1905" s="7">
        <v>1505.0823290000001</v>
      </c>
      <c r="AE1905" s="7">
        <v>1502.764651</v>
      </c>
      <c r="AF1905" s="7">
        <v>1508.3301921100001</v>
      </c>
      <c r="AG1905" s="9">
        <v>13504.244044999999</v>
      </c>
      <c r="AH1905" s="13">
        <v>0.42774160302993131</v>
      </c>
      <c r="AI1905" s="9">
        <v>7978.7787838000004</v>
      </c>
      <c r="AJ1905" s="13">
        <v>0.25272467054292025</v>
      </c>
      <c r="AK1905" s="9">
        <v>3215.3810358999981</v>
      </c>
      <c r="AL1905" s="13">
        <v>8.1299529192212713E-2</v>
      </c>
      <c r="AM1905" s="9">
        <v>2310.084225300001</v>
      </c>
      <c r="AN1905" s="13">
        <v>5.4017861273031008E-2</v>
      </c>
      <c r="AO1905" s="9">
        <v>5525.4652611999991</v>
      </c>
      <c r="AP1905" s="13">
        <v>0.1397090171547114</v>
      </c>
      <c r="AQ1905" s="9">
        <v>31571.032486299999</v>
      </c>
      <c r="AR1905" s="9">
        <v>33221.473162299997</v>
      </c>
      <c r="AS1905" s="9">
        <v>34775.681578600001</v>
      </c>
      <c r="AT1905" s="9">
        <v>35390.151468900003</v>
      </c>
      <c r="AU1905" s="9">
        <v>42962.024102800002</v>
      </c>
      <c r="AV1905" s="9">
        <v>38433.955845600001</v>
      </c>
      <c r="AW1905" s="9">
        <v>39549.811270099999</v>
      </c>
      <c r="AX1905" s="9">
        <v>39798.533773499999</v>
      </c>
      <c r="AY1905" s="9">
        <v>40650.223866599998</v>
      </c>
      <c r="AZ1905" s="9">
        <v>42765.192305999997</v>
      </c>
      <c r="BA1905" s="9">
        <v>42648.1008889</v>
      </c>
      <c r="BB1905" s="9">
        <v>42177.382402700001</v>
      </c>
      <c r="BC1905" s="9">
        <v>41797.281718400001</v>
      </c>
      <c r="BD1905" s="9">
        <v>42720.2554647</v>
      </c>
      <c r="BE1905" s="9">
        <v>43711.701773699999</v>
      </c>
      <c r="BF1905" s="9">
        <v>45075.276531299998</v>
      </c>
      <c r="BG1905" s="11">
        <v>-0.5</v>
      </c>
      <c r="BH1905" s="13">
        <v>-7.3529411764705881E-3</v>
      </c>
      <c r="BI1905" s="6">
        <v>0</v>
      </c>
      <c r="BJ1905" s="13">
        <v>0</v>
      </c>
      <c r="BK1905" s="6">
        <v>0</v>
      </c>
      <c r="BL1905" s="13">
        <v>0</v>
      </c>
      <c r="BM1905" s="11">
        <v>-0.5</v>
      </c>
      <c r="BN1905" s="13">
        <v>-7.3529411764705881E-3</v>
      </c>
      <c r="BO1905" s="11">
        <v>-0.5</v>
      </c>
      <c r="BP1905" s="13">
        <v>-7.3529411764705881E-3</v>
      </c>
      <c r="BQ1905" s="6">
        <v>68</v>
      </c>
      <c r="BR1905" s="6">
        <v>67</v>
      </c>
      <c r="BS1905" s="6">
        <v>67</v>
      </c>
      <c r="BT1905" s="6">
        <v>68</v>
      </c>
      <c r="BU1905" s="6">
        <v>67</v>
      </c>
      <c r="BV1905" s="6">
        <v>67</v>
      </c>
      <c r="BW1905" s="6">
        <v>68</v>
      </c>
      <c r="BX1905" s="6">
        <v>66</v>
      </c>
      <c r="BY1905" s="6">
        <v>66</v>
      </c>
      <c r="BZ1905" s="6">
        <v>65</v>
      </c>
      <c r="CA1905" s="6">
        <v>67</v>
      </c>
      <c r="CB1905" s="6">
        <v>67</v>
      </c>
      <c r="CC1905" s="11">
        <v>67.5</v>
      </c>
      <c r="CD1905" s="11">
        <v>0.47482999999999997</v>
      </c>
      <c r="CE1905" s="11">
        <v>-84.132999999999996</v>
      </c>
      <c r="CF1905" s="11">
        <v>156.875</v>
      </c>
      <c r="CG1905" s="11">
        <v>73</v>
      </c>
      <c r="CH1905" s="20">
        <v>1.57979</v>
      </c>
      <c r="CI1905" s="20">
        <v>1.5379799999999999</v>
      </c>
      <c r="CJ1905" s="20">
        <v>1.53498</v>
      </c>
      <c r="CK1905" s="20">
        <v>1.53318</v>
      </c>
      <c r="CL1905" s="20">
        <v>1.7061900000000001</v>
      </c>
      <c r="CM1905" s="20">
        <v>1.70736</v>
      </c>
      <c r="CN1905" s="20">
        <v>1.7640199999999999</v>
      </c>
      <c r="CO1905" s="20">
        <v>1.7947500000000001</v>
      </c>
      <c r="CP1905" s="20">
        <v>1.78338</v>
      </c>
      <c r="CQ1905" s="20">
        <v>1.7819</v>
      </c>
      <c r="CR1905" s="20">
        <v>1.7738799999999999</v>
      </c>
      <c r="CS1905" s="20">
        <v>1.77596</v>
      </c>
      <c r="CT1905" s="20">
        <v>1.81098</v>
      </c>
      <c r="CU1905" s="20">
        <v>1.86879</v>
      </c>
      <c r="CV1905" s="20">
        <v>1.8528899999999999</v>
      </c>
      <c r="CW1905" s="20">
        <v>1.8575200000000001</v>
      </c>
      <c r="CX1905" s="20">
        <v>1.85836</v>
      </c>
      <c r="CY1905" s="6" t="s">
        <v>670</v>
      </c>
      <c r="CZ1905" s="6" t="s">
        <v>671</v>
      </c>
      <c r="DA1905" s="6" t="s">
        <v>64</v>
      </c>
      <c r="DB1905" s="6"/>
      <c r="DC1905" s="6">
        <v>28140</v>
      </c>
      <c r="DD1905" s="6">
        <v>312</v>
      </c>
      <c r="DE1905" s="6" t="s">
        <v>402</v>
      </c>
      <c r="DF1905" s="6" t="s">
        <v>375</v>
      </c>
      <c r="DG1905" s="6" t="s">
        <v>376</v>
      </c>
      <c r="DH1905" s="6" t="s">
        <v>328</v>
      </c>
      <c r="DI1905" s="6" t="s">
        <v>377</v>
      </c>
      <c r="DJ1905" s="6">
        <v>29</v>
      </c>
      <c r="DK1905" s="6">
        <v>177</v>
      </c>
      <c r="DL1905" s="6">
        <v>1</v>
      </c>
      <c r="DM1905" s="6" t="s">
        <v>404</v>
      </c>
      <c r="DN1905" s="6">
        <v>1</v>
      </c>
      <c r="DO1905" s="6" t="s">
        <v>405</v>
      </c>
      <c r="DP1905" s="6"/>
      <c r="DQ1905" s="6"/>
    </row>
    <row r="1906" spans="1:121" x14ac:dyDescent="0.2">
      <c r="A1906" s="6" t="s">
        <v>1</v>
      </c>
      <c r="B1906" s="6" t="s">
        <v>1</v>
      </c>
      <c r="C1906" s="6" t="s">
        <v>2</v>
      </c>
      <c r="D1906" s="6" t="s">
        <v>135</v>
      </c>
      <c r="E1906" s="6" t="s">
        <v>276</v>
      </c>
      <c r="F1906" s="11">
        <v>-48</v>
      </c>
      <c r="G1906" s="13">
        <v>-0.31788079470199998</v>
      </c>
      <c r="H1906" s="11">
        <v>-39.333425575000007</v>
      </c>
      <c r="I1906" s="13">
        <v>-0.26018460977702484</v>
      </c>
      <c r="J1906" s="11">
        <v>-35.758767944400006</v>
      </c>
      <c r="K1906" s="13">
        <v>-0.31972678319288672</v>
      </c>
      <c r="L1906" s="11">
        <v>26.908759371400009</v>
      </c>
      <c r="M1906" s="13">
        <v>0.35367696391039777</v>
      </c>
      <c r="N1906" s="11">
        <v>-8.8500085729999967</v>
      </c>
      <c r="O1906" s="13">
        <v>-7.9129817242987122E-2</v>
      </c>
      <c r="P1906" s="7">
        <v>151.17506607600001</v>
      </c>
      <c r="Q1906" s="7">
        <v>151.31512816399999</v>
      </c>
      <c r="R1906" s="7">
        <v>161.902443038</v>
      </c>
      <c r="S1906" s="7">
        <v>148.553691595</v>
      </c>
      <c r="T1906" s="7">
        <v>158.815619403</v>
      </c>
      <c r="U1906" s="7">
        <v>131.513899804</v>
      </c>
      <c r="V1906" s="7">
        <v>111.841640501</v>
      </c>
      <c r="W1906" s="7">
        <v>110.553093773</v>
      </c>
      <c r="X1906" s="7">
        <v>97.510834738499995</v>
      </c>
      <c r="Y1906" s="7">
        <v>76.082872556599995</v>
      </c>
      <c r="Z1906" s="7">
        <v>95.418821426199997</v>
      </c>
      <c r="AA1906" s="7">
        <v>71.679865175100005</v>
      </c>
      <c r="AB1906" s="7">
        <v>76.110194650799997</v>
      </c>
      <c r="AC1906" s="7">
        <v>79.633663404499998</v>
      </c>
      <c r="AD1906" s="7">
        <v>103.598231056</v>
      </c>
      <c r="AE1906" s="7">
        <v>103.26097975499999</v>
      </c>
      <c r="AF1906" s="7">
        <v>102.991631928</v>
      </c>
      <c r="AG1906" s="9">
        <v>5433.4571584999976</v>
      </c>
      <c r="AH1906" s="13">
        <v>0.28756765516290539</v>
      </c>
      <c r="AI1906" s="9">
        <v>1058.0930221999988</v>
      </c>
      <c r="AJ1906" s="13">
        <v>5.5999950024872513E-2</v>
      </c>
      <c r="AK1906" s="9">
        <v>-269.73577989999831</v>
      </c>
      <c r="AL1906" s="13">
        <v>-1.3518809554368577E-2</v>
      </c>
      <c r="AM1906" s="9">
        <v>4645.0999161999971</v>
      </c>
      <c r="AN1906" s="13">
        <v>0.23599681549883705</v>
      </c>
      <c r="AO1906" s="9">
        <v>4375.3641362999988</v>
      </c>
      <c r="AP1906" s="13">
        <v>0.21928760994030225</v>
      </c>
      <c r="AQ1906" s="9">
        <v>18894.535115300001</v>
      </c>
      <c r="AR1906" s="9">
        <v>19416.698205000001</v>
      </c>
      <c r="AS1906" s="9">
        <v>19519.3043846</v>
      </c>
      <c r="AT1906" s="9">
        <v>19925.416870000001</v>
      </c>
      <c r="AU1906" s="9">
        <v>19923.8609502</v>
      </c>
      <c r="AV1906" s="9">
        <v>19498.917447</v>
      </c>
      <c r="AW1906" s="9">
        <v>19952.6281375</v>
      </c>
      <c r="AX1906" s="9">
        <v>18282.716814300002</v>
      </c>
      <c r="AY1906" s="9">
        <v>18735.7127143</v>
      </c>
      <c r="AZ1906" s="9">
        <v>19682.892357600002</v>
      </c>
      <c r="BA1906" s="9">
        <v>21009.450877800002</v>
      </c>
      <c r="BB1906" s="9">
        <v>19238.447749499999</v>
      </c>
      <c r="BC1906" s="9">
        <v>23067.239374600002</v>
      </c>
      <c r="BD1906" s="9">
        <v>21336.5660689</v>
      </c>
      <c r="BE1906" s="9">
        <v>24101.486591199999</v>
      </c>
      <c r="BF1906" s="9">
        <v>24327.992273799999</v>
      </c>
      <c r="BG1906" s="11">
        <v>-1.75</v>
      </c>
      <c r="BH1906" s="13">
        <v>-0.29166666666666669</v>
      </c>
      <c r="BI1906" s="6">
        <v>-1</v>
      </c>
      <c r="BJ1906" s="13">
        <v>-0.16666666666666666</v>
      </c>
      <c r="BK1906" s="6">
        <v>1</v>
      </c>
      <c r="BL1906" s="13">
        <v>0.2</v>
      </c>
      <c r="BM1906" s="11">
        <v>-1.75</v>
      </c>
      <c r="BN1906" s="13">
        <v>-0.29166666666666669</v>
      </c>
      <c r="BO1906" s="11">
        <v>-0.75</v>
      </c>
      <c r="BP1906" s="13">
        <v>-0.15</v>
      </c>
      <c r="BQ1906" s="6">
        <v>6</v>
      </c>
      <c r="BR1906" s="6">
        <v>5</v>
      </c>
      <c r="BS1906" s="6">
        <v>6</v>
      </c>
      <c r="BT1906" s="6">
        <v>5</v>
      </c>
      <c r="BU1906" s="6">
        <v>5</v>
      </c>
      <c r="BV1906" s="6">
        <v>4</v>
      </c>
      <c r="BW1906" s="6">
        <v>6</v>
      </c>
      <c r="BX1906" s="6">
        <v>5</v>
      </c>
      <c r="BY1906" s="6">
        <v>4</v>
      </c>
      <c r="BZ1906" s="6">
        <v>5</v>
      </c>
      <c r="CA1906" s="6">
        <v>4</v>
      </c>
      <c r="CB1906" s="6">
        <v>3</v>
      </c>
      <c r="CC1906" s="11">
        <v>4.25</v>
      </c>
      <c r="CD1906" s="11">
        <v>-50.9255</v>
      </c>
      <c r="CE1906" s="11">
        <v>-13.783200000000001</v>
      </c>
      <c r="CF1906" s="11">
        <v>16.525300000000001</v>
      </c>
      <c r="CG1906" s="11">
        <v>3</v>
      </c>
      <c r="CH1906" s="20">
        <v>5.7709700000000002</v>
      </c>
      <c r="CI1906" s="20">
        <v>5.7879399999999999</v>
      </c>
      <c r="CJ1906" s="20">
        <v>5.9073399999999996</v>
      </c>
      <c r="CK1906" s="20">
        <v>5.1857600000000001</v>
      </c>
      <c r="CL1906" s="20">
        <v>5.7419500000000001</v>
      </c>
      <c r="CM1906" s="20">
        <v>5.0395500000000002</v>
      </c>
      <c r="CN1906" s="20">
        <v>4.2189500000000004</v>
      </c>
      <c r="CO1906" s="20">
        <v>4.3304600000000004</v>
      </c>
      <c r="CP1906" s="20">
        <v>3.7498999999999998</v>
      </c>
      <c r="CQ1906" s="20">
        <v>3.0648300000000002</v>
      </c>
      <c r="CR1906" s="20">
        <v>3.89642</v>
      </c>
      <c r="CS1906" s="20">
        <v>3.0267599999999999</v>
      </c>
      <c r="CT1906" s="20">
        <v>3.32402</v>
      </c>
      <c r="CU1906" s="20">
        <v>3.2663600000000002</v>
      </c>
      <c r="CV1906" s="20">
        <v>4.1302500000000002</v>
      </c>
      <c r="CW1906" s="20">
        <v>4.1678899999999999</v>
      </c>
      <c r="CX1906" s="20">
        <v>4.0527800000000003</v>
      </c>
      <c r="CY1906" s="6" t="s">
        <v>673</v>
      </c>
      <c r="CZ1906" s="6" t="s">
        <v>674</v>
      </c>
      <c r="DA1906" s="6" t="s">
        <v>135</v>
      </c>
      <c r="DB1906" s="6" t="s">
        <v>345</v>
      </c>
      <c r="DC1906" s="6"/>
      <c r="DD1906" s="6"/>
      <c r="DE1906" s="6"/>
      <c r="DF1906" s="6"/>
      <c r="DG1906" s="6"/>
      <c r="DH1906" s="6" t="s">
        <v>333</v>
      </c>
      <c r="DI1906" s="6"/>
      <c r="DJ1906" s="6"/>
      <c r="DK1906" s="6"/>
      <c r="DL1906" s="6">
        <v>12</v>
      </c>
      <c r="DM1906" s="6" t="s">
        <v>602</v>
      </c>
      <c r="DN1906" s="6">
        <v>9</v>
      </c>
      <c r="DO1906" s="6" t="s">
        <v>384</v>
      </c>
      <c r="DP1906" s="6"/>
      <c r="DQ1906" s="6"/>
    </row>
    <row r="1907" spans="1:121" x14ac:dyDescent="0.2">
      <c r="A1907" s="6" t="s">
        <v>310</v>
      </c>
      <c r="B1907" s="6" t="s">
        <v>310</v>
      </c>
      <c r="C1907" s="6" t="s">
        <v>173</v>
      </c>
      <c r="D1907" s="6" t="s">
        <v>135</v>
      </c>
      <c r="E1907" s="6" t="s">
        <v>276</v>
      </c>
      <c r="F1907" s="11">
        <v>1</v>
      </c>
      <c r="G1907" s="13">
        <v>1</v>
      </c>
      <c r="H1907" s="11">
        <v>-5</v>
      </c>
      <c r="I1907" s="13">
        <v>-1</v>
      </c>
      <c r="J1907" s="11">
        <v>5</v>
      </c>
      <c r="K1907" s="13"/>
      <c r="L1907" s="11">
        <v>0</v>
      </c>
      <c r="M1907" s="13">
        <v>0</v>
      </c>
      <c r="N1907" s="11">
        <v>5</v>
      </c>
      <c r="O1907" s="13"/>
      <c r="P1907" s="7">
        <v>5</v>
      </c>
      <c r="Q1907" s="7">
        <v>0</v>
      </c>
      <c r="R1907" s="7">
        <v>0</v>
      </c>
      <c r="S1907" s="7">
        <v>0</v>
      </c>
      <c r="T1907" s="7">
        <v>0</v>
      </c>
      <c r="U1907" s="7">
        <v>0</v>
      </c>
      <c r="V1907" s="7">
        <v>0</v>
      </c>
      <c r="W1907" s="7">
        <v>5</v>
      </c>
      <c r="X1907" s="7">
        <v>5</v>
      </c>
      <c r="Y1907" s="7">
        <v>5</v>
      </c>
      <c r="Z1907" s="7">
        <v>5</v>
      </c>
      <c r="AA1907" s="7">
        <v>5</v>
      </c>
      <c r="AB1907" s="7">
        <v>5</v>
      </c>
      <c r="AC1907" s="7">
        <v>5</v>
      </c>
      <c r="AD1907" s="7">
        <v>5</v>
      </c>
      <c r="AE1907" s="7">
        <v>5</v>
      </c>
      <c r="AF1907" s="7">
        <v>5</v>
      </c>
      <c r="AG1907" s="9">
        <v>0</v>
      </c>
      <c r="AH1907" s="13">
        <v>0</v>
      </c>
      <c r="AI1907" s="9">
        <v>-1</v>
      </c>
      <c r="AJ1907" s="13">
        <v>-1</v>
      </c>
      <c r="AK1907" s="9">
        <v>1</v>
      </c>
      <c r="AL1907" s="13"/>
      <c r="AM1907" s="9">
        <v>0</v>
      </c>
      <c r="AN1907" s="13">
        <v>0</v>
      </c>
      <c r="AO1907" s="9">
        <v>1</v>
      </c>
      <c r="AP1907" s="13"/>
      <c r="AQ1907" s="9">
        <v>1</v>
      </c>
      <c r="AR1907" s="9">
        <v>0</v>
      </c>
      <c r="AS1907" s="9">
        <v>0</v>
      </c>
      <c r="AT1907" s="9">
        <v>0</v>
      </c>
      <c r="AU1907" s="9">
        <v>0</v>
      </c>
      <c r="AV1907" s="9">
        <v>0</v>
      </c>
      <c r="AW1907" s="9">
        <v>0</v>
      </c>
      <c r="AX1907" s="9">
        <v>1</v>
      </c>
      <c r="AY1907" s="9">
        <v>1</v>
      </c>
      <c r="AZ1907" s="9">
        <v>1</v>
      </c>
      <c r="BA1907" s="9">
        <v>1</v>
      </c>
      <c r="BB1907" s="9">
        <v>1</v>
      </c>
      <c r="BC1907" s="9">
        <v>1</v>
      </c>
      <c r="BD1907" s="9">
        <v>1</v>
      </c>
      <c r="BE1907" s="9">
        <v>1</v>
      </c>
      <c r="BF1907" s="9">
        <v>1</v>
      </c>
      <c r="BG1907" s="11">
        <v>1</v>
      </c>
      <c r="BH1907" s="13" t="e">
        <v>#DIV/0!</v>
      </c>
      <c r="BI1907" s="6">
        <v>0</v>
      </c>
      <c r="BJ1907" s="13" t="e">
        <v>#DIV/0!</v>
      </c>
      <c r="BK1907" s="6">
        <v>1</v>
      </c>
      <c r="BL1907" s="13" t="e">
        <v>#DIV/0!</v>
      </c>
      <c r="BM1907" s="11">
        <v>0</v>
      </c>
      <c r="BN1907" s="13">
        <v>0</v>
      </c>
      <c r="BO1907" s="11">
        <v>1</v>
      </c>
      <c r="BP1907" s="13" t="e">
        <v>#DIV/0!</v>
      </c>
      <c r="BQ1907" s="6">
        <v>0</v>
      </c>
      <c r="BR1907" s="6">
        <v>0</v>
      </c>
      <c r="BS1907" s="6">
        <v>0</v>
      </c>
      <c r="BT1907" s="6">
        <v>0</v>
      </c>
      <c r="BU1907" s="6">
        <v>0</v>
      </c>
      <c r="BV1907" s="6">
        <v>1</v>
      </c>
      <c r="BW1907" s="6">
        <v>1</v>
      </c>
      <c r="BX1907" s="6">
        <v>1</v>
      </c>
      <c r="BY1907" s="6">
        <v>1</v>
      </c>
      <c r="BZ1907" s="6">
        <v>1</v>
      </c>
      <c r="CA1907" s="6">
        <v>1</v>
      </c>
      <c r="CB1907" s="6">
        <v>1</v>
      </c>
      <c r="CC1907" s="11">
        <v>1</v>
      </c>
      <c r="CD1907" s="11">
        <v>-9.3206600000000002</v>
      </c>
      <c r="CE1907" s="11">
        <v>0.96557400000000004</v>
      </c>
      <c r="CF1907" s="11">
        <v>1.01736</v>
      </c>
      <c r="CG1907" s="11">
        <v>2</v>
      </c>
      <c r="CH1907" s="20">
        <v>1.25223</v>
      </c>
      <c r="CI1907" s="20">
        <v>0</v>
      </c>
      <c r="CJ1907" s="20">
        <v>0</v>
      </c>
      <c r="CK1907" s="20">
        <v>0</v>
      </c>
      <c r="CL1907" s="20">
        <v>0</v>
      </c>
      <c r="CM1907" s="20">
        <v>0</v>
      </c>
      <c r="CN1907" s="20">
        <v>0</v>
      </c>
      <c r="CO1907" s="20">
        <v>3.1347300000000002E-2</v>
      </c>
      <c r="CP1907" s="20">
        <v>7.9060800000000001E-2</v>
      </c>
      <c r="CQ1907" s="20">
        <v>0.51933399999999996</v>
      </c>
      <c r="CR1907" s="20">
        <v>0.21100099999999999</v>
      </c>
      <c r="CS1907" s="20">
        <v>0.40093000000000001</v>
      </c>
      <c r="CT1907" s="20">
        <v>0.48288500000000001</v>
      </c>
      <c r="CU1907" s="20">
        <v>0.18015800000000001</v>
      </c>
      <c r="CV1907" s="20">
        <v>9.7687700000000002E-2</v>
      </c>
      <c r="CW1907" s="20">
        <v>0.25473299999999999</v>
      </c>
      <c r="CX1907" s="20">
        <v>0.22923199999999999</v>
      </c>
      <c r="CY1907" s="6" t="s">
        <v>673</v>
      </c>
      <c r="CZ1907" s="6" t="s">
        <v>674</v>
      </c>
      <c r="DA1907" s="6" t="s">
        <v>135</v>
      </c>
      <c r="DB1907" s="6" t="s">
        <v>345</v>
      </c>
      <c r="DC1907" s="6"/>
      <c r="DD1907" s="6"/>
      <c r="DE1907" s="6"/>
      <c r="DF1907" s="6"/>
      <c r="DG1907" s="6"/>
      <c r="DH1907" s="6" t="s">
        <v>333</v>
      </c>
      <c r="DI1907" s="6"/>
      <c r="DJ1907" s="6"/>
      <c r="DK1907" s="6"/>
      <c r="DL1907" s="6">
        <v>12</v>
      </c>
      <c r="DM1907" s="6" t="s">
        <v>602</v>
      </c>
      <c r="DN1907" s="6">
        <v>9</v>
      </c>
      <c r="DO1907" s="6" t="s">
        <v>384</v>
      </c>
      <c r="DP1907" s="6"/>
      <c r="DQ1907" s="6"/>
    </row>
    <row r="1908" spans="1:121" x14ac:dyDescent="0.2">
      <c r="A1908" s="6" t="s">
        <v>311</v>
      </c>
      <c r="B1908" s="6" t="s">
        <v>311</v>
      </c>
      <c r="C1908" s="6" t="s">
        <v>174</v>
      </c>
      <c r="D1908" s="6" t="s">
        <v>135</v>
      </c>
      <c r="E1908" s="6" t="s">
        <v>276</v>
      </c>
      <c r="F1908" s="11">
        <v>1</v>
      </c>
      <c r="G1908" s="13">
        <v>1</v>
      </c>
      <c r="H1908" s="11">
        <v>0</v>
      </c>
      <c r="I1908" s="13">
        <v>0</v>
      </c>
      <c r="J1908" s="11">
        <v>0</v>
      </c>
      <c r="K1908" s="13">
        <v>0</v>
      </c>
      <c r="L1908" s="11">
        <v>0</v>
      </c>
      <c r="M1908" s="13">
        <v>0</v>
      </c>
      <c r="N1908" s="11">
        <v>0</v>
      </c>
      <c r="O1908" s="13">
        <v>0</v>
      </c>
      <c r="P1908" s="7">
        <v>5</v>
      </c>
      <c r="Q1908" s="7">
        <v>5</v>
      </c>
      <c r="R1908" s="7">
        <v>5</v>
      </c>
      <c r="S1908" s="7">
        <v>5</v>
      </c>
      <c r="T1908" s="7">
        <v>5</v>
      </c>
      <c r="U1908" s="7">
        <v>5</v>
      </c>
      <c r="V1908" s="7">
        <v>5</v>
      </c>
      <c r="W1908" s="7">
        <v>5</v>
      </c>
      <c r="X1908" s="7">
        <v>5</v>
      </c>
      <c r="Y1908" s="7">
        <v>5</v>
      </c>
      <c r="Z1908" s="7">
        <v>47.109040999999998</v>
      </c>
      <c r="AA1908" s="7">
        <v>5</v>
      </c>
      <c r="AB1908" s="7">
        <v>5</v>
      </c>
      <c r="AC1908" s="7">
        <v>5</v>
      </c>
      <c r="AD1908" s="7">
        <v>5</v>
      </c>
      <c r="AE1908" s="7">
        <v>5</v>
      </c>
      <c r="AF1908" s="7">
        <v>5</v>
      </c>
      <c r="AG1908" s="9">
        <v>0</v>
      </c>
      <c r="AH1908" s="13">
        <v>0</v>
      </c>
      <c r="AI1908" s="9">
        <v>0</v>
      </c>
      <c r="AJ1908" s="13">
        <v>0</v>
      </c>
      <c r="AK1908" s="9">
        <v>0</v>
      </c>
      <c r="AL1908" s="13">
        <v>0</v>
      </c>
      <c r="AM1908" s="9">
        <v>0</v>
      </c>
      <c r="AN1908" s="13">
        <v>0</v>
      </c>
      <c r="AO1908" s="9">
        <v>0</v>
      </c>
      <c r="AP1908" s="13">
        <v>0</v>
      </c>
      <c r="AQ1908" s="9">
        <v>1</v>
      </c>
      <c r="AR1908" s="9">
        <v>1</v>
      </c>
      <c r="AS1908" s="9">
        <v>1</v>
      </c>
      <c r="AT1908" s="9">
        <v>1</v>
      </c>
      <c r="AU1908" s="9">
        <v>1</v>
      </c>
      <c r="AV1908" s="9">
        <v>1</v>
      </c>
      <c r="AW1908" s="9">
        <v>1</v>
      </c>
      <c r="AX1908" s="9">
        <v>1</v>
      </c>
      <c r="AY1908" s="9">
        <v>1</v>
      </c>
      <c r="AZ1908" s="9">
        <v>1</v>
      </c>
      <c r="BA1908" s="9">
        <v>39559.852749700003</v>
      </c>
      <c r="BB1908" s="9">
        <v>1</v>
      </c>
      <c r="BC1908" s="9">
        <v>1</v>
      </c>
      <c r="BD1908" s="9">
        <v>1</v>
      </c>
      <c r="BE1908" s="9">
        <v>1</v>
      </c>
      <c r="BF1908" s="9">
        <v>1</v>
      </c>
      <c r="BG1908" s="11">
        <v>0</v>
      </c>
      <c r="BH1908" s="13">
        <v>0</v>
      </c>
      <c r="BI1908" s="6">
        <v>0</v>
      </c>
      <c r="BJ1908" s="13">
        <v>0</v>
      </c>
      <c r="BK1908" s="6">
        <v>0</v>
      </c>
      <c r="BL1908" s="13">
        <v>0</v>
      </c>
      <c r="BM1908" s="11">
        <v>0</v>
      </c>
      <c r="BN1908" s="13">
        <v>0</v>
      </c>
      <c r="BO1908" s="11">
        <v>0</v>
      </c>
      <c r="BP1908" s="13">
        <v>0</v>
      </c>
      <c r="BQ1908" s="6">
        <v>1</v>
      </c>
      <c r="BR1908" s="6">
        <v>1</v>
      </c>
      <c r="BS1908" s="6">
        <v>1</v>
      </c>
      <c r="BT1908" s="6">
        <v>1</v>
      </c>
      <c r="BU1908" s="6">
        <v>1</v>
      </c>
      <c r="BV1908" s="6">
        <v>1</v>
      </c>
      <c r="BW1908" s="6">
        <v>1</v>
      </c>
      <c r="BX1908" s="6">
        <v>1</v>
      </c>
      <c r="BY1908" s="6">
        <v>1</v>
      </c>
      <c r="BZ1908" s="6">
        <v>1</v>
      </c>
      <c r="CA1908" s="6">
        <v>1</v>
      </c>
      <c r="CB1908" s="6">
        <v>1</v>
      </c>
      <c r="CC1908" s="11">
        <v>1</v>
      </c>
      <c r="CD1908" s="11">
        <v>7.3324600000000002</v>
      </c>
      <c r="CE1908" s="11">
        <v>-0.43421700000000002</v>
      </c>
      <c r="CF1908" s="11">
        <v>0.29147699999999999</v>
      </c>
      <c r="CG1908" s="11">
        <v>0</v>
      </c>
      <c r="CH1908" s="20">
        <v>0.32744800000000002</v>
      </c>
      <c r="CI1908" s="20">
        <v>0.392515</v>
      </c>
      <c r="CJ1908" s="20">
        <v>0.51086399999999998</v>
      </c>
      <c r="CK1908" s="20">
        <v>0.56439700000000004</v>
      </c>
      <c r="CL1908" s="20">
        <v>0.69080200000000003</v>
      </c>
      <c r="CM1908" s="20">
        <v>0.78507700000000002</v>
      </c>
      <c r="CN1908" s="20">
        <v>0.67155600000000004</v>
      </c>
      <c r="CO1908" s="20">
        <v>1.05853</v>
      </c>
      <c r="CP1908" s="20">
        <v>1.10971</v>
      </c>
      <c r="CQ1908" s="20">
        <v>1.0827100000000001</v>
      </c>
      <c r="CR1908" s="20">
        <v>6.4798099999999996</v>
      </c>
      <c r="CS1908" s="20">
        <v>1.1194599999999999</v>
      </c>
      <c r="CT1908" s="20">
        <v>1.1201000000000001</v>
      </c>
      <c r="CU1908" s="20">
        <v>1.05087</v>
      </c>
      <c r="CV1908" s="20">
        <v>1.16195</v>
      </c>
      <c r="CW1908" s="20">
        <v>1.35181</v>
      </c>
      <c r="CX1908" s="20">
        <v>1.3421400000000001</v>
      </c>
      <c r="CY1908" s="6" t="s">
        <v>673</v>
      </c>
      <c r="CZ1908" s="6" t="s">
        <v>674</v>
      </c>
      <c r="DA1908" s="6" t="s">
        <v>135</v>
      </c>
      <c r="DB1908" s="6" t="s">
        <v>345</v>
      </c>
      <c r="DC1908" s="6"/>
      <c r="DD1908" s="6"/>
      <c r="DE1908" s="6"/>
      <c r="DF1908" s="6"/>
      <c r="DG1908" s="6"/>
      <c r="DH1908" s="6" t="s">
        <v>333</v>
      </c>
      <c r="DI1908" s="6"/>
      <c r="DJ1908" s="6"/>
      <c r="DK1908" s="6"/>
      <c r="DL1908" s="6">
        <v>12</v>
      </c>
      <c r="DM1908" s="6" t="s">
        <v>602</v>
      </c>
      <c r="DN1908" s="6">
        <v>9</v>
      </c>
      <c r="DO1908" s="6" t="s">
        <v>384</v>
      </c>
      <c r="DP1908" s="6"/>
      <c r="DQ1908" s="6"/>
    </row>
    <row r="1909" spans="1:121" x14ac:dyDescent="0.2">
      <c r="A1909" s="6" t="s">
        <v>312</v>
      </c>
      <c r="B1909" s="6" t="s">
        <v>312</v>
      </c>
      <c r="C1909" s="6" t="s">
        <v>175</v>
      </c>
      <c r="D1909" s="6" t="s">
        <v>135</v>
      </c>
      <c r="E1909" s="6" t="s">
        <v>276</v>
      </c>
      <c r="F1909" s="11">
        <v>-33</v>
      </c>
      <c r="G1909" s="13">
        <v>-0.428571428571</v>
      </c>
      <c r="H1909" s="11">
        <v>17.281598282399997</v>
      </c>
      <c r="I1909" s="13">
        <v>0.22412552245763104</v>
      </c>
      <c r="J1909" s="11">
        <v>-24.232525940300008</v>
      </c>
      <c r="K1909" s="13">
        <v>-0.25673208202224995</v>
      </c>
      <c r="L1909" s="11">
        <v>-25.820070122799997</v>
      </c>
      <c r="M1909" s="13">
        <v>-0.36803869860974969</v>
      </c>
      <c r="N1909" s="11">
        <v>-50.052596063100005</v>
      </c>
      <c r="O1909" s="13">
        <v>-0.53028343927315924</v>
      </c>
      <c r="P1909" s="7">
        <v>77.106784148900005</v>
      </c>
      <c r="Q1909" s="7">
        <v>101.97735867199999</v>
      </c>
      <c r="R1909" s="7">
        <v>114.684504913</v>
      </c>
      <c r="S1909" s="7">
        <v>123.830084396</v>
      </c>
      <c r="T1909" s="7">
        <v>85.330214886199997</v>
      </c>
      <c r="U1909" s="7">
        <v>88.169781126800004</v>
      </c>
      <c r="V1909" s="7">
        <v>94.388382431300002</v>
      </c>
      <c r="W1909" s="7">
        <v>112.660536806</v>
      </c>
      <c r="X1909" s="7">
        <v>116.16499668599999</v>
      </c>
      <c r="Y1909" s="7">
        <v>70.155856490999994</v>
      </c>
      <c r="Z1909" s="7">
        <v>54.399891719499998</v>
      </c>
      <c r="AA1909" s="7">
        <v>42.1400064101</v>
      </c>
      <c r="AB1909" s="7">
        <v>39.166145897299998</v>
      </c>
      <c r="AC1909" s="7">
        <v>43.353248278099997</v>
      </c>
      <c r="AD1909" s="7">
        <v>42.687266610400002</v>
      </c>
      <c r="AE1909" s="7">
        <v>44.039718189699997</v>
      </c>
      <c r="AF1909" s="7">
        <v>44.335786368199997</v>
      </c>
      <c r="AG1909" s="9">
        <v>-15346.894992299996</v>
      </c>
      <c r="AH1909" s="13">
        <v>-0.38977427311670432</v>
      </c>
      <c r="AI1909" s="9">
        <v>6712.1119701999996</v>
      </c>
      <c r="AJ1909" s="13">
        <v>0.17047152310452807</v>
      </c>
      <c r="AK1909" s="9">
        <v>-20564.384628899999</v>
      </c>
      <c r="AL1909" s="13">
        <v>-0.44621844135021183</v>
      </c>
      <c r="AM1909" s="9">
        <v>-1494.6223335999966</v>
      </c>
      <c r="AN1909" s="13">
        <v>-5.8563196701165318E-2</v>
      </c>
      <c r="AO1909" s="9">
        <v>-22059.006962499996</v>
      </c>
      <c r="AP1909" s="13">
        <v>-0.47864965969889733</v>
      </c>
      <c r="AQ1909" s="9">
        <v>39373.801840699998</v>
      </c>
      <c r="AR1909" s="9">
        <v>41039.640307900001</v>
      </c>
      <c r="AS1909" s="9">
        <v>40379.513392699999</v>
      </c>
      <c r="AT1909" s="9">
        <v>39093.142741099997</v>
      </c>
      <c r="AU1909" s="9">
        <v>38021.4741326</v>
      </c>
      <c r="AV1909" s="9">
        <v>36534.872637400003</v>
      </c>
      <c r="AW1909" s="9">
        <v>46085.913810899998</v>
      </c>
      <c r="AX1909" s="9">
        <v>49389.856824000002</v>
      </c>
      <c r="AY1909" s="9">
        <v>51563.946957</v>
      </c>
      <c r="AZ1909" s="9">
        <v>25521.529181999998</v>
      </c>
      <c r="BA1909" s="9">
        <v>24882.041903000001</v>
      </c>
      <c r="BB1909" s="9">
        <v>22869.401804199999</v>
      </c>
      <c r="BC1909" s="9">
        <v>23625.746862799999</v>
      </c>
      <c r="BD1909" s="9">
        <v>24014.509322099999</v>
      </c>
      <c r="BE1909" s="9">
        <v>24146.9514322</v>
      </c>
      <c r="BF1909" s="9">
        <v>24026.906848400002</v>
      </c>
      <c r="BG1909" s="11">
        <v>-8.75</v>
      </c>
      <c r="BH1909" s="13">
        <v>-0.625</v>
      </c>
      <c r="BI1909" s="6">
        <v>-4</v>
      </c>
      <c r="BJ1909" s="13">
        <v>-0.2857142857142857</v>
      </c>
      <c r="BK1909" s="6">
        <v>-3</v>
      </c>
      <c r="BL1909" s="13">
        <v>-0.3</v>
      </c>
      <c r="BM1909" s="11">
        <v>-1.75</v>
      </c>
      <c r="BN1909" s="13">
        <v>-0.25</v>
      </c>
      <c r="BO1909" s="11">
        <v>-4.75</v>
      </c>
      <c r="BP1909" s="13">
        <v>-0.47499999999999998</v>
      </c>
      <c r="BQ1909" s="6">
        <v>14</v>
      </c>
      <c r="BR1909" s="6">
        <v>13</v>
      </c>
      <c r="BS1909" s="6">
        <v>11</v>
      </c>
      <c r="BT1909" s="6">
        <v>10</v>
      </c>
      <c r="BU1909" s="6">
        <v>7</v>
      </c>
      <c r="BV1909" s="6">
        <v>6</v>
      </c>
      <c r="BW1909" s="6">
        <v>7</v>
      </c>
      <c r="BX1909" s="6">
        <v>6</v>
      </c>
      <c r="BY1909" s="6">
        <v>4</v>
      </c>
      <c r="BZ1909" s="6">
        <v>5</v>
      </c>
      <c r="CA1909" s="6">
        <v>6</v>
      </c>
      <c r="CB1909" s="6">
        <v>6</v>
      </c>
      <c r="CC1909" s="11">
        <v>5.25</v>
      </c>
      <c r="CD1909" s="11">
        <v>-31.860099999999999</v>
      </c>
      <c r="CE1909" s="11">
        <v>-9.3395899999999994</v>
      </c>
      <c r="CF1909" s="11">
        <v>8.4286999999999992</v>
      </c>
      <c r="CG1909" s="11">
        <v>-1</v>
      </c>
      <c r="CH1909" s="20">
        <v>0.65282899999999999</v>
      </c>
      <c r="CI1909" s="20">
        <v>0.86202000000000001</v>
      </c>
      <c r="CJ1909" s="20">
        <v>0.91249100000000005</v>
      </c>
      <c r="CK1909" s="20">
        <v>0.90785700000000003</v>
      </c>
      <c r="CL1909" s="20">
        <v>0.62259900000000001</v>
      </c>
      <c r="CM1909" s="20">
        <v>0.65276400000000001</v>
      </c>
      <c r="CN1909" s="20">
        <v>0.68777999999999995</v>
      </c>
      <c r="CO1909" s="20">
        <v>0.87614199999999998</v>
      </c>
      <c r="CP1909" s="20">
        <v>1.0089900000000001</v>
      </c>
      <c r="CQ1909" s="20">
        <v>0.69005799999999995</v>
      </c>
      <c r="CR1909" s="20">
        <v>0.55282600000000004</v>
      </c>
      <c r="CS1909" s="20">
        <v>0.44442100000000001</v>
      </c>
      <c r="CT1909" s="20">
        <v>0.42203800000000002</v>
      </c>
      <c r="CU1909" s="20">
        <v>0.42860900000000002</v>
      </c>
      <c r="CV1909" s="20">
        <v>0.39942699999999998</v>
      </c>
      <c r="CW1909" s="20">
        <v>0.40806999999999999</v>
      </c>
      <c r="CX1909" s="20">
        <v>0.398669</v>
      </c>
      <c r="CY1909" s="6" t="s">
        <v>673</v>
      </c>
      <c r="CZ1909" s="6" t="s">
        <v>674</v>
      </c>
      <c r="DA1909" s="6" t="s">
        <v>135</v>
      </c>
      <c r="DB1909" s="6" t="s">
        <v>345</v>
      </c>
      <c r="DC1909" s="6"/>
      <c r="DD1909" s="6"/>
      <c r="DE1909" s="6"/>
      <c r="DF1909" s="6"/>
      <c r="DG1909" s="6"/>
      <c r="DH1909" s="6" t="s">
        <v>333</v>
      </c>
      <c r="DI1909" s="6"/>
      <c r="DJ1909" s="6"/>
      <c r="DK1909" s="6"/>
      <c r="DL1909" s="6">
        <v>12</v>
      </c>
      <c r="DM1909" s="6" t="s">
        <v>602</v>
      </c>
      <c r="DN1909" s="6">
        <v>9</v>
      </c>
      <c r="DO1909" s="6" t="s">
        <v>384</v>
      </c>
      <c r="DP1909" s="6"/>
      <c r="DQ1909" s="6"/>
    </row>
    <row r="1910" spans="1:121" x14ac:dyDescent="0.2">
      <c r="A1910" s="6" t="s">
        <v>792</v>
      </c>
      <c r="B1910" s="6" t="s">
        <v>176</v>
      </c>
      <c r="C1910" s="6" t="s">
        <v>177</v>
      </c>
      <c r="D1910" s="6" t="s">
        <v>135</v>
      </c>
      <c r="E1910" s="6" t="s">
        <v>276</v>
      </c>
      <c r="F1910" s="11">
        <v>-44</v>
      </c>
      <c r="G1910" s="13">
        <v>-0.10576923076899999</v>
      </c>
      <c r="H1910" s="11">
        <v>-120.64814964099997</v>
      </c>
      <c r="I1910" s="13">
        <v>-0.28980016373181727</v>
      </c>
      <c r="J1910" s="11">
        <v>-124.388093849</v>
      </c>
      <c r="K1910" s="13">
        <v>-0.42070357808369863</v>
      </c>
      <c r="L1910" s="11">
        <v>200.83751055000002</v>
      </c>
      <c r="M1910" s="13">
        <v>1.1725770141567264</v>
      </c>
      <c r="N1910" s="11">
        <v>76.449416701000018</v>
      </c>
      <c r="O1910" s="13">
        <v>0.2585660906385932</v>
      </c>
      <c r="P1910" s="7">
        <v>416.31498094199998</v>
      </c>
      <c r="Q1910" s="7">
        <v>346.44667727299998</v>
      </c>
      <c r="R1910" s="7">
        <v>369.863245823</v>
      </c>
      <c r="S1910" s="7">
        <v>398.03496145899999</v>
      </c>
      <c r="T1910" s="7">
        <v>329.13028882999998</v>
      </c>
      <c r="U1910" s="7">
        <v>330.241431342</v>
      </c>
      <c r="V1910" s="7">
        <v>295.666831301</v>
      </c>
      <c r="W1910" s="7">
        <v>278.43507657800001</v>
      </c>
      <c r="X1910" s="7">
        <v>243.81547789499999</v>
      </c>
      <c r="Y1910" s="7">
        <v>171.278737452</v>
      </c>
      <c r="Z1910" s="7">
        <v>164.96176666900001</v>
      </c>
      <c r="AA1910" s="7">
        <v>240.477724548</v>
      </c>
      <c r="AB1910" s="7">
        <v>253.32768271</v>
      </c>
      <c r="AC1910" s="7">
        <v>347.92649592700002</v>
      </c>
      <c r="AD1910" s="7">
        <v>335.53742744499999</v>
      </c>
      <c r="AE1910" s="7">
        <v>356.53028248599998</v>
      </c>
      <c r="AF1910" s="7">
        <v>372.11624800200002</v>
      </c>
      <c r="AG1910" s="9">
        <v>11705.033194399995</v>
      </c>
      <c r="AH1910" s="13">
        <v>0.52620906401967549</v>
      </c>
      <c r="AI1910" s="9">
        <v>14074.986093800002</v>
      </c>
      <c r="AJ1910" s="13">
        <v>0.63275217895596081</v>
      </c>
      <c r="AK1910" s="9">
        <v>-2418.1731963000057</v>
      </c>
      <c r="AL1910" s="13">
        <v>-6.6581382088300459E-2</v>
      </c>
      <c r="AM1910" s="9">
        <v>48.220296899999084</v>
      </c>
      <c r="AN1910" s="13">
        <v>1.4223904375168777E-3</v>
      </c>
      <c r="AO1910" s="9">
        <v>-2369.9528994000066</v>
      </c>
      <c r="AP1910" s="13">
        <v>-6.5253696371982639E-2</v>
      </c>
      <c r="AQ1910" s="9">
        <v>22244.073686200001</v>
      </c>
      <c r="AR1910" s="9">
        <v>26412.7580327</v>
      </c>
      <c r="AS1910" s="9">
        <v>28964.568486700002</v>
      </c>
      <c r="AT1910" s="9">
        <v>30096.570494600001</v>
      </c>
      <c r="AU1910" s="9">
        <v>30984.086759099999</v>
      </c>
      <c r="AV1910" s="9">
        <v>38964.303357099998</v>
      </c>
      <c r="AW1910" s="9">
        <v>36319.059780000003</v>
      </c>
      <c r="AX1910" s="9">
        <v>27511.705631500001</v>
      </c>
      <c r="AY1910" s="9">
        <v>26126.401045999999</v>
      </c>
      <c r="AZ1910" s="9">
        <v>33900.886583699998</v>
      </c>
      <c r="BA1910" s="9">
        <v>27238.210400399999</v>
      </c>
      <c r="BB1910" s="9">
        <v>30840.564933599999</v>
      </c>
      <c r="BC1910" s="9">
        <v>31291.280168699999</v>
      </c>
      <c r="BD1910" s="9">
        <v>31175.291011199999</v>
      </c>
      <c r="BE1910" s="9">
        <v>33447.728083000002</v>
      </c>
      <c r="BF1910" s="9">
        <v>33949.106880599997</v>
      </c>
      <c r="BG1910" s="11">
        <v>-10.25</v>
      </c>
      <c r="BH1910" s="13">
        <v>-0.3203125</v>
      </c>
      <c r="BI1910" s="6">
        <v>-1</v>
      </c>
      <c r="BJ1910" s="13">
        <v>-3.125E-2</v>
      </c>
      <c r="BK1910" s="6">
        <v>-6</v>
      </c>
      <c r="BL1910" s="13">
        <v>-0.19354838709677419</v>
      </c>
      <c r="BM1910" s="11">
        <v>-3.25</v>
      </c>
      <c r="BN1910" s="13">
        <v>-0.13</v>
      </c>
      <c r="BO1910" s="11">
        <v>-9.25</v>
      </c>
      <c r="BP1910" s="13">
        <v>-0.29838709677419356</v>
      </c>
      <c r="BQ1910" s="6">
        <v>32</v>
      </c>
      <c r="BR1910" s="6">
        <v>32</v>
      </c>
      <c r="BS1910" s="6">
        <v>34</v>
      </c>
      <c r="BT1910" s="6">
        <v>31</v>
      </c>
      <c r="BU1910" s="6">
        <v>27</v>
      </c>
      <c r="BV1910" s="6">
        <v>27</v>
      </c>
      <c r="BW1910" s="6">
        <v>25</v>
      </c>
      <c r="BX1910" s="6">
        <v>23</v>
      </c>
      <c r="BY1910" s="6">
        <v>24</v>
      </c>
      <c r="BZ1910" s="6">
        <v>25</v>
      </c>
      <c r="CA1910" s="6">
        <v>24</v>
      </c>
      <c r="CB1910" s="6">
        <v>23</v>
      </c>
      <c r="CC1910" s="11">
        <v>21.75</v>
      </c>
      <c r="CD1910" s="11">
        <v>57.242899999999999</v>
      </c>
      <c r="CE1910" s="11">
        <v>-146.94999999999999</v>
      </c>
      <c r="CF1910" s="11">
        <v>45.508200000000002</v>
      </c>
      <c r="CG1910" s="11">
        <v>-101</v>
      </c>
      <c r="CH1910" s="20">
        <v>1.8411299999999999</v>
      </c>
      <c r="CI1910" s="20">
        <v>1.6347</v>
      </c>
      <c r="CJ1910" s="20">
        <v>1.75596</v>
      </c>
      <c r="CK1910" s="20">
        <v>1.8442799999999999</v>
      </c>
      <c r="CL1910" s="20">
        <v>1.5981700000000001</v>
      </c>
      <c r="CM1910" s="20">
        <v>1.70547</v>
      </c>
      <c r="CN1910" s="20">
        <v>1.5214799999999999</v>
      </c>
      <c r="CO1910" s="20">
        <v>1.4961500000000001</v>
      </c>
      <c r="CP1910" s="20">
        <v>1.4416599999999999</v>
      </c>
      <c r="CQ1910" s="20">
        <v>1.08494</v>
      </c>
      <c r="CR1910" s="20">
        <v>1.0474300000000001</v>
      </c>
      <c r="CS1910" s="20">
        <v>1.57325</v>
      </c>
      <c r="CT1910" s="20">
        <v>1.72001</v>
      </c>
      <c r="CU1910" s="20">
        <v>2.2204999999999999</v>
      </c>
      <c r="CV1910" s="20">
        <v>2.0835499999999998</v>
      </c>
      <c r="CW1910" s="20">
        <v>2.24017</v>
      </c>
      <c r="CX1910" s="20">
        <v>2.2835800000000002</v>
      </c>
      <c r="CY1910" s="6" t="s">
        <v>673</v>
      </c>
      <c r="CZ1910" s="6" t="s">
        <v>674</v>
      </c>
      <c r="DA1910" s="6" t="s">
        <v>135</v>
      </c>
      <c r="DB1910" s="6" t="s">
        <v>345</v>
      </c>
      <c r="DC1910" s="6"/>
      <c r="DD1910" s="6"/>
      <c r="DE1910" s="6"/>
      <c r="DF1910" s="6"/>
      <c r="DG1910" s="6"/>
      <c r="DH1910" s="6" t="s">
        <v>333</v>
      </c>
      <c r="DI1910" s="6"/>
      <c r="DJ1910" s="6"/>
      <c r="DK1910" s="6"/>
      <c r="DL1910" s="6">
        <v>12</v>
      </c>
      <c r="DM1910" s="6" t="s">
        <v>602</v>
      </c>
      <c r="DN1910" s="6">
        <v>9</v>
      </c>
      <c r="DO1910" s="6" t="s">
        <v>384</v>
      </c>
      <c r="DP1910" s="6"/>
      <c r="DQ1910" s="6"/>
    </row>
    <row r="1911" spans="1:121" x14ac:dyDescent="0.2">
      <c r="A1911" s="6" t="s">
        <v>313</v>
      </c>
      <c r="B1911" s="6" t="s">
        <v>313</v>
      </c>
      <c r="C1911" s="6" t="s">
        <v>178</v>
      </c>
      <c r="D1911" s="6" t="s">
        <v>135</v>
      </c>
      <c r="E1911" s="6" t="s">
        <v>276</v>
      </c>
      <c r="F1911" s="11">
        <v>52</v>
      </c>
      <c r="G1911" s="13">
        <v>1.0833333333299999</v>
      </c>
      <c r="H1911" s="11">
        <v>77.574081089700002</v>
      </c>
      <c r="I1911" s="13">
        <v>1.6004660384461331</v>
      </c>
      <c r="J1911" s="11">
        <v>13.202429414999997</v>
      </c>
      <c r="K1911" s="13">
        <v>0.1047448046283096</v>
      </c>
      <c r="L1911" s="11">
        <v>-39.425806803900002</v>
      </c>
      <c r="M1911" s="13">
        <v>-0.28313741216545107</v>
      </c>
      <c r="N1911" s="11">
        <v>-26.223377388900005</v>
      </c>
      <c r="O1911" s="13">
        <v>-0.20804978045737679</v>
      </c>
      <c r="P1911" s="7">
        <v>48.469682721300003</v>
      </c>
      <c r="Q1911" s="7">
        <v>45.136809750600001</v>
      </c>
      <c r="R1911" s="7">
        <v>52.633604611700001</v>
      </c>
      <c r="S1911" s="7">
        <v>50.808022901900003</v>
      </c>
      <c r="T1911" s="7">
        <v>125.94800719600001</v>
      </c>
      <c r="U1911" s="7">
        <v>128.85102757199999</v>
      </c>
      <c r="V1911" s="7">
        <v>126.04376381100001</v>
      </c>
      <c r="W1911" s="7">
        <v>124.85798163600001</v>
      </c>
      <c r="X1911" s="7">
        <v>112.58748038</v>
      </c>
      <c r="Y1911" s="7">
        <v>139.246193226</v>
      </c>
      <c r="Z1911" s="7">
        <v>102.969084243</v>
      </c>
      <c r="AA1911" s="7">
        <v>74.136977346699993</v>
      </c>
      <c r="AB1911" s="7">
        <v>76.737815728800001</v>
      </c>
      <c r="AC1911" s="7">
        <v>87.584267516500006</v>
      </c>
      <c r="AD1911" s="7">
        <v>92.022998467999997</v>
      </c>
      <c r="AE1911" s="7">
        <v>94.338929370100004</v>
      </c>
      <c r="AF1911" s="7">
        <v>99.8203864221</v>
      </c>
      <c r="AG1911" s="9">
        <v>16873.057285999996</v>
      </c>
      <c r="AH1911" s="13">
        <v>0.66591266699198681</v>
      </c>
      <c r="AI1911" s="9">
        <v>30020.222202600002</v>
      </c>
      <c r="AJ1911" s="13">
        <v>1.1847791358601227</v>
      </c>
      <c r="AK1911" s="9">
        <v>17736.1941878</v>
      </c>
      <c r="AL1911" s="13">
        <v>0.32038810997210554</v>
      </c>
      <c r="AM1911" s="9">
        <v>-30883.359104400006</v>
      </c>
      <c r="AN1911" s="13">
        <v>-0.42251183825716759</v>
      </c>
      <c r="AO1911" s="9">
        <v>-13147.164916600006</v>
      </c>
      <c r="AP1911" s="13">
        <v>-0.23749149758511592</v>
      </c>
      <c r="AQ1911" s="9">
        <v>25338.243470000001</v>
      </c>
      <c r="AR1911" s="9">
        <v>26652.011512900001</v>
      </c>
      <c r="AS1911" s="9">
        <v>26695.774473699999</v>
      </c>
      <c r="AT1911" s="9">
        <v>28782.6448872</v>
      </c>
      <c r="AU1911" s="9">
        <v>82004.192992900003</v>
      </c>
      <c r="AV1911" s="9">
        <v>69382.187504100002</v>
      </c>
      <c r="AW1911" s="9">
        <v>55358.465672600003</v>
      </c>
      <c r="AX1911" s="9">
        <v>81634.005330100001</v>
      </c>
      <c r="AY1911" s="9">
        <v>41034.2902789</v>
      </c>
      <c r="AZ1911" s="9">
        <v>73094.659860400003</v>
      </c>
      <c r="BA1911" s="9">
        <v>40065.2389865</v>
      </c>
      <c r="BB1911" s="9">
        <v>60004.713672999998</v>
      </c>
      <c r="BC1911" s="9">
        <v>42579.999950700003</v>
      </c>
      <c r="BD1911" s="9">
        <v>42079.9582716</v>
      </c>
      <c r="BE1911" s="9">
        <v>42565.304837099997</v>
      </c>
      <c r="BF1911" s="9">
        <v>42211.300755999997</v>
      </c>
      <c r="BG1911" s="11">
        <v>-0.75</v>
      </c>
      <c r="BH1911" s="13">
        <v>-0.10714285714285714</v>
      </c>
      <c r="BI1911" s="6">
        <v>-1</v>
      </c>
      <c r="BJ1911" s="13">
        <v>-0.14285714285714285</v>
      </c>
      <c r="BK1911" s="6">
        <v>0</v>
      </c>
      <c r="BL1911" s="13">
        <v>0</v>
      </c>
      <c r="BM1911" s="11">
        <v>0.25</v>
      </c>
      <c r="BN1911" s="13">
        <v>4.1666666666666664E-2</v>
      </c>
      <c r="BO1911" s="11">
        <v>0.25</v>
      </c>
      <c r="BP1911" s="13">
        <v>4.1666666666666664E-2</v>
      </c>
      <c r="BQ1911" s="6">
        <v>7</v>
      </c>
      <c r="BR1911" s="6">
        <v>6</v>
      </c>
      <c r="BS1911" s="6">
        <v>6</v>
      </c>
      <c r="BT1911" s="6">
        <v>6</v>
      </c>
      <c r="BU1911" s="6">
        <v>7</v>
      </c>
      <c r="BV1911" s="6">
        <v>8</v>
      </c>
      <c r="BW1911" s="6">
        <v>6</v>
      </c>
      <c r="BX1911" s="6">
        <v>5</v>
      </c>
      <c r="BY1911" s="6">
        <v>6</v>
      </c>
      <c r="BZ1911" s="6">
        <v>7</v>
      </c>
      <c r="CA1911" s="6">
        <v>6</v>
      </c>
      <c r="CB1911" s="6">
        <v>7</v>
      </c>
      <c r="CC1911" s="11">
        <v>6.25</v>
      </c>
      <c r="CD1911" s="11">
        <v>50.015599999999999</v>
      </c>
      <c r="CE1911" s="11">
        <v>-3.9632499999999999</v>
      </c>
      <c r="CF1911" s="11">
        <v>5.2983200000000004</v>
      </c>
      <c r="CG1911" s="11">
        <v>1</v>
      </c>
      <c r="CH1911" s="20">
        <v>0.60198600000000002</v>
      </c>
      <c r="CI1911" s="20">
        <v>0.56806500000000004</v>
      </c>
      <c r="CJ1911" s="20">
        <v>0.63711899999999999</v>
      </c>
      <c r="CK1911" s="20">
        <v>0.58603099999999997</v>
      </c>
      <c r="CL1911" s="20">
        <v>1.4863</v>
      </c>
      <c r="CM1911" s="20">
        <v>1.5734600000000001</v>
      </c>
      <c r="CN1911" s="20">
        <v>1.4794099999999999</v>
      </c>
      <c r="CO1911" s="20">
        <v>1.4910600000000001</v>
      </c>
      <c r="CP1911" s="20">
        <v>1.3985700000000001</v>
      </c>
      <c r="CQ1911" s="20">
        <v>1.83456</v>
      </c>
      <c r="CR1911" s="20">
        <v>1.36582</v>
      </c>
      <c r="CS1911" s="20">
        <v>1.0120400000000001</v>
      </c>
      <c r="CT1911" s="20">
        <v>1.08101</v>
      </c>
      <c r="CU1911" s="20">
        <v>1.1611899999999999</v>
      </c>
      <c r="CV1911" s="20">
        <v>1.1878299999999999</v>
      </c>
      <c r="CW1911" s="20">
        <v>1.2353499999999999</v>
      </c>
      <c r="CX1911" s="20">
        <v>1.2662599999999999</v>
      </c>
      <c r="CY1911" s="6" t="s">
        <v>673</v>
      </c>
      <c r="CZ1911" s="6" t="s">
        <v>674</v>
      </c>
      <c r="DA1911" s="6" t="s">
        <v>135</v>
      </c>
      <c r="DB1911" s="6" t="s">
        <v>345</v>
      </c>
      <c r="DC1911" s="6"/>
      <c r="DD1911" s="6"/>
      <c r="DE1911" s="6"/>
      <c r="DF1911" s="6"/>
      <c r="DG1911" s="6"/>
      <c r="DH1911" s="6" t="s">
        <v>333</v>
      </c>
      <c r="DI1911" s="6"/>
      <c r="DJ1911" s="6"/>
      <c r="DK1911" s="6"/>
      <c r="DL1911" s="6">
        <v>12</v>
      </c>
      <c r="DM1911" s="6" t="s">
        <v>602</v>
      </c>
      <c r="DN1911" s="6">
        <v>9</v>
      </c>
      <c r="DO1911" s="6" t="s">
        <v>384</v>
      </c>
      <c r="DP1911" s="6"/>
      <c r="DQ1911" s="6"/>
    </row>
    <row r="1912" spans="1:121" x14ac:dyDescent="0.2">
      <c r="A1912" s="6" t="s">
        <v>793</v>
      </c>
      <c r="B1912" s="6" t="s">
        <v>179</v>
      </c>
      <c r="C1912" s="6" t="s">
        <v>180</v>
      </c>
      <c r="D1912" s="6" t="s">
        <v>135</v>
      </c>
      <c r="E1912" s="6" t="s">
        <v>276</v>
      </c>
      <c r="F1912" s="11">
        <v>45</v>
      </c>
      <c r="G1912" s="13">
        <v>0.35</v>
      </c>
      <c r="H1912" s="11">
        <v>30</v>
      </c>
      <c r="I1912" s="13">
        <v>0.23255813953488372</v>
      </c>
      <c r="J1912" s="11">
        <v>-15</v>
      </c>
      <c r="K1912" s="13">
        <v>-9.4339622641509441E-2</v>
      </c>
      <c r="L1912" s="11">
        <v>30</v>
      </c>
      <c r="M1912" s="13">
        <v>0.20833333333333337</v>
      </c>
      <c r="N1912" s="11">
        <v>15</v>
      </c>
      <c r="O1912" s="13">
        <v>9.4339622641509441E-2</v>
      </c>
      <c r="P1912" s="7">
        <v>129</v>
      </c>
      <c r="Q1912" s="7">
        <v>139</v>
      </c>
      <c r="R1912" s="7">
        <v>136</v>
      </c>
      <c r="S1912" s="7">
        <v>144</v>
      </c>
      <c r="T1912" s="7">
        <v>142</v>
      </c>
      <c r="U1912" s="7">
        <v>148</v>
      </c>
      <c r="V1912" s="7">
        <v>159</v>
      </c>
      <c r="W1912" s="7">
        <v>145</v>
      </c>
      <c r="X1912" s="7">
        <v>149</v>
      </c>
      <c r="Y1912" s="7">
        <v>144</v>
      </c>
      <c r="Z1912" s="7">
        <v>148</v>
      </c>
      <c r="AA1912" s="7">
        <v>147</v>
      </c>
      <c r="AB1912" s="7">
        <v>157</v>
      </c>
      <c r="AC1912" s="7">
        <v>160</v>
      </c>
      <c r="AD1912" s="7">
        <v>161</v>
      </c>
      <c r="AE1912" s="7">
        <v>170</v>
      </c>
      <c r="AF1912" s="7">
        <v>174</v>
      </c>
      <c r="AG1912" s="9">
        <v>7873</v>
      </c>
      <c r="AH1912" s="13">
        <v>0.49332664953944477</v>
      </c>
      <c r="AI1912" s="9">
        <v>5825</v>
      </c>
      <c r="AJ1912" s="13">
        <v>0.36499780688013034</v>
      </c>
      <c r="AK1912" s="9">
        <v>1453</v>
      </c>
      <c r="AL1912" s="13">
        <v>6.670033051781124E-2</v>
      </c>
      <c r="AM1912" s="9">
        <v>595</v>
      </c>
      <c r="AN1912" s="13">
        <v>2.5605715023453976E-2</v>
      </c>
      <c r="AO1912" s="9">
        <v>2048</v>
      </c>
      <c r="AP1912" s="13">
        <v>9.4013955196474458E-2</v>
      </c>
      <c r="AQ1912" s="9">
        <v>15959</v>
      </c>
      <c r="AR1912" s="9">
        <v>17683</v>
      </c>
      <c r="AS1912" s="9">
        <v>19910</v>
      </c>
      <c r="AT1912" s="9">
        <v>21733</v>
      </c>
      <c r="AU1912" s="9">
        <v>22519</v>
      </c>
      <c r="AV1912" s="9">
        <v>22132</v>
      </c>
      <c r="AW1912" s="9">
        <v>21784</v>
      </c>
      <c r="AX1912" s="9">
        <v>23020</v>
      </c>
      <c r="AY1912" s="9">
        <v>23393</v>
      </c>
      <c r="AZ1912" s="9">
        <v>23237</v>
      </c>
      <c r="BA1912" s="9">
        <v>23331</v>
      </c>
      <c r="BB1912" s="9">
        <v>22799</v>
      </c>
      <c r="BC1912" s="9">
        <v>23131</v>
      </c>
      <c r="BD1912" s="9">
        <v>23381</v>
      </c>
      <c r="BE1912" s="9">
        <v>24628</v>
      </c>
      <c r="BF1912" s="9">
        <v>23832</v>
      </c>
      <c r="BG1912" s="11">
        <v>-4</v>
      </c>
      <c r="BH1912" s="13">
        <v>-0.16</v>
      </c>
      <c r="BI1912" s="6">
        <v>1</v>
      </c>
      <c r="BJ1912" s="13">
        <v>0.04</v>
      </c>
      <c r="BK1912" s="6">
        <v>-5</v>
      </c>
      <c r="BL1912" s="13">
        <v>-0.19230769230769232</v>
      </c>
      <c r="BM1912" s="11">
        <v>0</v>
      </c>
      <c r="BN1912" s="13">
        <v>0</v>
      </c>
      <c r="BO1912" s="11">
        <v>-5</v>
      </c>
      <c r="BP1912" s="13">
        <v>-0.19230769230769232</v>
      </c>
      <c r="BQ1912" s="6">
        <v>25</v>
      </c>
      <c r="BR1912" s="6">
        <v>25</v>
      </c>
      <c r="BS1912" s="6">
        <v>23</v>
      </c>
      <c r="BT1912" s="6">
        <v>26</v>
      </c>
      <c r="BU1912" s="6">
        <v>24</v>
      </c>
      <c r="BV1912" s="6">
        <v>22</v>
      </c>
      <c r="BW1912" s="6">
        <v>21</v>
      </c>
      <c r="BX1912" s="6">
        <v>20</v>
      </c>
      <c r="BY1912" s="6">
        <v>18</v>
      </c>
      <c r="BZ1912" s="6">
        <v>24</v>
      </c>
      <c r="CA1912" s="6">
        <v>22</v>
      </c>
      <c r="CB1912" s="6">
        <v>21</v>
      </c>
      <c r="CC1912" s="11">
        <v>21</v>
      </c>
      <c r="CD1912" s="11">
        <v>40</v>
      </c>
      <c r="CE1912" s="11">
        <v>-8</v>
      </c>
      <c r="CF1912" s="11">
        <v>14</v>
      </c>
      <c r="CG1912" s="11">
        <v>6</v>
      </c>
      <c r="CH1912" s="20">
        <v>0.6</v>
      </c>
      <c r="CI1912" s="20">
        <v>0.64</v>
      </c>
      <c r="CJ1912" s="20">
        <v>0.61</v>
      </c>
      <c r="CK1912" s="20">
        <v>0.61</v>
      </c>
      <c r="CL1912" s="20">
        <v>0.62</v>
      </c>
      <c r="CM1912" s="20">
        <v>0.68</v>
      </c>
      <c r="CN1912" s="20">
        <v>0.71</v>
      </c>
      <c r="CO1912" s="20">
        <v>0.66</v>
      </c>
      <c r="CP1912" s="20">
        <v>0.7</v>
      </c>
      <c r="CQ1912" s="20">
        <v>0.71</v>
      </c>
      <c r="CR1912" s="20">
        <v>0.73</v>
      </c>
      <c r="CS1912" s="20">
        <v>0.75</v>
      </c>
      <c r="CT1912" s="20">
        <v>0.83</v>
      </c>
      <c r="CU1912" s="20">
        <v>0.79</v>
      </c>
      <c r="CV1912" s="20">
        <v>0.77</v>
      </c>
      <c r="CW1912" s="20">
        <v>0.81</v>
      </c>
      <c r="CX1912" s="20">
        <v>0.81</v>
      </c>
      <c r="CY1912" s="6" t="s">
        <v>673</v>
      </c>
      <c r="CZ1912" s="6" t="s">
        <v>674</v>
      </c>
      <c r="DA1912" s="6" t="s">
        <v>135</v>
      </c>
      <c r="DB1912" s="6" t="s">
        <v>345</v>
      </c>
      <c r="DC1912" s="6"/>
      <c r="DD1912" s="6"/>
      <c r="DE1912" s="6"/>
      <c r="DF1912" s="6"/>
      <c r="DG1912" s="6"/>
      <c r="DH1912" s="6" t="s">
        <v>333</v>
      </c>
      <c r="DI1912" s="6"/>
      <c r="DJ1912" s="6"/>
      <c r="DK1912" s="6"/>
      <c r="DL1912" s="6">
        <v>12</v>
      </c>
      <c r="DM1912" s="6" t="s">
        <v>602</v>
      </c>
      <c r="DN1912" s="6">
        <v>9</v>
      </c>
      <c r="DO1912" s="6" t="s">
        <v>384</v>
      </c>
      <c r="DP1912" s="6"/>
      <c r="DQ1912" s="6"/>
    </row>
    <row r="1913" spans="1:121" x14ac:dyDescent="0.2">
      <c r="A1913" s="6" t="s">
        <v>794</v>
      </c>
      <c r="B1913" s="6" t="s">
        <v>181</v>
      </c>
      <c r="C1913" s="6" t="s">
        <v>182</v>
      </c>
      <c r="D1913" s="6" t="s">
        <v>135</v>
      </c>
      <c r="E1913" s="6" t="s">
        <v>276</v>
      </c>
      <c r="F1913" s="11">
        <v>-21</v>
      </c>
      <c r="G1913" s="13">
        <v>-0.42</v>
      </c>
      <c r="H1913" s="11">
        <v>-13.779923615799994</v>
      </c>
      <c r="I1913" s="13">
        <v>-0.27652503661634914</v>
      </c>
      <c r="J1913" s="11">
        <v>-15.252985031200005</v>
      </c>
      <c r="K1913" s="13">
        <v>-0.42307658081414312</v>
      </c>
      <c r="L1913" s="11">
        <v>8.0615654337000002</v>
      </c>
      <c r="M1913" s="13">
        <v>0.3875835680365467</v>
      </c>
      <c r="N1913" s="11">
        <v>-7.1914195975000048</v>
      </c>
      <c r="O1913" s="13">
        <v>-0.19947054352224444</v>
      </c>
      <c r="P1913" s="7">
        <v>49.832462855499998</v>
      </c>
      <c r="Q1913" s="7">
        <v>42.390400897100001</v>
      </c>
      <c r="R1913" s="7">
        <v>46.047297882800002</v>
      </c>
      <c r="S1913" s="7">
        <v>48.610317185299998</v>
      </c>
      <c r="T1913" s="7">
        <v>41.513127738599998</v>
      </c>
      <c r="U1913" s="7">
        <v>35.922482711999997</v>
      </c>
      <c r="V1913" s="7">
        <v>36.052539239700003</v>
      </c>
      <c r="W1913" s="7">
        <v>31.8779108978</v>
      </c>
      <c r="X1913" s="7">
        <v>29.307292978700001</v>
      </c>
      <c r="Y1913" s="7">
        <v>20.799554208499998</v>
      </c>
      <c r="Z1913" s="7">
        <v>37.200800655199998</v>
      </c>
      <c r="AA1913" s="7">
        <v>29.1663343377</v>
      </c>
      <c r="AB1913" s="7">
        <v>33.408022420899997</v>
      </c>
      <c r="AC1913" s="7">
        <v>34.246613430300002</v>
      </c>
      <c r="AD1913" s="7">
        <v>29.894919650399999</v>
      </c>
      <c r="AE1913" s="7">
        <v>28.042014764899999</v>
      </c>
      <c r="AF1913" s="7">
        <v>28.861119642199998</v>
      </c>
      <c r="AG1913" s="9">
        <v>12485.113982299998</v>
      </c>
      <c r="AH1913" s="13">
        <v>0.41466046712700255</v>
      </c>
      <c r="AI1913" s="9">
        <v>2645.1788946000015</v>
      </c>
      <c r="AJ1913" s="13">
        <v>8.7852711446953391E-2</v>
      </c>
      <c r="AK1913" s="9">
        <v>4741.0112856999986</v>
      </c>
      <c r="AL1913" s="13">
        <v>0.14474414712041803</v>
      </c>
      <c r="AM1913" s="9">
        <v>5098.9238019999975</v>
      </c>
      <c r="AN1913" s="13">
        <v>0.13598785161372018</v>
      </c>
      <c r="AO1913" s="9">
        <v>9839.9350876999961</v>
      </c>
      <c r="AP1913" s="13">
        <v>0.30041544433470407</v>
      </c>
      <c r="AQ1913" s="9">
        <v>30109.2459303</v>
      </c>
      <c r="AR1913" s="9">
        <v>29822.196314199999</v>
      </c>
      <c r="AS1913" s="9">
        <v>32637.6092073</v>
      </c>
      <c r="AT1913" s="9">
        <v>30830.105133599998</v>
      </c>
      <c r="AU1913" s="9">
        <v>30753.1696792</v>
      </c>
      <c r="AV1913" s="9">
        <v>30905.689233900001</v>
      </c>
      <c r="AW1913" s="9">
        <v>32754.424824900001</v>
      </c>
      <c r="AX1913" s="9">
        <v>33458.068162600001</v>
      </c>
      <c r="AY1913" s="9">
        <v>35052.967570499997</v>
      </c>
      <c r="AZ1913" s="9">
        <v>37495.4361106</v>
      </c>
      <c r="BA1913" s="9">
        <v>40119.406065900002</v>
      </c>
      <c r="BB1913" s="9">
        <v>38733.961706399998</v>
      </c>
      <c r="BC1913" s="9">
        <v>34350.255359700001</v>
      </c>
      <c r="BD1913" s="9">
        <v>37516.877813400002</v>
      </c>
      <c r="BE1913" s="9">
        <v>41452.224338599997</v>
      </c>
      <c r="BF1913" s="9">
        <v>42594.359912599997</v>
      </c>
      <c r="BG1913" s="11">
        <v>-4.25</v>
      </c>
      <c r="BH1913" s="13">
        <v>-0.47222222222222221</v>
      </c>
      <c r="BI1913" s="6">
        <v>-4</v>
      </c>
      <c r="BJ1913" s="13">
        <v>-0.44444444444444442</v>
      </c>
      <c r="BK1913" s="6">
        <v>-1</v>
      </c>
      <c r="BL1913" s="13">
        <v>-0.2</v>
      </c>
      <c r="BM1913" s="11">
        <v>0.75</v>
      </c>
      <c r="BN1913" s="13">
        <v>0.1875</v>
      </c>
      <c r="BO1913" s="11">
        <v>-0.25</v>
      </c>
      <c r="BP1913" s="13">
        <v>-0.05</v>
      </c>
      <c r="BQ1913" s="6">
        <v>9</v>
      </c>
      <c r="BR1913" s="6">
        <v>7</v>
      </c>
      <c r="BS1913" s="6">
        <v>7</v>
      </c>
      <c r="BT1913" s="6">
        <v>5</v>
      </c>
      <c r="BU1913" s="6">
        <v>5</v>
      </c>
      <c r="BV1913" s="6">
        <v>4</v>
      </c>
      <c r="BW1913" s="6">
        <v>4</v>
      </c>
      <c r="BX1913" s="6">
        <v>5</v>
      </c>
      <c r="BY1913" s="6">
        <v>5</v>
      </c>
      <c r="BZ1913" s="6">
        <v>5</v>
      </c>
      <c r="CA1913" s="6">
        <v>5</v>
      </c>
      <c r="CB1913" s="6">
        <v>5</v>
      </c>
      <c r="CC1913" s="11">
        <v>4.75</v>
      </c>
      <c r="CD1913" s="11">
        <v>-29.5596</v>
      </c>
      <c r="CE1913" s="11">
        <v>3.1409600000000002</v>
      </c>
      <c r="CF1913" s="11">
        <v>5.4472899999999997</v>
      </c>
      <c r="CG1913" s="11">
        <v>8</v>
      </c>
      <c r="CH1913" s="20">
        <v>0.78184399999999998</v>
      </c>
      <c r="CI1913" s="20">
        <v>0.67966700000000002</v>
      </c>
      <c r="CJ1913" s="20">
        <v>0.71159899999999998</v>
      </c>
      <c r="CK1913" s="20">
        <v>0.70890399999999998</v>
      </c>
      <c r="CL1913" s="20">
        <v>0.61568900000000004</v>
      </c>
      <c r="CM1913" s="20">
        <v>0.54972500000000002</v>
      </c>
      <c r="CN1913" s="20">
        <v>0.52914899999999998</v>
      </c>
      <c r="CO1913" s="20">
        <v>0.47609299999999999</v>
      </c>
      <c r="CP1913" s="20">
        <v>0.45396700000000001</v>
      </c>
      <c r="CQ1913" s="20">
        <v>0.33964699999999998</v>
      </c>
      <c r="CR1913" s="20">
        <v>0.60367099999999996</v>
      </c>
      <c r="CS1913" s="20">
        <v>0.48518299999999998</v>
      </c>
      <c r="CT1913" s="20">
        <v>0.57005600000000001</v>
      </c>
      <c r="CU1913" s="20">
        <v>0.53771899999999995</v>
      </c>
      <c r="CV1913" s="20">
        <v>0.441353</v>
      </c>
      <c r="CW1913" s="20">
        <v>0.40925400000000001</v>
      </c>
      <c r="CX1913" s="20">
        <v>0.40537400000000001</v>
      </c>
      <c r="CY1913" s="6" t="s">
        <v>673</v>
      </c>
      <c r="CZ1913" s="6" t="s">
        <v>674</v>
      </c>
      <c r="DA1913" s="6" t="s">
        <v>135</v>
      </c>
      <c r="DB1913" s="6" t="s">
        <v>345</v>
      </c>
      <c r="DC1913" s="6"/>
      <c r="DD1913" s="6"/>
      <c r="DE1913" s="6"/>
      <c r="DF1913" s="6"/>
      <c r="DG1913" s="6"/>
      <c r="DH1913" s="6" t="s">
        <v>333</v>
      </c>
      <c r="DI1913" s="6"/>
      <c r="DJ1913" s="6"/>
      <c r="DK1913" s="6"/>
      <c r="DL1913" s="6">
        <v>12</v>
      </c>
      <c r="DM1913" s="6" t="s">
        <v>602</v>
      </c>
      <c r="DN1913" s="6">
        <v>9</v>
      </c>
      <c r="DO1913" s="6" t="s">
        <v>384</v>
      </c>
      <c r="DP1913" s="6"/>
      <c r="DQ1913" s="6"/>
    </row>
    <row r="1914" spans="1:121" x14ac:dyDescent="0.2">
      <c r="A1914" s="6" t="s">
        <v>314</v>
      </c>
      <c r="B1914" s="6" t="s">
        <v>314</v>
      </c>
      <c r="C1914" s="6" t="s">
        <v>183</v>
      </c>
      <c r="D1914" s="6" t="s">
        <v>135</v>
      </c>
      <c r="E1914" s="6" t="s">
        <v>276</v>
      </c>
      <c r="F1914" s="11">
        <v>1</v>
      </c>
      <c r="G1914" s="13">
        <v>1</v>
      </c>
      <c r="H1914" s="11">
        <v>10.080567000000002</v>
      </c>
      <c r="I1914" s="13">
        <v>0.37439146702875625</v>
      </c>
      <c r="J1914" s="11">
        <v>-24.356577000000001</v>
      </c>
      <c r="K1914" s="13">
        <v>-0.658183188287492</v>
      </c>
      <c r="L1914" s="11">
        <v>-7.6491950000000006</v>
      </c>
      <c r="M1914" s="13">
        <v>-0.60471792869032381</v>
      </c>
      <c r="N1914" s="11">
        <v>-32.005772</v>
      </c>
      <c r="O1914" s="13">
        <v>-0.86488594265781027</v>
      </c>
      <c r="P1914" s="7">
        <v>26.925204999999998</v>
      </c>
      <c r="Q1914" s="7">
        <v>24.935079000000002</v>
      </c>
      <c r="R1914" s="7">
        <v>5</v>
      </c>
      <c r="S1914" s="7">
        <v>5</v>
      </c>
      <c r="T1914" s="7">
        <v>17.624697999999999</v>
      </c>
      <c r="U1914" s="7">
        <v>32.994345000000003</v>
      </c>
      <c r="V1914" s="7">
        <v>37.005772</v>
      </c>
      <c r="W1914" s="7">
        <v>27.1186187184</v>
      </c>
      <c r="X1914" s="7">
        <v>20.635190000000001</v>
      </c>
      <c r="Y1914" s="7">
        <v>12.649195000000001</v>
      </c>
      <c r="Z1914" s="7">
        <v>13.652108999999999</v>
      </c>
      <c r="AA1914" s="7">
        <v>15.838903999999999</v>
      </c>
      <c r="AB1914" s="7">
        <v>5</v>
      </c>
      <c r="AC1914" s="7">
        <v>5</v>
      </c>
      <c r="AD1914" s="7">
        <v>5</v>
      </c>
      <c r="AE1914" s="7">
        <v>5</v>
      </c>
      <c r="AF1914" s="7">
        <v>5</v>
      </c>
      <c r="AG1914" s="9">
        <v>-43473.045297899997</v>
      </c>
      <c r="AH1914" s="13">
        <v>-0.99997699776974636</v>
      </c>
      <c r="AI1914" s="9">
        <v>12390.684423600003</v>
      </c>
      <c r="AJ1914" s="13">
        <v>0.28501337611198863</v>
      </c>
      <c r="AK1914" s="9">
        <v>55408.4678595</v>
      </c>
      <c r="AL1914" s="13">
        <v>0.99183273839729325</v>
      </c>
      <c r="AM1914" s="9">
        <v>-111272.197581</v>
      </c>
      <c r="AN1914" s="13">
        <v>-0.99999101310987959</v>
      </c>
      <c r="AO1914" s="9">
        <v>-55863.7297215</v>
      </c>
      <c r="AP1914" s="13">
        <v>-0.99998209961804196</v>
      </c>
      <c r="AQ1914" s="9">
        <v>43474.045297899997</v>
      </c>
      <c r="AR1914" s="9">
        <v>52014.647739200002</v>
      </c>
      <c r="AS1914" s="9">
        <v>1</v>
      </c>
      <c r="AT1914" s="9">
        <v>1</v>
      </c>
      <c r="AU1914" s="9">
        <v>55939.831735400003</v>
      </c>
      <c r="AV1914" s="9">
        <v>40699.414971699996</v>
      </c>
      <c r="AW1914" s="9">
        <v>55864.7297215</v>
      </c>
      <c r="AX1914" s="9">
        <v>104672.18300999999</v>
      </c>
      <c r="AY1914" s="9">
        <v>93017.758150099995</v>
      </c>
      <c r="AZ1914" s="9">
        <v>111273.197581</v>
      </c>
      <c r="BA1914" s="9">
        <v>107038.53678900001</v>
      </c>
      <c r="BB1914" s="9">
        <v>152536.97361799999</v>
      </c>
      <c r="BC1914" s="9">
        <v>1</v>
      </c>
      <c r="BD1914" s="9">
        <v>1</v>
      </c>
      <c r="BE1914" s="9">
        <v>1</v>
      </c>
      <c r="BF1914" s="9">
        <v>1</v>
      </c>
      <c r="BG1914" s="11">
        <v>-1</v>
      </c>
      <c r="BH1914" s="13">
        <v>-0.5</v>
      </c>
      <c r="BI1914" s="6">
        <v>0</v>
      </c>
      <c r="BJ1914" s="13">
        <v>0</v>
      </c>
      <c r="BK1914" s="6">
        <v>0</v>
      </c>
      <c r="BL1914" s="13">
        <v>0</v>
      </c>
      <c r="BM1914" s="11">
        <v>-1</v>
      </c>
      <c r="BN1914" s="13">
        <v>-0.5</v>
      </c>
      <c r="BO1914" s="11">
        <v>-1</v>
      </c>
      <c r="BP1914" s="13">
        <v>-0.5</v>
      </c>
      <c r="BQ1914" s="6">
        <v>2</v>
      </c>
      <c r="BR1914" s="6">
        <v>2</v>
      </c>
      <c r="BS1914" s="6">
        <v>2</v>
      </c>
      <c r="BT1914" s="6">
        <v>2</v>
      </c>
      <c r="BU1914" s="6">
        <v>2</v>
      </c>
      <c r="BV1914" s="6">
        <v>2</v>
      </c>
      <c r="BW1914" s="6">
        <v>2</v>
      </c>
      <c r="BX1914" s="6">
        <v>2</v>
      </c>
      <c r="BY1914" s="6">
        <v>2</v>
      </c>
      <c r="BZ1914" s="6">
        <v>1</v>
      </c>
      <c r="CA1914" s="6">
        <v>1</v>
      </c>
      <c r="CB1914" s="6">
        <v>1</v>
      </c>
      <c r="CC1914" s="11">
        <v>1</v>
      </c>
      <c r="CD1914" s="11">
        <v>-16.7531</v>
      </c>
      <c r="CE1914" s="11">
        <v>-8.2469300000000008</v>
      </c>
      <c r="CF1914" s="11">
        <v>2.9432499999999999</v>
      </c>
      <c r="CG1914" s="11">
        <v>-5</v>
      </c>
      <c r="CH1914" s="20">
        <v>0.53644700000000001</v>
      </c>
      <c r="CI1914" s="20">
        <v>0.52201299999999995</v>
      </c>
      <c r="CJ1914" s="20">
        <v>1.48544E-2</v>
      </c>
      <c r="CK1914" s="20">
        <v>0.195664</v>
      </c>
      <c r="CL1914" s="20">
        <v>0.38553500000000002</v>
      </c>
      <c r="CM1914" s="20">
        <v>0.766899</v>
      </c>
      <c r="CN1914" s="20">
        <v>0.84384599999999998</v>
      </c>
      <c r="CO1914" s="20">
        <v>0.63471999999999995</v>
      </c>
      <c r="CP1914" s="20">
        <v>0.49854900000000002</v>
      </c>
      <c r="CQ1914" s="20">
        <v>0.330461</v>
      </c>
      <c r="CR1914" s="20">
        <v>0.36762299999999998</v>
      </c>
      <c r="CS1914" s="20">
        <v>0.44605499999999998</v>
      </c>
      <c r="CT1914" s="20">
        <v>0.127497</v>
      </c>
      <c r="CU1914" s="20">
        <v>0.15257100000000001</v>
      </c>
      <c r="CV1914" s="20">
        <v>0.15509700000000001</v>
      </c>
      <c r="CW1914" s="20">
        <v>0.15751499999999999</v>
      </c>
      <c r="CX1914" s="20">
        <v>0.12676999999999999</v>
      </c>
      <c r="CY1914" s="6" t="s">
        <v>673</v>
      </c>
      <c r="CZ1914" s="6" t="s">
        <v>674</v>
      </c>
      <c r="DA1914" s="6" t="s">
        <v>135</v>
      </c>
      <c r="DB1914" s="6" t="s">
        <v>345</v>
      </c>
      <c r="DC1914" s="6"/>
      <c r="DD1914" s="6"/>
      <c r="DE1914" s="6"/>
      <c r="DF1914" s="6"/>
      <c r="DG1914" s="6"/>
      <c r="DH1914" s="6" t="s">
        <v>333</v>
      </c>
      <c r="DI1914" s="6"/>
      <c r="DJ1914" s="6"/>
      <c r="DK1914" s="6"/>
      <c r="DL1914" s="6">
        <v>12</v>
      </c>
      <c r="DM1914" s="6" t="s">
        <v>602</v>
      </c>
      <c r="DN1914" s="6">
        <v>9</v>
      </c>
      <c r="DO1914" s="6" t="s">
        <v>384</v>
      </c>
      <c r="DP1914" s="6"/>
      <c r="DQ1914" s="6"/>
    </row>
    <row r="1915" spans="1:121" x14ac:dyDescent="0.2">
      <c r="A1915" s="6" t="s">
        <v>315</v>
      </c>
      <c r="B1915" s="6" t="s">
        <v>315</v>
      </c>
      <c r="C1915" s="6" t="s">
        <v>184</v>
      </c>
      <c r="D1915" s="6" t="s">
        <v>135</v>
      </c>
      <c r="E1915" s="6" t="s">
        <v>276</v>
      </c>
      <c r="F1915" s="11">
        <v>-5</v>
      </c>
      <c r="G1915" s="13">
        <v>-0.16</v>
      </c>
      <c r="H1915" s="11">
        <v>10</v>
      </c>
      <c r="I1915" s="13">
        <v>0.3125</v>
      </c>
      <c r="J1915" s="11">
        <v>3</v>
      </c>
      <c r="K1915" s="13">
        <v>7.1428571428571425E-2</v>
      </c>
      <c r="L1915" s="11">
        <v>-18</v>
      </c>
      <c r="M1915" s="13">
        <v>-0.4</v>
      </c>
      <c r="N1915" s="11">
        <v>-15</v>
      </c>
      <c r="O1915" s="13">
        <v>-0.35714285714285715</v>
      </c>
      <c r="P1915" s="7">
        <v>32</v>
      </c>
      <c r="Q1915" s="7">
        <v>31</v>
      </c>
      <c r="R1915" s="7">
        <v>28</v>
      </c>
      <c r="S1915" s="7">
        <v>39</v>
      </c>
      <c r="T1915" s="7">
        <v>47</v>
      </c>
      <c r="U1915" s="7">
        <v>43</v>
      </c>
      <c r="V1915" s="7">
        <v>42</v>
      </c>
      <c r="W1915" s="7">
        <v>42</v>
      </c>
      <c r="X1915" s="7">
        <v>31</v>
      </c>
      <c r="Y1915" s="7">
        <v>45</v>
      </c>
      <c r="Z1915" s="7">
        <v>46</v>
      </c>
      <c r="AA1915" s="7">
        <v>38</v>
      </c>
      <c r="AB1915" s="7">
        <v>25</v>
      </c>
      <c r="AC1915" s="7">
        <v>22</v>
      </c>
      <c r="AD1915" s="7">
        <v>25</v>
      </c>
      <c r="AE1915" s="7">
        <v>28</v>
      </c>
      <c r="AF1915" s="7">
        <v>27</v>
      </c>
      <c r="AG1915" s="9">
        <v>6079</v>
      </c>
      <c r="AH1915" s="13">
        <v>0.24134508496109255</v>
      </c>
      <c r="AI1915" s="9">
        <v>5336</v>
      </c>
      <c r="AJ1915" s="13">
        <v>0.21184691122756868</v>
      </c>
      <c r="AK1915" s="9">
        <v>2194</v>
      </c>
      <c r="AL1915" s="13">
        <v>7.1877866596776308E-2</v>
      </c>
      <c r="AM1915" s="9">
        <v>-1451</v>
      </c>
      <c r="AN1915" s="13">
        <v>-4.4348676569472459E-2</v>
      </c>
      <c r="AO1915" s="9">
        <v>743</v>
      </c>
      <c r="AP1915" s="13">
        <v>2.4341501769099726E-2</v>
      </c>
      <c r="AQ1915" s="9">
        <v>25188</v>
      </c>
      <c r="AR1915" s="9">
        <v>25473</v>
      </c>
      <c r="AS1915" s="9">
        <v>23439</v>
      </c>
      <c r="AT1915" s="9">
        <v>28350</v>
      </c>
      <c r="AU1915" s="9">
        <v>36532</v>
      </c>
      <c r="AV1915" s="9">
        <v>27315</v>
      </c>
      <c r="AW1915" s="9">
        <v>30524</v>
      </c>
      <c r="AX1915" s="9">
        <v>32010</v>
      </c>
      <c r="AY1915" s="9">
        <v>36331</v>
      </c>
      <c r="AZ1915" s="9">
        <v>32718</v>
      </c>
      <c r="BA1915" s="9">
        <v>30900</v>
      </c>
      <c r="BB1915" s="9">
        <v>36756</v>
      </c>
      <c r="BC1915" s="9">
        <v>31374</v>
      </c>
      <c r="BD1915" s="9">
        <v>33489</v>
      </c>
      <c r="BE1915" s="9">
        <v>33318</v>
      </c>
      <c r="BF1915" s="9">
        <v>31267</v>
      </c>
      <c r="BG1915" s="11">
        <v>-4</v>
      </c>
      <c r="BH1915" s="13">
        <v>-0.4</v>
      </c>
      <c r="BI1915" s="6">
        <v>-1</v>
      </c>
      <c r="BJ1915" s="13">
        <v>-0.1</v>
      </c>
      <c r="BK1915" s="6">
        <v>0</v>
      </c>
      <c r="BL1915" s="13">
        <v>0</v>
      </c>
      <c r="BM1915" s="11">
        <v>-3</v>
      </c>
      <c r="BN1915" s="13">
        <v>-0.33333333333333331</v>
      </c>
      <c r="BO1915" s="11">
        <v>-3</v>
      </c>
      <c r="BP1915" s="13">
        <v>-0.33333333333333331</v>
      </c>
      <c r="BQ1915" s="6">
        <v>10</v>
      </c>
      <c r="BR1915" s="6">
        <v>10</v>
      </c>
      <c r="BS1915" s="6">
        <v>10</v>
      </c>
      <c r="BT1915" s="6">
        <v>9</v>
      </c>
      <c r="BU1915" s="6">
        <v>9</v>
      </c>
      <c r="BV1915" s="6">
        <v>9</v>
      </c>
      <c r="BW1915" s="6">
        <v>9</v>
      </c>
      <c r="BX1915" s="6">
        <v>10</v>
      </c>
      <c r="BY1915" s="6">
        <v>9</v>
      </c>
      <c r="BZ1915" s="6">
        <v>8</v>
      </c>
      <c r="CA1915" s="6">
        <v>7</v>
      </c>
      <c r="CB1915" s="6">
        <v>6</v>
      </c>
      <c r="CC1915" s="11">
        <v>6</v>
      </c>
      <c r="CD1915" s="11">
        <v>-6</v>
      </c>
      <c r="CE1915" s="11">
        <v>-3</v>
      </c>
      <c r="CF1915" s="11">
        <v>3</v>
      </c>
      <c r="CG1915" s="11">
        <v>0</v>
      </c>
      <c r="CH1915" s="20">
        <v>0.39</v>
      </c>
      <c r="CI1915" s="20">
        <v>0.38</v>
      </c>
      <c r="CJ1915" s="20">
        <v>0.32</v>
      </c>
      <c r="CK1915" s="20">
        <v>0.43</v>
      </c>
      <c r="CL1915" s="20">
        <v>0.52</v>
      </c>
      <c r="CM1915" s="20">
        <v>0.49</v>
      </c>
      <c r="CN1915" s="20">
        <v>0.47</v>
      </c>
      <c r="CO1915" s="20">
        <v>0.49</v>
      </c>
      <c r="CP1915" s="20">
        <v>0.37</v>
      </c>
      <c r="CQ1915" s="20">
        <v>0.56999999999999995</v>
      </c>
      <c r="CR1915" s="20">
        <v>0.59</v>
      </c>
      <c r="CS1915" s="20">
        <v>0.52</v>
      </c>
      <c r="CT1915" s="20">
        <v>0.35</v>
      </c>
      <c r="CU1915" s="20">
        <v>0.28999999999999998</v>
      </c>
      <c r="CV1915" s="20">
        <v>0.32</v>
      </c>
      <c r="CW1915" s="20">
        <v>0.36</v>
      </c>
      <c r="CX1915" s="20">
        <v>0.33</v>
      </c>
      <c r="CY1915" s="6" t="s">
        <v>673</v>
      </c>
      <c r="CZ1915" s="6" t="s">
        <v>674</v>
      </c>
      <c r="DA1915" s="6" t="s">
        <v>135</v>
      </c>
      <c r="DB1915" s="6" t="s">
        <v>345</v>
      </c>
      <c r="DC1915" s="6"/>
      <c r="DD1915" s="6"/>
      <c r="DE1915" s="6"/>
      <c r="DF1915" s="6"/>
      <c r="DG1915" s="6"/>
      <c r="DH1915" s="6" t="s">
        <v>333</v>
      </c>
      <c r="DI1915" s="6"/>
      <c r="DJ1915" s="6"/>
      <c r="DK1915" s="6"/>
      <c r="DL1915" s="6">
        <v>12</v>
      </c>
      <c r="DM1915" s="6" t="s">
        <v>602</v>
      </c>
      <c r="DN1915" s="6">
        <v>9</v>
      </c>
      <c r="DO1915" s="6" t="s">
        <v>384</v>
      </c>
      <c r="DP1915" s="6"/>
      <c r="DQ1915" s="6"/>
    </row>
    <row r="1916" spans="1:121" x14ac:dyDescent="0.2">
      <c r="A1916" s="6" t="s">
        <v>316</v>
      </c>
      <c r="B1916" s="6" t="s">
        <v>316</v>
      </c>
      <c r="C1916" s="6" t="s">
        <v>185</v>
      </c>
      <c r="D1916" s="6" t="s">
        <v>135</v>
      </c>
      <c r="E1916" s="6" t="s">
        <v>276</v>
      </c>
      <c r="F1916" s="11">
        <v>1</v>
      </c>
      <c r="G1916" s="13">
        <v>1</v>
      </c>
      <c r="H1916" s="11">
        <v>0</v>
      </c>
      <c r="I1916" s="13">
        <v>0</v>
      </c>
      <c r="J1916" s="11">
        <v>0</v>
      </c>
      <c r="K1916" s="13">
        <v>0</v>
      </c>
      <c r="L1916" s="11">
        <v>0</v>
      </c>
      <c r="M1916" s="13">
        <v>0</v>
      </c>
      <c r="N1916" s="11">
        <v>0</v>
      </c>
      <c r="O1916" s="13">
        <v>0</v>
      </c>
      <c r="P1916" s="7">
        <v>5</v>
      </c>
      <c r="Q1916" s="7">
        <v>5</v>
      </c>
      <c r="R1916" s="7">
        <v>26</v>
      </c>
      <c r="S1916" s="7">
        <v>5</v>
      </c>
      <c r="T1916" s="7">
        <v>5</v>
      </c>
      <c r="U1916" s="7">
        <v>5</v>
      </c>
      <c r="V1916" s="7">
        <v>5</v>
      </c>
      <c r="W1916" s="7">
        <v>5</v>
      </c>
      <c r="X1916" s="7">
        <v>5</v>
      </c>
      <c r="Y1916" s="7">
        <v>5</v>
      </c>
      <c r="Z1916" s="7">
        <v>5</v>
      </c>
      <c r="AA1916" s="7">
        <v>5</v>
      </c>
      <c r="AB1916" s="7">
        <v>5</v>
      </c>
      <c r="AC1916" s="7">
        <v>5</v>
      </c>
      <c r="AD1916" s="7">
        <v>5</v>
      </c>
      <c r="AE1916" s="7">
        <v>5</v>
      </c>
      <c r="AF1916" s="7">
        <v>5</v>
      </c>
      <c r="AG1916" s="9">
        <v>0</v>
      </c>
      <c r="AH1916" s="13">
        <v>0</v>
      </c>
      <c r="AI1916" s="9">
        <v>0</v>
      </c>
      <c r="AJ1916" s="13">
        <v>0</v>
      </c>
      <c r="AK1916" s="9">
        <v>0</v>
      </c>
      <c r="AL1916" s="13">
        <v>0</v>
      </c>
      <c r="AM1916" s="9">
        <v>0</v>
      </c>
      <c r="AN1916" s="13">
        <v>0</v>
      </c>
      <c r="AO1916" s="9">
        <v>0</v>
      </c>
      <c r="AP1916" s="13">
        <v>0</v>
      </c>
      <c r="AQ1916" s="9">
        <v>1</v>
      </c>
      <c r="AR1916" s="9">
        <v>1</v>
      </c>
      <c r="AS1916" s="9">
        <v>44576</v>
      </c>
      <c r="AT1916" s="9">
        <v>1</v>
      </c>
      <c r="AU1916" s="9">
        <v>1</v>
      </c>
      <c r="AV1916" s="9">
        <v>1</v>
      </c>
      <c r="AW1916" s="9">
        <v>1</v>
      </c>
      <c r="AX1916" s="9">
        <v>1</v>
      </c>
      <c r="AY1916" s="9">
        <v>1</v>
      </c>
      <c r="AZ1916" s="9">
        <v>1</v>
      </c>
      <c r="BA1916" s="9">
        <v>1</v>
      </c>
      <c r="BB1916" s="9">
        <v>1</v>
      </c>
      <c r="BC1916" s="9">
        <v>1</v>
      </c>
      <c r="BD1916" s="9">
        <v>1</v>
      </c>
      <c r="BE1916" s="9">
        <v>1</v>
      </c>
      <c r="BF1916" s="9">
        <v>1</v>
      </c>
      <c r="BG1916" s="11">
        <v>2</v>
      </c>
      <c r="BH1916" s="13" t="e">
        <v>#DIV/0!</v>
      </c>
      <c r="BI1916" s="6">
        <v>2</v>
      </c>
      <c r="BJ1916" s="13" t="e">
        <v>#DIV/0!</v>
      </c>
      <c r="BK1916" s="6">
        <v>0</v>
      </c>
      <c r="BL1916" s="13">
        <v>0</v>
      </c>
      <c r="BM1916" s="11">
        <v>0</v>
      </c>
      <c r="BN1916" s="13">
        <v>0</v>
      </c>
      <c r="BO1916" s="11">
        <v>0</v>
      </c>
      <c r="BP1916" s="13">
        <v>0</v>
      </c>
      <c r="BQ1916" s="6">
        <v>0</v>
      </c>
      <c r="BR1916" s="6">
        <v>0</v>
      </c>
      <c r="BS1916" s="6">
        <v>1</v>
      </c>
      <c r="BT1916" s="6">
        <v>2</v>
      </c>
      <c r="BU1916" s="6">
        <v>2</v>
      </c>
      <c r="BV1916" s="6">
        <v>2</v>
      </c>
      <c r="BW1916" s="6">
        <v>2</v>
      </c>
      <c r="BX1916" s="6">
        <v>2</v>
      </c>
      <c r="BY1916" s="6">
        <v>2</v>
      </c>
      <c r="BZ1916" s="6">
        <v>2</v>
      </c>
      <c r="CA1916" s="6">
        <v>2</v>
      </c>
      <c r="CB1916" s="6">
        <v>2</v>
      </c>
      <c r="CC1916" s="11">
        <v>2</v>
      </c>
      <c r="CD1916" s="11">
        <v>0</v>
      </c>
      <c r="CE1916" s="11">
        <v>0</v>
      </c>
      <c r="CF1916" s="11">
        <v>1</v>
      </c>
      <c r="CG1916" s="11">
        <v>1</v>
      </c>
      <c r="CH1916" s="20">
        <v>0.16</v>
      </c>
      <c r="CI1916" s="20">
        <v>0.03</v>
      </c>
      <c r="CJ1916" s="20">
        <v>0.71</v>
      </c>
      <c r="CK1916" s="20">
        <v>0.03</v>
      </c>
      <c r="CL1916" s="20">
        <v>0.01</v>
      </c>
      <c r="CM1916" s="20">
        <v>0.08</v>
      </c>
      <c r="CN1916" s="20">
        <v>7.0000000000000007E-2</v>
      </c>
      <c r="CO1916" s="20">
        <v>0.09</v>
      </c>
      <c r="CP1916" s="20">
        <v>0.25</v>
      </c>
      <c r="CQ1916" s="20">
        <v>0.12</v>
      </c>
      <c r="CR1916" s="20">
        <v>0.13</v>
      </c>
      <c r="CS1916" s="20">
        <v>0.13</v>
      </c>
      <c r="CT1916" s="20">
        <v>0.26</v>
      </c>
      <c r="CU1916" s="20">
        <v>0.19</v>
      </c>
      <c r="CV1916" s="20">
        <v>0.17</v>
      </c>
      <c r="CW1916" s="20">
        <v>0.15</v>
      </c>
      <c r="CX1916" s="20">
        <v>0.15</v>
      </c>
      <c r="CY1916" s="6" t="s">
        <v>673</v>
      </c>
      <c r="CZ1916" s="6" t="s">
        <v>674</v>
      </c>
      <c r="DA1916" s="6" t="s">
        <v>135</v>
      </c>
      <c r="DB1916" s="6" t="s">
        <v>345</v>
      </c>
      <c r="DC1916" s="6"/>
      <c r="DD1916" s="6"/>
      <c r="DE1916" s="6"/>
      <c r="DF1916" s="6"/>
      <c r="DG1916" s="6"/>
      <c r="DH1916" s="6" t="s">
        <v>333</v>
      </c>
      <c r="DI1916" s="6"/>
      <c r="DJ1916" s="6"/>
      <c r="DK1916" s="6"/>
      <c r="DL1916" s="6">
        <v>12</v>
      </c>
      <c r="DM1916" s="6" t="s">
        <v>602</v>
      </c>
      <c r="DN1916" s="6">
        <v>9</v>
      </c>
      <c r="DO1916" s="6" t="s">
        <v>384</v>
      </c>
      <c r="DP1916" s="6"/>
      <c r="DQ1916" s="6"/>
    </row>
    <row r="1917" spans="1:121" x14ac:dyDescent="0.2">
      <c r="A1917" s="6" t="s">
        <v>317</v>
      </c>
      <c r="B1917" s="6" t="s">
        <v>317</v>
      </c>
      <c r="C1917" s="6" t="s">
        <v>186</v>
      </c>
      <c r="D1917" s="6" t="s">
        <v>135</v>
      </c>
      <c r="E1917" s="6" t="s">
        <v>276</v>
      </c>
      <c r="F1917" s="11">
        <v>-13</v>
      </c>
      <c r="G1917" s="13">
        <v>-0.54</v>
      </c>
      <c r="H1917" s="11">
        <v>-11</v>
      </c>
      <c r="I1917" s="13">
        <v>-0.45833333333333326</v>
      </c>
      <c r="J1917" s="11">
        <v>-2</v>
      </c>
      <c r="K1917" s="13">
        <v>-0.15384615384615383</v>
      </c>
      <c r="L1917" s="11">
        <v>0</v>
      </c>
      <c r="M1917" s="13">
        <v>0</v>
      </c>
      <c r="N1917" s="11">
        <v>-2</v>
      </c>
      <c r="O1917" s="13">
        <v>-0.15384615384615383</v>
      </c>
      <c r="P1917" s="7">
        <v>24</v>
      </c>
      <c r="Q1917" s="7">
        <v>11</v>
      </c>
      <c r="R1917" s="7">
        <v>5</v>
      </c>
      <c r="S1917" s="7">
        <v>18</v>
      </c>
      <c r="T1917" s="7">
        <v>15</v>
      </c>
      <c r="U1917" s="7">
        <v>15</v>
      </c>
      <c r="V1917" s="7">
        <v>13</v>
      </c>
      <c r="W1917" s="7">
        <v>11</v>
      </c>
      <c r="X1917" s="7">
        <v>12</v>
      </c>
      <c r="Y1917" s="7">
        <v>11</v>
      </c>
      <c r="Z1917" s="7">
        <v>12</v>
      </c>
      <c r="AA1917" s="7">
        <v>17</v>
      </c>
      <c r="AB1917" s="7">
        <v>11</v>
      </c>
      <c r="AC1917" s="7">
        <v>5</v>
      </c>
      <c r="AD1917" s="7">
        <v>10</v>
      </c>
      <c r="AE1917" s="7">
        <v>11</v>
      </c>
      <c r="AF1917" s="7">
        <v>11</v>
      </c>
      <c r="AG1917" s="9">
        <v>21513</v>
      </c>
      <c r="AH1917" s="13">
        <v>1.0012100339740309</v>
      </c>
      <c r="AI1917" s="9">
        <v>-1214</v>
      </c>
      <c r="AJ1917" s="13">
        <v>-5.6499278633592408E-2</v>
      </c>
      <c r="AK1917" s="9">
        <v>9016</v>
      </c>
      <c r="AL1917" s="13">
        <v>0.44472944310166235</v>
      </c>
      <c r="AM1917" s="9">
        <v>13711</v>
      </c>
      <c r="AN1917" s="13">
        <v>0.46812796613062929</v>
      </c>
      <c r="AO1917" s="9">
        <v>22727</v>
      </c>
      <c r="AP1917" s="13">
        <v>1.1210476989098801</v>
      </c>
      <c r="AQ1917" s="9">
        <v>21487</v>
      </c>
      <c r="AR1917" s="9">
        <v>20589</v>
      </c>
      <c r="AS1917" s="9">
        <v>1</v>
      </c>
      <c r="AT1917" s="9">
        <v>26962</v>
      </c>
      <c r="AU1917" s="9">
        <v>24172</v>
      </c>
      <c r="AV1917" s="9">
        <v>20461</v>
      </c>
      <c r="AW1917" s="9">
        <v>20273</v>
      </c>
      <c r="AX1917" s="9">
        <v>22842</v>
      </c>
      <c r="AY1917" s="9">
        <v>23764</v>
      </c>
      <c r="AZ1917" s="9">
        <v>29289</v>
      </c>
      <c r="BA1917" s="9">
        <v>37004</v>
      </c>
      <c r="BB1917" s="9">
        <v>55207</v>
      </c>
      <c r="BC1917" s="9">
        <v>29419</v>
      </c>
      <c r="BD1917" s="9">
        <v>1</v>
      </c>
      <c r="BE1917" s="9">
        <v>38203</v>
      </c>
      <c r="BF1917" s="9">
        <v>43000</v>
      </c>
      <c r="BG1917" s="11">
        <v>-3</v>
      </c>
      <c r="BH1917" s="13">
        <v>-0.5</v>
      </c>
      <c r="BI1917" s="6">
        <v>-1</v>
      </c>
      <c r="BJ1917" s="13">
        <v>-0.16666666666666666</v>
      </c>
      <c r="BK1917" s="6">
        <v>1</v>
      </c>
      <c r="BL1917" s="13">
        <v>0.2</v>
      </c>
      <c r="BM1917" s="11">
        <v>-3</v>
      </c>
      <c r="BN1917" s="13">
        <v>-0.5</v>
      </c>
      <c r="BO1917" s="11">
        <v>-2</v>
      </c>
      <c r="BP1917" s="13">
        <v>-0.4</v>
      </c>
      <c r="BQ1917" s="6">
        <v>6</v>
      </c>
      <c r="BR1917" s="6">
        <v>6</v>
      </c>
      <c r="BS1917" s="6">
        <v>5</v>
      </c>
      <c r="BT1917" s="6">
        <v>5</v>
      </c>
      <c r="BU1917" s="6">
        <v>5</v>
      </c>
      <c r="BV1917" s="6">
        <v>5</v>
      </c>
      <c r="BW1917" s="6">
        <v>6</v>
      </c>
      <c r="BX1917" s="6">
        <v>5</v>
      </c>
      <c r="BY1917" s="6">
        <v>5</v>
      </c>
      <c r="BZ1917" s="6">
        <v>4</v>
      </c>
      <c r="CA1917" s="6">
        <v>3</v>
      </c>
      <c r="CB1917" s="6">
        <v>2</v>
      </c>
      <c r="CC1917" s="11">
        <v>3</v>
      </c>
      <c r="CD1917" s="11">
        <v>-22</v>
      </c>
      <c r="CE1917" s="11">
        <v>5</v>
      </c>
      <c r="CF1917" s="11">
        <v>3</v>
      </c>
      <c r="CG1917" s="11">
        <v>8</v>
      </c>
      <c r="CH1917" s="20">
        <v>0.23</v>
      </c>
      <c r="CI1917" s="20">
        <v>0.1</v>
      </c>
      <c r="CJ1917" s="20">
        <v>0.08</v>
      </c>
      <c r="CK1917" s="20">
        <v>0.15</v>
      </c>
      <c r="CL1917" s="20">
        <v>0.12</v>
      </c>
      <c r="CM1917" s="20">
        <v>0.13</v>
      </c>
      <c r="CN1917" s="20">
        <v>0.1</v>
      </c>
      <c r="CO1917" s="20">
        <v>0.09</v>
      </c>
      <c r="CP1917" s="20">
        <v>0.1</v>
      </c>
      <c r="CQ1917" s="20">
        <v>0.1</v>
      </c>
      <c r="CR1917" s="20">
        <v>0.1</v>
      </c>
      <c r="CS1917" s="20">
        <v>0.15</v>
      </c>
      <c r="CT1917" s="20">
        <v>0.1</v>
      </c>
      <c r="CU1917" s="20">
        <v>0.08</v>
      </c>
      <c r="CV1917" s="20">
        <v>0.08</v>
      </c>
      <c r="CW1917" s="20">
        <v>0.08</v>
      </c>
      <c r="CX1917" s="20">
        <v>0.08</v>
      </c>
      <c r="CY1917" s="6" t="s">
        <v>673</v>
      </c>
      <c r="CZ1917" s="6" t="s">
        <v>674</v>
      </c>
      <c r="DA1917" s="6" t="s">
        <v>135</v>
      </c>
      <c r="DB1917" s="6" t="s">
        <v>345</v>
      </c>
      <c r="DC1917" s="6"/>
      <c r="DD1917" s="6"/>
      <c r="DE1917" s="6"/>
      <c r="DF1917" s="6"/>
      <c r="DG1917" s="6"/>
      <c r="DH1917" s="6" t="s">
        <v>333</v>
      </c>
      <c r="DI1917" s="6"/>
      <c r="DJ1917" s="6"/>
      <c r="DK1917" s="6"/>
      <c r="DL1917" s="6">
        <v>12</v>
      </c>
      <c r="DM1917" s="6" t="s">
        <v>602</v>
      </c>
      <c r="DN1917" s="6">
        <v>9</v>
      </c>
      <c r="DO1917" s="6" t="s">
        <v>384</v>
      </c>
      <c r="DP1917" s="6"/>
      <c r="DQ1917" s="6"/>
    </row>
    <row r="1918" spans="1:121" x14ac:dyDescent="0.2">
      <c r="A1918" s="6" t="s">
        <v>318</v>
      </c>
      <c r="B1918" s="6" t="s">
        <v>318</v>
      </c>
      <c r="C1918" s="6" t="s">
        <v>187</v>
      </c>
      <c r="D1918" s="6" t="s">
        <v>135</v>
      </c>
      <c r="E1918" s="6" t="s">
        <v>276</v>
      </c>
      <c r="F1918" s="11">
        <v>15</v>
      </c>
      <c r="G1918" s="13">
        <v>1.5</v>
      </c>
      <c r="H1918" s="11">
        <v>-5.2286760000000001</v>
      </c>
      <c r="I1918" s="13">
        <v>-0.51117818180964969</v>
      </c>
      <c r="J1918" s="11">
        <v>22.995777</v>
      </c>
      <c r="K1918" s="13">
        <v>4.5991553999999999</v>
      </c>
      <c r="L1918" s="11">
        <v>-3.1161547105000018</v>
      </c>
      <c r="M1918" s="13">
        <v>-0.11130802729640266</v>
      </c>
      <c r="N1918" s="11">
        <v>19.879622289499999</v>
      </c>
      <c r="O1918" s="13">
        <v>3.9759244579000002</v>
      </c>
      <c r="P1918" s="7">
        <v>10.228676</v>
      </c>
      <c r="Q1918" s="7">
        <v>17.574287000000002</v>
      </c>
      <c r="R1918" s="7">
        <v>12.450958</v>
      </c>
      <c r="S1918" s="7">
        <v>15.071704</v>
      </c>
      <c r="T1918" s="7">
        <v>13.774786000000001</v>
      </c>
      <c r="U1918" s="7">
        <v>5</v>
      </c>
      <c r="V1918" s="7">
        <v>5</v>
      </c>
      <c r="W1918" s="7">
        <v>10.337301</v>
      </c>
      <c r="X1918" s="7">
        <v>17.909217999999999</v>
      </c>
      <c r="Y1918" s="7">
        <v>27.995777</v>
      </c>
      <c r="Z1918" s="7">
        <v>29.974564000000001</v>
      </c>
      <c r="AA1918" s="7">
        <v>24.660941999999999</v>
      </c>
      <c r="AB1918" s="7">
        <v>17.0716</v>
      </c>
      <c r="AC1918" s="7">
        <v>19.082571999999999</v>
      </c>
      <c r="AD1918" s="7">
        <v>23.254311999999999</v>
      </c>
      <c r="AE1918" s="7">
        <v>23.903839749999999</v>
      </c>
      <c r="AF1918" s="7">
        <v>24.879622289499999</v>
      </c>
      <c r="AG1918" s="9">
        <v>26714.870787000003</v>
      </c>
      <c r="AH1918" s="13">
        <v>1.0210812973846186</v>
      </c>
      <c r="AI1918" s="9">
        <v>-26162.314180199999</v>
      </c>
      <c r="AJ1918" s="13">
        <v>-0.99996177854253809</v>
      </c>
      <c r="AK1918" s="9">
        <v>49246.902002000003</v>
      </c>
      <c r="AL1918" s="13">
        <v>49246.902002000003</v>
      </c>
      <c r="AM1918" s="9">
        <v>3630.2829652</v>
      </c>
      <c r="AN1918" s="13">
        <v>7.3714469401205573E-2</v>
      </c>
      <c r="AO1918" s="9">
        <v>52877.184967200003</v>
      </c>
      <c r="AP1918" s="13">
        <v>52877.184967200003</v>
      </c>
      <c r="AQ1918" s="9">
        <v>26163.314180199999</v>
      </c>
      <c r="AR1918" s="9">
        <v>42155.481645100001</v>
      </c>
      <c r="AS1918" s="9">
        <v>51658.595619500004</v>
      </c>
      <c r="AT1918" s="9">
        <v>67868.462302500004</v>
      </c>
      <c r="AU1918" s="9">
        <v>44074.735651299998</v>
      </c>
      <c r="AV1918" s="9">
        <v>1</v>
      </c>
      <c r="AW1918" s="9">
        <v>1</v>
      </c>
      <c r="AX1918" s="9">
        <v>4752.07299014</v>
      </c>
      <c r="AY1918" s="9">
        <v>49620.481473899999</v>
      </c>
      <c r="AZ1918" s="9">
        <v>49247.902002000003</v>
      </c>
      <c r="BA1918" s="9">
        <v>48040.591843800001</v>
      </c>
      <c r="BB1918" s="9">
        <v>17151.5927901</v>
      </c>
      <c r="BC1918" s="9">
        <v>59309.876847400003</v>
      </c>
      <c r="BD1918" s="9">
        <v>47424.426079099998</v>
      </c>
      <c r="BE1918" s="9">
        <v>52150.503642099997</v>
      </c>
      <c r="BF1918" s="9">
        <v>52878.184967200003</v>
      </c>
      <c r="BG1918" s="11">
        <v>0</v>
      </c>
      <c r="BH1918" s="13">
        <v>0</v>
      </c>
      <c r="BI1918" s="6">
        <v>0</v>
      </c>
      <c r="BJ1918" s="13">
        <v>0</v>
      </c>
      <c r="BK1918" s="6">
        <v>0</v>
      </c>
      <c r="BL1918" s="13">
        <v>0</v>
      </c>
      <c r="BM1918" s="11">
        <v>0</v>
      </c>
      <c r="BN1918" s="13">
        <v>0</v>
      </c>
      <c r="BO1918" s="11">
        <v>0</v>
      </c>
      <c r="BP1918" s="13">
        <v>0</v>
      </c>
      <c r="BQ1918" s="6">
        <v>1</v>
      </c>
      <c r="BR1918" s="6">
        <v>1</v>
      </c>
      <c r="BS1918" s="6">
        <v>1</v>
      </c>
      <c r="BT1918" s="6">
        <v>1</v>
      </c>
      <c r="BU1918" s="6">
        <v>1</v>
      </c>
      <c r="BV1918" s="6">
        <v>1</v>
      </c>
      <c r="BW1918" s="6">
        <v>1</v>
      </c>
      <c r="BX1918" s="6">
        <v>1</v>
      </c>
      <c r="BY1918" s="6">
        <v>1</v>
      </c>
      <c r="BZ1918" s="6">
        <v>1</v>
      </c>
      <c r="CA1918" s="6">
        <v>1</v>
      </c>
      <c r="CB1918" s="6">
        <v>1</v>
      </c>
      <c r="CC1918" s="11">
        <v>1</v>
      </c>
      <c r="CD1918" s="11">
        <v>11.3428</v>
      </c>
      <c r="CE1918" s="11">
        <v>2.1900400000000002</v>
      </c>
      <c r="CF1918" s="11">
        <v>1.11812</v>
      </c>
      <c r="CG1918" s="11">
        <v>3</v>
      </c>
      <c r="CH1918" s="20">
        <v>0.43908999999999998</v>
      </c>
      <c r="CI1918" s="20">
        <v>0.75774600000000003</v>
      </c>
      <c r="CJ1918" s="20">
        <v>0.52521499999999999</v>
      </c>
      <c r="CK1918" s="20">
        <v>0.59871700000000005</v>
      </c>
      <c r="CL1918" s="20">
        <v>0.555033</v>
      </c>
      <c r="CM1918" s="20">
        <v>0.19017200000000001</v>
      </c>
      <c r="CN1918" s="20">
        <v>0.112191</v>
      </c>
      <c r="CO1918" s="20">
        <v>0.39945999999999998</v>
      </c>
      <c r="CP1918" s="20">
        <v>0.687998</v>
      </c>
      <c r="CQ1918" s="20">
        <v>1.1198600000000001</v>
      </c>
      <c r="CR1918" s="20">
        <v>1.1850799999999999</v>
      </c>
      <c r="CS1918" s="20">
        <v>0.97661100000000001</v>
      </c>
      <c r="CT1918" s="20">
        <v>0.67829200000000001</v>
      </c>
      <c r="CU1918" s="20">
        <v>0.69991400000000004</v>
      </c>
      <c r="CV1918" s="20">
        <v>0.822106</v>
      </c>
      <c r="CW1918" s="20">
        <v>0.84656600000000004</v>
      </c>
      <c r="CX1918" s="20">
        <v>0.84697299999999998</v>
      </c>
      <c r="CY1918" s="6" t="s">
        <v>673</v>
      </c>
      <c r="CZ1918" s="6" t="s">
        <v>674</v>
      </c>
      <c r="DA1918" s="6" t="s">
        <v>135</v>
      </c>
      <c r="DB1918" s="6" t="s">
        <v>345</v>
      </c>
      <c r="DC1918" s="6"/>
      <c r="DD1918" s="6"/>
      <c r="DE1918" s="6"/>
      <c r="DF1918" s="6"/>
      <c r="DG1918" s="6"/>
      <c r="DH1918" s="6" t="s">
        <v>333</v>
      </c>
      <c r="DI1918" s="6"/>
      <c r="DJ1918" s="6"/>
      <c r="DK1918" s="6"/>
      <c r="DL1918" s="6">
        <v>12</v>
      </c>
      <c r="DM1918" s="6" t="s">
        <v>602</v>
      </c>
      <c r="DN1918" s="6">
        <v>9</v>
      </c>
      <c r="DO1918" s="6" t="s">
        <v>384</v>
      </c>
      <c r="DP1918" s="6"/>
      <c r="DQ1918" s="6"/>
    </row>
    <row r="1919" spans="1:121" x14ac:dyDescent="0.2">
      <c r="A1919" s="6" t="s">
        <v>319</v>
      </c>
      <c r="B1919" s="6" t="s">
        <v>319</v>
      </c>
      <c r="C1919" s="6" t="s">
        <v>188</v>
      </c>
      <c r="D1919" s="6" t="s">
        <v>135</v>
      </c>
      <c r="E1919" s="6" t="s">
        <v>276</v>
      </c>
      <c r="F1919" s="11">
        <v>0</v>
      </c>
      <c r="G1919" s="13">
        <v>0</v>
      </c>
      <c r="H1919" s="11">
        <v>1.9064207690000003</v>
      </c>
      <c r="I1919" s="13">
        <v>7.698862441022454E-2</v>
      </c>
      <c r="J1919" s="11">
        <v>10.965828616499998</v>
      </c>
      <c r="K1919" s="13">
        <v>0.41118582748679322</v>
      </c>
      <c r="L1919" s="11">
        <v>-12.6338895395</v>
      </c>
      <c r="M1919" s="13">
        <v>-0.33569861728229999</v>
      </c>
      <c r="N1919" s="11">
        <v>-1.6680609230000023</v>
      </c>
      <c r="O1919" s="13">
        <v>-6.254730352890156E-2</v>
      </c>
      <c r="P1919" s="7">
        <v>24.762369552700001</v>
      </c>
      <c r="Q1919" s="7">
        <v>37.695932757800001</v>
      </c>
      <c r="R1919" s="7">
        <v>31.117887615099999</v>
      </c>
      <c r="S1919" s="7">
        <v>27.4771305499</v>
      </c>
      <c r="T1919" s="7">
        <v>25.708901862899999</v>
      </c>
      <c r="U1919" s="7">
        <v>20.529100114599999</v>
      </c>
      <c r="V1919" s="7">
        <v>26.668790321700001</v>
      </c>
      <c r="W1919" s="7">
        <v>27.3175876689</v>
      </c>
      <c r="X1919" s="7">
        <v>27.7829260074</v>
      </c>
      <c r="Y1919" s="7">
        <v>37.634618938199999</v>
      </c>
      <c r="Z1919" s="7">
        <v>46.573894909899998</v>
      </c>
      <c r="AA1919" s="7">
        <v>35.903802542900003</v>
      </c>
      <c r="AB1919" s="7">
        <v>28.7956682501</v>
      </c>
      <c r="AC1919" s="7">
        <v>28.498835135299998</v>
      </c>
      <c r="AD1919" s="7">
        <v>24.7758357588</v>
      </c>
      <c r="AE1919" s="7">
        <v>24.707973530699999</v>
      </c>
      <c r="AF1919" s="7">
        <v>25.000729398699999</v>
      </c>
      <c r="AG1919" s="9">
        <v>-1252.8000677999989</v>
      </c>
      <c r="AH1919" s="13">
        <v>-6.4550177783567003E-2</v>
      </c>
      <c r="AI1919" s="9">
        <v>4806.8763513999984</v>
      </c>
      <c r="AJ1919" s="13">
        <v>0.24767297754970161</v>
      </c>
      <c r="AK1919" s="9">
        <v>-1148.8927625999968</v>
      </c>
      <c r="AL1919" s="13">
        <v>-4.7445431312124857E-2</v>
      </c>
      <c r="AM1919" s="9">
        <v>-4910.7836566000005</v>
      </c>
      <c r="AN1919" s="13">
        <v>-0.21290008893978332</v>
      </c>
      <c r="AO1919" s="9">
        <v>-6059.6764191999973</v>
      </c>
      <c r="AP1919" s="13">
        <v>-0.2502443837057704</v>
      </c>
      <c r="AQ1919" s="9">
        <v>19408.1582858</v>
      </c>
      <c r="AR1919" s="9">
        <v>17098.852748400001</v>
      </c>
      <c r="AS1919" s="9">
        <v>20354.894004400001</v>
      </c>
      <c r="AT1919" s="9">
        <v>19214.649691099999</v>
      </c>
      <c r="AU1919" s="9">
        <v>18006.8900555</v>
      </c>
      <c r="AV1919" s="9">
        <v>21215.868658200001</v>
      </c>
      <c r="AW1919" s="9">
        <v>24215.034637199999</v>
      </c>
      <c r="AX1919" s="9">
        <v>23013.977260399999</v>
      </c>
      <c r="AY1919" s="9">
        <v>24201.824824399999</v>
      </c>
      <c r="AZ1919" s="9">
        <v>23066.141874600002</v>
      </c>
      <c r="BA1919" s="9">
        <v>18647.418706500001</v>
      </c>
      <c r="BB1919" s="9">
        <v>15310.136404999999</v>
      </c>
      <c r="BC1919" s="9">
        <v>15378.9133423</v>
      </c>
      <c r="BD1919" s="9">
        <v>17461.492264799999</v>
      </c>
      <c r="BE1919" s="9">
        <v>16989.015807299998</v>
      </c>
      <c r="BF1919" s="9">
        <v>18155.358218000001</v>
      </c>
      <c r="BG1919" s="11">
        <v>-0.5</v>
      </c>
      <c r="BH1919" s="13">
        <v>-0.25</v>
      </c>
      <c r="BI1919" s="6">
        <v>1</v>
      </c>
      <c r="BJ1919" s="13">
        <v>0.5</v>
      </c>
      <c r="BK1919" s="6">
        <v>0</v>
      </c>
      <c r="BL1919" s="13">
        <v>0</v>
      </c>
      <c r="BM1919" s="11">
        <v>-1.5</v>
      </c>
      <c r="BN1919" s="13">
        <v>-0.5</v>
      </c>
      <c r="BO1919" s="11">
        <v>-1.5</v>
      </c>
      <c r="BP1919" s="13">
        <v>-0.5</v>
      </c>
      <c r="BQ1919" s="6">
        <v>2</v>
      </c>
      <c r="BR1919" s="6">
        <v>3</v>
      </c>
      <c r="BS1919" s="6">
        <v>3</v>
      </c>
      <c r="BT1919" s="6">
        <v>3</v>
      </c>
      <c r="BU1919" s="6">
        <v>3</v>
      </c>
      <c r="BV1919" s="6">
        <v>3</v>
      </c>
      <c r="BW1919" s="6">
        <v>3</v>
      </c>
      <c r="BX1919" s="6">
        <v>1</v>
      </c>
      <c r="BY1919" s="6">
        <v>1</v>
      </c>
      <c r="BZ1919" s="6">
        <v>1</v>
      </c>
      <c r="CA1919" s="6">
        <v>1</v>
      </c>
      <c r="CB1919" s="6">
        <v>2</v>
      </c>
      <c r="CC1919" s="11">
        <v>1.5</v>
      </c>
      <c r="CD1919" s="11">
        <v>-4.6963999999999997</v>
      </c>
      <c r="CE1919" s="11">
        <v>2.2279300000000002</v>
      </c>
      <c r="CF1919" s="11">
        <v>2.7068300000000001</v>
      </c>
      <c r="CG1919" s="11">
        <v>5</v>
      </c>
      <c r="CH1919" s="20">
        <v>0.21670400000000001</v>
      </c>
      <c r="CI1919" s="20">
        <v>0.32811299999999999</v>
      </c>
      <c r="CJ1919" s="20">
        <v>0.26028099999999998</v>
      </c>
      <c r="CK1919" s="20">
        <v>0.21390500000000001</v>
      </c>
      <c r="CL1919" s="20">
        <v>0.201573</v>
      </c>
      <c r="CM1919" s="20">
        <v>0.16545699999999999</v>
      </c>
      <c r="CN1919" s="20">
        <v>0.20796700000000001</v>
      </c>
      <c r="CO1919" s="20">
        <v>0.22495799999999999</v>
      </c>
      <c r="CP1919" s="20">
        <v>0.24485199999999999</v>
      </c>
      <c r="CQ1919" s="20">
        <v>0.33570100000000003</v>
      </c>
      <c r="CR1919" s="20">
        <v>0.40836499999999998</v>
      </c>
      <c r="CS1919" s="20">
        <v>0.319382</v>
      </c>
      <c r="CT1919" s="20">
        <v>0.25992599999999999</v>
      </c>
      <c r="CU1919" s="20">
        <v>0.23717199999999999</v>
      </c>
      <c r="CV1919" s="20">
        <v>0.19819700000000001</v>
      </c>
      <c r="CW1919" s="20">
        <v>0.19711300000000001</v>
      </c>
      <c r="CX1919" s="20">
        <v>0.191467</v>
      </c>
      <c r="CY1919" s="6" t="s">
        <v>673</v>
      </c>
      <c r="CZ1919" s="6" t="s">
        <v>674</v>
      </c>
      <c r="DA1919" s="6" t="s">
        <v>135</v>
      </c>
      <c r="DB1919" s="6" t="s">
        <v>345</v>
      </c>
      <c r="DC1919" s="6"/>
      <c r="DD1919" s="6"/>
      <c r="DE1919" s="6"/>
      <c r="DF1919" s="6"/>
      <c r="DG1919" s="6"/>
      <c r="DH1919" s="6" t="s">
        <v>333</v>
      </c>
      <c r="DI1919" s="6"/>
      <c r="DJ1919" s="6"/>
      <c r="DK1919" s="6"/>
      <c r="DL1919" s="6">
        <v>12</v>
      </c>
      <c r="DM1919" s="6" t="s">
        <v>602</v>
      </c>
      <c r="DN1919" s="6">
        <v>9</v>
      </c>
      <c r="DO1919" s="6" t="s">
        <v>384</v>
      </c>
      <c r="DP1919" s="6"/>
      <c r="DQ1919" s="6"/>
    </row>
    <row r="1920" spans="1:121" x14ac:dyDescent="0.2">
      <c r="A1920" s="6" t="s">
        <v>320</v>
      </c>
      <c r="B1920" s="6" t="s">
        <v>320</v>
      </c>
      <c r="C1920" s="6" t="s">
        <v>189</v>
      </c>
      <c r="D1920" s="6" t="s">
        <v>135</v>
      </c>
      <c r="E1920" s="6" t="s">
        <v>276</v>
      </c>
      <c r="F1920" s="11">
        <v>0</v>
      </c>
      <c r="G1920" s="13">
        <v>0</v>
      </c>
      <c r="H1920" s="11">
        <v>5</v>
      </c>
      <c r="I1920" s="13"/>
      <c r="J1920" s="11">
        <v>0</v>
      </c>
      <c r="K1920" s="13">
        <v>0</v>
      </c>
      <c r="L1920" s="11">
        <v>-5</v>
      </c>
      <c r="M1920" s="13">
        <v>-1</v>
      </c>
      <c r="N1920" s="11">
        <v>-5</v>
      </c>
      <c r="O1920" s="13">
        <v>-1</v>
      </c>
      <c r="P1920" s="7">
        <v>0</v>
      </c>
      <c r="Q1920" s="7">
        <v>0</v>
      </c>
      <c r="R1920" s="7">
        <v>0</v>
      </c>
      <c r="S1920" s="7">
        <v>0</v>
      </c>
      <c r="T1920" s="7">
        <v>0</v>
      </c>
      <c r="U1920" s="7">
        <v>0</v>
      </c>
      <c r="V1920" s="7">
        <v>5</v>
      </c>
      <c r="W1920" s="7">
        <v>0</v>
      </c>
      <c r="X1920" s="7">
        <v>5</v>
      </c>
      <c r="Y1920" s="7">
        <v>5</v>
      </c>
      <c r="Z1920" s="7">
        <v>0</v>
      </c>
      <c r="AA1920" s="7">
        <v>0</v>
      </c>
      <c r="AB1920" s="7">
        <v>0</v>
      </c>
      <c r="AC1920" s="7">
        <v>0</v>
      </c>
      <c r="AD1920" s="7">
        <v>0</v>
      </c>
      <c r="AE1920" s="7">
        <v>0</v>
      </c>
      <c r="AF1920" s="7">
        <v>0</v>
      </c>
      <c r="AG1920" s="9">
        <v>0</v>
      </c>
      <c r="AH1920" s="13"/>
      <c r="AI1920" s="9">
        <v>1</v>
      </c>
      <c r="AJ1920" s="13"/>
      <c r="AK1920" s="9">
        <v>0</v>
      </c>
      <c r="AL1920" s="13">
        <v>0</v>
      </c>
      <c r="AM1920" s="9">
        <v>-1</v>
      </c>
      <c r="AN1920" s="13">
        <v>-1</v>
      </c>
      <c r="AO1920" s="9">
        <v>-1</v>
      </c>
      <c r="AP1920" s="13">
        <v>-1</v>
      </c>
      <c r="AQ1920" s="9">
        <v>0</v>
      </c>
      <c r="AR1920" s="9">
        <v>0</v>
      </c>
      <c r="AS1920" s="9">
        <v>0</v>
      </c>
      <c r="AT1920" s="9">
        <v>0</v>
      </c>
      <c r="AU1920" s="9">
        <v>0</v>
      </c>
      <c r="AV1920" s="9">
        <v>0</v>
      </c>
      <c r="AW1920" s="9">
        <v>1</v>
      </c>
      <c r="AX1920" s="9">
        <v>0</v>
      </c>
      <c r="AY1920" s="9">
        <v>1</v>
      </c>
      <c r="AZ1920" s="9">
        <v>1</v>
      </c>
      <c r="BA1920" s="9">
        <v>0</v>
      </c>
      <c r="BB1920" s="9">
        <v>0</v>
      </c>
      <c r="BC1920" s="9">
        <v>0</v>
      </c>
      <c r="BD1920" s="9">
        <v>0</v>
      </c>
      <c r="BE1920" s="9">
        <v>0</v>
      </c>
      <c r="BF1920" s="9">
        <v>0</v>
      </c>
      <c r="BG1920" s="11">
        <v>0</v>
      </c>
      <c r="BH1920" s="13" t="e">
        <v>#DIV/0!</v>
      </c>
      <c r="BI1920" s="6">
        <v>0</v>
      </c>
      <c r="BJ1920" s="13" t="e">
        <v>#DIV/0!</v>
      </c>
      <c r="BK1920" s="6">
        <v>1</v>
      </c>
      <c r="BL1920" s="13" t="e">
        <v>#DIV/0!</v>
      </c>
      <c r="BM1920" s="11">
        <v>-1</v>
      </c>
      <c r="BN1920" s="13">
        <v>-1</v>
      </c>
      <c r="BO1920" s="11">
        <v>0</v>
      </c>
      <c r="BP1920" s="13" t="e">
        <v>#DIV/0!</v>
      </c>
      <c r="BQ1920" s="6">
        <v>0</v>
      </c>
      <c r="BR1920" s="6">
        <v>0</v>
      </c>
      <c r="BS1920" s="6">
        <v>0</v>
      </c>
      <c r="BT1920" s="6">
        <v>0</v>
      </c>
      <c r="BU1920" s="6">
        <v>0</v>
      </c>
      <c r="BV1920" s="6">
        <v>0</v>
      </c>
      <c r="BW1920" s="6">
        <v>1</v>
      </c>
      <c r="BX1920" s="6">
        <v>0</v>
      </c>
      <c r="BY1920" s="6">
        <v>0</v>
      </c>
      <c r="BZ1920" s="6">
        <v>0</v>
      </c>
      <c r="CA1920" s="6">
        <v>0</v>
      </c>
      <c r="CB1920" s="6">
        <v>0</v>
      </c>
      <c r="CC1920" s="11">
        <v>0</v>
      </c>
      <c r="CD1920" s="11">
        <v>0</v>
      </c>
      <c r="CE1920" s="11">
        <v>0</v>
      </c>
      <c r="CF1920" s="11">
        <v>0</v>
      </c>
      <c r="CG1920" s="11">
        <v>0</v>
      </c>
      <c r="CH1920" s="20">
        <v>0</v>
      </c>
      <c r="CI1920" s="20">
        <v>0</v>
      </c>
      <c r="CJ1920" s="20">
        <v>0</v>
      </c>
      <c r="CK1920" s="20">
        <v>0</v>
      </c>
      <c r="CL1920" s="20">
        <v>0</v>
      </c>
      <c r="CM1920" s="20">
        <v>0</v>
      </c>
      <c r="CN1920" s="20">
        <v>3.7626199999999999E-2</v>
      </c>
      <c r="CO1920" s="20">
        <v>0</v>
      </c>
      <c r="CP1920" s="20">
        <v>4.3421899999999999E-2</v>
      </c>
      <c r="CQ1920" s="20">
        <v>7.2720999999999994E-2</v>
      </c>
      <c r="CR1920" s="20">
        <v>0</v>
      </c>
      <c r="CS1920" s="20">
        <v>0</v>
      </c>
      <c r="CT1920" s="20">
        <v>0</v>
      </c>
      <c r="CU1920" s="20">
        <v>0</v>
      </c>
      <c r="CV1920" s="20">
        <v>0</v>
      </c>
      <c r="CW1920" s="20">
        <v>0</v>
      </c>
      <c r="CX1920" s="20">
        <v>0</v>
      </c>
      <c r="CY1920" s="6" t="s">
        <v>673</v>
      </c>
      <c r="CZ1920" s="6" t="s">
        <v>674</v>
      </c>
      <c r="DA1920" s="6" t="s">
        <v>135</v>
      </c>
      <c r="DB1920" s="6" t="s">
        <v>345</v>
      </c>
      <c r="DC1920" s="6"/>
      <c r="DD1920" s="6"/>
      <c r="DE1920" s="6"/>
      <c r="DF1920" s="6"/>
      <c r="DG1920" s="6"/>
      <c r="DH1920" s="6" t="s">
        <v>333</v>
      </c>
      <c r="DI1920" s="6"/>
      <c r="DJ1920" s="6"/>
      <c r="DK1920" s="6"/>
      <c r="DL1920" s="6">
        <v>12</v>
      </c>
      <c r="DM1920" s="6" t="s">
        <v>602</v>
      </c>
      <c r="DN1920" s="6">
        <v>9</v>
      </c>
      <c r="DO1920" s="6" t="s">
        <v>384</v>
      </c>
      <c r="DP1920" s="6"/>
      <c r="DQ1920" s="6"/>
    </row>
    <row r="1921" spans="1:121" x14ac:dyDescent="0.2">
      <c r="A1921" s="6" t="s">
        <v>321</v>
      </c>
      <c r="B1921" s="6" t="s">
        <v>321</v>
      </c>
      <c r="C1921" s="6" t="s">
        <v>190</v>
      </c>
      <c r="D1921" s="6" t="s">
        <v>135</v>
      </c>
      <c r="E1921" s="6" t="s">
        <v>276</v>
      </c>
      <c r="F1921" s="11">
        <v>285</v>
      </c>
      <c r="G1921" s="13">
        <v>1.33802816901</v>
      </c>
      <c r="H1921" s="11">
        <v>45.557042474999975</v>
      </c>
      <c r="I1921" s="13">
        <v>0.21351102473497441</v>
      </c>
      <c r="J1921" s="11">
        <v>-5.2507028939999714</v>
      </c>
      <c r="K1921" s="13">
        <v>-2.0278624863651434E-2</v>
      </c>
      <c r="L1921" s="11">
        <v>244.33046158299999</v>
      </c>
      <c r="M1921" s="13">
        <v>0.96315478913534613</v>
      </c>
      <c r="N1921" s="11">
        <v>239.07975868900002</v>
      </c>
      <c r="O1921" s="13">
        <v>0.92334470961718973</v>
      </c>
      <c r="P1921" s="7">
        <v>213.370913898</v>
      </c>
      <c r="Q1921" s="7">
        <v>199.14128919800001</v>
      </c>
      <c r="R1921" s="7">
        <v>214.917214331</v>
      </c>
      <c r="S1921" s="7">
        <v>250.02558064300001</v>
      </c>
      <c r="T1921" s="7">
        <v>200.46105343799999</v>
      </c>
      <c r="U1921" s="7">
        <v>206.812763144</v>
      </c>
      <c r="V1921" s="7">
        <v>258.92795637299997</v>
      </c>
      <c r="W1921" s="7">
        <v>231.31624407199999</v>
      </c>
      <c r="X1921" s="7">
        <v>243.23008166599999</v>
      </c>
      <c r="Y1921" s="7">
        <v>253.677253479</v>
      </c>
      <c r="Z1921" s="7">
        <v>243.02421679599999</v>
      </c>
      <c r="AA1921" s="7">
        <v>259.08218887200002</v>
      </c>
      <c r="AB1921" s="7">
        <v>478.61385556800002</v>
      </c>
      <c r="AC1921" s="7">
        <v>479.86170771899998</v>
      </c>
      <c r="AD1921" s="7">
        <v>497.09880133799999</v>
      </c>
      <c r="AE1921" s="7">
        <v>454.76987438999998</v>
      </c>
      <c r="AF1921" s="7">
        <v>498.00771506199999</v>
      </c>
      <c r="AG1921" s="9">
        <v>2005.2408733000011</v>
      </c>
      <c r="AH1921" s="13">
        <v>0.10385142465248526</v>
      </c>
      <c r="AI1921" s="9">
        <v>9163.6791703999988</v>
      </c>
      <c r="AJ1921" s="13">
        <v>0.47458694343199109</v>
      </c>
      <c r="AK1921" s="9">
        <v>2842.7939542000022</v>
      </c>
      <c r="AL1921" s="13">
        <v>9.9843755768132314E-2</v>
      </c>
      <c r="AM1921" s="9">
        <v>-10001.2322513</v>
      </c>
      <c r="AN1921" s="13">
        <v>-0.31937288784943202</v>
      </c>
      <c r="AO1921" s="9">
        <v>-7158.4382970999977</v>
      </c>
      <c r="AP1921" s="13">
        <v>-0.2514165206947015</v>
      </c>
      <c r="AQ1921" s="9">
        <v>19308.746895</v>
      </c>
      <c r="AR1921" s="9">
        <v>21153.546978300001</v>
      </c>
      <c r="AS1921" s="9">
        <v>22094.846584800001</v>
      </c>
      <c r="AT1921" s="9">
        <v>20211.050186</v>
      </c>
      <c r="AU1921" s="9">
        <v>22736.063891000002</v>
      </c>
      <c r="AV1921" s="9">
        <v>28523.414068400001</v>
      </c>
      <c r="AW1921" s="9">
        <v>28472.426065399999</v>
      </c>
      <c r="AX1921" s="9">
        <v>36880.668017700002</v>
      </c>
      <c r="AY1921" s="9">
        <v>34187.996604799999</v>
      </c>
      <c r="AZ1921" s="9">
        <v>31315.220019600001</v>
      </c>
      <c r="BA1921" s="9">
        <v>31098.253110900001</v>
      </c>
      <c r="BB1921" s="9">
        <v>31765.7708465</v>
      </c>
      <c r="BC1921" s="9">
        <v>22707.184389800001</v>
      </c>
      <c r="BD1921" s="9">
        <v>22461.319247399999</v>
      </c>
      <c r="BE1921" s="9">
        <v>22022.032001899999</v>
      </c>
      <c r="BF1921" s="9">
        <v>21313.987768300001</v>
      </c>
      <c r="BG1921" s="11">
        <v>173.75</v>
      </c>
      <c r="BH1921" s="13">
        <v>14.479166666666666</v>
      </c>
      <c r="BI1921" s="6">
        <v>4</v>
      </c>
      <c r="BJ1921" s="13">
        <v>0.33333333333333331</v>
      </c>
      <c r="BK1921" s="6">
        <v>-2</v>
      </c>
      <c r="BL1921" s="13">
        <v>-0.125</v>
      </c>
      <c r="BM1921" s="11">
        <v>171.75</v>
      </c>
      <c r="BN1921" s="13">
        <v>12.267857142857142</v>
      </c>
      <c r="BO1921" s="11">
        <v>169.75</v>
      </c>
      <c r="BP1921" s="13">
        <v>10.609375</v>
      </c>
      <c r="BQ1921" s="6">
        <v>12</v>
      </c>
      <c r="BR1921" s="6">
        <v>13</v>
      </c>
      <c r="BS1921" s="6">
        <v>14</v>
      </c>
      <c r="BT1921" s="6">
        <v>16</v>
      </c>
      <c r="BU1921" s="6">
        <v>15</v>
      </c>
      <c r="BV1921" s="6">
        <v>14</v>
      </c>
      <c r="BW1921" s="6">
        <v>14</v>
      </c>
      <c r="BX1921" s="6">
        <v>18</v>
      </c>
      <c r="BY1921" s="6">
        <v>16</v>
      </c>
      <c r="BZ1921" s="6">
        <v>206</v>
      </c>
      <c r="CA1921" s="6">
        <v>198</v>
      </c>
      <c r="CB1921" s="6">
        <v>200</v>
      </c>
      <c r="CC1921" s="11">
        <v>185.75</v>
      </c>
      <c r="CD1921" s="11">
        <v>183.61</v>
      </c>
      <c r="CE1921" s="11">
        <v>77.702600000000004</v>
      </c>
      <c r="CF1921" s="11">
        <v>23.324000000000002</v>
      </c>
      <c r="CG1921" s="11">
        <v>101</v>
      </c>
      <c r="CH1921" s="20">
        <v>1.13327</v>
      </c>
      <c r="CI1921" s="20">
        <v>1.0126200000000001</v>
      </c>
      <c r="CJ1921" s="20">
        <v>1.0180899999999999</v>
      </c>
      <c r="CK1921" s="20">
        <v>1.1159600000000001</v>
      </c>
      <c r="CL1921" s="20">
        <v>0.911358</v>
      </c>
      <c r="CM1921" s="20">
        <v>0.96816500000000005</v>
      </c>
      <c r="CN1921" s="20">
        <v>1.1519600000000001</v>
      </c>
      <c r="CO1921" s="20">
        <v>1.01346</v>
      </c>
      <c r="CP1921" s="20">
        <v>1.01742</v>
      </c>
      <c r="CQ1921" s="20">
        <v>1.08887</v>
      </c>
      <c r="CR1921" s="20">
        <v>1.05132</v>
      </c>
      <c r="CS1921" s="20">
        <v>1.12914</v>
      </c>
      <c r="CT1921" s="20">
        <v>2.1330200000000001</v>
      </c>
      <c r="CU1921" s="20">
        <v>1.9994099999999999</v>
      </c>
      <c r="CV1921" s="20">
        <v>1.99241</v>
      </c>
      <c r="CW1921" s="20">
        <v>1.8091900000000001</v>
      </c>
      <c r="CX1921" s="20">
        <v>1.8839900000000001</v>
      </c>
      <c r="CY1921" s="6" t="s">
        <v>673</v>
      </c>
      <c r="CZ1921" s="6" t="s">
        <v>674</v>
      </c>
      <c r="DA1921" s="6" t="s">
        <v>135</v>
      </c>
      <c r="DB1921" s="6" t="s">
        <v>345</v>
      </c>
      <c r="DC1921" s="6"/>
      <c r="DD1921" s="6"/>
      <c r="DE1921" s="6"/>
      <c r="DF1921" s="6"/>
      <c r="DG1921" s="6"/>
      <c r="DH1921" s="6" t="s">
        <v>333</v>
      </c>
      <c r="DI1921" s="6"/>
      <c r="DJ1921" s="6"/>
      <c r="DK1921" s="6"/>
      <c r="DL1921" s="6">
        <v>12</v>
      </c>
      <c r="DM1921" s="6" t="s">
        <v>602</v>
      </c>
      <c r="DN1921" s="6">
        <v>9</v>
      </c>
      <c r="DO1921" s="6" t="s">
        <v>384</v>
      </c>
      <c r="DP1921" s="6"/>
      <c r="DQ1921" s="6"/>
    </row>
    <row r="1922" spans="1:121" x14ac:dyDescent="0.2">
      <c r="A1922" s="6" t="s">
        <v>322</v>
      </c>
      <c r="B1922" s="6" t="s">
        <v>322</v>
      </c>
      <c r="C1922" s="6" t="s">
        <v>191</v>
      </c>
      <c r="D1922" s="6" t="s">
        <v>135</v>
      </c>
      <c r="E1922" s="6" t="s">
        <v>276</v>
      </c>
      <c r="F1922" s="11">
        <v>1</v>
      </c>
      <c r="G1922" s="13">
        <v>1</v>
      </c>
      <c r="H1922" s="11">
        <v>-13</v>
      </c>
      <c r="I1922" s="13">
        <v>-0.72222222222222221</v>
      </c>
      <c r="J1922" s="11">
        <v>0</v>
      </c>
      <c r="K1922" s="13">
        <v>0</v>
      </c>
      <c r="L1922" s="11">
        <v>0</v>
      </c>
      <c r="M1922" s="13">
        <v>0</v>
      </c>
      <c r="N1922" s="11">
        <v>0</v>
      </c>
      <c r="O1922" s="13">
        <v>0</v>
      </c>
      <c r="P1922" s="7">
        <v>18</v>
      </c>
      <c r="Q1922" s="7">
        <v>17</v>
      </c>
      <c r="R1922" s="7">
        <v>20</v>
      </c>
      <c r="S1922" s="7">
        <v>20</v>
      </c>
      <c r="T1922" s="7">
        <v>5</v>
      </c>
      <c r="U1922" s="7">
        <v>5</v>
      </c>
      <c r="V1922" s="7">
        <v>5</v>
      </c>
      <c r="W1922" s="7">
        <v>5</v>
      </c>
      <c r="X1922" s="7">
        <v>5</v>
      </c>
      <c r="Y1922" s="7">
        <v>5</v>
      </c>
      <c r="Z1922" s="7">
        <v>5</v>
      </c>
      <c r="AA1922" s="7">
        <v>5</v>
      </c>
      <c r="AB1922" s="7">
        <v>5</v>
      </c>
      <c r="AC1922" s="7">
        <v>5</v>
      </c>
      <c r="AD1922" s="7">
        <v>5</v>
      </c>
      <c r="AE1922" s="7">
        <v>5</v>
      </c>
      <c r="AF1922" s="7">
        <v>5</v>
      </c>
      <c r="AG1922" s="9">
        <v>-13743</v>
      </c>
      <c r="AH1922" s="13">
        <v>-0.99992724097788133</v>
      </c>
      <c r="AI1922" s="9">
        <v>-13743</v>
      </c>
      <c r="AJ1922" s="13">
        <v>-0.99992724097788133</v>
      </c>
      <c r="AK1922" s="9">
        <v>0</v>
      </c>
      <c r="AL1922" s="13">
        <v>0</v>
      </c>
      <c r="AM1922" s="9">
        <v>0</v>
      </c>
      <c r="AN1922" s="13">
        <v>0</v>
      </c>
      <c r="AO1922" s="9">
        <v>0</v>
      </c>
      <c r="AP1922" s="13">
        <v>0</v>
      </c>
      <c r="AQ1922" s="9">
        <v>13744</v>
      </c>
      <c r="AR1922" s="9">
        <v>15824</v>
      </c>
      <c r="AS1922" s="9">
        <v>17252</v>
      </c>
      <c r="AT1922" s="9">
        <v>15104</v>
      </c>
      <c r="AU1922" s="9">
        <v>1</v>
      </c>
      <c r="AV1922" s="9">
        <v>1</v>
      </c>
      <c r="AW1922" s="9">
        <v>1</v>
      </c>
      <c r="AX1922" s="9">
        <v>1</v>
      </c>
      <c r="AY1922" s="9">
        <v>1</v>
      </c>
      <c r="AZ1922" s="9">
        <v>1</v>
      </c>
      <c r="BA1922" s="9">
        <v>1</v>
      </c>
      <c r="BB1922" s="9">
        <v>1</v>
      </c>
      <c r="BC1922" s="9">
        <v>1</v>
      </c>
      <c r="BD1922" s="9">
        <v>1</v>
      </c>
      <c r="BE1922" s="9">
        <v>1</v>
      </c>
      <c r="BF1922" s="9">
        <v>1</v>
      </c>
      <c r="BG1922" s="11">
        <v>0</v>
      </c>
      <c r="BH1922" s="13">
        <v>0</v>
      </c>
      <c r="BI1922" s="6">
        <v>-2</v>
      </c>
      <c r="BJ1922" s="13">
        <v>-0.5</v>
      </c>
      <c r="BK1922" s="6">
        <v>0</v>
      </c>
      <c r="BL1922" s="13">
        <v>0</v>
      </c>
      <c r="BM1922" s="11">
        <v>2</v>
      </c>
      <c r="BN1922" s="13">
        <v>1</v>
      </c>
      <c r="BO1922" s="11">
        <v>2</v>
      </c>
      <c r="BP1922" s="13">
        <v>1</v>
      </c>
      <c r="BQ1922" s="6">
        <v>4</v>
      </c>
      <c r="BR1922" s="6">
        <v>3</v>
      </c>
      <c r="BS1922" s="6">
        <v>2</v>
      </c>
      <c r="BT1922" s="6">
        <v>2</v>
      </c>
      <c r="BU1922" s="6">
        <v>2</v>
      </c>
      <c r="BV1922" s="6">
        <v>3</v>
      </c>
      <c r="BW1922" s="6">
        <v>2</v>
      </c>
      <c r="BX1922" s="6">
        <v>2</v>
      </c>
      <c r="BY1922" s="6">
        <v>3</v>
      </c>
      <c r="BZ1922" s="6">
        <v>4</v>
      </c>
      <c r="CA1922" s="6">
        <v>5</v>
      </c>
      <c r="CB1922" s="6">
        <v>4</v>
      </c>
      <c r="CC1922" s="11">
        <v>4</v>
      </c>
      <c r="CD1922" s="11">
        <v>-16</v>
      </c>
      <c r="CE1922" s="11">
        <v>3</v>
      </c>
      <c r="CF1922" s="11">
        <v>2</v>
      </c>
      <c r="CG1922" s="11">
        <v>5</v>
      </c>
      <c r="CH1922" s="20">
        <v>0.64</v>
      </c>
      <c r="CI1922" s="20">
        <v>0.56999999999999995</v>
      </c>
      <c r="CJ1922" s="20">
        <v>0.64</v>
      </c>
      <c r="CK1922" s="20">
        <v>0.6</v>
      </c>
      <c r="CL1922" s="20">
        <v>0.21</v>
      </c>
      <c r="CM1922" s="20">
        <v>7.0000000000000007E-2</v>
      </c>
      <c r="CN1922" s="20">
        <v>0.19</v>
      </c>
      <c r="CO1922" s="20">
        <v>0.28999999999999998</v>
      </c>
      <c r="CP1922" s="20">
        <v>0.27</v>
      </c>
      <c r="CQ1922" s="20">
        <v>0.08</v>
      </c>
      <c r="CR1922" s="20">
        <v>0.14000000000000001</v>
      </c>
      <c r="CS1922" s="20">
        <v>0.27</v>
      </c>
      <c r="CT1922" s="20">
        <v>0.24</v>
      </c>
      <c r="CU1922" s="20">
        <v>0.26</v>
      </c>
      <c r="CV1922" s="20">
        <v>0.18</v>
      </c>
      <c r="CW1922" s="20">
        <v>0.22</v>
      </c>
      <c r="CX1922" s="20">
        <v>0.21</v>
      </c>
      <c r="CY1922" s="6" t="s">
        <v>673</v>
      </c>
      <c r="CZ1922" s="6" t="s">
        <v>674</v>
      </c>
      <c r="DA1922" s="6" t="s">
        <v>135</v>
      </c>
      <c r="DB1922" s="6" t="s">
        <v>345</v>
      </c>
      <c r="DC1922" s="6"/>
      <c r="DD1922" s="6"/>
      <c r="DE1922" s="6"/>
      <c r="DF1922" s="6"/>
      <c r="DG1922" s="6"/>
      <c r="DH1922" s="6" t="s">
        <v>333</v>
      </c>
      <c r="DI1922" s="6"/>
      <c r="DJ1922" s="6"/>
      <c r="DK1922" s="6"/>
      <c r="DL1922" s="6">
        <v>12</v>
      </c>
      <c r="DM1922" s="6" t="s">
        <v>602</v>
      </c>
      <c r="DN1922" s="6">
        <v>9</v>
      </c>
      <c r="DO1922" s="6" t="s">
        <v>384</v>
      </c>
      <c r="DP1922" s="6"/>
      <c r="DQ1922" s="6"/>
    </row>
    <row r="1923" spans="1:121" x14ac:dyDescent="0.2">
      <c r="A1923" s="6" t="s">
        <v>323</v>
      </c>
      <c r="B1923" s="6" t="s">
        <v>323</v>
      </c>
      <c r="C1923" s="6" t="s">
        <v>192</v>
      </c>
      <c r="D1923" s="6" t="s">
        <v>135</v>
      </c>
      <c r="E1923" s="6" t="s">
        <v>276</v>
      </c>
      <c r="F1923" s="11">
        <v>-6</v>
      </c>
      <c r="G1923" s="13">
        <v>-4.6875E-2</v>
      </c>
      <c r="H1923" s="11">
        <v>-11.482898596999988</v>
      </c>
      <c r="I1923" s="13">
        <v>-8.9701126655796007E-2</v>
      </c>
      <c r="J1923" s="11">
        <v>-12.130903859</v>
      </c>
      <c r="K1923" s="13">
        <v>-0.1041011491925662</v>
      </c>
      <c r="L1923" s="11">
        <v>17.607559429999995</v>
      </c>
      <c r="M1923" s="13">
        <v>0.16865629141049435</v>
      </c>
      <c r="N1923" s="11">
        <v>5.4766555709999949</v>
      </c>
      <c r="O1923" s="13">
        <v>4.699782846353933E-2</v>
      </c>
      <c r="P1923" s="7">
        <v>128.01286923699999</v>
      </c>
      <c r="Q1923" s="7">
        <v>124.538154831</v>
      </c>
      <c r="R1923" s="7">
        <v>123.94861641599999</v>
      </c>
      <c r="S1923" s="7">
        <v>130.22003235599999</v>
      </c>
      <c r="T1923" s="7">
        <v>123.285211211</v>
      </c>
      <c r="U1923" s="7">
        <v>109.303779385</v>
      </c>
      <c r="V1923" s="7">
        <v>116.52997064</v>
      </c>
      <c r="W1923" s="7">
        <v>118.051288699</v>
      </c>
      <c r="X1923" s="7">
        <v>110.95497913299999</v>
      </c>
      <c r="Y1923" s="7">
        <v>104.399066781</v>
      </c>
      <c r="Z1923" s="7">
        <v>102.39563924799999</v>
      </c>
      <c r="AA1923" s="7">
        <v>87.961064504399999</v>
      </c>
      <c r="AB1923" s="7">
        <v>85.017715045399996</v>
      </c>
      <c r="AC1923" s="7">
        <v>94.983362087299994</v>
      </c>
      <c r="AD1923" s="7">
        <v>113.453893506</v>
      </c>
      <c r="AE1923" s="7">
        <v>118.109548375</v>
      </c>
      <c r="AF1923" s="7">
        <v>122.006626211</v>
      </c>
      <c r="AG1923" s="9">
        <v>7688.1795835000012</v>
      </c>
      <c r="AH1923" s="13">
        <v>0.51975462970530584</v>
      </c>
      <c r="AI1923" s="9">
        <v>4627.7606994999987</v>
      </c>
      <c r="AJ1923" s="13">
        <v>0.31285690228874563</v>
      </c>
      <c r="AK1923" s="9">
        <v>1683.1535393000013</v>
      </c>
      <c r="AL1923" s="13">
        <v>8.6672473362139596E-2</v>
      </c>
      <c r="AM1923" s="9">
        <v>1377.2653447000012</v>
      </c>
      <c r="AN1923" s="13">
        <v>6.5264408936358875E-2</v>
      </c>
      <c r="AO1923" s="9">
        <v>3060.4188840000024</v>
      </c>
      <c r="AP1923" s="13">
        <v>0.15759351004353084</v>
      </c>
      <c r="AQ1923" s="9">
        <v>14791.9405506</v>
      </c>
      <c r="AR1923" s="9">
        <v>15330.6168048</v>
      </c>
      <c r="AS1923" s="9">
        <v>17398.580138000001</v>
      </c>
      <c r="AT1923" s="9">
        <v>16379.9742726</v>
      </c>
      <c r="AU1923" s="9">
        <v>15672.061079200001</v>
      </c>
      <c r="AV1923" s="9">
        <v>17291.507978000001</v>
      </c>
      <c r="AW1923" s="9">
        <v>19419.701250099999</v>
      </c>
      <c r="AX1923" s="9">
        <v>17634.280313399999</v>
      </c>
      <c r="AY1923" s="9">
        <v>19970.283326500001</v>
      </c>
      <c r="AZ1923" s="9">
        <v>21102.8547894</v>
      </c>
      <c r="BA1923" s="9">
        <v>20265.169178200002</v>
      </c>
      <c r="BB1923" s="9">
        <v>22203.613862900002</v>
      </c>
      <c r="BC1923" s="9">
        <v>22595.318980299999</v>
      </c>
      <c r="BD1923" s="9">
        <v>22524.481391699999</v>
      </c>
      <c r="BE1923" s="9">
        <v>22652.256060799999</v>
      </c>
      <c r="BF1923" s="9">
        <v>22480.120134100001</v>
      </c>
      <c r="BG1923" s="11">
        <v>0.75</v>
      </c>
      <c r="BH1923" s="13">
        <v>0.05</v>
      </c>
      <c r="BI1923" s="6">
        <v>1</v>
      </c>
      <c r="BJ1923" s="13">
        <v>6.6666666666666666E-2</v>
      </c>
      <c r="BK1923" s="6">
        <v>0</v>
      </c>
      <c r="BL1923" s="13">
        <v>0</v>
      </c>
      <c r="BM1923" s="11">
        <v>-0.25</v>
      </c>
      <c r="BN1923" s="13">
        <v>-1.5625E-2</v>
      </c>
      <c r="BO1923" s="11">
        <v>-0.25</v>
      </c>
      <c r="BP1923" s="13">
        <v>-1.5625E-2</v>
      </c>
      <c r="BQ1923" s="6">
        <v>15</v>
      </c>
      <c r="BR1923" s="6">
        <v>16</v>
      </c>
      <c r="BS1923" s="6">
        <v>16</v>
      </c>
      <c r="BT1923" s="6">
        <v>16</v>
      </c>
      <c r="BU1923" s="6">
        <v>19</v>
      </c>
      <c r="BV1923" s="6">
        <v>17</v>
      </c>
      <c r="BW1923" s="6">
        <v>16</v>
      </c>
      <c r="BX1923" s="6">
        <v>15</v>
      </c>
      <c r="BY1923" s="6">
        <v>15</v>
      </c>
      <c r="BZ1923" s="6">
        <v>15</v>
      </c>
      <c r="CA1923" s="6">
        <v>15</v>
      </c>
      <c r="CB1923" s="6">
        <v>17</v>
      </c>
      <c r="CC1923" s="11">
        <v>15.75</v>
      </c>
      <c r="CD1923" s="11">
        <v>-49.110399999999998</v>
      </c>
      <c r="CE1923" s="11">
        <v>29.110800000000001</v>
      </c>
      <c r="CF1923" s="11">
        <v>13.9933</v>
      </c>
      <c r="CG1923" s="11">
        <v>43</v>
      </c>
      <c r="CH1923" s="20">
        <v>0.91616900000000001</v>
      </c>
      <c r="CI1923" s="20">
        <v>0.87501700000000004</v>
      </c>
      <c r="CJ1923" s="20">
        <v>0.821241</v>
      </c>
      <c r="CK1923" s="20">
        <v>0.80869400000000002</v>
      </c>
      <c r="CL1923" s="20">
        <v>0.77926300000000004</v>
      </c>
      <c r="CM1923" s="20">
        <v>0.71422699999999995</v>
      </c>
      <c r="CN1923" s="20">
        <v>0.72770000000000001</v>
      </c>
      <c r="CO1923" s="20">
        <v>0.74260700000000002</v>
      </c>
      <c r="CP1923" s="20">
        <v>0.699411</v>
      </c>
      <c r="CQ1923" s="20">
        <v>0.68412499999999998</v>
      </c>
      <c r="CR1923" s="20">
        <v>0.66885600000000001</v>
      </c>
      <c r="CS1923" s="20">
        <v>0.58243800000000001</v>
      </c>
      <c r="CT1923" s="20">
        <v>0.56952000000000003</v>
      </c>
      <c r="CU1923" s="20">
        <v>0.58860900000000005</v>
      </c>
      <c r="CV1923" s="20">
        <v>0.66983800000000004</v>
      </c>
      <c r="CW1923" s="20">
        <v>0.69050599999999995</v>
      </c>
      <c r="CX1923" s="20">
        <v>0.68557500000000005</v>
      </c>
      <c r="CY1923" s="6" t="s">
        <v>673</v>
      </c>
      <c r="CZ1923" s="6" t="s">
        <v>674</v>
      </c>
      <c r="DA1923" s="6" t="s">
        <v>135</v>
      </c>
      <c r="DB1923" s="6" t="s">
        <v>345</v>
      </c>
      <c r="DC1923" s="6"/>
      <c r="DD1923" s="6"/>
      <c r="DE1923" s="6"/>
      <c r="DF1923" s="6"/>
      <c r="DG1923" s="6"/>
      <c r="DH1923" s="6" t="s">
        <v>333</v>
      </c>
      <c r="DI1923" s="6"/>
      <c r="DJ1923" s="6"/>
      <c r="DK1923" s="6"/>
      <c r="DL1923" s="6">
        <v>12</v>
      </c>
      <c r="DM1923" s="6" t="s">
        <v>602</v>
      </c>
      <c r="DN1923" s="6">
        <v>9</v>
      </c>
      <c r="DO1923" s="6" t="s">
        <v>384</v>
      </c>
      <c r="DP1923" s="6"/>
      <c r="DQ1923" s="6"/>
    </row>
    <row r="1924" spans="1:121" x14ac:dyDescent="0.2">
      <c r="A1924" s="6" t="s">
        <v>325</v>
      </c>
      <c r="B1924" s="6" t="s">
        <v>325</v>
      </c>
      <c r="C1924" s="6" t="s">
        <v>193</v>
      </c>
      <c r="D1924" s="6" t="s">
        <v>135</v>
      </c>
      <c r="E1924" s="6" t="s">
        <v>276</v>
      </c>
      <c r="F1924" s="11">
        <v>-65</v>
      </c>
      <c r="G1924" s="13">
        <v>-0.433333333333</v>
      </c>
      <c r="H1924" s="11">
        <v>183.559843406</v>
      </c>
      <c r="I1924" s="13">
        <v>1.21980405090815</v>
      </c>
      <c r="J1924" s="11">
        <v>45.242696566000006</v>
      </c>
      <c r="K1924" s="13">
        <v>0.1354397785817858</v>
      </c>
      <c r="L1924" s="11">
        <v>-294.42924953600004</v>
      </c>
      <c r="M1924" s="13">
        <v>-0.77627321291332241</v>
      </c>
      <c r="N1924" s="11">
        <v>-249.18655297000001</v>
      </c>
      <c r="O1924" s="13">
        <v>-0.74597170640748833</v>
      </c>
      <c r="P1924" s="7">
        <v>150.48305772500001</v>
      </c>
      <c r="Q1924" s="7">
        <v>228.03527033399999</v>
      </c>
      <c r="R1924" s="7">
        <v>265.21710812700002</v>
      </c>
      <c r="S1924" s="7">
        <v>318.27836872300003</v>
      </c>
      <c r="T1924" s="7">
        <v>359.58644044099998</v>
      </c>
      <c r="U1924" s="7">
        <v>301.51482138699998</v>
      </c>
      <c r="V1924" s="7">
        <v>334.04290113100001</v>
      </c>
      <c r="W1924" s="7">
        <v>338.07964427799999</v>
      </c>
      <c r="X1924" s="7">
        <v>357.40083312399997</v>
      </c>
      <c r="Y1924" s="7">
        <v>379.28559769700001</v>
      </c>
      <c r="Z1924" s="7">
        <v>355.81353551199999</v>
      </c>
      <c r="AA1924" s="7">
        <v>345.92993385</v>
      </c>
      <c r="AB1924" s="7">
        <v>83.610300022900006</v>
      </c>
      <c r="AC1924" s="7">
        <v>80.008494198299999</v>
      </c>
      <c r="AD1924" s="7">
        <v>91.951702462599997</v>
      </c>
      <c r="AE1924" s="7">
        <v>88.466583598499994</v>
      </c>
      <c r="AF1924" s="7">
        <v>84.856348161</v>
      </c>
      <c r="AG1924" s="9">
        <v>12933.134616099998</v>
      </c>
      <c r="AH1924" s="13">
        <v>1.1129603285301213</v>
      </c>
      <c r="AI1924" s="9">
        <v>-1912.36272207</v>
      </c>
      <c r="AJ1924" s="13">
        <v>-0.16456828963755121</v>
      </c>
      <c r="AK1924" s="9">
        <v>-220.46932105999986</v>
      </c>
      <c r="AL1924" s="13">
        <v>-2.2709788792006903E-2</v>
      </c>
      <c r="AM1924" s="9">
        <v>15065.966659229998</v>
      </c>
      <c r="AN1924" s="13">
        <v>1.5879557043164918</v>
      </c>
      <c r="AO1924" s="9">
        <v>14845.497338169998</v>
      </c>
      <c r="AP1924" s="13">
        <v>1.5291837768683949</v>
      </c>
      <c r="AQ1924" s="9">
        <v>11620.481237800001</v>
      </c>
      <c r="AR1924" s="9">
        <v>10521.1541445</v>
      </c>
      <c r="AS1924" s="9">
        <v>10130.4103333</v>
      </c>
      <c r="AT1924" s="9">
        <v>8778.9410291900003</v>
      </c>
      <c r="AU1924" s="9">
        <v>8584.3226226799998</v>
      </c>
      <c r="AV1924" s="9">
        <v>9963.0003986200009</v>
      </c>
      <c r="AW1924" s="9">
        <v>9708.1185157300006</v>
      </c>
      <c r="AX1924" s="9">
        <v>9626.5910726399998</v>
      </c>
      <c r="AY1924" s="9">
        <v>9571.8362802899992</v>
      </c>
      <c r="AZ1924" s="9">
        <v>9487.6491946700007</v>
      </c>
      <c r="BA1924" s="9">
        <v>9566.6873668000007</v>
      </c>
      <c r="BB1924" s="9">
        <v>9765.5827935800007</v>
      </c>
      <c r="BC1924" s="9">
        <v>28451.330040100001</v>
      </c>
      <c r="BD1924" s="9">
        <v>25994.5105277</v>
      </c>
      <c r="BE1924" s="9">
        <v>26595.590721</v>
      </c>
      <c r="BF1924" s="9">
        <v>24553.615853899999</v>
      </c>
      <c r="BG1924" s="11">
        <v>-133.75</v>
      </c>
      <c r="BH1924" s="13">
        <v>-0.90986394557823125</v>
      </c>
      <c r="BI1924" s="6">
        <v>1</v>
      </c>
      <c r="BJ1924" s="13">
        <v>6.8027210884353739E-3</v>
      </c>
      <c r="BK1924" s="6">
        <v>40</v>
      </c>
      <c r="BL1924" s="13">
        <v>0.27027027027027029</v>
      </c>
      <c r="BM1924" s="11">
        <v>-174.75</v>
      </c>
      <c r="BN1924" s="13">
        <v>-0.92952127659574468</v>
      </c>
      <c r="BO1924" s="11">
        <v>-134.75</v>
      </c>
      <c r="BP1924" s="13">
        <v>-0.91047297297297303</v>
      </c>
      <c r="BQ1924" s="6">
        <v>147</v>
      </c>
      <c r="BR1924" s="6">
        <v>146</v>
      </c>
      <c r="BS1924" s="6">
        <v>134</v>
      </c>
      <c r="BT1924" s="6">
        <v>148</v>
      </c>
      <c r="BU1924" s="6">
        <v>154</v>
      </c>
      <c r="BV1924" s="6">
        <v>173</v>
      </c>
      <c r="BW1924" s="6">
        <v>188</v>
      </c>
      <c r="BX1924" s="6">
        <v>183</v>
      </c>
      <c r="BY1924" s="6">
        <v>182</v>
      </c>
      <c r="BZ1924" s="6">
        <v>10</v>
      </c>
      <c r="CA1924" s="6">
        <v>11</v>
      </c>
      <c r="CB1924" s="6">
        <v>12</v>
      </c>
      <c r="CC1924" s="11">
        <v>13.25</v>
      </c>
      <c r="CD1924" s="11">
        <v>-80.6905</v>
      </c>
      <c r="CE1924" s="11">
        <v>-1.38581</v>
      </c>
      <c r="CF1924" s="11">
        <v>16.4496</v>
      </c>
      <c r="CG1924" s="11">
        <v>15</v>
      </c>
      <c r="CH1924" s="20">
        <v>1.5855399999999999</v>
      </c>
      <c r="CI1924" s="20">
        <v>2.34897</v>
      </c>
      <c r="CJ1924" s="20">
        <v>2.5910700000000002</v>
      </c>
      <c r="CK1924" s="20">
        <v>2.9672499999999999</v>
      </c>
      <c r="CL1924" s="20">
        <v>3.4686300000000001</v>
      </c>
      <c r="CM1924" s="20">
        <v>3.03484</v>
      </c>
      <c r="CN1924" s="20">
        <v>3.2291400000000001</v>
      </c>
      <c r="CO1924" s="20">
        <v>3.2889900000000001</v>
      </c>
      <c r="CP1924" s="20">
        <v>3.4131300000000002</v>
      </c>
      <c r="CQ1924" s="20">
        <v>3.7933599999999998</v>
      </c>
      <c r="CR1924" s="20">
        <v>3.5990199999999999</v>
      </c>
      <c r="CS1924" s="20">
        <v>3.5743999999999998</v>
      </c>
      <c r="CT1924" s="20">
        <v>0.95340599999999998</v>
      </c>
      <c r="CU1924" s="20">
        <v>0.852966</v>
      </c>
      <c r="CV1924" s="20">
        <v>0.95243999999999995</v>
      </c>
      <c r="CW1924" s="20">
        <v>0.91701900000000003</v>
      </c>
      <c r="CX1924" s="20">
        <v>0.85296099999999997</v>
      </c>
      <c r="CY1924" s="6" t="s">
        <v>673</v>
      </c>
      <c r="CZ1924" s="6" t="s">
        <v>674</v>
      </c>
      <c r="DA1924" s="6" t="s">
        <v>135</v>
      </c>
      <c r="DB1924" s="6" t="s">
        <v>345</v>
      </c>
      <c r="DC1924" s="6"/>
      <c r="DD1924" s="6"/>
      <c r="DE1924" s="6"/>
      <c r="DF1924" s="6"/>
      <c r="DG1924" s="6"/>
      <c r="DH1924" s="6" t="s">
        <v>333</v>
      </c>
      <c r="DI1924" s="6"/>
      <c r="DJ1924" s="6"/>
      <c r="DK1924" s="6"/>
      <c r="DL1924" s="6">
        <v>12</v>
      </c>
      <c r="DM1924" s="6" t="s">
        <v>602</v>
      </c>
      <c r="DN1924" s="6">
        <v>9</v>
      </c>
      <c r="DO1924" s="6" t="s">
        <v>384</v>
      </c>
      <c r="DP1924" s="6"/>
      <c r="DQ1924" s="6"/>
    </row>
    <row r="1925" spans="1:121" x14ac:dyDescent="0.2">
      <c r="A1925" s="6" t="s">
        <v>327</v>
      </c>
      <c r="B1925" s="6" t="s">
        <v>327</v>
      </c>
      <c r="C1925" s="6" t="s">
        <v>194</v>
      </c>
      <c r="D1925" s="6" t="s">
        <v>135</v>
      </c>
      <c r="E1925" s="6" t="s">
        <v>276</v>
      </c>
      <c r="F1925" s="11">
        <v>-14</v>
      </c>
      <c r="G1925" s="13">
        <v>-3.125E-2</v>
      </c>
      <c r="H1925" s="11">
        <v>-14.82506699999999</v>
      </c>
      <c r="I1925" s="13">
        <v>-3.3085460194354141E-2</v>
      </c>
      <c r="J1925" s="11">
        <v>-5.8897969999999873</v>
      </c>
      <c r="K1925" s="13">
        <v>-1.3594171687376156E-2</v>
      </c>
      <c r="L1925" s="11">
        <v>6.6072570169999949</v>
      </c>
      <c r="M1925" s="13">
        <v>1.546030278607872E-2</v>
      </c>
      <c r="N1925" s="11">
        <v>0.71746001700000761</v>
      </c>
      <c r="O1925" s="13">
        <v>1.65596108828979E-3</v>
      </c>
      <c r="P1925" s="7">
        <v>448.08404999999999</v>
      </c>
      <c r="Q1925" s="7">
        <v>448.43394000000001</v>
      </c>
      <c r="R1925" s="7">
        <v>439.06920100000002</v>
      </c>
      <c r="S1925" s="7">
        <v>418.11253499999998</v>
      </c>
      <c r="T1925" s="7">
        <v>415.696507</v>
      </c>
      <c r="U1925" s="7">
        <v>426.18217600000003</v>
      </c>
      <c r="V1925" s="7">
        <v>433.258983</v>
      </c>
      <c r="W1925" s="7">
        <v>439.10877499999998</v>
      </c>
      <c r="X1925" s="7">
        <v>442.05342000000002</v>
      </c>
      <c r="Y1925" s="7">
        <v>427.36918600000001</v>
      </c>
      <c r="Z1925" s="7">
        <v>415.55077599999998</v>
      </c>
      <c r="AA1925" s="7">
        <v>417.56044300000002</v>
      </c>
      <c r="AB1925" s="7">
        <v>414.75537200000002</v>
      </c>
      <c r="AC1925" s="7">
        <v>421.16489300000001</v>
      </c>
      <c r="AD1925" s="7">
        <v>430.22316999999998</v>
      </c>
      <c r="AE1925" s="7">
        <v>432.18414725000002</v>
      </c>
      <c r="AF1925" s="7">
        <v>433.97644301700001</v>
      </c>
      <c r="AG1925" s="9">
        <v>11459.466408500004</v>
      </c>
      <c r="AH1925" s="13">
        <v>0.41722968303148583</v>
      </c>
      <c r="AI1925" s="9">
        <v>6134.1436603000038</v>
      </c>
      <c r="AJ1925" s="13">
        <v>0.22333909135229768</v>
      </c>
      <c r="AK1925" s="9">
        <v>5051.2548088999974</v>
      </c>
      <c r="AL1925" s="13">
        <v>0.15033608118033925</v>
      </c>
      <c r="AM1925" s="9">
        <v>274.06793930000276</v>
      </c>
      <c r="AN1925" s="13">
        <v>7.0908359970699242E-3</v>
      </c>
      <c r="AO1925" s="9">
        <v>5325.3227482000002</v>
      </c>
      <c r="AP1925" s="13">
        <v>0.15849292567350118</v>
      </c>
      <c r="AQ1925" s="9">
        <v>27465.606773799998</v>
      </c>
      <c r="AR1925" s="9">
        <v>28490.8718114</v>
      </c>
      <c r="AS1925" s="9">
        <v>28946.464568399999</v>
      </c>
      <c r="AT1925" s="9">
        <v>31352.609203200002</v>
      </c>
      <c r="AU1925" s="9">
        <v>34040.141595900001</v>
      </c>
      <c r="AV1925" s="9">
        <v>33166.282988799998</v>
      </c>
      <c r="AW1925" s="9">
        <v>33599.750434100002</v>
      </c>
      <c r="AX1925" s="9">
        <v>34910.228640699999</v>
      </c>
      <c r="AY1925" s="9">
        <v>39188.456618600001</v>
      </c>
      <c r="AZ1925" s="9">
        <v>38651.005243</v>
      </c>
      <c r="BA1925" s="9">
        <v>39338.3920402</v>
      </c>
      <c r="BB1925" s="9">
        <v>39003.745250300002</v>
      </c>
      <c r="BC1925" s="9">
        <v>40471.744213999998</v>
      </c>
      <c r="BD1925" s="9">
        <v>38941.1042715</v>
      </c>
      <c r="BE1925" s="9">
        <v>38470.569956200001</v>
      </c>
      <c r="BF1925" s="9">
        <v>38925.073182300002</v>
      </c>
      <c r="BG1925" s="11">
        <v>-2.25</v>
      </c>
      <c r="BH1925" s="13">
        <v>-8.0357142857142863E-2</v>
      </c>
      <c r="BI1925" s="6">
        <v>0</v>
      </c>
      <c r="BJ1925" s="13">
        <v>0</v>
      </c>
      <c r="BK1925" s="6">
        <v>0</v>
      </c>
      <c r="BL1925" s="13">
        <v>0</v>
      </c>
      <c r="BM1925" s="11">
        <v>-2.25</v>
      </c>
      <c r="BN1925" s="13">
        <v>-8.0357142857142863E-2</v>
      </c>
      <c r="BO1925" s="11">
        <v>-2.25</v>
      </c>
      <c r="BP1925" s="13">
        <v>-8.0357142857142863E-2</v>
      </c>
      <c r="BQ1925" s="6">
        <v>28</v>
      </c>
      <c r="BR1925" s="6">
        <v>26</v>
      </c>
      <c r="BS1925" s="6">
        <v>26</v>
      </c>
      <c r="BT1925" s="6">
        <v>28</v>
      </c>
      <c r="BU1925" s="6">
        <v>27</v>
      </c>
      <c r="BV1925" s="6">
        <v>29</v>
      </c>
      <c r="BW1925" s="6">
        <v>28</v>
      </c>
      <c r="BX1925" s="6">
        <v>27</v>
      </c>
      <c r="BY1925" s="6">
        <v>27</v>
      </c>
      <c r="BZ1925" s="6">
        <v>26</v>
      </c>
      <c r="CA1925" s="6">
        <v>25</v>
      </c>
      <c r="CB1925" s="6">
        <v>25</v>
      </c>
      <c r="CC1925" s="11">
        <v>25.75</v>
      </c>
      <c r="CD1925" s="11">
        <v>-36.819800000000001</v>
      </c>
      <c r="CE1925" s="11">
        <v>-26.268799999999999</v>
      </c>
      <c r="CF1925" s="11">
        <v>48.981000000000002</v>
      </c>
      <c r="CG1925" s="11">
        <v>23</v>
      </c>
      <c r="CH1925" s="20">
        <v>1.42127</v>
      </c>
      <c r="CI1925" s="20">
        <v>1.3878600000000001</v>
      </c>
      <c r="CJ1925" s="20">
        <v>1.2982899999999999</v>
      </c>
      <c r="CK1925" s="20">
        <v>1.1883300000000001</v>
      </c>
      <c r="CL1925" s="20">
        <v>1.22526</v>
      </c>
      <c r="CM1925" s="20">
        <v>1.3193999999999999</v>
      </c>
      <c r="CN1925" s="20">
        <v>1.29745</v>
      </c>
      <c r="CO1925" s="20">
        <v>1.3101100000000001</v>
      </c>
      <c r="CP1925" s="20">
        <v>1.2802</v>
      </c>
      <c r="CQ1925" s="20">
        <v>1.2887599999999999</v>
      </c>
      <c r="CR1925" s="20">
        <v>1.29711</v>
      </c>
      <c r="CS1925" s="20">
        <v>1.3766099999999999</v>
      </c>
      <c r="CT1925" s="20">
        <v>1.4332800000000001</v>
      </c>
      <c r="CU1925" s="20">
        <v>1.38645</v>
      </c>
      <c r="CV1925" s="20">
        <v>1.3878600000000001</v>
      </c>
      <c r="CW1925" s="20">
        <v>1.4022600000000001</v>
      </c>
      <c r="CX1925" s="20">
        <v>1.3749899999999999</v>
      </c>
      <c r="CY1925" s="6" t="s">
        <v>673</v>
      </c>
      <c r="CZ1925" s="6" t="s">
        <v>674</v>
      </c>
      <c r="DA1925" s="6" t="s">
        <v>135</v>
      </c>
      <c r="DB1925" s="6" t="s">
        <v>345</v>
      </c>
      <c r="DC1925" s="6"/>
      <c r="DD1925" s="6"/>
      <c r="DE1925" s="6"/>
      <c r="DF1925" s="6"/>
      <c r="DG1925" s="6"/>
      <c r="DH1925" s="6" t="s">
        <v>333</v>
      </c>
      <c r="DI1925" s="6"/>
      <c r="DJ1925" s="6"/>
      <c r="DK1925" s="6"/>
      <c r="DL1925" s="6">
        <v>12</v>
      </c>
      <c r="DM1925" s="6" t="s">
        <v>602</v>
      </c>
      <c r="DN1925" s="6">
        <v>9</v>
      </c>
      <c r="DO1925" s="6" t="s">
        <v>384</v>
      </c>
      <c r="DP1925" s="6"/>
      <c r="DQ1925" s="6"/>
    </row>
    <row r="1926" spans="1:121" x14ac:dyDescent="0.2">
      <c r="A1926" s="6" t="s">
        <v>1</v>
      </c>
      <c r="B1926" s="6" t="s">
        <v>1</v>
      </c>
      <c r="C1926" s="6" t="s">
        <v>2</v>
      </c>
      <c r="D1926" s="6" t="s">
        <v>109</v>
      </c>
      <c r="E1926" s="6" t="s">
        <v>250</v>
      </c>
      <c r="F1926" s="11">
        <v>16</v>
      </c>
      <c r="G1926" s="13">
        <v>0.134453781513</v>
      </c>
      <c r="H1926" s="11">
        <v>32.555071556000001</v>
      </c>
      <c r="I1926" s="13">
        <v>0.27351446519597217</v>
      </c>
      <c r="J1926" s="11">
        <v>-10.546926065999997</v>
      </c>
      <c r="K1926" s="13">
        <v>-6.9579878275171897E-2</v>
      </c>
      <c r="L1926" s="11">
        <v>-5.7135281480000231</v>
      </c>
      <c r="M1926" s="13">
        <v>-4.0511939948440177E-2</v>
      </c>
      <c r="N1926" s="11">
        <v>-16.260454214000021</v>
      </c>
      <c r="O1926" s="13">
        <v>-0.10727300237330854</v>
      </c>
      <c r="P1926" s="7">
        <v>119.02504510200001</v>
      </c>
      <c r="Q1926" s="7">
        <v>110.69303952200001</v>
      </c>
      <c r="R1926" s="7">
        <v>105.33579064200001</v>
      </c>
      <c r="S1926" s="7">
        <v>155.15195990199999</v>
      </c>
      <c r="T1926" s="7">
        <v>159.66419689200001</v>
      </c>
      <c r="U1926" s="7">
        <v>142.154311334</v>
      </c>
      <c r="V1926" s="7">
        <v>151.58011665800001</v>
      </c>
      <c r="W1926" s="7">
        <v>155.426612573</v>
      </c>
      <c r="X1926" s="7">
        <v>158.56490978400001</v>
      </c>
      <c r="Y1926" s="7">
        <v>141.03319059200001</v>
      </c>
      <c r="Z1926" s="7">
        <v>133.41598934999999</v>
      </c>
      <c r="AA1926" s="7">
        <v>130.550251938</v>
      </c>
      <c r="AB1926" s="7">
        <v>130.84266783199999</v>
      </c>
      <c r="AC1926" s="7">
        <v>130.15645095900001</v>
      </c>
      <c r="AD1926" s="7">
        <v>135.261133809</v>
      </c>
      <c r="AE1926" s="7">
        <v>136.28916451200001</v>
      </c>
      <c r="AF1926" s="7">
        <v>135.31966244399999</v>
      </c>
      <c r="AG1926" s="9">
        <v>7584.0451192</v>
      </c>
      <c r="AH1926" s="13">
        <v>0.37853331358784215</v>
      </c>
      <c r="AI1926" s="9">
        <v>-538.30425880000257</v>
      </c>
      <c r="AJ1926" s="13">
        <v>-2.6867732403932015E-2</v>
      </c>
      <c r="AK1926" s="9">
        <v>282.61699470000167</v>
      </c>
      <c r="AL1926" s="13">
        <v>1.4495379798835674E-2</v>
      </c>
      <c r="AM1926" s="9">
        <v>7839.7323833000009</v>
      </c>
      <c r="AN1926" s="13">
        <v>0.39635331004827018</v>
      </c>
      <c r="AO1926" s="9">
        <v>8122.3493780000026</v>
      </c>
      <c r="AP1926" s="13">
        <v>0.41659398161078121</v>
      </c>
      <c r="AQ1926" s="9">
        <v>20035.343910200001</v>
      </c>
      <c r="AR1926" s="9">
        <v>20274.079076599999</v>
      </c>
      <c r="AS1926" s="9">
        <v>19738.5677359</v>
      </c>
      <c r="AT1926" s="9">
        <v>19038.174227300002</v>
      </c>
      <c r="AU1926" s="9">
        <v>18215.066729400001</v>
      </c>
      <c r="AV1926" s="9">
        <v>18666.5375594</v>
      </c>
      <c r="AW1926" s="9">
        <v>19497.039651399999</v>
      </c>
      <c r="AX1926" s="9">
        <v>18772.729908000001</v>
      </c>
      <c r="AY1926" s="9">
        <v>19331.026303800001</v>
      </c>
      <c r="AZ1926" s="9">
        <v>19779.6566461</v>
      </c>
      <c r="BA1926" s="9">
        <v>21787.655938</v>
      </c>
      <c r="BB1926" s="9">
        <v>22957.312122399999</v>
      </c>
      <c r="BC1926" s="9">
        <v>23574.419888799999</v>
      </c>
      <c r="BD1926" s="9">
        <v>23127.352269700001</v>
      </c>
      <c r="BE1926" s="9">
        <v>25753.882301500002</v>
      </c>
      <c r="BF1926" s="9">
        <v>27619.389029400001</v>
      </c>
      <c r="BG1926" s="11">
        <v>2.75</v>
      </c>
      <c r="BH1926" s="13">
        <v>0.45833333333333331</v>
      </c>
      <c r="BI1926" s="6">
        <v>2</v>
      </c>
      <c r="BJ1926" s="13">
        <v>0.33333333333333331</v>
      </c>
      <c r="BK1926" s="6">
        <v>-1</v>
      </c>
      <c r="BL1926" s="13">
        <v>-0.125</v>
      </c>
      <c r="BM1926" s="11">
        <v>1.75</v>
      </c>
      <c r="BN1926" s="13">
        <v>0.25</v>
      </c>
      <c r="BO1926" s="11">
        <v>0.75</v>
      </c>
      <c r="BP1926" s="13">
        <v>9.375E-2</v>
      </c>
      <c r="BQ1926" s="6">
        <v>6</v>
      </c>
      <c r="BR1926" s="6">
        <v>7</v>
      </c>
      <c r="BS1926" s="6">
        <v>7</v>
      </c>
      <c r="BT1926" s="6">
        <v>8</v>
      </c>
      <c r="BU1926" s="6">
        <v>8</v>
      </c>
      <c r="BV1926" s="6">
        <v>7</v>
      </c>
      <c r="BW1926" s="6">
        <v>7</v>
      </c>
      <c r="BX1926" s="6">
        <v>7</v>
      </c>
      <c r="BY1926" s="6">
        <v>6</v>
      </c>
      <c r="BZ1926" s="6">
        <v>8</v>
      </c>
      <c r="CA1926" s="6">
        <v>7</v>
      </c>
      <c r="CB1926" s="6">
        <v>8</v>
      </c>
      <c r="CC1926" s="11">
        <v>8.75</v>
      </c>
      <c r="CD1926" s="11">
        <v>14.1357</v>
      </c>
      <c r="CE1926" s="11">
        <v>-10.852</v>
      </c>
      <c r="CF1926" s="11">
        <v>13.010899999999999</v>
      </c>
      <c r="CG1926" s="11">
        <v>2</v>
      </c>
      <c r="CH1926" s="20">
        <v>2.7627999999999999</v>
      </c>
      <c r="CI1926" s="20">
        <v>2.5958199999999998</v>
      </c>
      <c r="CJ1926" s="20">
        <v>2.3423400000000001</v>
      </c>
      <c r="CK1926" s="20">
        <v>3.3441000000000001</v>
      </c>
      <c r="CL1926" s="20">
        <v>3.3843899999999998</v>
      </c>
      <c r="CM1926" s="20">
        <v>2.9846900000000001</v>
      </c>
      <c r="CN1926" s="20">
        <v>3.2042899999999999</v>
      </c>
      <c r="CO1926" s="20">
        <v>3.38836</v>
      </c>
      <c r="CP1926" s="20">
        <v>3.3557999999999999</v>
      </c>
      <c r="CQ1926" s="20">
        <v>3.00407</v>
      </c>
      <c r="CR1926" s="20">
        <v>2.78349</v>
      </c>
      <c r="CS1926" s="20">
        <v>2.6221100000000002</v>
      </c>
      <c r="CT1926" s="20">
        <v>2.8128600000000001</v>
      </c>
      <c r="CU1926" s="20">
        <v>2.8292799999999998</v>
      </c>
      <c r="CV1926" s="20">
        <v>3.1330100000000001</v>
      </c>
      <c r="CW1926" s="20">
        <v>3.1577600000000001</v>
      </c>
      <c r="CX1926" s="20">
        <v>3.1295999999999999</v>
      </c>
      <c r="CY1926" s="6" t="s">
        <v>675</v>
      </c>
      <c r="CZ1926" s="6" t="s">
        <v>676</v>
      </c>
      <c r="DA1926" s="6" t="s">
        <v>109</v>
      </c>
      <c r="DB1926" s="6" t="s">
        <v>345</v>
      </c>
      <c r="DC1926" s="6"/>
      <c r="DD1926" s="6"/>
      <c r="DE1926" s="6"/>
      <c r="DF1926" s="6"/>
      <c r="DG1926" s="6"/>
      <c r="DH1926" s="6" t="s">
        <v>333</v>
      </c>
      <c r="DI1926" s="6"/>
      <c r="DJ1926" s="6"/>
      <c r="DK1926" s="6"/>
      <c r="DL1926" s="6">
        <v>10</v>
      </c>
      <c r="DM1926" s="6" t="s">
        <v>383</v>
      </c>
      <c r="DN1926" s="6">
        <v>9</v>
      </c>
      <c r="DO1926" s="6" t="s">
        <v>384</v>
      </c>
      <c r="DP1926" s="6"/>
      <c r="DQ1926" s="6"/>
    </row>
    <row r="1927" spans="1:121" x14ac:dyDescent="0.2">
      <c r="A1927" s="6" t="s">
        <v>310</v>
      </c>
      <c r="B1927" s="6" t="s">
        <v>310</v>
      </c>
      <c r="C1927" s="6" t="s">
        <v>173</v>
      </c>
      <c r="D1927" s="6" t="s">
        <v>109</v>
      </c>
      <c r="E1927" s="6" t="s">
        <v>250</v>
      </c>
      <c r="F1927" s="11">
        <v>0</v>
      </c>
      <c r="G1927" s="13">
        <v>0</v>
      </c>
      <c r="H1927" s="11">
        <v>5</v>
      </c>
      <c r="I1927" s="13"/>
      <c r="J1927" s="11">
        <v>-5</v>
      </c>
      <c r="K1927" s="13">
        <v>-1</v>
      </c>
      <c r="L1927" s="11">
        <v>0</v>
      </c>
      <c r="M1927" s="13"/>
      <c r="N1927" s="11">
        <v>-5</v>
      </c>
      <c r="O1927" s="13">
        <v>-1</v>
      </c>
      <c r="P1927" s="7">
        <v>0</v>
      </c>
      <c r="Q1927" s="7">
        <v>5</v>
      </c>
      <c r="R1927" s="7">
        <v>5</v>
      </c>
      <c r="S1927" s="7">
        <v>5</v>
      </c>
      <c r="T1927" s="7">
        <v>5</v>
      </c>
      <c r="U1927" s="7">
        <v>5</v>
      </c>
      <c r="V1927" s="7">
        <v>5</v>
      </c>
      <c r="W1927" s="7">
        <v>5</v>
      </c>
      <c r="X1927" s="7">
        <v>5</v>
      </c>
      <c r="Y1927" s="7">
        <v>0</v>
      </c>
      <c r="Z1927" s="7">
        <v>0</v>
      </c>
      <c r="AA1927" s="7">
        <v>0</v>
      </c>
      <c r="AB1927" s="7">
        <v>0</v>
      </c>
      <c r="AC1927" s="7">
        <v>0</v>
      </c>
      <c r="AD1927" s="7">
        <v>0</v>
      </c>
      <c r="AE1927" s="7">
        <v>0</v>
      </c>
      <c r="AF1927" s="7">
        <v>0</v>
      </c>
      <c r="AG1927" s="9">
        <v>0</v>
      </c>
      <c r="AH1927" s="13"/>
      <c r="AI1927" s="9">
        <v>1</v>
      </c>
      <c r="AJ1927" s="13"/>
      <c r="AK1927" s="9">
        <v>-1</v>
      </c>
      <c r="AL1927" s="13">
        <v>-1</v>
      </c>
      <c r="AM1927" s="9">
        <v>0</v>
      </c>
      <c r="AN1927" s="13"/>
      <c r="AO1927" s="9">
        <v>-1</v>
      </c>
      <c r="AP1927" s="13">
        <v>-1</v>
      </c>
      <c r="AQ1927" s="9">
        <v>0</v>
      </c>
      <c r="AR1927" s="9">
        <v>1</v>
      </c>
      <c r="AS1927" s="9">
        <v>1</v>
      </c>
      <c r="AT1927" s="9">
        <v>1</v>
      </c>
      <c r="AU1927" s="9">
        <v>1</v>
      </c>
      <c r="AV1927" s="9">
        <v>1</v>
      </c>
      <c r="AW1927" s="9">
        <v>1</v>
      </c>
      <c r="AX1927" s="9">
        <v>1</v>
      </c>
      <c r="AY1927" s="9">
        <v>1</v>
      </c>
      <c r="AZ1927" s="9">
        <v>0</v>
      </c>
      <c r="BA1927" s="9">
        <v>0</v>
      </c>
      <c r="BB1927" s="9">
        <v>0</v>
      </c>
      <c r="BC1927" s="9">
        <v>0</v>
      </c>
      <c r="BD1927" s="9">
        <v>0</v>
      </c>
      <c r="BE1927" s="9">
        <v>0</v>
      </c>
      <c r="BF1927" s="9">
        <v>0</v>
      </c>
      <c r="BG1927" s="11">
        <v>0</v>
      </c>
      <c r="BH1927" s="13" t="e">
        <v>#DIV/0!</v>
      </c>
      <c r="BI1927" s="6">
        <v>0</v>
      </c>
      <c r="BJ1927" s="13" t="e">
        <v>#DIV/0!</v>
      </c>
      <c r="BK1927" s="6">
        <v>0</v>
      </c>
      <c r="BL1927" s="13" t="e">
        <v>#DIV/0!</v>
      </c>
      <c r="BM1927" s="11">
        <v>0</v>
      </c>
      <c r="BN1927" s="13" t="e">
        <v>#DIV/0!</v>
      </c>
      <c r="BO1927" s="11">
        <v>0</v>
      </c>
      <c r="BP1927" s="13" t="e">
        <v>#DIV/0!</v>
      </c>
      <c r="BQ1927" s="6">
        <v>0</v>
      </c>
      <c r="BR1927" s="6">
        <v>0</v>
      </c>
      <c r="BS1927" s="6">
        <v>0</v>
      </c>
      <c r="BT1927" s="6">
        <v>0</v>
      </c>
      <c r="BU1927" s="6">
        <v>0</v>
      </c>
      <c r="BV1927" s="6">
        <v>0</v>
      </c>
      <c r="BW1927" s="6">
        <v>0</v>
      </c>
      <c r="BX1927" s="6">
        <v>0</v>
      </c>
      <c r="BY1927" s="6">
        <v>0</v>
      </c>
      <c r="BZ1927" s="6">
        <v>0</v>
      </c>
      <c r="CA1927" s="6">
        <v>0</v>
      </c>
      <c r="CB1927" s="6">
        <v>0</v>
      </c>
      <c r="CC1927" s="11">
        <v>0</v>
      </c>
      <c r="CD1927" s="11">
        <v>0</v>
      </c>
      <c r="CE1927" s="11">
        <v>0</v>
      </c>
      <c r="CF1927" s="11">
        <v>0</v>
      </c>
      <c r="CG1927" s="11">
        <v>0</v>
      </c>
      <c r="CH1927" s="20">
        <v>0</v>
      </c>
      <c r="CI1927" s="20">
        <v>0.25711699999999998</v>
      </c>
      <c r="CJ1927" s="20">
        <v>0.46758</v>
      </c>
      <c r="CK1927" s="20">
        <v>0.25711000000000001</v>
      </c>
      <c r="CL1927" s="20">
        <v>0.22951199999999999</v>
      </c>
      <c r="CM1927" s="20">
        <v>6.4260700000000004E-2</v>
      </c>
      <c r="CN1927" s="20">
        <v>4.7391799999999998E-2</v>
      </c>
      <c r="CO1927" s="20">
        <v>3.4969899999999998E-2</v>
      </c>
      <c r="CP1927" s="20">
        <v>4.1015000000000003E-2</v>
      </c>
      <c r="CQ1927" s="20">
        <v>0</v>
      </c>
      <c r="CR1927" s="20">
        <v>0</v>
      </c>
      <c r="CS1927" s="20">
        <v>0</v>
      </c>
      <c r="CT1927" s="20">
        <v>0</v>
      </c>
      <c r="CU1927" s="20">
        <v>0</v>
      </c>
      <c r="CV1927" s="20">
        <v>0</v>
      </c>
      <c r="CW1927" s="20">
        <v>0</v>
      </c>
      <c r="CX1927" s="20">
        <v>0</v>
      </c>
      <c r="CY1927" s="6" t="s">
        <v>675</v>
      </c>
      <c r="CZ1927" s="6" t="s">
        <v>676</v>
      </c>
      <c r="DA1927" s="6" t="s">
        <v>109</v>
      </c>
      <c r="DB1927" s="6" t="s">
        <v>345</v>
      </c>
      <c r="DC1927" s="6"/>
      <c r="DD1927" s="6"/>
      <c r="DE1927" s="6"/>
      <c r="DF1927" s="6"/>
      <c r="DG1927" s="6"/>
      <c r="DH1927" s="6" t="s">
        <v>333</v>
      </c>
      <c r="DI1927" s="6"/>
      <c r="DJ1927" s="6"/>
      <c r="DK1927" s="6"/>
      <c r="DL1927" s="6">
        <v>10</v>
      </c>
      <c r="DM1927" s="6" t="s">
        <v>383</v>
      </c>
      <c r="DN1927" s="6">
        <v>9</v>
      </c>
      <c r="DO1927" s="6" t="s">
        <v>384</v>
      </c>
      <c r="DP1927" s="6"/>
      <c r="DQ1927" s="6"/>
    </row>
    <row r="1928" spans="1:121" x14ac:dyDescent="0.2">
      <c r="A1928" s="6" t="s">
        <v>311</v>
      </c>
      <c r="B1928" s="6" t="s">
        <v>311</v>
      </c>
      <c r="C1928" s="6" t="s">
        <v>174</v>
      </c>
      <c r="D1928" s="6" t="s">
        <v>109</v>
      </c>
      <c r="E1928" s="6" t="s">
        <v>250</v>
      </c>
      <c r="F1928" s="11">
        <v>1</v>
      </c>
      <c r="G1928" s="13">
        <v>1</v>
      </c>
      <c r="H1928" s="11">
        <v>0</v>
      </c>
      <c r="I1928" s="13">
        <v>0</v>
      </c>
      <c r="J1928" s="11">
        <v>0</v>
      </c>
      <c r="K1928" s="13">
        <v>0</v>
      </c>
      <c r="L1928" s="11">
        <v>6.2815295840999994</v>
      </c>
      <c r="M1928" s="13">
        <v>1.2563059168199999</v>
      </c>
      <c r="N1928" s="11">
        <v>6.2815295840999994</v>
      </c>
      <c r="O1928" s="13">
        <v>1.2563059168199999</v>
      </c>
      <c r="P1928" s="7">
        <v>5</v>
      </c>
      <c r="Q1928" s="7">
        <v>5</v>
      </c>
      <c r="R1928" s="7">
        <v>5</v>
      </c>
      <c r="S1928" s="7">
        <v>11.827083999999999</v>
      </c>
      <c r="T1928" s="7">
        <v>5</v>
      </c>
      <c r="U1928" s="7">
        <v>5</v>
      </c>
      <c r="V1928" s="7">
        <v>5</v>
      </c>
      <c r="W1928" s="7">
        <v>5</v>
      </c>
      <c r="X1928" s="7">
        <v>5</v>
      </c>
      <c r="Y1928" s="7">
        <v>5</v>
      </c>
      <c r="Z1928" s="7">
        <v>5</v>
      </c>
      <c r="AA1928" s="7">
        <v>5</v>
      </c>
      <c r="AB1928" s="7">
        <v>11.742394000000001</v>
      </c>
      <c r="AC1928" s="7">
        <v>12.675872</v>
      </c>
      <c r="AD1928" s="7">
        <v>13.935082</v>
      </c>
      <c r="AE1928" s="7">
        <v>10.948793999999999</v>
      </c>
      <c r="AF1928" s="7">
        <v>11.281529584099999</v>
      </c>
      <c r="AG1928" s="9">
        <v>69579.109712399993</v>
      </c>
      <c r="AH1928" s="13">
        <v>69579.109712399993</v>
      </c>
      <c r="AI1928" s="9">
        <v>0</v>
      </c>
      <c r="AJ1928" s="13">
        <v>0</v>
      </c>
      <c r="AK1928" s="9">
        <v>0</v>
      </c>
      <c r="AL1928" s="13">
        <v>0</v>
      </c>
      <c r="AM1928" s="9">
        <v>69579.109712399993</v>
      </c>
      <c r="AN1928" s="13">
        <v>69579.109712399993</v>
      </c>
      <c r="AO1928" s="9">
        <v>69579.109712399993</v>
      </c>
      <c r="AP1928" s="13">
        <v>69579.109712399993</v>
      </c>
      <c r="AQ1928" s="9">
        <v>1</v>
      </c>
      <c r="AR1928" s="9">
        <v>1</v>
      </c>
      <c r="AS1928" s="9">
        <v>1</v>
      </c>
      <c r="AT1928" s="9">
        <v>83539.028116400004</v>
      </c>
      <c r="AU1928" s="9">
        <v>1</v>
      </c>
      <c r="AV1928" s="9">
        <v>1</v>
      </c>
      <c r="AW1928" s="9">
        <v>1</v>
      </c>
      <c r="AX1928" s="9">
        <v>1</v>
      </c>
      <c r="AY1928" s="9">
        <v>1</v>
      </c>
      <c r="AZ1928" s="9">
        <v>1</v>
      </c>
      <c r="BA1928" s="9">
        <v>1</v>
      </c>
      <c r="BB1928" s="9">
        <v>1</v>
      </c>
      <c r="BC1928" s="9">
        <v>41977.982038299997</v>
      </c>
      <c r="BD1928" s="9">
        <v>45663.689701000003</v>
      </c>
      <c r="BE1928" s="9">
        <v>44491.690033799998</v>
      </c>
      <c r="BF1928" s="9">
        <v>69580.109712399993</v>
      </c>
      <c r="BG1928" s="11">
        <v>0</v>
      </c>
      <c r="BH1928" s="13">
        <v>0</v>
      </c>
      <c r="BI1928" s="6">
        <v>0</v>
      </c>
      <c r="BJ1928" s="13">
        <v>0</v>
      </c>
      <c r="BK1928" s="6">
        <v>0</v>
      </c>
      <c r="BL1928" s="13">
        <v>0</v>
      </c>
      <c r="BM1928" s="11">
        <v>0</v>
      </c>
      <c r="BN1928" s="13">
        <v>0</v>
      </c>
      <c r="BO1928" s="11">
        <v>0</v>
      </c>
      <c r="BP1928" s="13">
        <v>0</v>
      </c>
      <c r="BQ1928" s="6">
        <v>1</v>
      </c>
      <c r="BR1928" s="6">
        <v>1</v>
      </c>
      <c r="BS1928" s="6">
        <v>1</v>
      </c>
      <c r="BT1928" s="6">
        <v>1</v>
      </c>
      <c r="BU1928" s="6">
        <v>1</v>
      </c>
      <c r="BV1928" s="6">
        <v>1</v>
      </c>
      <c r="BW1928" s="6">
        <v>1</v>
      </c>
      <c r="BX1928" s="6">
        <v>1</v>
      </c>
      <c r="BY1928" s="6">
        <v>1</v>
      </c>
      <c r="BZ1928" s="6">
        <v>1</v>
      </c>
      <c r="CA1928" s="6">
        <v>1</v>
      </c>
      <c r="CB1928" s="6">
        <v>1</v>
      </c>
      <c r="CC1928" s="11">
        <v>1</v>
      </c>
      <c r="CD1928" s="11">
        <v>9.4558599999999995</v>
      </c>
      <c r="CE1928" s="11">
        <v>-0.314114</v>
      </c>
      <c r="CF1928" s="11">
        <v>0.21085499999999999</v>
      </c>
      <c r="CG1928" s="11">
        <v>0</v>
      </c>
      <c r="CH1928" s="20">
        <v>0.144034</v>
      </c>
      <c r="CI1928" s="20">
        <v>0.32365100000000002</v>
      </c>
      <c r="CJ1928" s="20">
        <v>0.64895800000000003</v>
      </c>
      <c r="CK1928" s="20">
        <v>0.87270599999999998</v>
      </c>
      <c r="CL1928" s="20">
        <v>0.53593800000000003</v>
      </c>
      <c r="CM1928" s="20">
        <v>0.68343100000000001</v>
      </c>
      <c r="CN1928" s="20">
        <v>0.69316599999999995</v>
      </c>
      <c r="CO1928" s="20">
        <v>0.71856399999999998</v>
      </c>
      <c r="CP1928" s="20">
        <v>0.69921800000000001</v>
      </c>
      <c r="CQ1928" s="20">
        <v>0.69350800000000001</v>
      </c>
      <c r="CR1928" s="20">
        <v>0.55688400000000005</v>
      </c>
      <c r="CS1928" s="20">
        <v>0.62157700000000005</v>
      </c>
      <c r="CT1928" s="20">
        <v>0.87216099999999996</v>
      </c>
      <c r="CU1928" s="20">
        <v>0.95911000000000002</v>
      </c>
      <c r="CV1928" s="20">
        <v>1.12517</v>
      </c>
      <c r="CW1928" s="20">
        <v>0.88318099999999999</v>
      </c>
      <c r="CX1928" s="20">
        <v>0.902887</v>
      </c>
      <c r="CY1928" s="6" t="s">
        <v>675</v>
      </c>
      <c r="CZ1928" s="6" t="s">
        <v>676</v>
      </c>
      <c r="DA1928" s="6" t="s">
        <v>109</v>
      </c>
      <c r="DB1928" s="6" t="s">
        <v>345</v>
      </c>
      <c r="DC1928" s="6"/>
      <c r="DD1928" s="6"/>
      <c r="DE1928" s="6"/>
      <c r="DF1928" s="6"/>
      <c r="DG1928" s="6"/>
      <c r="DH1928" s="6" t="s">
        <v>333</v>
      </c>
      <c r="DI1928" s="6"/>
      <c r="DJ1928" s="6"/>
      <c r="DK1928" s="6"/>
      <c r="DL1928" s="6">
        <v>10</v>
      </c>
      <c r="DM1928" s="6" t="s">
        <v>383</v>
      </c>
      <c r="DN1928" s="6">
        <v>9</v>
      </c>
      <c r="DO1928" s="6" t="s">
        <v>384</v>
      </c>
      <c r="DP1928" s="6"/>
      <c r="DQ1928" s="6"/>
    </row>
    <row r="1929" spans="1:121" x14ac:dyDescent="0.2">
      <c r="A1929" s="6" t="s">
        <v>312</v>
      </c>
      <c r="B1929" s="6" t="s">
        <v>312</v>
      </c>
      <c r="C1929" s="6" t="s">
        <v>175</v>
      </c>
      <c r="D1929" s="6" t="s">
        <v>109</v>
      </c>
      <c r="E1929" s="6" t="s">
        <v>250</v>
      </c>
      <c r="F1929" s="11">
        <v>4</v>
      </c>
      <c r="G1929" s="13">
        <v>1.9900497512400001E-2</v>
      </c>
      <c r="H1929" s="11">
        <v>31.845379480999981</v>
      </c>
      <c r="I1929" s="13">
        <v>0.15870638562955935</v>
      </c>
      <c r="J1929" s="11">
        <v>-56.088171692999993</v>
      </c>
      <c r="K1929" s="13">
        <v>-0.24123807587703916</v>
      </c>
      <c r="L1929" s="11">
        <v>28.694131103000018</v>
      </c>
      <c r="M1929" s="13">
        <v>0.16265301629806228</v>
      </c>
      <c r="N1929" s="11">
        <v>-27.394040589999975</v>
      </c>
      <c r="O1929" s="13">
        <v>-0.1178231602663181</v>
      </c>
      <c r="P1929" s="7">
        <v>200.65594307800001</v>
      </c>
      <c r="Q1929" s="7">
        <v>183.54922909999999</v>
      </c>
      <c r="R1929" s="7">
        <v>209.01200031299999</v>
      </c>
      <c r="S1929" s="7">
        <v>234.51875315699999</v>
      </c>
      <c r="T1929" s="7">
        <v>241.22876739</v>
      </c>
      <c r="U1929" s="7">
        <v>219.92995277700001</v>
      </c>
      <c r="V1929" s="7">
        <v>232.50132255899999</v>
      </c>
      <c r="W1929" s="7">
        <v>201.761210027</v>
      </c>
      <c r="X1929" s="7">
        <v>196.140282036</v>
      </c>
      <c r="Y1929" s="7">
        <v>176.413150866</v>
      </c>
      <c r="Z1929" s="7">
        <v>190.94375583799999</v>
      </c>
      <c r="AA1929" s="7">
        <v>185.58073855500001</v>
      </c>
      <c r="AB1929" s="7">
        <v>171.58847919999999</v>
      </c>
      <c r="AC1929" s="7">
        <v>175.85246705599999</v>
      </c>
      <c r="AD1929" s="7">
        <v>194.48692589199999</v>
      </c>
      <c r="AE1929" s="7">
        <v>201.291674403</v>
      </c>
      <c r="AF1929" s="7">
        <v>205.10728196900001</v>
      </c>
      <c r="AG1929" s="9">
        <v>6075.2033722000015</v>
      </c>
      <c r="AH1929" s="13">
        <v>0.26706579964650845</v>
      </c>
      <c r="AI1929" s="9">
        <v>1954.6034173000007</v>
      </c>
      <c r="AJ1929" s="13">
        <v>8.5924320990095365E-2</v>
      </c>
      <c r="AK1929" s="9">
        <v>-1326.8951407999994</v>
      </c>
      <c r="AL1929" s="13">
        <v>-5.3714866270526331E-2</v>
      </c>
      <c r="AM1929" s="9">
        <v>5447.4950957000001</v>
      </c>
      <c r="AN1929" s="13">
        <v>0.23304120957478849</v>
      </c>
      <c r="AO1929" s="9">
        <v>4120.5999549000007</v>
      </c>
      <c r="AP1929" s="13">
        <v>0.1668085658964307</v>
      </c>
      <c r="AQ1929" s="9">
        <v>22747.9646598</v>
      </c>
      <c r="AR1929" s="9">
        <v>21274.635901599999</v>
      </c>
      <c r="AS1929" s="9">
        <v>22701.1411864</v>
      </c>
      <c r="AT1929" s="9">
        <v>23858.726867000001</v>
      </c>
      <c r="AU1929" s="9">
        <v>22907.8633309</v>
      </c>
      <c r="AV1929" s="9">
        <v>23505.831590199999</v>
      </c>
      <c r="AW1929" s="9">
        <v>24702.568077100001</v>
      </c>
      <c r="AX1929" s="9">
        <v>25410.223044900002</v>
      </c>
      <c r="AY1929" s="9">
        <v>22532.6762757</v>
      </c>
      <c r="AZ1929" s="9">
        <v>23375.672936300001</v>
      </c>
      <c r="BA1929" s="9">
        <v>22906.939589500002</v>
      </c>
      <c r="BB1929" s="9">
        <v>24901.023229499999</v>
      </c>
      <c r="BC1929" s="9">
        <v>26207.8692467</v>
      </c>
      <c r="BD1929" s="9">
        <v>26977.848681899999</v>
      </c>
      <c r="BE1929" s="9">
        <v>28116.3633586</v>
      </c>
      <c r="BF1929" s="9">
        <v>28823.168032000001</v>
      </c>
      <c r="BG1929" s="11">
        <v>-1.75</v>
      </c>
      <c r="BH1929" s="13">
        <v>-0.10294117647058823</v>
      </c>
      <c r="BI1929" s="6">
        <v>3</v>
      </c>
      <c r="BJ1929" s="13">
        <v>0.17647058823529413</v>
      </c>
      <c r="BK1929" s="6">
        <v>-9</v>
      </c>
      <c r="BL1929" s="13">
        <v>-0.45</v>
      </c>
      <c r="BM1929" s="11">
        <v>4.25</v>
      </c>
      <c r="BN1929" s="13">
        <v>0.38636363636363635</v>
      </c>
      <c r="BO1929" s="11">
        <v>-4.75</v>
      </c>
      <c r="BP1929" s="13">
        <v>-0.23749999999999999</v>
      </c>
      <c r="BQ1929" s="6">
        <v>17</v>
      </c>
      <c r="BR1929" s="6">
        <v>20</v>
      </c>
      <c r="BS1929" s="6">
        <v>21</v>
      </c>
      <c r="BT1929" s="6">
        <v>20</v>
      </c>
      <c r="BU1929" s="6">
        <v>18</v>
      </c>
      <c r="BV1929" s="6">
        <v>16</v>
      </c>
      <c r="BW1929" s="6">
        <v>11</v>
      </c>
      <c r="BX1929" s="6">
        <v>9</v>
      </c>
      <c r="BY1929" s="6">
        <v>10</v>
      </c>
      <c r="BZ1929" s="6">
        <v>13</v>
      </c>
      <c r="CA1929" s="6">
        <v>15</v>
      </c>
      <c r="CB1929" s="6">
        <v>15</v>
      </c>
      <c r="CC1929" s="11">
        <v>15.25</v>
      </c>
      <c r="CD1929" s="11">
        <v>6.8217699999999999</v>
      </c>
      <c r="CE1929" s="11">
        <v>-24.304500000000001</v>
      </c>
      <c r="CF1929" s="11">
        <v>21.934100000000001</v>
      </c>
      <c r="CG1929" s="11">
        <v>-2</v>
      </c>
      <c r="CH1929" s="20">
        <v>1.0329999999999999</v>
      </c>
      <c r="CI1929" s="20">
        <v>0.951214</v>
      </c>
      <c r="CJ1929" s="20">
        <v>1.01352</v>
      </c>
      <c r="CK1929" s="20">
        <v>1.0616000000000001</v>
      </c>
      <c r="CL1929" s="20">
        <v>1.0319100000000001</v>
      </c>
      <c r="CM1929" s="20">
        <v>0.89215299999999997</v>
      </c>
      <c r="CN1929" s="20">
        <v>0.94939200000000001</v>
      </c>
      <c r="CO1929" s="20">
        <v>0.873255</v>
      </c>
      <c r="CP1929" s="20">
        <v>0.93756499999999998</v>
      </c>
      <c r="CQ1929" s="20">
        <v>0.91753200000000001</v>
      </c>
      <c r="CR1929" s="20">
        <v>0.99139100000000002</v>
      </c>
      <c r="CS1929" s="20">
        <v>0.930948</v>
      </c>
      <c r="CT1929" s="20">
        <v>0.91013599999999995</v>
      </c>
      <c r="CU1929" s="20">
        <v>0.92136600000000002</v>
      </c>
      <c r="CV1929" s="20">
        <v>1.0572900000000001</v>
      </c>
      <c r="CW1929" s="20">
        <v>1.07067</v>
      </c>
      <c r="CX1929" s="20">
        <v>1.0839700000000001</v>
      </c>
      <c r="CY1929" s="6" t="s">
        <v>675</v>
      </c>
      <c r="CZ1929" s="6" t="s">
        <v>676</v>
      </c>
      <c r="DA1929" s="6" t="s">
        <v>109</v>
      </c>
      <c r="DB1929" s="6" t="s">
        <v>345</v>
      </c>
      <c r="DC1929" s="6"/>
      <c r="DD1929" s="6"/>
      <c r="DE1929" s="6"/>
      <c r="DF1929" s="6"/>
      <c r="DG1929" s="6"/>
      <c r="DH1929" s="6" t="s">
        <v>333</v>
      </c>
      <c r="DI1929" s="6"/>
      <c r="DJ1929" s="6"/>
      <c r="DK1929" s="6"/>
      <c r="DL1929" s="6">
        <v>10</v>
      </c>
      <c r="DM1929" s="6" t="s">
        <v>383</v>
      </c>
      <c r="DN1929" s="6">
        <v>9</v>
      </c>
      <c r="DO1929" s="6" t="s">
        <v>384</v>
      </c>
      <c r="DP1929" s="6"/>
      <c r="DQ1929" s="6"/>
    </row>
    <row r="1930" spans="1:121" x14ac:dyDescent="0.2">
      <c r="A1930" s="6" t="s">
        <v>792</v>
      </c>
      <c r="B1930" s="6" t="s">
        <v>176</v>
      </c>
      <c r="C1930" s="6" t="s">
        <v>177</v>
      </c>
      <c r="D1930" s="6" t="s">
        <v>109</v>
      </c>
      <c r="E1930" s="6" t="s">
        <v>250</v>
      </c>
      <c r="F1930" s="11">
        <v>-24</v>
      </c>
      <c r="G1930" s="13">
        <v>-4.2780748663099999E-2</v>
      </c>
      <c r="H1930" s="11">
        <v>133.70923733400002</v>
      </c>
      <c r="I1930" s="13">
        <v>0.23845893897163525</v>
      </c>
      <c r="J1930" s="11">
        <v>-189.448695628</v>
      </c>
      <c r="K1930" s="13">
        <v>-0.27281120439958462</v>
      </c>
      <c r="L1930" s="11">
        <v>32.130427671000007</v>
      </c>
      <c r="M1930" s="13">
        <v>6.3626774985231532E-2</v>
      </c>
      <c r="N1930" s="11">
        <v>-157.31826795699999</v>
      </c>
      <c r="O1930" s="13">
        <v>-0.22654252653013543</v>
      </c>
      <c r="P1930" s="7">
        <v>560.72226904399997</v>
      </c>
      <c r="Q1930" s="7">
        <v>509.160427648</v>
      </c>
      <c r="R1930" s="7">
        <v>531.92822081199995</v>
      </c>
      <c r="S1930" s="7">
        <v>574.016228888</v>
      </c>
      <c r="T1930" s="7">
        <v>645.00222990500004</v>
      </c>
      <c r="U1930" s="7">
        <v>679.24388479699996</v>
      </c>
      <c r="V1930" s="7">
        <v>694.43150637799999</v>
      </c>
      <c r="W1930" s="7">
        <v>691.793050042</v>
      </c>
      <c r="X1930" s="7">
        <v>568.43628251099994</v>
      </c>
      <c r="Y1930" s="7">
        <v>504.98281075</v>
      </c>
      <c r="Z1930" s="7">
        <v>567.050600067</v>
      </c>
      <c r="AA1930" s="7">
        <v>619.49519922900004</v>
      </c>
      <c r="AB1930" s="7">
        <v>515.72872136900003</v>
      </c>
      <c r="AC1930" s="7">
        <v>542.33930482100004</v>
      </c>
      <c r="AD1930" s="7">
        <v>554.05658523700004</v>
      </c>
      <c r="AE1930" s="7">
        <v>525.77414024100005</v>
      </c>
      <c r="AF1930" s="7">
        <v>537.11323842100001</v>
      </c>
      <c r="AG1930" s="9">
        <v>7939.9162098999986</v>
      </c>
      <c r="AH1930" s="13">
        <v>0.34427693206506688</v>
      </c>
      <c r="AI1930" s="9">
        <v>3874.1370195999989</v>
      </c>
      <c r="AJ1930" s="13">
        <v>0.16798363764148438</v>
      </c>
      <c r="AK1930" s="9">
        <v>2059.0433062000011</v>
      </c>
      <c r="AL1930" s="13">
        <v>7.6440008556356034E-2</v>
      </c>
      <c r="AM1930" s="9">
        <v>2006.7358840999987</v>
      </c>
      <c r="AN1930" s="13">
        <v>6.920789367773629E-2</v>
      </c>
      <c r="AO1930" s="9">
        <v>4065.7791902999998</v>
      </c>
      <c r="AP1930" s="13">
        <v>0.15093815421898588</v>
      </c>
      <c r="AQ1930" s="9">
        <v>23062.585582700001</v>
      </c>
      <c r="AR1930" s="9">
        <v>24151.173273699998</v>
      </c>
      <c r="AS1930" s="9">
        <v>25348.248607500002</v>
      </c>
      <c r="AT1930" s="9">
        <v>25194.939635399998</v>
      </c>
      <c r="AU1930" s="9">
        <v>24959.3288789</v>
      </c>
      <c r="AV1930" s="9">
        <v>25754.725903999999</v>
      </c>
      <c r="AW1930" s="9">
        <v>26936.7226023</v>
      </c>
      <c r="AX1930" s="9">
        <v>26126.935692300001</v>
      </c>
      <c r="AY1930" s="9">
        <v>26416.126323199998</v>
      </c>
      <c r="AZ1930" s="9">
        <v>28995.765908500001</v>
      </c>
      <c r="BA1930" s="9">
        <v>28717.6543838</v>
      </c>
      <c r="BB1930" s="9">
        <v>28483.283813400001</v>
      </c>
      <c r="BC1930" s="9">
        <v>30093.770816799999</v>
      </c>
      <c r="BD1930" s="9">
        <v>29004.744379</v>
      </c>
      <c r="BE1930" s="9">
        <v>29325.671930699998</v>
      </c>
      <c r="BF1930" s="9">
        <v>31002.5017926</v>
      </c>
      <c r="BG1930" s="11">
        <v>-6.75</v>
      </c>
      <c r="BH1930" s="13">
        <v>-0.16071428571428573</v>
      </c>
      <c r="BI1930" s="6">
        <v>-2</v>
      </c>
      <c r="BJ1930" s="13">
        <v>-4.7619047619047616E-2</v>
      </c>
      <c r="BK1930" s="6">
        <v>-4</v>
      </c>
      <c r="BL1930" s="13">
        <v>-0.1</v>
      </c>
      <c r="BM1930" s="11">
        <v>-0.75</v>
      </c>
      <c r="BN1930" s="13">
        <v>-2.0833333333333332E-2</v>
      </c>
      <c r="BO1930" s="11">
        <v>-4.75</v>
      </c>
      <c r="BP1930" s="13">
        <v>-0.11874999999999999</v>
      </c>
      <c r="BQ1930" s="6">
        <v>42</v>
      </c>
      <c r="BR1930" s="6">
        <v>40</v>
      </c>
      <c r="BS1930" s="6">
        <v>40</v>
      </c>
      <c r="BT1930" s="6">
        <v>40</v>
      </c>
      <c r="BU1930" s="6">
        <v>40</v>
      </c>
      <c r="BV1930" s="6">
        <v>39</v>
      </c>
      <c r="BW1930" s="6">
        <v>36</v>
      </c>
      <c r="BX1930" s="6">
        <v>36</v>
      </c>
      <c r="BY1930" s="6">
        <v>34</v>
      </c>
      <c r="BZ1930" s="6">
        <v>31</v>
      </c>
      <c r="CA1930" s="6">
        <v>34</v>
      </c>
      <c r="CB1930" s="6">
        <v>34</v>
      </c>
      <c r="CC1930" s="11">
        <v>35.25</v>
      </c>
      <c r="CD1930" s="11">
        <v>113.02</v>
      </c>
      <c r="CE1930" s="11">
        <v>-197.922</v>
      </c>
      <c r="CF1930" s="11">
        <v>61.293700000000001</v>
      </c>
      <c r="CG1930" s="11">
        <v>-137</v>
      </c>
      <c r="CH1930" s="20">
        <v>1.50783</v>
      </c>
      <c r="CI1930" s="20">
        <v>1.47288</v>
      </c>
      <c r="CJ1930" s="20">
        <v>1.53908</v>
      </c>
      <c r="CK1930" s="20">
        <v>1.64219</v>
      </c>
      <c r="CL1930" s="20">
        <v>1.8362099999999999</v>
      </c>
      <c r="CM1930" s="20">
        <v>1.92201</v>
      </c>
      <c r="CN1930" s="20">
        <v>2.0025499999999998</v>
      </c>
      <c r="CO1930" s="20">
        <v>2.0688399999999998</v>
      </c>
      <c r="CP1930" s="20">
        <v>1.84972</v>
      </c>
      <c r="CQ1930" s="20">
        <v>1.6914</v>
      </c>
      <c r="CR1930" s="20">
        <v>1.83955</v>
      </c>
      <c r="CS1930" s="20">
        <v>1.9277599999999999</v>
      </c>
      <c r="CT1930" s="20">
        <v>1.7236400000000001</v>
      </c>
      <c r="CU1930" s="20">
        <v>1.8343400000000001</v>
      </c>
      <c r="CV1930" s="20">
        <v>1.9988600000000001</v>
      </c>
      <c r="CW1930" s="20">
        <v>1.8963699999999999</v>
      </c>
      <c r="CX1930" s="20">
        <v>1.93723</v>
      </c>
      <c r="CY1930" s="6" t="s">
        <v>675</v>
      </c>
      <c r="CZ1930" s="6" t="s">
        <v>676</v>
      </c>
      <c r="DA1930" s="6" t="s">
        <v>109</v>
      </c>
      <c r="DB1930" s="6" t="s">
        <v>345</v>
      </c>
      <c r="DC1930" s="6"/>
      <c r="DD1930" s="6"/>
      <c r="DE1930" s="6"/>
      <c r="DF1930" s="6"/>
      <c r="DG1930" s="6"/>
      <c r="DH1930" s="6" t="s">
        <v>333</v>
      </c>
      <c r="DI1930" s="6"/>
      <c r="DJ1930" s="6"/>
      <c r="DK1930" s="6"/>
      <c r="DL1930" s="6">
        <v>10</v>
      </c>
      <c r="DM1930" s="6" t="s">
        <v>383</v>
      </c>
      <c r="DN1930" s="6">
        <v>9</v>
      </c>
      <c r="DO1930" s="6" t="s">
        <v>384</v>
      </c>
      <c r="DP1930" s="6"/>
      <c r="DQ1930" s="6"/>
    </row>
    <row r="1931" spans="1:121" x14ac:dyDescent="0.2">
      <c r="A1931" s="6" t="s">
        <v>313</v>
      </c>
      <c r="B1931" s="6" t="s">
        <v>313</v>
      </c>
      <c r="C1931" s="6" t="s">
        <v>178</v>
      </c>
      <c r="D1931" s="6" t="s">
        <v>109</v>
      </c>
      <c r="E1931" s="6" t="s">
        <v>250</v>
      </c>
      <c r="F1931" s="11">
        <v>0</v>
      </c>
      <c r="G1931" s="13">
        <v>0</v>
      </c>
      <c r="H1931" s="11">
        <v>1.4680414495000065</v>
      </c>
      <c r="I1931" s="13">
        <v>2.5586650072086894E-2</v>
      </c>
      <c r="J1931" s="11">
        <v>-3.4445559780000039</v>
      </c>
      <c r="K1931" s="13">
        <v>-5.8537746512773048E-2</v>
      </c>
      <c r="L1931" s="11">
        <v>1.4910188114000036</v>
      </c>
      <c r="M1931" s="13">
        <v>2.6914292205650697E-2</v>
      </c>
      <c r="N1931" s="11">
        <v>-1.9535371666000003</v>
      </c>
      <c r="O1931" s="13">
        <v>-3.3198956321827434E-2</v>
      </c>
      <c r="P1931" s="7">
        <v>57.375289276399997</v>
      </c>
      <c r="Q1931" s="7">
        <v>58.350716521700001</v>
      </c>
      <c r="R1931" s="7">
        <v>56.7276165042</v>
      </c>
      <c r="S1931" s="7">
        <v>50.508858924000002</v>
      </c>
      <c r="T1931" s="7">
        <v>53.212431104799997</v>
      </c>
      <c r="U1931" s="7">
        <v>61.5818629316</v>
      </c>
      <c r="V1931" s="7">
        <v>58.843330725900003</v>
      </c>
      <c r="W1931" s="7">
        <v>57.568750806700002</v>
      </c>
      <c r="X1931" s="7">
        <v>52.460935952900002</v>
      </c>
      <c r="Y1931" s="7">
        <v>55.398774747899999</v>
      </c>
      <c r="Z1931" s="7">
        <v>64.058594070500007</v>
      </c>
      <c r="AA1931" s="7">
        <v>69.511643793900006</v>
      </c>
      <c r="AB1931" s="7">
        <v>59.643030203000002</v>
      </c>
      <c r="AC1931" s="7">
        <v>59.884032468900003</v>
      </c>
      <c r="AD1931" s="7">
        <v>70.916790141500002</v>
      </c>
      <c r="AE1931" s="7">
        <v>55.562372316699999</v>
      </c>
      <c r="AF1931" s="7">
        <v>56.889793559300003</v>
      </c>
      <c r="AG1931" s="9">
        <v>39638.651258999998</v>
      </c>
      <c r="AH1931" s="13">
        <v>1.3583539804593925</v>
      </c>
      <c r="AI1931" s="9">
        <v>5306.0055117000011</v>
      </c>
      <c r="AJ1931" s="13">
        <v>0.18182842953115655</v>
      </c>
      <c r="AK1931" s="9">
        <v>43382.337263000001</v>
      </c>
      <c r="AL1931" s="13">
        <v>1.2579187897003432</v>
      </c>
      <c r="AM1931" s="9">
        <v>-9049.6915157000039</v>
      </c>
      <c r="AN1931" s="13">
        <v>-0.11621578380735184</v>
      </c>
      <c r="AO1931" s="9">
        <v>34332.645747299997</v>
      </c>
      <c r="AP1931" s="13">
        <v>0.99551298778197062</v>
      </c>
      <c r="AQ1931" s="9">
        <v>29181.385580800001</v>
      </c>
      <c r="AR1931" s="9">
        <v>28252.3956406</v>
      </c>
      <c r="AS1931" s="9">
        <v>26658.310928700001</v>
      </c>
      <c r="AT1931" s="9">
        <v>30372.874732</v>
      </c>
      <c r="AU1931" s="9">
        <v>32175.420186200001</v>
      </c>
      <c r="AV1931" s="9">
        <v>41308.150515499998</v>
      </c>
      <c r="AW1931" s="9">
        <v>34487.391092500002</v>
      </c>
      <c r="AX1931" s="9">
        <v>41419.672201900001</v>
      </c>
      <c r="AY1931" s="9">
        <v>59441.169437299999</v>
      </c>
      <c r="AZ1931" s="9">
        <v>77869.728355500003</v>
      </c>
      <c r="BA1931" s="9">
        <v>78517.050139400002</v>
      </c>
      <c r="BB1931" s="9">
        <v>53971.295265799999</v>
      </c>
      <c r="BC1931" s="9">
        <v>61675.230672899997</v>
      </c>
      <c r="BD1931" s="9">
        <v>53964.532927100001</v>
      </c>
      <c r="BE1931" s="9">
        <v>57126.812283899999</v>
      </c>
      <c r="BF1931" s="9">
        <v>68820.036839799999</v>
      </c>
      <c r="BG1931" s="11">
        <v>3</v>
      </c>
      <c r="BH1931" s="13">
        <v>0.375</v>
      </c>
      <c r="BI1931" s="6">
        <v>1</v>
      </c>
      <c r="BJ1931" s="13">
        <v>0.125</v>
      </c>
      <c r="BK1931" s="6">
        <v>0</v>
      </c>
      <c r="BL1931" s="13">
        <v>0</v>
      </c>
      <c r="BM1931" s="11">
        <v>2</v>
      </c>
      <c r="BN1931" s="13">
        <v>0.22222222222222221</v>
      </c>
      <c r="BO1931" s="11">
        <v>2</v>
      </c>
      <c r="BP1931" s="13">
        <v>0.22222222222222221</v>
      </c>
      <c r="BQ1931" s="6">
        <v>8</v>
      </c>
      <c r="BR1931" s="6">
        <v>8</v>
      </c>
      <c r="BS1931" s="6">
        <v>10</v>
      </c>
      <c r="BT1931" s="6">
        <v>9</v>
      </c>
      <c r="BU1931" s="6">
        <v>10</v>
      </c>
      <c r="BV1931" s="6">
        <v>9</v>
      </c>
      <c r="BW1931" s="6">
        <v>9</v>
      </c>
      <c r="BX1931" s="6">
        <v>10</v>
      </c>
      <c r="BY1931" s="6">
        <v>10</v>
      </c>
      <c r="BZ1931" s="6">
        <v>10</v>
      </c>
      <c r="CA1931" s="6">
        <v>13</v>
      </c>
      <c r="CB1931" s="6">
        <v>13</v>
      </c>
      <c r="CC1931" s="11">
        <v>11</v>
      </c>
      <c r="CD1931" s="11">
        <v>-2.0658699999999999</v>
      </c>
      <c r="CE1931" s="11">
        <v>-4.6914400000000001</v>
      </c>
      <c r="CF1931" s="11">
        <v>6.2718100000000003</v>
      </c>
      <c r="CG1931" s="11">
        <v>1</v>
      </c>
      <c r="CH1931" s="20">
        <v>0.43329499999999999</v>
      </c>
      <c r="CI1931" s="20">
        <v>0.45022099999999998</v>
      </c>
      <c r="CJ1931" s="20">
        <v>0.41849199999999998</v>
      </c>
      <c r="CK1931" s="20">
        <v>0.359707</v>
      </c>
      <c r="CL1931" s="20">
        <v>0.36815799999999999</v>
      </c>
      <c r="CM1931" s="20">
        <v>0.41204000000000002</v>
      </c>
      <c r="CN1931" s="20">
        <v>0.38703700000000002</v>
      </c>
      <c r="CO1931" s="20">
        <v>0.38262000000000002</v>
      </c>
      <c r="CP1931" s="20">
        <v>0.35863600000000001</v>
      </c>
      <c r="CQ1931" s="20">
        <v>0.385938</v>
      </c>
      <c r="CR1931" s="20">
        <v>0.43412499999999998</v>
      </c>
      <c r="CS1931" s="20">
        <v>0.45134800000000003</v>
      </c>
      <c r="CT1931" s="20">
        <v>0.413576</v>
      </c>
      <c r="CU1931" s="20">
        <v>0.42075699999999999</v>
      </c>
      <c r="CV1931" s="20">
        <v>0.53182799999999997</v>
      </c>
      <c r="CW1931" s="20">
        <v>0.41765600000000003</v>
      </c>
      <c r="CX1931" s="20">
        <v>0.42414600000000002</v>
      </c>
      <c r="CY1931" s="6" t="s">
        <v>675</v>
      </c>
      <c r="CZ1931" s="6" t="s">
        <v>676</v>
      </c>
      <c r="DA1931" s="6" t="s">
        <v>109</v>
      </c>
      <c r="DB1931" s="6" t="s">
        <v>345</v>
      </c>
      <c r="DC1931" s="6"/>
      <c r="DD1931" s="6"/>
      <c r="DE1931" s="6"/>
      <c r="DF1931" s="6"/>
      <c r="DG1931" s="6"/>
      <c r="DH1931" s="6" t="s">
        <v>333</v>
      </c>
      <c r="DI1931" s="6"/>
      <c r="DJ1931" s="6"/>
      <c r="DK1931" s="6"/>
      <c r="DL1931" s="6">
        <v>10</v>
      </c>
      <c r="DM1931" s="6" t="s">
        <v>383</v>
      </c>
      <c r="DN1931" s="6">
        <v>9</v>
      </c>
      <c r="DO1931" s="6" t="s">
        <v>384</v>
      </c>
      <c r="DP1931" s="6"/>
      <c r="DQ1931" s="6"/>
    </row>
    <row r="1932" spans="1:121" x14ac:dyDescent="0.2">
      <c r="A1932" s="6" t="s">
        <v>793</v>
      </c>
      <c r="B1932" s="6" t="s">
        <v>179</v>
      </c>
      <c r="C1932" s="6" t="s">
        <v>180</v>
      </c>
      <c r="D1932" s="6" t="s">
        <v>109</v>
      </c>
      <c r="E1932" s="6" t="s">
        <v>250</v>
      </c>
      <c r="F1932" s="11">
        <v>4</v>
      </c>
      <c r="G1932" s="13">
        <v>0.01</v>
      </c>
      <c r="H1932" s="11">
        <v>13</v>
      </c>
      <c r="I1932" s="13">
        <v>3.125E-2</v>
      </c>
      <c r="J1932" s="11">
        <v>-58</v>
      </c>
      <c r="K1932" s="13">
        <v>-0.1351981351981352</v>
      </c>
      <c r="L1932" s="11">
        <v>49</v>
      </c>
      <c r="M1932" s="13">
        <v>0.13207547169811321</v>
      </c>
      <c r="N1932" s="11">
        <v>-9</v>
      </c>
      <c r="O1932" s="13">
        <v>-2.097902097902098E-2</v>
      </c>
      <c r="P1932" s="7">
        <v>416</v>
      </c>
      <c r="Q1932" s="7">
        <v>431</v>
      </c>
      <c r="R1932" s="7">
        <v>434</v>
      </c>
      <c r="S1932" s="7">
        <v>449</v>
      </c>
      <c r="T1932" s="7">
        <v>452</v>
      </c>
      <c r="U1932" s="7">
        <v>458</v>
      </c>
      <c r="V1932" s="7">
        <v>429</v>
      </c>
      <c r="W1932" s="7">
        <v>415</v>
      </c>
      <c r="X1932" s="7">
        <v>371</v>
      </c>
      <c r="Y1932" s="7">
        <v>371</v>
      </c>
      <c r="Z1932" s="7">
        <v>394</v>
      </c>
      <c r="AA1932" s="7">
        <v>387</v>
      </c>
      <c r="AB1932" s="7">
        <v>407</v>
      </c>
      <c r="AC1932" s="7">
        <v>408</v>
      </c>
      <c r="AD1932" s="7">
        <v>399</v>
      </c>
      <c r="AE1932" s="7">
        <v>412</v>
      </c>
      <c r="AF1932" s="7">
        <v>420</v>
      </c>
      <c r="AG1932" s="9">
        <v>5169</v>
      </c>
      <c r="AH1932" s="13">
        <v>0.28101554854843969</v>
      </c>
      <c r="AI1932" s="9">
        <v>3286</v>
      </c>
      <c r="AJ1932" s="13">
        <v>0.17864521039469392</v>
      </c>
      <c r="AK1932" s="9">
        <v>8</v>
      </c>
      <c r="AL1932" s="13">
        <v>3.690036900369003E-4</v>
      </c>
      <c r="AM1932" s="9">
        <v>1875</v>
      </c>
      <c r="AN1932" s="13">
        <v>8.6453338251567674E-2</v>
      </c>
      <c r="AO1932" s="9">
        <v>1883</v>
      </c>
      <c r="AP1932" s="13">
        <v>8.6854243542435428E-2</v>
      </c>
      <c r="AQ1932" s="9">
        <v>18394</v>
      </c>
      <c r="AR1932" s="9">
        <v>19372</v>
      </c>
      <c r="AS1932" s="9">
        <v>20087</v>
      </c>
      <c r="AT1932" s="9">
        <v>19830</v>
      </c>
      <c r="AU1932" s="9">
        <v>20198</v>
      </c>
      <c r="AV1932" s="9">
        <v>20321</v>
      </c>
      <c r="AW1932" s="9">
        <v>21680</v>
      </c>
      <c r="AX1932" s="9">
        <v>22108</v>
      </c>
      <c r="AY1932" s="9">
        <v>22242</v>
      </c>
      <c r="AZ1932" s="9">
        <v>21688</v>
      </c>
      <c r="BA1932" s="9">
        <v>21280</v>
      </c>
      <c r="BB1932" s="9">
        <v>22619</v>
      </c>
      <c r="BC1932" s="9">
        <v>22711</v>
      </c>
      <c r="BD1932" s="9">
        <v>23167</v>
      </c>
      <c r="BE1932" s="9">
        <v>24029</v>
      </c>
      <c r="BF1932" s="9">
        <v>23563</v>
      </c>
      <c r="BG1932" s="11">
        <v>-10</v>
      </c>
      <c r="BH1932" s="13">
        <v>-0.20408163265306123</v>
      </c>
      <c r="BI1932" s="6">
        <v>-5</v>
      </c>
      <c r="BJ1932" s="13">
        <v>-0.10204081632653061</v>
      </c>
      <c r="BK1932" s="6">
        <v>-6</v>
      </c>
      <c r="BL1932" s="13">
        <v>-0.13636363636363635</v>
      </c>
      <c r="BM1932" s="11">
        <v>1</v>
      </c>
      <c r="BN1932" s="13">
        <v>2.6315789473684209E-2</v>
      </c>
      <c r="BO1932" s="11">
        <v>-5</v>
      </c>
      <c r="BP1932" s="13">
        <v>-0.11363636363636363</v>
      </c>
      <c r="BQ1932" s="6">
        <v>49</v>
      </c>
      <c r="BR1932" s="6">
        <v>45</v>
      </c>
      <c r="BS1932" s="6">
        <v>44</v>
      </c>
      <c r="BT1932" s="6">
        <v>44</v>
      </c>
      <c r="BU1932" s="6">
        <v>46</v>
      </c>
      <c r="BV1932" s="6">
        <v>41</v>
      </c>
      <c r="BW1932" s="6">
        <v>38</v>
      </c>
      <c r="BX1932" s="6">
        <v>37</v>
      </c>
      <c r="BY1932" s="6">
        <v>37</v>
      </c>
      <c r="BZ1932" s="6">
        <v>38</v>
      </c>
      <c r="CA1932" s="6">
        <v>36</v>
      </c>
      <c r="CB1932" s="6">
        <v>37</v>
      </c>
      <c r="CC1932" s="11">
        <v>39</v>
      </c>
      <c r="CD1932" s="11">
        <v>-15</v>
      </c>
      <c r="CE1932" s="11">
        <v>-27</v>
      </c>
      <c r="CF1932" s="11">
        <v>46</v>
      </c>
      <c r="CG1932" s="11">
        <v>19</v>
      </c>
      <c r="CH1932" s="20">
        <v>1.17</v>
      </c>
      <c r="CI1932" s="20">
        <v>1.22</v>
      </c>
      <c r="CJ1932" s="20">
        <v>1.18</v>
      </c>
      <c r="CK1932" s="20">
        <v>1.18</v>
      </c>
      <c r="CL1932" s="20">
        <v>1.1599999999999999</v>
      </c>
      <c r="CM1932" s="20">
        <v>1.1499999999999999</v>
      </c>
      <c r="CN1932" s="20">
        <v>1.07</v>
      </c>
      <c r="CO1932" s="20">
        <v>1.05</v>
      </c>
      <c r="CP1932" s="20">
        <v>0.95</v>
      </c>
      <c r="CQ1932" s="20">
        <v>0.96</v>
      </c>
      <c r="CR1932" s="20">
        <v>0.99</v>
      </c>
      <c r="CS1932" s="20">
        <v>0.94</v>
      </c>
      <c r="CT1932" s="20">
        <v>1.06</v>
      </c>
      <c r="CU1932" s="20">
        <v>1.07</v>
      </c>
      <c r="CV1932" s="20">
        <v>1.1100000000000001</v>
      </c>
      <c r="CW1932" s="20">
        <v>1.1299999999999999</v>
      </c>
      <c r="CX1932" s="20">
        <v>1.1499999999999999</v>
      </c>
      <c r="CY1932" s="6" t="s">
        <v>675</v>
      </c>
      <c r="CZ1932" s="6" t="s">
        <v>676</v>
      </c>
      <c r="DA1932" s="6" t="s">
        <v>109</v>
      </c>
      <c r="DB1932" s="6" t="s">
        <v>345</v>
      </c>
      <c r="DC1932" s="6"/>
      <c r="DD1932" s="6"/>
      <c r="DE1932" s="6"/>
      <c r="DF1932" s="6"/>
      <c r="DG1932" s="6"/>
      <c r="DH1932" s="6" t="s">
        <v>333</v>
      </c>
      <c r="DI1932" s="6"/>
      <c r="DJ1932" s="6"/>
      <c r="DK1932" s="6"/>
      <c r="DL1932" s="6">
        <v>10</v>
      </c>
      <c r="DM1932" s="6" t="s">
        <v>383</v>
      </c>
      <c r="DN1932" s="6">
        <v>9</v>
      </c>
      <c r="DO1932" s="6" t="s">
        <v>384</v>
      </c>
      <c r="DP1932" s="6"/>
      <c r="DQ1932" s="6"/>
    </row>
    <row r="1933" spans="1:121" x14ac:dyDescent="0.2">
      <c r="A1933" s="6" t="s">
        <v>794</v>
      </c>
      <c r="B1933" s="6" t="s">
        <v>181</v>
      </c>
      <c r="C1933" s="6" t="s">
        <v>182</v>
      </c>
      <c r="D1933" s="6" t="s">
        <v>109</v>
      </c>
      <c r="E1933" s="6" t="s">
        <v>250</v>
      </c>
      <c r="F1933" s="11">
        <v>26</v>
      </c>
      <c r="G1933" s="13">
        <v>0.27659574468100001</v>
      </c>
      <c r="H1933" s="11">
        <v>36.945108304299993</v>
      </c>
      <c r="I1933" s="13">
        <v>0.39154486617541778</v>
      </c>
      <c r="J1933" s="11">
        <v>-33.508665541599996</v>
      </c>
      <c r="K1933" s="13">
        <v>-0.25520225601152696</v>
      </c>
      <c r="L1933" s="11">
        <v>21.744628842600008</v>
      </c>
      <c r="M1933" s="13">
        <v>0.22235199130733416</v>
      </c>
      <c r="N1933" s="11">
        <v>-11.764036698999988</v>
      </c>
      <c r="O1933" s="13">
        <v>-8.95949945144799E-2</v>
      </c>
      <c r="P1933" s="7">
        <v>94.357279320700002</v>
      </c>
      <c r="Q1933" s="7">
        <v>105.187786437</v>
      </c>
      <c r="R1933" s="7">
        <v>116.016451121</v>
      </c>
      <c r="S1933" s="7">
        <v>124.13651450099999</v>
      </c>
      <c r="T1933" s="7">
        <v>123.782809517</v>
      </c>
      <c r="U1933" s="7">
        <v>135.184594715</v>
      </c>
      <c r="V1933" s="7">
        <v>131.30238762499999</v>
      </c>
      <c r="W1933" s="7">
        <v>110.493215681</v>
      </c>
      <c r="X1933" s="7">
        <v>120.53162989099999</v>
      </c>
      <c r="Y1933" s="7">
        <v>97.793722083399999</v>
      </c>
      <c r="Z1933" s="7">
        <v>99.068320473300005</v>
      </c>
      <c r="AA1933" s="7">
        <v>103.14245644499999</v>
      </c>
      <c r="AB1933" s="7">
        <v>114.54878744600001</v>
      </c>
      <c r="AC1933" s="7">
        <v>111.790287453</v>
      </c>
      <c r="AD1933" s="7">
        <v>113.316157641</v>
      </c>
      <c r="AE1933" s="7">
        <v>115.244160962</v>
      </c>
      <c r="AF1933" s="7">
        <v>119.53835092600001</v>
      </c>
      <c r="AG1933" s="9">
        <v>23260.599844300003</v>
      </c>
      <c r="AH1933" s="13">
        <v>0.78925063616965696</v>
      </c>
      <c r="AI1933" s="9">
        <v>10968.362677699999</v>
      </c>
      <c r="AJ1933" s="13">
        <v>0.37216526138880229</v>
      </c>
      <c r="AK1933" s="9">
        <v>5835.1435016999967</v>
      </c>
      <c r="AL1933" s="13">
        <v>0.14429096941486083</v>
      </c>
      <c r="AM1933" s="9">
        <v>6457.0936649000068</v>
      </c>
      <c r="AN1933" s="13">
        <v>0.13953662869380437</v>
      </c>
      <c r="AO1933" s="9">
        <v>12292.237166600004</v>
      </c>
      <c r="AP1933" s="13">
        <v>0.30396147353177572</v>
      </c>
      <c r="AQ1933" s="9">
        <v>29471.753050700001</v>
      </c>
      <c r="AR1933" s="9">
        <v>33402.025097999998</v>
      </c>
      <c r="AS1933" s="9">
        <v>32060.207532299999</v>
      </c>
      <c r="AT1933" s="9">
        <v>34260.495896400003</v>
      </c>
      <c r="AU1933" s="9">
        <v>38482.041532099996</v>
      </c>
      <c r="AV1933" s="9">
        <v>39085.109685099997</v>
      </c>
      <c r="AW1933" s="9">
        <v>40440.1157284</v>
      </c>
      <c r="AX1933" s="9">
        <v>45534.8033545</v>
      </c>
      <c r="AY1933" s="9">
        <v>39216.081563</v>
      </c>
      <c r="AZ1933" s="9">
        <v>46275.259230099997</v>
      </c>
      <c r="BA1933" s="9">
        <v>50216.363774799996</v>
      </c>
      <c r="BB1933" s="9">
        <v>53340.679664299998</v>
      </c>
      <c r="BC1933" s="9">
        <v>55665.252388000001</v>
      </c>
      <c r="BD1933" s="9">
        <v>56119.3889805</v>
      </c>
      <c r="BE1933" s="9">
        <v>56623.369040899997</v>
      </c>
      <c r="BF1933" s="9">
        <v>52732.352895000004</v>
      </c>
      <c r="BG1933" s="11">
        <v>1.25</v>
      </c>
      <c r="BH1933" s="13">
        <v>0.125</v>
      </c>
      <c r="BI1933" s="6">
        <v>3</v>
      </c>
      <c r="BJ1933" s="13">
        <v>0.3</v>
      </c>
      <c r="BK1933" s="6">
        <v>-4</v>
      </c>
      <c r="BL1933" s="13">
        <v>-0.30769230769230771</v>
      </c>
      <c r="BM1933" s="11">
        <v>2.25</v>
      </c>
      <c r="BN1933" s="13">
        <v>0.25</v>
      </c>
      <c r="BO1933" s="11">
        <v>-1.75</v>
      </c>
      <c r="BP1933" s="13">
        <v>-0.13461538461538461</v>
      </c>
      <c r="BQ1933" s="6">
        <v>10</v>
      </c>
      <c r="BR1933" s="6">
        <v>10</v>
      </c>
      <c r="BS1933" s="6">
        <v>11</v>
      </c>
      <c r="BT1933" s="6">
        <v>13</v>
      </c>
      <c r="BU1933" s="6">
        <v>14</v>
      </c>
      <c r="BV1933" s="6">
        <v>12</v>
      </c>
      <c r="BW1933" s="6">
        <v>9</v>
      </c>
      <c r="BX1933" s="6">
        <v>9</v>
      </c>
      <c r="BY1933" s="6">
        <v>9</v>
      </c>
      <c r="BZ1933" s="6">
        <v>10</v>
      </c>
      <c r="CA1933" s="6">
        <v>12</v>
      </c>
      <c r="CB1933" s="6">
        <v>11</v>
      </c>
      <c r="CC1933" s="11">
        <v>11.25</v>
      </c>
      <c r="CD1933" s="11">
        <v>8.9193099999999994</v>
      </c>
      <c r="CE1933" s="11">
        <v>5.9473799999999999</v>
      </c>
      <c r="CF1933" s="11">
        <v>10.314399999999999</v>
      </c>
      <c r="CG1933" s="11">
        <v>16</v>
      </c>
      <c r="CH1933" s="20">
        <v>0.90017199999999997</v>
      </c>
      <c r="CI1933" s="20">
        <v>1.0339700000000001</v>
      </c>
      <c r="CJ1933" s="20">
        <v>1.09266</v>
      </c>
      <c r="CK1933" s="20">
        <v>1.1177699999999999</v>
      </c>
      <c r="CL1933" s="20">
        <v>1.0763199999999999</v>
      </c>
      <c r="CM1933" s="20">
        <v>1.13351</v>
      </c>
      <c r="CN1933" s="20">
        <v>1.07995</v>
      </c>
      <c r="CO1933" s="20">
        <v>0.91841399999999995</v>
      </c>
      <c r="CP1933" s="20">
        <v>1.0274799999999999</v>
      </c>
      <c r="CQ1933" s="20">
        <v>0.84440999999999999</v>
      </c>
      <c r="CR1933" s="20">
        <v>0.82135800000000003</v>
      </c>
      <c r="CS1933" s="20">
        <v>0.81611900000000004</v>
      </c>
      <c r="CT1933" s="20">
        <v>0.96213300000000002</v>
      </c>
      <c r="CU1933" s="20">
        <v>0.93022000000000005</v>
      </c>
      <c r="CV1933" s="20">
        <v>0.97195299999999996</v>
      </c>
      <c r="CW1933" s="20">
        <v>0.965476</v>
      </c>
      <c r="CX1933" s="20">
        <v>0.98679399999999995</v>
      </c>
      <c r="CY1933" s="6" t="s">
        <v>675</v>
      </c>
      <c r="CZ1933" s="6" t="s">
        <v>676</v>
      </c>
      <c r="DA1933" s="6" t="s">
        <v>109</v>
      </c>
      <c r="DB1933" s="6" t="s">
        <v>345</v>
      </c>
      <c r="DC1933" s="6"/>
      <c r="DD1933" s="6"/>
      <c r="DE1933" s="6"/>
      <c r="DF1933" s="6"/>
      <c r="DG1933" s="6"/>
      <c r="DH1933" s="6" t="s">
        <v>333</v>
      </c>
      <c r="DI1933" s="6"/>
      <c r="DJ1933" s="6"/>
      <c r="DK1933" s="6"/>
      <c r="DL1933" s="6">
        <v>10</v>
      </c>
      <c r="DM1933" s="6" t="s">
        <v>383</v>
      </c>
      <c r="DN1933" s="6">
        <v>9</v>
      </c>
      <c r="DO1933" s="6" t="s">
        <v>384</v>
      </c>
      <c r="DP1933" s="6"/>
      <c r="DQ1933" s="6"/>
    </row>
    <row r="1934" spans="1:121" x14ac:dyDescent="0.2">
      <c r="A1934" s="6" t="s">
        <v>314</v>
      </c>
      <c r="B1934" s="6" t="s">
        <v>314</v>
      </c>
      <c r="C1934" s="6" t="s">
        <v>183</v>
      </c>
      <c r="D1934" s="6" t="s">
        <v>109</v>
      </c>
      <c r="E1934" s="6" t="s">
        <v>250</v>
      </c>
      <c r="F1934" s="11">
        <v>-9</v>
      </c>
      <c r="G1934" s="13">
        <v>-0.375</v>
      </c>
      <c r="H1934" s="11">
        <v>-3.1037511227000003</v>
      </c>
      <c r="I1934" s="13">
        <v>-0.13190335659796118</v>
      </c>
      <c r="J1934" s="11">
        <v>-2.8006707384999991</v>
      </c>
      <c r="K1934" s="13">
        <v>-0.13710804382048342</v>
      </c>
      <c r="L1934" s="11">
        <v>-3.0576113546000006</v>
      </c>
      <c r="M1934" s="13">
        <v>-0.17347094432610966</v>
      </c>
      <c r="N1934" s="11">
        <v>-5.8582820930999997</v>
      </c>
      <c r="O1934" s="13">
        <v>-0.28679472631034819</v>
      </c>
      <c r="P1934" s="7">
        <v>23.5304938612</v>
      </c>
      <c r="Q1934" s="7">
        <v>25.369776948999998</v>
      </c>
      <c r="R1934" s="7">
        <v>24.989236557400002</v>
      </c>
      <c r="S1934" s="7">
        <v>26.482250135499999</v>
      </c>
      <c r="T1934" s="7">
        <v>24.934887248500001</v>
      </c>
      <c r="U1934" s="7">
        <v>25.035041847799999</v>
      </c>
      <c r="V1934" s="7">
        <v>20.4267427385</v>
      </c>
      <c r="W1934" s="7">
        <v>23.4981154649</v>
      </c>
      <c r="X1934" s="7">
        <v>20.9259405665</v>
      </c>
      <c r="Y1934" s="7">
        <v>17.626072000000001</v>
      </c>
      <c r="Z1934" s="7">
        <v>15.750054</v>
      </c>
      <c r="AA1934" s="7">
        <v>13.501677000000001</v>
      </c>
      <c r="AB1934" s="7">
        <v>12.525737396</v>
      </c>
      <c r="AC1934" s="7">
        <v>5</v>
      </c>
      <c r="AD1934" s="7">
        <v>13.277536748099999</v>
      </c>
      <c r="AE1934" s="7">
        <v>14.938630674300001</v>
      </c>
      <c r="AF1934" s="7">
        <v>14.5684606454</v>
      </c>
      <c r="AG1934" s="9">
        <v>17848.364573699997</v>
      </c>
      <c r="AH1934" s="13">
        <v>0.50804724725625872</v>
      </c>
      <c r="AI1934" s="9">
        <v>-1039.2953822000054</v>
      </c>
      <c r="AJ1934" s="13">
        <v>-2.9583167456747911E-2</v>
      </c>
      <c r="AK1934" s="9">
        <v>13163.747569300001</v>
      </c>
      <c r="AL1934" s="13">
        <v>0.38612409086883587</v>
      </c>
      <c r="AM1934" s="9">
        <v>5723.9123866000009</v>
      </c>
      <c r="AN1934" s="13">
        <v>0.12112623527601968</v>
      </c>
      <c r="AO1934" s="9">
        <v>18887.659955900002</v>
      </c>
      <c r="AP1934" s="13">
        <v>0.55402008362117328</v>
      </c>
      <c r="AQ1934" s="9">
        <v>35131.308495600002</v>
      </c>
      <c r="AR1934" s="9">
        <v>36755.5608164</v>
      </c>
      <c r="AS1934" s="9">
        <v>37126.941409200001</v>
      </c>
      <c r="AT1934" s="9">
        <v>37504.945978999996</v>
      </c>
      <c r="AU1934" s="9">
        <v>34072.556540999998</v>
      </c>
      <c r="AV1934" s="9">
        <v>37104.003493999997</v>
      </c>
      <c r="AW1934" s="9">
        <v>34092.013113399997</v>
      </c>
      <c r="AX1934" s="9">
        <v>40900.447388599998</v>
      </c>
      <c r="AY1934" s="9">
        <v>47245.1159252</v>
      </c>
      <c r="AZ1934" s="9">
        <v>47255.760682699998</v>
      </c>
      <c r="BA1934" s="9">
        <v>54637.388075399998</v>
      </c>
      <c r="BB1934" s="9">
        <v>59264.4307654</v>
      </c>
      <c r="BC1934" s="9">
        <v>59259.2159484</v>
      </c>
      <c r="BD1934" s="9">
        <v>1</v>
      </c>
      <c r="BE1934" s="9">
        <v>59982.659194599997</v>
      </c>
      <c r="BF1934" s="9">
        <v>52979.673069299999</v>
      </c>
      <c r="BG1934" s="11">
        <v>-1</v>
      </c>
      <c r="BH1934" s="13">
        <v>-0.25</v>
      </c>
      <c r="BI1934" s="6">
        <v>-1</v>
      </c>
      <c r="BJ1934" s="13">
        <v>-0.25</v>
      </c>
      <c r="BK1934" s="6">
        <v>-1</v>
      </c>
      <c r="BL1934" s="13">
        <v>-0.33333333333333331</v>
      </c>
      <c r="BM1934" s="11">
        <v>1</v>
      </c>
      <c r="BN1934" s="13">
        <v>0.5</v>
      </c>
      <c r="BO1934" s="11">
        <v>0</v>
      </c>
      <c r="BP1934" s="13">
        <v>0</v>
      </c>
      <c r="BQ1934" s="6">
        <v>4</v>
      </c>
      <c r="BR1934" s="6">
        <v>4</v>
      </c>
      <c r="BS1934" s="6">
        <v>5</v>
      </c>
      <c r="BT1934" s="6">
        <v>3</v>
      </c>
      <c r="BU1934" s="6">
        <v>2</v>
      </c>
      <c r="BV1934" s="6">
        <v>2</v>
      </c>
      <c r="BW1934" s="6">
        <v>2</v>
      </c>
      <c r="BX1934" s="6">
        <v>2</v>
      </c>
      <c r="BY1934" s="6">
        <v>2</v>
      </c>
      <c r="BZ1934" s="6">
        <v>2</v>
      </c>
      <c r="CA1934" s="6">
        <v>2</v>
      </c>
      <c r="CB1934" s="6">
        <v>3</v>
      </c>
      <c r="CC1934" s="11">
        <v>3</v>
      </c>
      <c r="CD1934" s="11">
        <v>-4.3270299999999997</v>
      </c>
      <c r="CE1934" s="11">
        <v>-7.2071699999999996</v>
      </c>
      <c r="CF1934" s="11">
        <v>2.5721699999999998</v>
      </c>
      <c r="CG1934" s="11">
        <v>-4</v>
      </c>
      <c r="CH1934" s="20">
        <v>0.28506300000000001</v>
      </c>
      <c r="CI1934" s="20">
        <v>0.32561099999999998</v>
      </c>
      <c r="CJ1934" s="20">
        <v>0.32087199999999999</v>
      </c>
      <c r="CK1934" s="20">
        <v>0.33885300000000002</v>
      </c>
      <c r="CL1934" s="20">
        <v>0.31978400000000001</v>
      </c>
      <c r="CM1934" s="20">
        <v>0.31883499999999998</v>
      </c>
      <c r="CN1934" s="20">
        <v>0.26102500000000001</v>
      </c>
      <c r="CO1934" s="20">
        <v>0.306089</v>
      </c>
      <c r="CP1934" s="20">
        <v>0.27823199999999998</v>
      </c>
      <c r="CQ1934" s="20">
        <v>0.24349000000000001</v>
      </c>
      <c r="CR1934" s="20">
        <v>0.21668799999999999</v>
      </c>
      <c r="CS1934" s="20">
        <v>0.18085999999999999</v>
      </c>
      <c r="CT1934" s="20">
        <v>0.17995800000000001</v>
      </c>
      <c r="CU1934" s="20">
        <v>0.143849</v>
      </c>
      <c r="CV1934" s="20">
        <v>0.20625099999999999</v>
      </c>
      <c r="CW1934" s="20">
        <v>0.22912199999999999</v>
      </c>
      <c r="CX1934" s="20">
        <v>0.22295599999999999</v>
      </c>
      <c r="CY1934" s="6" t="s">
        <v>675</v>
      </c>
      <c r="CZ1934" s="6" t="s">
        <v>676</v>
      </c>
      <c r="DA1934" s="6" t="s">
        <v>109</v>
      </c>
      <c r="DB1934" s="6" t="s">
        <v>345</v>
      </c>
      <c r="DC1934" s="6"/>
      <c r="DD1934" s="6"/>
      <c r="DE1934" s="6"/>
      <c r="DF1934" s="6"/>
      <c r="DG1934" s="6"/>
      <c r="DH1934" s="6" t="s">
        <v>333</v>
      </c>
      <c r="DI1934" s="6"/>
      <c r="DJ1934" s="6"/>
      <c r="DK1934" s="6"/>
      <c r="DL1934" s="6">
        <v>10</v>
      </c>
      <c r="DM1934" s="6" t="s">
        <v>383</v>
      </c>
      <c r="DN1934" s="6">
        <v>9</v>
      </c>
      <c r="DO1934" s="6" t="s">
        <v>384</v>
      </c>
      <c r="DP1934" s="6"/>
      <c r="DQ1934" s="6"/>
    </row>
    <row r="1935" spans="1:121" x14ac:dyDescent="0.2">
      <c r="A1935" s="6" t="s">
        <v>315</v>
      </c>
      <c r="B1935" s="6" t="s">
        <v>315</v>
      </c>
      <c r="C1935" s="6" t="s">
        <v>184</v>
      </c>
      <c r="D1935" s="6" t="s">
        <v>109</v>
      </c>
      <c r="E1935" s="6" t="s">
        <v>250</v>
      </c>
      <c r="F1935" s="11">
        <v>-3</v>
      </c>
      <c r="G1935" s="13">
        <v>-0.04</v>
      </c>
      <c r="H1935" s="11">
        <v>3</v>
      </c>
      <c r="I1935" s="13">
        <v>3.6585365853658534E-2</v>
      </c>
      <c r="J1935" s="11">
        <v>-1</v>
      </c>
      <c r="K1935" s="13">
        <v>-1.1764705882352939E-2</v>
      </c>
      <c r="L1935" s="11">
        <v>-5</v>
      </c>
      <c r="M1935" s="13">
        <v>-5.9523809523809521E-2</v>
      </c>
      <c r="N1935" s="11">
        <v>-6</v>
      </c>
      <c r="O1935" s="13">
        <v>-7.0588235294117646E-2</v>
      </c>
      <c r="P1935" s="7">
        <v>82</v>
      </c>
      <c r="Q1935" s="7">
        <v>96</v>
      </c>
      <c r="R1935" s="7">
        <v>103</v>
      </c>
      <c r="S1935" s="7">
        <v>85</v>
      </c>
      <c r="T1935" s="7">
        <v>84</v>
      </c>
      <c r="U1935" s="7">
        <v>80</v>
      </c>
      <c r="V1935" s="7">
        <v>85</v>
      </c>
      <c r="W1935" s="7">
        <v>84</v>
      </c>
      <c r="X1935" s="7">
        <v>89</v>
      </c>
      <c r="Y1935" s="7">
        <v>84</v>
      </c>
      <c r="Z1935" s="7">
        <v>86</v>
      </c>
      <c r="AA1935" s="7">
        <v>86</v>
      </c>
      <c r="AB1935" s="7">
        <v>82</v>
      </c>
      <c r="AC1935" s="7">
        <v>76</v>
      </c>
      <c r="AD1935" s="7">
        <v>78</v>
      </c>
      <c r="AE1935" s="7">
        <v>79</v>
      </c>
      <c r="AF1935" s="7">
        <v>79</v>
      </c>
      <c r="AG1935" s="9">
        <v>13068</v>
      </c>
      <c r="AH1935" s="13">
        <v>0.43955600403632694</v>
      </c>
      <c r="AI1935" s="9">
        <v>3764</v>
      </c>
      <c r="AJ1935" s="13">
        <v>0.12660612176252944</v>
      </c>
      <c r="AK1935" s="9">
        <v>5945</v>
      </c>
      <c r="AL1935" s="13">
        <v>0.1774944766226787</v>
      </c>
      <c r="AM1935" s="9">
        <v>3359</v>
      </c>
      <c r="AN1935" s="13">
        <v>8.5169502269327318E-2</v>
      </c>
      <c r="AO1935" s="9">
        <v>9304</v>
      </c>
      <c r="AP1935" s="13">
        <v>0.27778109512151428</v>
      </c>
      <c r="AQ1935" s="9">
        <v>29730</v>
      </c>
      <c r="AR1935" s="9">
        <v>31893</v>
      </c>
      <c r="AS1935" s="9">
        <v>30162</v>
      </c>
      <c r="AT1935" s="9">
        <v>33754</v>
      </c>
      <c r="AU1935" s="9">
        <v>32905</v>
      </c>
      <c r="AV1935" s="9">
        <v>34400</v>
      </c>
      <c r="AW1935" s="9">
        <v>33494</v>
      </c>
      <c r="AX1935" s="9">
        <v>35083</v>
      </c>
      <c r="AY1935" s="9">
        <v>39198</v>
      </c>
      <c r="AZ1935" s="9">
        <v>39439</v>
      </c>
      <c r="BA1935" s="9">
        <v>39954</v>
      </c>
      <c r="BB1935" s="9">
        <v>41388</v>
      </c>
      <c r="BC1935" s="9">
        <v>38630</v>
      </c>
      <c r="BD1935" s="9">
        <v>40040</v>
      </c>
      <c r="BE1935" s="9">
        <v>41099</v>
      </c>
      <c r="BF1935" s="9">
        <v>42798</v>
      </c>
      <c r="BG1935" s="11">
        <v>2</v>
      </c>
      <c r="BH1935" s="13">
        <v>0.13333333333333333</v>
      </c>
      <c r="BI1935" s="6">
        <v>2</v>
      </c>
      <c r="BJ1935" s="13">
        <v>0.13333333333333333</v>
      </c>
      <c r="BK1935" s="6">
        <v>0</v>
      </c>
      <c r="BL1935" s="13">
        <v>0</v>
      </c>
      <c r="BM1935" s="11">
        <v>0</v>
      </c>
      <c r="BN1935" s="13">
        <v>0</v>
      </c>
      <c r="BO1935" s="11">
        <v>0</v>
      </c>
      <c r="BP1935" s="13">
        <v>0</v>
      </c>
      <c r="BQ1935" s="6">
        <v>15</v>
      </c>
      <c r="BR1935" s="6">
        <v>15</v>
      </c>
      <c r="BS1935" s="6">
        <v>15</v>
      </c>
      <c r="BT1935" s="6">
        <v>17</v>
      </c>
      <c r="BU1935" s="6">
        <v>16</v>
      </c>
      <c r="BV1935" s="6">
        <v>17</v>
      </c>
      <c r="BW1935" s="6">
        <v>17</v>
      </c>
      <c r="BX1935" s="6">
        <v>18</v>
      </c>
      <c r="BY1935" s="6">
        <v>19</v>
      </c>
      <c r="BZ1935" s="6">
        <v>18</v>
      </c>
      <c r="CA1935" s="6">
        <v>17</v>
      </c>
      <c r="CB1935" s="6">
        <v>17</v>
      </c>
      <c r="CC1935" s="11">
        <v>17</v>
      </c>
      <c r="CD1935" s="11">
        <v>-6</v>
      </c>
      <c r="CE1935" s="11">
        <v>-7</v>
      </c>
      <c r="CF1935" s="11">
        <v>9</v>
      </c>
      <c r="CG1935" s="11">
        <v>2</v>
      </c>
      <c r="CH1935" s="20">
        <v>0.61</v>
      </c>
      <c r="CI1935" s="20">
        <v>0.72</v>
      </c>
      <c r="CJ1935" s="20">
        <v>0.72</v>
      </c>
      <c r="CK1935" s="20">
        <v>0.56999999999999995</v>
      </c>
      <c r="CL1935" s="20">
        <v>0.55000000000000004</v>
      </c>
      <c r="CM1935" s="20">
        <v>0.51</v>
      </c>
      <c r="CN1935" s="20">
        <v>0.54</v>
      </c>
      <c r="CO1935" s="20">
        <v>0.55000000000000004</v>
      </c>
      <c r="CP1935" s="20">
        <v>0.59</v>
      </c>
      <c r="CQ1935" s="20">
        <v>0.56999999999999995</v>
      </c>
      <c r="CR1935" s="20">
        <v>0.56999999999999995</v>
      </c>
      <c r="CS1935" s="20">
        <v>0.55000000000000004</v>
      </c>
      <c r="CT1935" s="20">
        <v>0.56000000000000005</v>
      </c>
      <c r="CU1935" s="20">
        <v>0.54</v>
      </c>
      <c r="CV1935" s="20">
        <v>0.57999999999999996</v>
      </c>
      <c r="CW1935" s="20">
        <v>0.57999999999999996</v>
      </c>
      <c r="CX1935" s="20">
        <v>0.56999999999999995</v>
      </c>
      <c r="CY1935" s="6" t="s">
        <v>675</v>
      </c>
      <c r="CZ1935" s="6" t="s">
        <v>676</v>
      </c>
      <c r="DA1935" s="6" t="s">
        <v>109</v>
      </c>
      <c r="DB1935" s="6" t="s">
        <v>345</v>
      </c>
      <c r="DC1935" s="6"/>
      <c r="DD1935" s="6"/>
      <c r="DE1935" s="6"/>
      <c r="DF1935" s="6"/>
      <c r="DG1935" s="6"/>
      <c r="DH1935" s="6" t="s">
        <v>333</v>
      </c>
      <c r="DI1935" s="6"/>
      <c r="DJ1935" s="6"/>
      <c r="DK1935" s="6"/>
      <c r="DL1935" s="6">
        <v>10</v>
      </c>
      <c r="DM1935" s="6" t="s">
        <v>383</v>
      </c>
      <c r="DN1935" s="6">
        <v>9</v>
      </c>
      <c r="DO1935" s="6" t="s">
        <v>384</v>
      </c>
      <c r="DP1935" s="6"/>
      <c r="DQ1935" s="6"/>
    </row>
    <row r="1936" spans="1:121" x14ac:dyDescent="0.2">
      <c r="A1936" s="6" t="s">
        <v>316</v>
      </c>
      <c r="B1936" s="6" t="s">
        <v>316</v>
      </c>
      <c r="C1936" s="6" t="s">
        <v>185</v>
      </c>
      <c r="D1936" s="6" t="s">
        <v>109</v>
      </c>
      <c r="E1936" s="6" t="s">
        <v>250</v>
      </c>
      <c r="F1936" s="11">
        <v>-7</v>
      </c>
      <c r="G1936" s="13">
        <v>-0.33</v>
      </c>
      <c r="H1936" s="11">
        <v>15</v>
      </c>
      <c r="I1936" s="13">
        <v>0.7142857142857143</v>
      </c>
      <c r="J1936" s="11">
        <v>-15</v>
      </c>
      <c r="K1936" s="13">
        <v>-0.41666666666666674</v>
      </c>
      <c r="L1936" s="11">
        <v>-7</v>
      </c>
      <c r="M1936" s="13">
        <v>-0.33333333333333331</v>
      </c>
      <c r="N1936" s="11">
        <v>-22</v>
      </c>
      <c r="O1936" s="13">
        <v>-0.61111111111111116</v>
      </c>
      <c r="P1936" s="7">
        <v>21</v>
      </c>
      <c r="Q1936" s="7">
        <v>18</v>
      </c>
      <c r="R1936" s="7">
        <v>20</v>
      </c>
      <c r="S1936" s="7">
        <v>21</v>
      </c>
      <c r="T1936" s="7">
        <v>23</v>
      </c>
      <c r="U1936" s="7">
        <v>33</v>
      </c>
      <c r="V1936" s="7">
        <v>36</v>
      </c>
      <c r="W1936" s="7">
        <v>37</v>
      </c>
      <c r="X1936" s="7">
        <v>24</v>
      </c>
      <c r="Y1936" s="7">
        <v>21</v>
      </c>
      <c r="Z1936" s="7">
        <v>20</v>
      </c>
      <c r="AA1936" s="7">
        <v>23</v>
      </c>
      <c r="AB1936" s="7">
        <v>12</v>
      </c>
      <c r="AC1936" s="7">
        <v>20</v>
      </c>
      <c r="AD1936" s="7">
        <v>16</v>
      </c>
      <c r="AE1936" s="7">
        <v>14</v>
      </c>
      <c r="AF1936" s="7">
        <v>14</v>
      </c>
      <c r="AG1936" s="9">
        <v>8606</v>
      </c>
      <c r="AH1936" s="13">
        <v>0.38462569832402232</v>
      </c>
      <c r="AI1936" s="9">
        <v>-4438</v>
      </c>
      <c r="AJ1936" s="13">
        <v>-0.19834636871508379</v>
      </c>
      <c r="AK1936" s="9">
        <v>1857</v>
      </c>
      <c r="AL1936" s="13">
        <v>0.10352901823047332</v>
      </c>
      <c r="AM1936" s="9">
        <v>11187</v>
      </c>
      <c r="AN1936" s="13">
        <v>0.56517126401939977</v>
      </c>
      <c r="AO1936" s="9">
        <v>13044</v>
      </c>
      <c r="AP1936" s="13">
        <v>0.72721190834587723</v>
      </c>
      <c r="AQ1936" s="9">
        <v>22375</v>
      </c>
      <c r="AR1936" s="9">
        <v>25949</v>
      </c>
      <c r="AS1936" s="9">
        <v>22791</v>
      </c>
      <c r="AT1936" s="9">
        <v>23069</v>
      </c>
      <c r="AU1936" s="9">
        <v>23346</v>
      </c>
      <c r="AV1936" s="9">
        <v>17903</v>
      </c>
      <c r="AW1936" s="9">
        <v>17937</v>
      </c>
      <c r="AX1936" s="9">
        <v>18851</v>
      </c>
      <c r="AY1936" s="9">
        <v>19351</v>
      </c>
      <c r="AZ1936" s="9">
        <v>19794</v>
      </c>
      <c r="BA1936" s="9">
        <v>21067</v>
      </c>
      <c r="BB1936" s="9">
        <v>18983</v>
      </c>
      <c r="BC1936" s="9">
        <v>23805</v>
      </c>
      <c r="BD1936" s="9">
        <v>20986</v>
      </c>
      <c r="BE1936" s="9">
        <v>27613</v>
      </c>
      <c r="BF1936" s="9">
        <v>30981</v>
      </c>
      <c r="BG1936" s="11">
        <v>0</v>
      </c>
      <c r="BH1936" s="13">
        <v>0</v>
      </c>
      <c r="BI1936" s="6">
        <v>4</v>
      </c>
      <c r="BJ1936" s="13">
        <v>0.8</v>
      </c>
      <c r="BK1936" s="6">
        <v>-2</v>
      </c>
      <c r="BL1936" s="13">
        <v>-0.22222222222222221</v>
      </c>
      <c r="BM1936" s="11">
        <v>-2</v>
      </c>
      <c r="BN1936" s="13">
        <v>-0.2857142857142857</v>
      </c>
      <c r="BO1936" s="11">
        <v>-4</v>
      </c>
      <c r="BP1936" s="13">
        <v>-0.44444444444444442</v>
      </c>
      <c r="BQ1936" s="6">
        <v>5</v>
      </c>
      <c r="BR1936" s="6">
        <v>6</v>
      </c>
      <c r="BS1936" s="6">
        <v>6</v>
      </c>
      <c r="BT1936" s="6">
        <v>9</v>
      </c>
      <c r="BU1936" s="6">
        <v>9</v>
      </c>
      <c r="BV1936" s="6">
        <v>8</v>
      </c>
      <c r="BW1936" s="6">
        <v>7</v>
      </c>
      <c r="BX1936" s="6">
        <v>5</v>
      </c>
      <c r="BY1936" s="6">
        <v>6</v>
      </c>
      <c r="BZ1936" s="6">
        <v>6</v>
      </c>
      <c r="CA1936" s="6">
        <v>7</v>
      </c>
      <c r="CB1936" s="6">
        <v>6</v>
      </c>
      <c r="CC1936" s="11">
        <v>5</v>
      </c>
      <c r="CD1936" s="11">
        <v>-9</v>
      </c>
      <c r="CE1936" s="11">
        <v>-1</v>
      </c>
      <c r="CF1936" s="11">
        <v>2</v>
      </c>
      <c r="CG1936" s="11">
        <v>1</v>
      </c>
      <c r="CH1936" s="20">
        <v>0.39</v>
      </c>
      <c r="CI1936" s="20">
        <v>0.32</v>
      </c>
      <c r="CJ1936" s="20">
        <v>0.34</v>
      </c>
      <c r="CK1936" s="20">
        <v>0.34</v>
      </c>
      <c r="CL1936" s="20">
        <v>0.35</v>
      </c>
      <c r="CM1936" s="20">
        <v>0.48</v>
      </c>
      <c r="CN1936" s="20">
        <v>0.54</v>
      </c>
      <c r="CO1936" s="20">
        <v>0.56000000000000005</v>
      </c>
      <c r="CP1936" s="20">
        <v>0.38</v>
      </c>
      <c r="CQ1936" s="20">
        <v>0.34</v>
      </c>
      <c r="CR1936" s="20">
        <v>0.32</v>
      </c>
      <c r="CS1936" s="20">
        <v>0.35</v>
      </c>
      <c r="CT1936" s="20">
        <v>0.21</v>
      </c>
      <c r="CU1936" s="20">
        <v>0.33</v>
      </c>
      <c r="CV1936" s="20">
        <v>0.28999999999999998</v>
      </c>
      <c r="CW1936" s="20">
        <v>0.25</v>
      </c>
      <c r="CX1936" s="20">
        <v>0.25</v>
      </c>
      <c r="CY1936" s="6" t="s">
        <v>675</v>
      </c>
      <c r="CZ1936" s="6" t="s">
        <v>676</v>
      </c>
      <c r="DA1936" s="6" t="s">
        <v>109</v>
      </c>
      <c r="DB1936" s="6" t="s">
        <v>345</v>
      </c>
      <c r="DC1936" s="6"/>
      <c r="DD1936" s="6"/>
      <c r="DE1936" s="6"/>
      <c r="DF1936" s="6"/>
      <c r="DG1936" s="6"/>
      <c r="DH1936" s="6" t="s">
        <v>333</v>
      </c>
      <c r="DI1936" s="6"/>
      <c r="DJ1936" s="6"/>
      <c r="DK1936" s="6"/>
      <c r="DL1936" s="6">
        <v>10</v>
      </c>
      <c r="DM1936" s="6" t="s">
        <v>383</v>
      </c>
      <c r="DN1936" s="6">
        <v>9</v>
      </c>
      <c r="DO1936" s="6" t="s">
        <v>384</v>
      </c>
      <c r="DP1936" s="6"/>
      <c r="DQ1936" s="6"/>
    </row>
    <row r="1937" spans="1:121" x14ac:dyDescent="0.2">
      <c r="A1937" s="6" t="s">
        <v>317</v>
      </c>
      <c r="B1937" s="6" t="s">
        <v>317</v>
      </c>
      <c r="C1937" s="6" t="s">
        <v>186</v>
      </c>
      <c r="D1937" s="6" t="s">
        <v>109</v>
      </c>
      <c r="E1937" s="6" t="s">
        <v>250</v>
      </c>
      <c r="F1937" s="11">
        <v>6</v>
      </c>
      <c r="G1937" s="13">
        <v>0.17</v>
      </c>
      <c r="H1937" s="11">
        <v>0</v>
      </c>
      <c r="I1937" s="13">
        <v>0</v>
      </c>
      <c r="J1937" s="11">
        <v>-5</v>
      </c>
      <c r="K1937" s="13">
        <v>-0.1388888888888889</v>
      </c>
      <c r="L1937" s="11">
        <v>11</v>
      </c>
      <c r="M1937" s="13">
        <v>0.35483870967741937</v>
      </c>
      <c r="N1937" s="11">
        <v>6</v>
      </c>
      <c r="O1937" s="13">
        <v>0.16666666666666666</v>
      </c>
      <c r="P1937" s="7">
        <v>36</v>
      </c>
      <c r="Q1937" s="7">
        <v>39</v>
      </c>
      <c r="R1937" s="7">
        <v>37</v>
      </c>
      <c r="S1937" s="7">
        <v>31</v>
      </c>
      <c r="T1937" s="7">
        <v>34</v>
      </c>
      <c r="U1937" s="7">
        <v>34</v>
      </c>
      <c r="V1937" s="7">
        <v>36</v>
      </c>
      <c r="W1937" s="7">
        <v>32</v>
      </c>
      <c r="X1937" s="7">
        <v>33</v>
      </c>
      <c r="Y1937" s="7">
        <v>31</v>
      </c>
      <c r="Z1937" s="7">
        <v>28</v>
      </c>
      <c r="AA1937" s="7">
        <v>31</v>
      </c>
      <c r="AB1937" s="7">
        <v>48</v>
      </c>
      <c r="AC1937" s="7">
        <v>48</v>
      </c>
      <c r="AD1937" s="7">
        <v>35</v>
      </c>
      <c r="AE1937" s="7">
        <v>41</v>
      </c>
      <c r="AF1937" s="7">
        <v>42</v>
      </c>
      <c r="AG1937" s="9">
        <v>5508</v>
      </c>
      <c r="AH1937" s="13">
        <v>0.20813180169286577</v>
      </c>
      <c r="AI1937" s="9">
        <v>5002</v>
      </c>
      <c r="AJ1937" s="13">
        <v>0.18901148730350664</v>
      </c>
      <c r="AK1937" s="9">
        <v>4241</v>
      </c>
      <c r="AL1937" s="13">
        <v>0.1347803978897858</v>
      </c>
      <c r="AM1937" s="9">
        <v>-3735</v>
      </c>
      <c r="AN1937" s="13">
        <v>-0.10460133867308932</v>
      </c>
      <c r="AO1937" s="9">
        <v>506</v>
      </c>
      <c r="AP1937" s="13">
        <v>1.6080849170533273E-2</v>
      </c>
      <c r="AQ1937" s="9">
        <v>26464</v>
      </c>
      <c r="AR1937" s="9">
        <v>25019</v>
      </c>
      <c r="AS1937" s="9">
        <v>24890</v>
      </c>
      <c r="AT1937" s="9">
        <v>25227</v>
      </c>
      <c r="AU1937" s="9">
        <v>26028</v>
      </c>
      <c r="AV1937" s="9">
        <v>27267</v>
      </c>
      <c r="AW1937" s="9">
        <v>31466</v>
      </c>
      <c r="AX1937" s="9">
        <v>35350</v>
      </c>
      <c r="AY1937" s="9">
        <v>36090</v>
      </c>
      <c r="AZ1937" s="9">
        <v>35707</v>
      </c>
      <c r="BA1937" s="9">
        <v>34526</v>
      </c>
      <c r="BB1937" s="9">
        <v>31477</v>
      </c>
      <c r="BC1937" s="9">
        <v>35972</v>
      </c>
      <c r="BD1937" s="9">
        <v>34508</v>
      </c>
      <c r="BE1937" s="9">
        <v>34275</v>
      </c>
      <c r="BF1937" s="9">
        <v>31972</v>
      </c>
      <c r="BG1937" s="11">
        <v>5</v>
      </c>
      <c r="BH1937" s="13">
        <v>0.625</v>
      </c>
      <c r="BI1937" s="6">
        <v>2</v>
      </c>
      <c r="BJ1937" s="13">
        <v>0.25</v>
      </c>
      <c r="BK1937" s="6">
        <v>2</v>
      </c>
      <c r="BL1937" s="13">
        <v>0.2</v>
      </c>
      <c r="BM1937" s="11">
        <v>1</v>
      </c>
      <c r="BN1937" s="13">
        <v>8.3333333333333329E-2</v>
      </c>
      <c r="BO1937" s="11">
        <v>3</v>
      </c>
      <c r="BP1937" s="13">
        <v>0.3</v>
      </c>
      <c r="BQ1937" s="6">
        <v>8</v>
      </c>
      <c r="BR1937" s="6">
        <v>9</v>
      </c>
      <c r="BS1937" s="6">
        <v>8</v>
      </c>
      <c r="BT1937" s="6">
        <v>10</v>
      </c>
      <c r="BU1937" s="6">
        <v>11</v>
      </c>
      <c r="BV1937" s="6">
        <v>11</v>
      </c>
      <c r="BW1937" s="6">
        <v>12</v>
      </c>
      <c r="BX1937" s="6">
        <v>13</v>
      </c>
      <c r="BY1937" s="6">
        <v>12</v>
      </c>
      <c r="BZ1937" s="6">
        <v>13</v>
      </c>
      <c r="CA1937" s="6">
        <v>14</v>
      </c>
      <c r="CB1937" s="6">
        <v>13</v>
      </c>
      <c r="CC1937" s="11">
        <v>13</v>
      </c>
      <c r="CD1937" s="11">
        <v>-5</v>
      </c>
      <c r="CE1937" s="11">
        <v>7</v>
      </c>
      <c r="CF1937" s="11">
        <v>4</v>
      </c>
      <c r="CG1937" s="11">
        <v>11</v>
      </c>
      <c r="CH1937" s="20">
        <v>0.21</v>
      </c>
      <c r="CI1937" s="20">
        <v>0.23</v>
      </c>
      <c r="CJ1937" s="20">
        <v>0.2</v>
      </c>
      <c r="CK1937" s="20">
        <v>0.16</v>
      </c>
      <c r="CL1937" s="20">
        <v>0.17</v>
      </c>
      <c r="CM1937" s="20">
        <v>0.16</v>
      </c>
      <c r="CN1937" s="20">
        <v>0.16</v>
      </c>
      <c r="CO1937" s="20">
        <v>0.14000000000000001</v>
      </c>
      <c r="CP1937" s="20">
        <v>0.15</v>
      </c>
      <c r="CQ1937" s="20">
        <v>0.14000000000000001</v>
      </c>
      <c r="CR1937" s="20">
        <v>0.12</v>
      </c>
      <c r="CS1937" s="20">
        <v>0.13</v>
      </c>
      <c r="CT1937" s="20">
        <v>0.21</v>
      </c>
      <c r="CU1937" s="20">
        <v>0.21</v>
      </c>
      <c r="CV1937" s="20">
        <v>0.16</v>
      </c>
      <c r="CW1937" s="20">
        <v>0.18</v>
      </c>
      <c r="CX1937" s="20">
        <v>0.19</v>
      </c>
      <c r="CY1937" s="6" t="s">
        <v>675</v>
      </c>
      <c r="CZ1937" s="6" t="s">
        <v>676</v>
      </c>
      <c r="DA1937" s="6" t="s">
        <v>109</v>
      </c>
      <c r="DB1937" s="6" t="s">
        <v>345</v>
      </c>
      <c r="DC1937" s="6"/>
      <c r="DD1937" s="6"/>
      <c r="DE1937" s="6"/>
      <c r="DF1937" s="6"/>
      <c r="DG1937" s="6"/>
      <c r="DH1937" s="6" t="s">
        <v>333</v>
      </c>
      <c r="DI1937" s="6"/>
      <c r="DJ1937" s="6"/>
      <c r="DK1937" s="6"/>
      <c r="DL1937" s="6">
        <v>10</v>
      </c>
      <c r="DM1937" s="6" t="s">
        <v>383</v>
      </c>
      <c r="DN1937" s="6">
        <v>9</v>
      </c>
      <c r="DO1937" s="6" t="s">
        <v>384</v>
      </c>
      <c r="DP1937" s="6"/>
      <c r="DQ1937" s="6"/>
    </row>
    <row r="1938" spans="1:121" x14ac:dyDescent="0.2">
      <c r="A1938" s="6" t="s">
        <v>318</v>
      </c>
      <c r="B1938" s="6" t="s">
        <v>318</v>
      </c>
      <c r="C1938" s="6" t="s">
        <v>187</v>
      </c>
      <c r="D1938" s="6" t="s">
        <v>109</v>
      </c>
      <c r="E1938" s="6" t="s">
        <v>250</v>
      </c>
      <c r="F1938" s="11">
        <v>-31</v>
      </c>
      <c r="G1938" s="13">
        <v>-1</v>
      </c>
      <c r="H1938" s="11">
        <v>-30.729305</v>
      </c>
      <c r="I1938" s="13">
        <v>-1</v>
      </c>
      <c r="J1938" s="11">
        <v>0</v>
      </c>
      <c r="K1938" s="13"/>
      <c r="L1938" s="11">
        <v>0</v>
      </c>
      <c r="M1938" s="13"/>
      <c r="N1938" s="11">
        <v>0</v>
      </c>
      <c r="O1938" s="13"/>
      <c r="P1938" s="7">
        <v>30.729305</v>
      </c>
      <c r="Q1938" s="7">
        <v>25.447689</v>
      </c>
      <c r="R1938" s="7">
        <v>15.144659000000001</v>
      </c>
      <c r="S1938" s="7">
        <v>5</v>
      </c>
      <c r="T1938" s="7">
        <v>5</v>
      </c>
      <c r="U1938" s="7">
        <v>5</v>
      </c>
      <c r="V1938" s="7">
        <v>0</v>
      </c>
      <c r="W1938" s="7">
        <v>0</v>
      </c>
      <c r="X1938" s="7">
        <v>0</v>
      </c>
      <c r="Y1938" s="7">
        <v>0</v>
      </c>
      <c r="Z1938" s="7">
        <v>0</v>
      </c>
      <c r="AA1938" s="7">
        <v>0</v>
      </c>
      <c r="AB1938" s="7">
        <v>0</v>
      </c>
      <c r="AC1938" s="7">
        <v>0</v>
      </c>
      <c r="AD1938" s="7">
        <v>0</v>
      </c>
      <c r="AE1938" s="7">
        <v>0</v>
      </c>
      <c r="AF1938" s="7">
        <v>0</v>
      </c>
      <c r="AG1938" s="9">
        <v>-10905.3454931</v>
      </c>
      <c r="AH1938" s="13">
        <v>-1</v>
      </c>
      <c r="AI1938" s="9">
        <v>-10905.3454931</v>
      </c>
      <c r="AJ1938" s="13">
        <v>-1</v>
      </c>
      <c r="AK1938" s="9">
        <v>0</v>
      </c>
      <c r="AL1938" s="13"/>
      <c r="AM1938" s="9">
        <v>0</v>
      </c>
      <c r="AN1938" s="13"/>
      <c r="AO1938" s="9">
        <v>0</v>
      </c>
      <c r="AP1938" s="13"/>
      <c r="AQ1938" s="9">
        <v>10905.3454931</v>
      </c>
      <c r="AR1938" s="9">
        <v>14274.725304600001</v>
      </c>
      <c r="AS1938" s="9">
        <v>29209.987370999999</v>
      </c>
      <c r="AT1938" s="9">
        <v>1</v>
      </c>
      <c r="AU1938" s="9">
        <v>1</v>
      </c>
      <c r="AV1938" s="9">
        <v>1</v>
      </c>
      <c r="AW1938" s="9">
        <v>0</v>
      </c>
      <c r="AX1938" s="9">
        <v>0</v>
      </c>
      <c r="AY1938" s="9">
        <v>0</v>
      </c>
      <c r="AZ1938" s="9">
        <v>0</v>
      </c>
      <c r="BA1938" s="9">
        <v>0</v>
      </c>
      <c r="BB1938" s="9">
        <v>0</v>
      </c>
      <c r="BC1938" s="9">
        <v>0</v>
      </c>
      <c r="BD1938" s="9">
        <v>0</v>
      </c>
      <c r="BE1938" s="9">
        <v>0</v>
      </c>
      <c r="BF1938" s="9">
        <v>0</v>
      </c>
      <c r="BG1938" s="11">
        <v>-1</v>
      </c>
      <c r="BH1938" s="13">
        <v>-1</v>
      </c>
      <c r="BI1938" s="6">
        <v>-1</v>
      </c>
      <c r="BJ1938" s="13">
        <v>-1</v>
      </c>
      <c r="BK1938" s="6">
        <v>0</v>
      </c>
      <c r="BL1938" s="13" t="e">
        <v>#DIV/0!</v>
      </c>
      <c r="BM1938" s="11">
        <v>0</v>
      </c>
      <c r="BN1938" s="13" t="e">
        <v>#DIV/0!</v>
      </c>
      <c r="BO1938" s="11">
        <v>0</v>
      </c>
      <c r="BP1938" s="13" t="e">
        <v>#DIV/0!</v>
      </c>
      <c r="BQ1938" s="6">
        <v>1</v>
      </c>
      <c r="BR1938" s="6">
        <v>1</v>
      </c>
      <c r="BS1938" s="6">
        <v>1</v>
      </c>
      <c r="BT1938" s="6">
        <v>0</v>
      </c>
      <c r="BU1938" s="6">
        <v>0</v>
      </c>
      <c r="BV1938" s="6">
        <v>0</v>
      </c>
      <c r="BW1938" s="6">
        <v>0</v>
      </c>
      <c r="BX1938" s="6">
        <v>0</v>
      </c>
      <c r="BY1938" s="6">
        <v>0</v>
      </c>
      <c r="BZ1938" s="6">
        <v>0</v>
      </c>
      <c r="CA1938" s="6">
        <v>0</v>
      </c>
      <c r="CB1938" s="6">
        <v>0</v>
      </c>
      <c r="CC1938" s="11">
        <v>0</v>
      </c>
      <c r="CD1938" s="11">
        <v>-40.6678</v>
      </c>
      <c r="CE1938" s="11">
        <v>6.5793900000000001</v>
      </c>
      <c r="CF1938" s="11">
        <v>3.3590800000000001</v>
      </c>
      <c r="CG1938" s="11">
        <v>10</v>
      </c>
      <c r="CH1938" s="20">
        <v>0.80210199999999998</v>
      </c>
      <c r="CI1938" s="20">
        <v>0.67267600000000005</v>
      </c>
      <c r="CJ1938" s="20">
        <v>0.38934000000000002</v>
      </c>
      <c r="CK1938" s="20">
        <v>0.12577199999999999</v>
      </c>
      <c r="CL1938" s="20">
        <v>5.25184E-2</v>
      </c>
      <c r="CM1938" s="20">
        <v>1.7101600000000002E-2</v>
      </c>
      <c r="CN1938" s="20">
        <v>0</v>
      </c>
      <c r="CO1938" s="20">
        <v>0</v>
      </c>
      <c r="CP1938" s="20">
        <v>0</v>
      </c>
      <c r="CQ1938" s="20">
        <v>0</v>
      </c>
      <c r="CR1938" s="20">
        <v>0</v>
      </c>
      <c r="CS1938" s="20">
        <v>0</v>
      </c>
      <c r="CT1938" s="20">
        <v>0</v>
      </c>
      <c r="CU1938" s="20">
        <v>0</v>
      </c>
      <c r="CV1938" s="20">
        <v>0</v>
      </c>
      <c r="CW1938" s="20">
        <v>0</v>
      </c>
      <c r="CX1938" s="20">
        <v>0</v>
      </c>
      <c r="CY1938" s="6" t="s">
        <v>675</v>
      </c>
      <c r="CZ1938" s="6" t="s">
        <v>676</v>
      </c>
      <c r="DA1938" s="6" t="s">
        <v>109</v>
      </c>
      <c r="DB1938" s="6" t="s">
        <v>345</v>
      </c>
      <c r="DC1938" s="6"/>
      <c r="DD1938" s="6"/>
      <c r="DE1938" s="6"/>
      <c r="DF1938" s="6"/>
      <c r="DG1938" s="6"/>
      <c r="DH1938" s="6" t="s">
        <v>333</v>
      </c>
      <c r="DI1938" s="6"/>
      <c r="DJ1938" s="6"/>
      <c r="DK1938" s="6"/>
      <c r="DL1938" s="6">
        <v>10</v>
      </c>
      <c r="DM1938" s="6" t="s">
        <v>383</v>
      </c>
      <c r="DN1938" s="6">
        <v>9</v>
      </c>
      <c r="DO1938" s="6" t="s">
        <v>384</v>
      </c>
      <c r="DP1938" s="6"/>
      <c r="DQ1938" s="6"/>
    </row>
    <row r="1939" spans="1:121" x14ac:dyDescent="0.2">
      <c r="A1939" s="6" t="s">
        <v>319</v>
      </c>
      <c r="B1939" s="6" t="s">
        <v>319</v>
      </c>
      <c r="C1939" s="6" t="s">
        <v>188</v>
      </c>
      <c r="D1939" s="6" t="s">
        <v>109</v>
      </c>
      <c r="E1939" s="6" t="s">
        <v>250</v>
      </c>
      <c r="F1939" s="11">
        <v>10</v>
      </c>
      <c r="G1939" s="13">
        <v>0.41666666666699997</v>
      </c>
      <c r="H1939" s="11">
        <v>16.958434867500003</v>
      </c>
      <c r="I1939" s="13">
        <v>0.70342473871012523</v>
      </c>
      <c r="J1939" s="11">
        <v>-12.647917747200001</v>
      </c>
      <c r="K1939" s="13">
        <v>-0.30798385635389702</v>
      </c>
      <c r="L1939" s="11">
        <v>5.1838764602999952</v>
      </c>
      <c r="M1939" s="13">
        <v>0.18240945136244449</v>
      </c>
      <c r="N1939" s="11">
        <v>-7.4640412869000059</v>
      </c>
      <c r="O1939" s="13">
        <v>-0.18175357125745684</v>
      </c>
      <c r="P1939" s="7">
        <v>24.1083856371</v>
      </c>
      <c r="Q1939" s="7">
        <v>33.045680878299997</v>
      </c>
      <c r="R1939" s="7">
        <v>46.582445574600001</v>
      </c>
      <c r="S1939" s="7">
        <v>46.3268698543</v>
      </c>
      <c r="T1939" s="7">
        <v>42.793340854900002</v>
      </c>
      <c r="U1939" s="7">
        <v>45.103428672900002</v>
      </c>
      <c r="V1939" s="7">
        <v>41.066820504600003</v>
      </c>
      <c r="W1939" s="7">
        <v>34.648481330400003</v>
      </c>
      <c r="X1939" s="7">
        <v>27.434416462600002</v>
      </c>
      <c r="Y1939" s="7">
        <v>28.418902757400001</v>
      </c>
      <c r="Z1939" s="7">
        <v>33.535593861899997</v>
      </c>
      <c r="AA1939" s="7">
        <v>33.469230471099998</v>
      </c>
      <c r="AB1939" s="7">
        <v>36.613106596800002</v>
      </c>
      <c r="AC1939" s="7">
        <v>31.371155381099999</v>
      </c>
      <c r="AD1939" s="7">
        <v>32.1619884156</v>
      </c>
      <c r="AE1939" s="7">
        <v>32.482935112</v>
      </c>
      <c r="AF1939" s="7">
        <v>33.602779217699997</v>
      </c>
      <c r="AG1939" s="9">
        <v>5244.9612562000002</v>
      </c>
      <c r="AH1939" s="13">
        <v>0.40881045901616325</v>
      </c>
      <c r="AI1939" s="9">
        <v>2044.0099574999986</v>
      </c>
      <c r="AJ1939" s="13">
        <v>0.15931722049832417</v>
      </c>
      <c r="AK1939" s="9">
        <v>2187.7730728999995</v>
      </c>
      <c r="AL1939" s="13">
        <v>0.14708883209142359</v>
      </c>
      <c r="AM1939" s="9">
        <v>1013.1782258000021</v>
      </c>
      <c r="AN1939" s="13">
        <v>5.938355910588787E-2</v>
      </c>
      <c r="AO1939" s="9">
        <v>3200.9512987000016</v>
      </c>
      <c r="AP1939" s="13">
        <v>0.21520704955162853</v>
      </c>
      <c r="AQ1939" s="9">
        <v>12829.811812600001</v>
      </c>
      <c r="AR1939" s="9">
        <v>13419.759639100001</v>
      </c>
      <c r="AS1939" s="9">
        <v>10602.9686088</v>
      </c>
      <c r="AT1939" s="9">
        <v>11223.4503035</v>
      </c>
      <c r="AU1939" s="9">
        <v>12580.060323199999</v>
      </c>
      <c r="AV1939" s="9">
        <v>10896.2100876</v>
      </c>
      <c r="AW1939" s="9">
        <v>14873.821770099999</v>
      </c>
      <c r="AX1939" s="9">
        <v>14379.9369537</v>
      </c>
      <c r="AY1939" s="9">
        <v>15306.290950299999</v>
      </c>
      <c r="AZ1939" s="9">
        <v>17061.594842999999</v>
      </c>
      <c r="BA1939" s="9">
        <v>15715.0650573</v>
      </c>
      <c r="BB1939" s="9">
        <v>14671.656868</v>
      </c>
      <c r="BC1939" s="9">
        <v>15343.552656899999</v>
      </c>
      <c r="BD1939" s="9">
        <v>18610.9967578</v>
      </c>
      <c r="BE1939" s="9">
        <v>16978.779001399998</v>
      </c>
      <c r="BF1939" s="9">
        <v>18074.773068800001</v>
      </c>
      <c r="BG1939" s="11">
        <v>2</v>
      </c>
      <c r="BH1939" s="13">
        <v>2</v>
      </c>
      <c r="BI1939" s="6">
        <v>4</v>
      </c>
      <c r="BJ1939" s="13">
        <v>4</v>
      </c>
      <c r="BK1939" s="6">
        <v>-2</v>
      </c>
      <c r="BL1939" s="13">
        <v>-0.4</v>
      </c>
      <c r="BM1939" s="11">
        <v>0</v>
      </c>
      <c r="BN1939" s="13">
        <v>0</v>
      </c>
      <c r="BO1939" s="11">
        <v>-2</v>
      </c>
      <c r="BP1939" s="13">
        <v>-0.4</v>
      </c>
      <c r="BQ1939" s="6">
        <v>1</v>
      </c>
      <c r="BR1939" s="6">
        <v>2</v>
      </c>
      <c r="BS1939" s="6">
        <v>2</v>
      </c>
      <c r="BT1939" s="6">
        <v>5</v>
      </c>
      <c r="BU1939" s="6">
        <v>4</v>
      </c>
      <c r="BV1939" s="6">
        <v>4</v>
      </c>
      <c r="BW1939" s="6">
        <v>3</v>
      </c>
      <c r="BX1939" s="6">
        <v>3</v>
      </c>
      <c r="BY1939" s="6">
        <v>3</v>
      </c>
      <c r="BZ1939" s="6">
        <v>2</v>
      </c>
      <c r="CA1939" s="6">
        <v>4</v>
      </c>
      <c r="CB1939" s="6">
        <v>3</v>
      </c>
      <c r="CC1939" s="11">
        <v>3</v>
      </c>
      <c r="CD1939" s="11">
        <v>4.6899600000000001</v>
      </c>
      <c r="CE1939" s="11">
        <v>2.1690900000000002</v>
      </c>
      <c r="CF1939" s="11">
        <v>2.6353399999999998</v>
      </c>
      <c r="CG1939" s="11">
        <v>5</v>
      </c>
      <c r="CH1939" s="20">
        <v>0.12828800000000001</v>
      </c>
      <c r="CI1939" s="20">
        <v>0.176342</v>
      </c>
      <c r="CJ1939" s="20">
        <v>0.237459</v>
      </c>
      <c r="CK1939" s="20">
        <v>0.22267700000000001</v>
      </c>
      <c r="CL1939" s="20">
        <v>0.196713</v>
      </c>
      <c r="CM1939" s="20">
        <v>0.19918</v>
      </c>
      <c r="CN1939" s="20">
        <v>0.17946200000000001</v>
      </c>
      <c r="CO1939" s="20">
        <v>0.15879699999999999</v>
      </c>
      <c r="CP1939" s="20">
        <v>0.13305900000000001</v>
      </c>
      <c r="CQ1939" s="20">
        <v>0.13404199999999999</v>
      </c>
      <c r="CR1939" s="20">
        <v>0.150232</v>
      </c>
      <c r="CS1939" s="20">
        <v>0.14161499999999999</v>
      </c>
      <c r="CT1939" s="20">
        <v>0.16268099999999999</v>
      </c>
      <c r="CU1939" s="20">
        <v>0.13836000000000001</v>
      </c>
      <c r="CV1939" s="20">
        <v>0.149478</v>
      </c>
      <c r="CW1939" s="20">
        <v>0.148755</v>
      </c>
      <c r="CX1939" s="20">
        <v>0.15124899999999999</v>
      </c>
      <c r="CY1939" s="6" t="s">
        <v>675</v>
      </c>
      <c r="CZ1939" s="6" t="s">
        <v>676</v>
      </c>
      <c r="DA1939" s="6" t="s">
        <v>109</v>
      </c>
      <c r="DB1939" s="6" t="s">
        <v>345</v>
      </c>
      <c r="DC1939" s="6"/>
      <c r="DD1939" s="6"/>
      <c r="DE1939" s="6"/>
      <c r="DF1939" s="6"/>
      <c r="DG1939" s="6"/>
      <c r="DH1939" s="6" t="s">
        <v>333</v>
      </c>
      <c r="DI1939" s="6"/>
      <c r="DJ1939" s="6"/>
      <c r="DK1939" s="6"/>
      <c r="DL1939" s="6">
        <v>10</v>
      </c>
      <c r="DM1939" s="6" t="s">
        <v>383</v>
      </c>
      <c r="DN1939" s="6">
        <v>9</v>
      </c>
      <c r="DO1939" s="6" t="s">
        <v>384</v>
      </c>
      <c r="DP1939" s="6"/>
      <c r="DQ1939" s="6"/>
    </row>
    <row r="1940" spans="1:121" x14ac:dyDescent="0.2">
      <c r="A1940" s="6" t="s">
        <v>320</v>
      </c>
      <c r="B1940" s="6" t="s">
        <v>320</v>
      </c>
      <c r="C1940" s="6" t="s">
        <v>189</v>
      </c>
      <c r="D1940" s="6" t="s">
        <v>109</v>
      </c>
      <c r="E1940" s="6" t="s">
        <v>250</v>
      </c>
      <c r="F1940" s="11">
        <v>1</v>
      </c>
      <c r="G1940" s="13">
        <v>1</v>
      </c>
      <c r="H1940" s="11">
        <v>10.0045867095</v>
      </c>
      <c r="I1940" s="13">
        <v>2.0009173419000001</v>
      </c>
      <c r="J1940" s="11">
        <v>-10.0045867095</v>
      </c>
      <c r="K1940" s="13">
        <v>-0.66676856238670668</v>
      </c>
      <c r="L1940" s="11">
        <v>-5</v>
      </c>
      <c r="M1940" s="13">
        <v>-1</v>
      </c>
      <c r="N1940" s="11">
        <v>-15.0045867095</v>
      </c>
      <c r="O1940" s="13">
        <v>-1</v>
      </c>
      <c r="P1940" s="7">
        <v>5</v>
      </c>
      <c r="Q1940" s="7">
        <v>5</v>
      </c>
      <c r="R1940" s="7">
        <v>5</v>
      </c>
      <c r="S1940" s="7">
        <v>5</v>
      </c>
      <c r="T1940" s="7">
        <v>5</v>
      </c>
      <c r="U1940" s="7">
        <v>10.233558327900001</v>
      </c>
      <c r="V1940" s="7">
        <v>15.0045867095</v>
      </c>
      <c r="W1940" s="7">
        <v>5</v>
      </c>
      <c r="X1940" s="7">
        <v>5</v>
      </c>
      <c r="Y1940" s="7">
        <v>5</v>
      </c>
      <c r="Z1940" s="7">
        <v>5</v>
      </c>
      <c r="AA1940" s="7">
        <v>5</v>
      </c>
      <c r="AB1940" s="7">
        <v>5</v>
      </c>
      <c r="AC1940" s="7">
        <v>0</v>
      </c>
      <c r="AD1940" s="7">
        <v>0</v>
      </c>
      <c r="AE1940" s="7">
        <v>0</v>
      </c>
      <c r="AF1940" s="7">
        <v>0</v>
      </c>
      <c r="AG1940" s="9">
        <v>-1</v>
      </c>
      <c r="AH1940" s="13">
        <v>-1</v>
      </c>
      <c r="AI1940" s="9">
        <v>36276.949750799999</v>
      </c>
      <c r="AJ1940" s="13">
        <v>36276.949750799999</v>
      </c>
      <c r="AK1940" s="9">
        <v>-36276.949750799999</v>
      </c>
      <c r="AL1940" s="13">
        <v>-0.99997243504644373</v>
      </c>
      <c r="AM1940" s="9">
        <v>-1</v>
      </c>
      <c r="AN1940" s="13">
        <v>-1</v>
      </c>
      <c r="AO1940" s="9">
        <v>-36277.949750799999</v>
      </c>
      <c r="AP1940" s="13">
        <v>-1</v>
      </c>
      <c r="AQ1940" s="9">
        <v>1</v>
      </c>
      <c r="AR1940" s="9">
        <v>1</v>
      </c>
      <c r="AS1940" s="9">
        <v>1</v>
      </c>
      <c r="AT1940" s="9">
        <v>1</v>
      </c>
      <c r="AU1940" s="9">
        <v>1</v>
      </c>
      <c r="AV1940" s="9">
        <v>44073.246524100003</v>
      </c>
      <c r="AW1940" s="9">
        <v>36277.949750799999</v>
      </c>
      <c r="AX1940" s="9">
        <v>1</v>
      </c>
      <c r="AY1940" s="9">
        <v>1</v>
      </c>
      <c r="AZ1940" s="9">
        <v>1</v>
      </c>
      <c r="BA1940" s="9">
        <v>1</v>
      </c>
      <c r="BB1940" s="9">
        <v>1</v>
      </c>
      <c r="BC1940" s="9">
        <v>1</v>
      </c>
      <c r="BD1940" s="9">
        <v>0</v>
      </c>
      <c r="BE1940" s="9">
        <v>0</v>
      </c>
      <c r="BF1940" s="9">
        <v>0</v>
      </c>
      <c r="BG1940" s="11">
        <v>-1</v>
      </c>
      <c r="BH1940" s="13">
        <v>-1</v>
      </c>
      <c r="BI1940" s="6">
        <v>0</v>
      </c>
      <c r="BJ1940" s="13">
        <v>0</v>
      </c>
      <c r="BK1940" s="6">
        <v>-1</v>
      </c>
      <c r="BL1940" s="13">
        <v>-1</v>
      </c>
      <c r="BM1940" s="11">
        <v>0</v>
      </c>
      <c r="BN1940" s="13" t="e">
        <v>#DIV/0!</v>
      </c>
      <c r="BO1940" s="11">
        <v>-1</v>
      </c>
      <c r="BP1940" s="13">
        <v>-1</v>
      </c>
      <c r="BQ1940" s="6">
        <v>1</v>
      </c>
      <c r="BR1940" s="6">
        <v>1</v>
      </c>
      <c r="BS1940" s="6">
        <v>1</v>
      </c>
      <c r="BT1940" s="6">
        <v>1</v>
      </c>
      <c r="BU1940" s="6">
        <v>0</v>
      </c>
      <c r="BV1940" s="6">
        <v>0</v>
      </c>
      <c r="BW1940" s="6">
        <v>0</v>
      </c>
      <c r="BX1940" s="6">
        <v>0</v>
      </c>
      <c r="BY1940" s="6">
        <v>0</v>
      </c>
      <c r="BZ1940" s="6">
        <v>0</v>
      </c>
      <c r="CA1940" s="6">
        <v>0</v>
      </c>
      <c r="CB1940" s="6">
        <v>0</v>
      </c>
      <c r="CC1940" s="11">
        <v>0</v>
      </c>
      <c r="CD1940" s="11">
        <v>-8.6513200000000001</v>
      </c>
      <c r="CE1940" s="11">
        <v>2.1290300000000002</v>
      </c>
      <c r="CF1940" s="11">
        <v>0.64270899999999997</v>
      </c>
      <c r="CG1940" s="11">
        <v>3</v>
      </c>
      <c r="CH1940" s="20">
        <v>9.3778E-2</v>
      </c>
      <c r="CI1940" s="20">
        <v>5.1660600000000001E-2</v>
      </c>
      <c r="CJ1940" s="20">
        <v>6.3212299999999999E-2</v>
      </c>
      <c r="CK1940" s="20">
        <v>5.0733399999999998E-2</v>
      </c>
      <c r="CL1940" s="20">
        <v>7.1652300000000002E-2</v>
      </c>
      <c r="CM1940" s="20">
        <v>0.128661</v>
      </c>
      <c r="CN1940" s="20">
        <v>0.18376400000000001</v>
      </c>
      <c r="CO1940" s="20">
        <v>3.7993399999999997E-2</v>
      </c>
      <c r="CP1940" s="20">
        <v>3.6533499999999997E-2</v>
      </c>
      <c r="CQ1940" s="20">
        <v>3.3235000000000001E-2</v>
      </c>
      <c r="CR1940" s="20">
        <v>2.5934499999999999E-2</v>
      </c>
      <c r="CS1940" s="20">
        <v>2.6634399999999999E-2</v>
      </c>
      <c r="CT1940" s="20">
        <v>3.1209199999999999E-2</v>
      </c>
      <c r="CU1940" s="20">
        <v>0</v>
      </c>
      <c r="CV1940" s="20">
        <v>0</v>
      </c>
      <c r="CW1940" s="20">
        <v>0</v>
      </c>
      <c r="CX1940" s="20">
        <v>0</v>
      </c>
      <c r="CY1940" s="6" t="s">
        <v>675</v>
      </c>
      <c r="CZ1940" s="6" t="s">
        <v>676</v>
      </c>
      <c r="DA1940" s="6" t="s">
        <v>109</v>
      </c>
      <c r="DB1940" s="6" t="s">
        <v>345</v>
      </c>
      <c r="DC1940" s="6"/>
      <c r="DD1940" s="6"/>
      <c r="DE1940" s="6"/>
      <c r="DF1940" s="6"/>
      <c r="DG1940" s="6"/>
      <c r="DH1940" s="6" t="s">
        <v>333</v>
      </c>
      <c r="DI1940" s="6"/>
      <c r="DJ1940" s="6"/>
      <c r="DK1940" s="6"/>
      <c r="DL1940" s="6">
        <v>10</v>
      </c>
      <c r="DM1940" s="6" t="s">
        <v>383</v>
      </c>
      <c r="DN1940" s="6">
        <v>9</v>
      </c>
      <c r="DO1940" s="6" t="s">
        <v>384</v>
      </c>
      <c r="DP1940" s="6"/>
      <c r="DQ1940" s="6"/>
    </row>
    <row r="1941" spans="1:121" x14ac:dyDescent="0.2">
      <c r="A1941" s="6" t="s">
        <v>321</v>
      </c>
      <c r="B1941" s="6" t="s">
        <v>321</v>
      </c>
      <c r="C1941" s="6" t="s">
        <v>190</v>
      </c>
      <c r="D1941" s="6" t="s">
        <v>109</v>
      </c>
      <c r="E1941" s="6" t="s">
        <v>250</v>
      </c>
      <c r="F1941" s="11">
        <v>375</v>
      </c>
      <c r="G1941" s="13">
        <v>0.96153846153800004</v>
      </c>
      <c r="H1941" s="11">
        <v>24.22264659199999</v>
      </c>
      <c r="I1941" s="13">
        <v>6.2092045656742159E-2</v>
      </c>
      <c r="J1941" s="11">
        <v>235.991973062</v>
      </c>
      <c r="K1941" s="13">
        <v>0.56957307402815549</v>
      </c>
      <c r="L1941" s="11">
        <v>114.65368359399997</v>
      </c>
      <c r="M1941" s="13">
        <v>0.17630258963183359</v>
      </c>
      <c r="N1941" s="11">
        <v>350.64565665599997</v>
      </c>
      <c r="O1941" s="13">
        <v>0.84629287159571698</v>
      </c>
      <c r="P1941" s="7">
        <v>390.10869002300001</v>
      </c>
      <c r="Q1941" s="7">
        <v>347.56166912899999</v>
      </c>
      <c r="R1941" s="7">
        <v>370.161495226</v>
      </c>
      <c r="S1941" s="7">
        <v>383.749720868</v>
      </c>
      <c r="T1941" s="7">
        <v>427.81657431799999</v>
      </c>
      <c r="U1941" s="7">
        <v>430.474946467</v>
      </c>
      <c r="V1941" s="7">
        <v>414.331336615</v>
      </c>
      <c r="W1941" s="7">
        <v>453.37120477899998</v>
      </c>
      <c r="X1941" s="7">
        <v>521.23291213200002</v>
      </c>
      <c r="Y1941" s="7">
        <v>650.323309677</v>
      </c>
      <c r="Z1941" s="7">
        <v>666.37141482200002</v>
      </c>
      <c r="AA1941" s="7">
        <v>740.81620110699998</v>
      </c>
      <c r="AB1941" s="7">
        <v>912.96361856099998</v>
      </c>
      <c r="AC1941" s="7">
        <v>867.91566561499997</v>
      </c>
      <c r="AD1941" s="7">
        <v>680.82632611199995</v>
      </c>
      <c r="AE1941" s="7">
        <v>736.073907287</v>
      </c>
      <c r="AF1941" s="7">
        <v>764.97699327099997</v>
      </c>
      <c r="AG1941" s="9">
        <v>-1156.2078303000017</v>
      </c>
      <c r="AH1941" s="13">
        <v>-6.1413673744131446E-2</v>
      </c>
      <c r="AI1941" s="9">
        <v>491.68732109999837</v>
      </c>
      <c r="AJ1941" s="13">
        <v>2.611669280455076E-2</v>
      </c>
      <c r="AK1941" s="9">
        <v>2900.9335844000016</v>
      </c>
      <c r="AL1941" s="13">
        <v>0.15016551311926871</v>
      </c>
      <c r="AM1941" s="9">
        <v>-4548.8287358000016</v>
      </c>
      <c r="AN1941" s="13">
        <v>-0.20472536916532433</v>
      </c>
      <c r="AO1941" s="9">
        <v>-1647.8951514</v>
      </c>
      <c r="AP1941" s="13">
        <v>-8.5302546155298267E-2</v>
      </c>
      <c r="AQ1941" s="9">
        <v>18826.553759300001</v>
      </c>
      <c r="AR1941" s="9">
        <v>20790.512333999999</v>
      </c>
      <c r="AS1941" s="9">
        <v>21477.721407500001</v>
      </c>
      <c r="AT1941" s="9">
        <v>20676.673697599999</v>
      </c>
      <c r="AU1941" s="9">
        <v>20793.742750099998</v>
      </c>
      <c r="AV1941" s="9">
        <v>19650.363249999999</v>
      </c>
      <c r="AW1941" s="9">
        <v>19318.241080399999</v>
      </c>
      <c r="AX1941" s="9">
        <v>20901.322516299999</v>
      </c>
      <c r="AY1941" s="9">
        <v>21840.3110447</v>
      </c>
      <c r="AZ1941" s="9">
        <v>22219.174664800001</v>
      </c>
      <c r="BA1941" s="9">
        <v>21825.3315798</v>
      </c>
      <c r="BB1941" s="9">
        <v>21655.2908861</v>
      </c>
      <c r="BC1941" s="9">
        <v>18455.5593291</v>
      </c>
      <c r="BD1941" s="9">
        <v>19006.6829082</v>
      </c>
      <c r="BE1941" s="9">
        <v>17774.1788228</v>
      </c>
      <c r="BF1941" s="9">
        <v>17670.345928999999</v>
      </c>
      <c r="BG1941" s="11">
        <v>243.25</v>
      </c>
      <c r="BH1941" s="13">
        <v>10.135416666666666</v>
      </c>
      <c r="BI1941" s="6">
        <v>1</v>
      </c>
      <c r="BJ1941" s="13">
        <v>4.1666666666666664E-2</v>
      </c>
      <c r="BK1941" s="6">
        <v>1</v>
      </c>
      <c r="BL1941" s="13">
        <v>0.04</v>
      </c>
      <c r="BM1941" s="11">
        <v>241.25</v>
      </c>
      <c r="BN1941" s="13">
        <v>9.2788461538461533</v>
      </c>
      <c r="BO1941" s="11">
        <v>242.25</v>
      </c>
      <c r="BP1941" s="13">
        <v>9.69</v>
      </c>
      <c r="BQ1941" s="6">
        <v>24</v>
      </c>
      <c r="BR1941" s="6">
        <v>26</v>
      </c>
      <c r="BS1941" s="6">
        <v>25</v>
      </c>
      <c r="BT1941" s="6">
        <v>25</v>
      </c>
      <c r="BU1941" s="6">
        <v>26</v>
      </c>
      <c r="BV1941" s="6">
        <v>24</v>
      </c>
      <c r="BW1941" s="6">
        <v>26</v>
      </c>
      <c r="BX1941" s="6">
        <v>26</v>
      </c>
      <c r="BY1941" s="6">
        <v>30</v>
      </c>
      <c r="BZ1941" s="6">
        <v>251</v>
      </c>
      <c r="CA1941" s="6">
        <v>248</v>
      </c>
      <c r="CB1941" s="6">
        <v>269</v>
      </c>
      <c r="CC1941" s="11">
        <v>267.25</v>
      </c>
      <c r="CD1941" s="11">
        <v>190.16</v>
      </c>
      <c r="CE1941" s="11">
        <v>142.065</v>
      </c>
      <c r="CF1941" s="11">
        <v>42.643599999999999</v>
      </c>
      <c r="CG1941" s="11">
        <v>185</v>
      </c>
      <c r="CH1941" s="20">
        <v>1.25987</v>
      </c>
      <c r="CI1941" s="20">
        <v>1.0834999999999999</v>
      </c>
      <c r="CJ1941" s="20">
        <v>1.0686599999999999</v>
      </c>
      <c r="CK1941" s="20">
        <v>1.0575600000000001</v>
      </c>
      <c r="CL1941" s="20">
        <v>1.1403099999999999</v>
      </c>
      <c r="CM1941" s="20">
        <v>1.1041799999999999</v>
      </c>
      <c r="CN1941" s="20">
        <v>1.0329900000000001</v>
      </c>
      <c r="CO1941" s="20">
        <v>1.1054900000000001</v>
      </c>
      <c r="CP1941" s="20">
        <v>1.1998800000000001</v>
      </c>
      <c r="CQ1941" s="20">
        <v>1.4760200000000001</v>
      </c>
      <c r="CR1941" s="20">
        <v>1.47282</v>
      </c>
      <c r="CS1941" s="20">
        <v>1.53572</v>
      </c>
      <c r="CT1941" s="20">
        <v>2.0028100000000002</v>
      </c>
      <c r="CU1941" s="20">
        <v>1.9165000000000001</v>
      </c>
      <c r="CV1941" s="20">
        <v>1.5853999999999999</v>
      </c>
      <c r="CW1941" s="20">
        <v>1.6809400000000001</v>
      </c>
      <c r="CX1941" s="20">
        <v>1.70086</v>
      </c>
      <c r="CY1941" s="6" t="s">
        <v>675</v>
      </c>
      <c r="CZ1941" s="6" t="s">
        <v>676</v>
      </c>
      <c r="DA1941" s="6" t="s">
        <v>109</v>
      </c>
      <c r="DB1941" s="6" t="s">
        <v>345</v>
      </c>
      <c r="DC1941" s="6"/>
      <c r="DD1941" s="6"/>
      <c r="DE1941" s="6"/>
      <c r="DF1941" s="6"/>
      <c r="DG1941" s="6"/>
      <c r="DH1941" s="6" t="s">
        <v>333</v>
      </c>
      <c r="DI1941" s="6"/>
      <c r="DJ1941" s="6"/>
      <c r="DK1941" s="6"/>
      <c r="DL1941" s="6">
        <v>10</v>
      </c>
      <c r="DM1941" s="6" t="s">
        <v>383</v>
      </c>
      <c r="DN1941" s="6">
        <v>9</v>
      </c>
      <c r="DO1941" s="6" t="s">
        <v>384</v>
      </c>
      <c r="DP1941" s="6"/>
      <c r="DQ1941" s="6"/>
    </row>
    <row r="1942" spans="1:121" x14ac:dyDescent="0.2">
      <c r="A1942" s="6" t="s">
        <v>322</v>
      </c>
      <c r="B1942" s="6" t="s">
        <v>322</v>
      </c>
      <c r="C1942" s="6" t="s">
        <v>191</v>
      </c>
      <c r="D1942" s="6" t="s">
        <v>109</v>
      </c>
      <c r="E1942" s="6" t="s">
        <v>250</v>
      </c>
      <c r="F1942" s="11">
        <v>1</v>
      </c>
      <c r="G1942" s="13">
        <v>1</v>
      </c>
      <c r="H1942" s="11">
        <v>4</v>
      </c>
      <c r="I1942" s="13">
        <v>0.2857142857142857</v>
      </c>
      <c r="J1942" s="11">
        <v>-3</v>
      </c>
      <c r="K1942" s="13">
        <v>-0.16666666666666666</v>
      </c>
      <c r="L1942" s="11">
        <v>-10</v>
      </c>
      <c r="M1942" s="13">
        <v>-0.66666666666666663</v>
      </c>
      <c r="N1942" s="11">
        <v>-13</v>
      </c>
      <c r="O1942" s="13">
        <v>-0.72222222222222221</v>
      </c>
      <c r="P1942" s="7">
        <v>14</v>
      </c>
      <c r="Q1942" s="7">
        <v>38</v>
      </c>
      <c r="R1942" s="7">
        <v>41</v>
      </c>
      <c r="S1942" s="7">
        <v>25</v>
      </c>
      <c r="T1942" s="7">
        <v>15</v>
      </c>
      <c r="U1942" s="7">
        <v>11</v>
      </c>
      <c r="V1942" s="7">
        <v>18</v>
      </c>
      <c r="W1942" s="7">
        <v>21</v>
      </c>
      <c r="X1942" s="7">
        <v>5</v>
      </c>
      <c r="Y1942" s="7">
        <v>15</v>
      </c>
      <c r="Z1942" s="7">
        <v>11</v>
      </c>
      <c r="AA1942" s="7">
        <v>14</v>
      </c>
      <c r="AB1942" s="7">
        <v>12</v>
      </c>
      <c r="AC1942" s="7">
        <v>11</v>
      </c>
      <c r="AD1942" s="7">
        <v>10</v>
      </c>
      <c r="AE1942" s="7">
        <v>10</v>
      </c>
      <c r="AF1942" s="7">
        <v>5</v>
      </c>
      <c r="AG1942" s="9">
        <v>11573</v>
      </c>
      <c r="AH1942" s="13">
        <v>0.54716089073802654</v>
      </c>
      <c r="AI1942" s="9">
        <v>-10130</v>
      </c>
      <c r="AJ1942" s="13">
        <v>-0.47893716609143777</v>
      </c>
      <c r="AK1942" s="9">
        <v>1442</v>
      </c>
      <c r="AL1942" s="13">
        <v>0.13084112149532709</v>
      </c>
      <c r="AM1942" s="9">
        <v>20261</v>
      </c>
      <c r="AN1942" s="13">
        <v>1.6256920484634518</v>
      </c>
      <c r="AO1942" s="9">
        <v>21703</v>
      </c>
      <c r="AP1942" s="13">
        <v>1.9692405407857727</v>
      </c>
      <c r="AQ1942" s="9">
        <v>21151</v>
      </c>
      <c r="AR1942" s="9">
        <v>18197</v>
      </c>
      <c r="AS1942" s="9">
        <v>7943</v>
      </c>
      <c r="AT1942" s="9">
        <v>10261</v>
      </c>
      <c r="AU1942" s="9">
        <v>12707</v>
      </c>
      <c r="AV1942" s="9">
        <v>11942</v>
      </c>
      <c r="AW1942" s="9">
        <v>11021</v>
      </c>
      <c r="AX1942" s="9">
        <v>16530</v>
      </c>
      <c r="AY1942" s="9">
        <v>1</v>
      </c>
      <c r="AZ1942" s="9">
        <v>12463</v>
      </c>
      <c r="BA1942" s="9">
        <v>11854</v>
      </c>
      <c r="BB1942" s="9">
        <v>14700</v>
      </c>
      <c r="BC1942" s="9">
        <v>13844</v>
      </c>
      <c r="BD1942" s="9">
        <v>14750</v>
      </c>
      <c r="BE1942" s="9">
        <v>14576</v>
      </c>
      <c r="BF1942" s="9">
        <v>32724</v>
      </c>
      <c r="BG1942" s="11">
        <v>-1</v>
      </c>
      <c r="BH1942" s="13">
        <v>-0.33333333333333331</v>
      </c>
      <c r="BI1942" s="6">
        <v>0</v>
      </c>
      <c r="BJ1942" s="13">
        <v>0</v>
      </c>
      <c r="BK1942" s="6">
        <v>0</v>
      </c>
      <c r="BL1942" s="13">
        <v>0</v>
      </c>
      <c r="BM1942" s="11">
        <v>-1</v>
      </c>
      <c r="BN1942" s="13">
        <v>-0.33333333333333331</v>
      </c>
      <c r="BO1942" s="11">
        <v>-1</v>
      </c>
      <c r="BP1942" s="13">
        <v>-0.33333333333333331</v>
      </c>
      <c r="BQ1942" s="6">
        <v>3</v>
      </c>
      <c r="BR1942" s="6">
        <v>3</v>
      </c>
      <c r="BS1942" s="6">
        <v>3</v>
      </c>
      <c r="BT1942" s="6">
        <v>3</v>
      </c>
      <c r="BU1942" s="6">
        <v>3</v>
      </c>
      <c r="BV1942" s="6">
        <v>3</v>
      </c>
      <c r="BW1942" s="6">
        <v>3</v>
      </c>
      <c r="BX1942" s="6">
        <v>3</v>
      </c>
      <c r="BY1942" s="6">
        <v>3</v>
      </c>
      <c r="BZ1942" s="6">
        <v>3</v>
      </c>
      <c r="CA1942" s="6">
        <v>3</v>
      </c>
      <c r="CB1942" s="6">
        <v>2</v>
      </c>
      <c r="CC1942" s="11">
        <v>2</v>
      </c>
      <c r="CD1942" s="11">
        <v>-8</v>
      </c>
      <c r="CE1942" s="11">
        <v>2</v>
      </c>
      <c r="CF1942" s="11">
        <v>1</v>
      </c>
      <c r="CG1942" s="11">
        <v>3</v>
      </c>
      <c r="CH1942" s="20">
        <v>0.28999999999999998</v>
      </c>
      <c r="CI1942" s="20">
        <v>0.79</v>
      </c>
      <c r="CJ1942" s="20">
        <v>0.79</v>
      </c>
      <c r="CK1942" s="20">
        <v>0.46</v>
      </c>
      <c r="CL1942" s="20">
        <v>0.27</v>
      </c>
      <c r="CM1942" s="20">
        <v>0.2</v>
      </c>
      <c r="CN1942" s="20">
        <v>0.3</v>
      </c>
      <c r="CO1942" s="20">
        <v>0.36</v>
      </c>
      <c r="CP1942" s="20">
        <v>0.16</v>
      </c>
      <c r="CQ1942" s="20">
        <v>0.26</v>
      </c>
      <c r="CR1942" s="20">
        <v>0.17</v>
      </c>
      <c r="CS1942" s="20">
        <v>0.21</v>
      </c>
      <c r="CT1942" s="20">
        <v>0.19</v>
      </c>
      <c r="CU1942" s="20">
        <v>0.18</v>
      </c>
      <c r="CV1942" s="20">
        <v>0.18</v>
      </c>
      <c r="CW1942" s="20">
        <v>0.17</v>
      </c>
      <c r="CX1942" s="20">
        <v>0.16</v>
      </c>
      <c r="CY1942" s="6" t="s">
        <v>675</v>
      </c>
      <c r="CZ1942" s="6" t="s">
        <v>676</v>
      </c>
      <c r="DA1942" s="6" t="s">
        <v>109</v>
      </c>
      <c r="DB1942" s="6" t="s">
        <v>345</v>
      </c>
      <c r="DC1942" s="6"/>
      <c r="DD1942" s="6"/>
      <c r="DE1942" s="6"/>
      <c r="DF1942" s="6"/>
      <c r="DG1942" s="6"/>
      <c r="DH1942" s="6" t="s">
        <v>333</v>
      </c>
      <c r="DI1942" s="6"/>
      <c r="DJ1942" s="6"/>
      <c r="DK1942" s="6"/>
      <c r="DL1942" s="6">
        <v>10</v>
      </c>
      <c r="DM1942" s="6" t="s">
        <v>383</v>
      </c>
      <c r="DN1942" s="6">
        <v>9</v>
      </c>
      <c r="DO1942" s="6" t="s">
        <v>384</v>
      </c>
      <c r="DP1942" s="6"/>
      <c r="DQ1942" s="6"/>
    </row>
    <row r="1943" spans="1:121" x14ac:dyDescent="0.2">
      <c r="A1943" s="6" t="s">
        <v>323</v>
      </c>
      <c r="B1943" s="6" t="s">
        <v>323</v>
      </c>
      <c r="C1943" s="6" t="s">
        <v>192</v>
      </c>
      <c r="D1943" s="6" t="s">
        <v>109</v>
      </c>
      <c r="E1943" s="6" t="s">
        <v>250</v>
      </c>
      <c r="F1943" s="11">
        <v>22</v>
      </c>
      <c r="G1943" s="13">
        <v>0.102325581395</v>
      </c>
      <c r="H1943" s="11">
        <v>14.903631883000003</v>
      </c>
      <c r="I1943" s="13">
        <v>6.9281597153300206E-2</v>
      </c>
      <c r="J1943" s="11">
        <v>-2.2957848080000076</v>
      </c>
      <c r="K1943" s="13">
        <v>-9.9807886942006561E-3</v>
      </c>
      <c r="L1943" s="11">
        <v>9.0773183290000077</v>
      </c>
      <c r="M1943" s="13">
        <v>3.9860948361351831E-2</v>
      </c>
      <c r="N1943" s="11">
        <v>6.7815335210000001</v>
      </c>
      <c r="O1943" s="13">
        <v>2.9482315964406081E-2</v>
      </c>
      <c r="P1943" s="7">
        <v>215.11674810299999</v>
      </c>
      <c r="Q1943" s="7">
        <v>194.50328383499999</v>
      </c>
      <c r="R1943" s="7">
        <v>214.15931259800001</v>
      </c>
      <c r="S1943" s="7">
        <v>237.149177643</v>
      </c>
      <c r="T1943" s="7">
        <v>214.653731959</v>
      </c>
      <c r="U1943" s="7">
        <v>228.24015614000001</v>
      </c>
      <c r="V1943" s="7">
        <v>230.02037998599999</v>
      </c>
      <c r="W1943" s="7">
        <v>211.74130634700001</v>
      </c>
      <c r="X1943" s="7">
        <v>236.43336256500001</v>
      </c>
      <c r="Y1943" s="7">
        <v>227.72459517799999</v>
      </c>
      <c r="Z1943" s="7">
        <v>234.06940859100001</v>
      </c>
      <c r="AA1943" s="7">
        <v>243.573478524</v>
      </c>
      <c r="AB1943" s="7">
        <v>216.41396240099999</v>
      </c>
      <c r="AC1943" s="7">
        <v>212.716508613</v>
      </c>
      <c r="AD1943" s="7">
        <v>222.673036706</v>
      </c>
      <c r="AE1943" s="7">
        <v>236.896096516</v>
      </c>
      <c r="AF1943" s="7">
        <v>236.80191350699999</v>
      </c>
      <c r="AG1943" s="9">
        <v>2853.4687466999985</v>
      </c>
      <c r="AH1943" s="13">
        <v>0.26324715166397505</v>
      </c>
      <c r="AI1943" s="9">
        <v>950.98477899999853</v>
      </c>
      <c r="AJ1943" s="13">
        <v>8.7733231575451542E-2</v>
      </c>
      <c r="AK1943" s="9">
        <v>2305.7614677000001</v>
      </c>
      <c r="AL1943" s="13">
        <v>0.19556113129468877</v>
      </c>
      <c r="AM1943" s="9">
        <v>-403.27750000000015</v>
      </c>
      <c r="AN1943" s="13">
        <v>-2.8608847880850732E-2</v>
      </c>
      <c r="AO1943" s="9">
        <v>1902.4839677</v>
      </c>
      <c r="AP1943" s="13">
        <v>0.16135750475722122</v>
      </c>
      <c r="AQ1943" s="9">
        <v>10839.504734100001</v>
      </c>
      <c r="AR1943" s="9">
        <v>8935.6212691199999</v>
      </c>
      <c r="AS1943" s="9">
        <v>11235.034298299999</v>
      </c>
      <c r="AT1943" s="9">
        <v>10676.4514473</v>
      </c>
      <c r="AU1943" s="9">
        <v>11858.4252753</v>
      </c>
      <c r="AV1943" s="9">
        <v>12037.7856455</v>
      </c>
      <c r="AW1943" s="9">
        <v>11790.489513099999</v>
      </c>
      <c r="AX1943" s="9">
        <v>12619.440215799999</v>
      </c>
      <c r="AY1943" s="9">
        <v>13510.8776973</v>
      </c>
      <c r="AZ1943" s="9">
        <v>14096.2509808</v>
      </c>
      <c r="BA1943" s="9">
        <v>12997.794151800001</v>
      </c>
      <c r="BB1943" s="9">
        <v>12943.9139591</v>
      </c>
      <c r="BC1943" s="9">
        <v>13568.193312400001</v>
      </c>
      <c r="BD1943" s="9">
        <v>13508.6794384</v>
      </c>
      <c r="BE1943" s="9">
        <v>13934.916872899999</v>
      </c>
      <c r="BF1943" s="9">
        <v>13692.973480799999</v>
      </c>
      <c r="BG1943" s="11">
        <v>0.5</v>
      </c>
      <c r="BH1943" s="13">
        <v>3.125E-2</v>
      </c>
      <c r="BI1943" s="6">
        <v>-3</v>
      </c>
      <c r="BJ1943" s="13">
        <v>-0.1875</v>
      </c>
      <c r="BK1943" s="6">
        <v>1</v>
      </c>
      <c r="BL1943" s="13">
        <v>7.6923076923076927E-2</v>
      </c>
      <c r="BM1943" s="11">
        <v>2.5</v>
      </c>
      <c r="BN1943" s="13">
        <v>0.17857142857142858</v>
      </c>
      <c r="BO1943" s="11">
        <v>3.5</v>
      </c>
      <c r="BP1943" s="13">
        <v>0.26923076923076922</v>
      </c>
      <c r="BQ1943" s="6">
        <v>16</v>
      </c>
      <c r="BR1943" s="6">
        <v>13</v>
      </c>
      <c r="BS1943" s="6">
        <v>14</v>
      </c>
      <c r="BT1943" s="6">
        <v>13</v>
      </c>
      <c r="BU1943" s="6">
        <v>14</v>
      </c>
      <c r="BV1943" s="6">
        <v>14</v>
      </c>
      <c r="BW1943" s="6">
        <v>14</v>
      </c>
      <c r="BX1943" s="6">
        <v>15</v>
      </c>
      <c r="BY1943" s="6">
        <v>16</v>
      </c>
      <c r="BZ1943" s="6">
        <v>14</v>
      </c>
      <c r="CA1943" s="6">
        <v>15</v>
      </c>
      <c r="CB1943" s="6">
        <v>17</v>
      </c>
      <c r="CC1943" s="11">
        <v>16.5</v>
      </c>
      <c r="CD1943" s="11">
        <v>-50.748399999999997</v>
      </c>
      <c r="CE1943" s="11">
        <v>48.918799999999997</v>
      </c>
      <c r="CF1943" s="11">
        <v>23.514900000000001</v>
      </c>
      <c r="CG1943" s="11">
        <v>73</v>
      </c>
      <c r="CH1943" s="20">
        <v>0.93613599999999997</v>
      </c>
      <c r="CI1943" s="20">
        <v>0.83782400000000001</v>
      </c>
      <c r="CJ1943" s="20">
        <v>0.86477099999999996</v>
      </c>
      <c r="CK1943" s="20">
        <v>0.90932900000000005</v>
      </c>
      <c r="CL1943" s="20">
        <v>0.79545900000000003</v>
      </c>
      <c r="CM1943" s="20">
        <v>0.81716900000000003</v>
      </c>
      <c r="CN1943" s="20">
        <v>0.80495300000000003</v>
      </c>
      <c r="CO1943" s="20">
        <v>0.74130099999999999</v>
      </c>
      <c r="CP1943" s="20">
        <v>0.82019500000000001</v>
      </c>
      <c r="CQ1943" s="20">
        <v>0.78907400000000005</v>
      </c>
      <c r="CR1943" s="20">
        <v>0.781169</v>
      </c>
      <c r="CS1943" s="20">
        <v>0.76715299999999997</v>
      </c>
      <c r="CT1943" s="20">
        <v>0.71361300000000005</v>
      </c>
      <c r="CU1943" s="20">
        <v>0.69859300000000002</v>
      </c>
      <c r="CV1943" s="20">
        <v>0.76380599999999998</v>
      </c>
      <c r="CW1943" s="20">
        <v>0.79501999999999995</v>
      </c>
      <c r="CX1943" s="20">
        <v>0.78204799999999997</v>
      </c>
      <c r="CY1943" s="6" t="s">
        <v>675</v>
      </c>
      <c r="CZ1943" s="6" t="s">
        <v>676</v>
      </c>
      <c r="DA1943" s="6" t="s">
        <v>109</v>
      </c>
      <c r="DB1943" s="6" t="s">
        <v>345</v>
      </c>
      <c r="DC1943" s="6"/>
      <c r="DD1943" s="6"/>
      <c r="DE1943" s="6"/>
      <c r="DF1943" s="6"/>
      <c r="DG1943" s="6"/>
      <c r="DH1943" s="6" t="s">
        <v>333</v>
      </c>
      <c r="DI1943" s="6"/>
      <c r="DJ1943" s="6"/>
      <c r="DK1943" s="6"/>
      <c r="DL1943" s="6">
        <v>10</v>
      </c>
      <c r="DM1943" s="6" t="s">
        <v>383</v>
      </c>
      <c r="DN1943" s="6">
        <v>9</v>
      </c>
      <c r="DO1943" s="6" t="s">
        <v>384</v>
      </c>
      <c r="DP1943" s="6"/>
      <c r="DQ1943" s="6"/>
    </row>
    <row r="1944" spans="1:121" x14ac:dyDescent="0.2">
      <c r="A1944" s="6" t="s">
        <v>325</v>
      </c>
      <c r="B1944" s="6" t="s">
        <v>325</v>
      </c>
      <c r="C1944" s="6" t="s">
        <v>193</v>
      </c>
      <c r="D1944" s="6" t="s">
        <v>109</v>
      </c>
      <c r="E1944" s="6" t="s">
        <v>250</v>
      </c>
      <c r="F1944" s="11">
        <v>-21</v>
      </c>
      <c r="G1944" s="13">
        <v>-0.105</v>
      </c>
      <c r="H1944" s="11">
        <v>151.96192854300003</v>
      </c>
      <c r="I1944" s="13">
        <v>0.7600423103176267</v>
      </c>
      <c r="J1944" s="11">
        <v>111.81538604899998</v>
      </c>
      <c r="K1944" s="13">
        <v>0.31774698059421225</v>
      </c>
      <c r="L1944" s="11">
        <v>-284.62994105300004</v>
      </c>
      <c r="M1944" s="13">
        <v>-0.61380216771637475</v>
      </c>
      <c r="N1944" s="11">
        <v>-172.81455500400003</v>
      </c>
      <c r="O1944" s="13">
        <v>-0.49108897259622269</v>
      </c>
      <c r="P1944" s="7">
        <v>199.93877509199999</v>
      </c>
      <c r="Q1944" s="7">
        <v>220.46239613200001</v>
      </c>
      <c r="R1944" s="7">
        <v>239.299432532</v>
      </c>
      <c r="S1944" s="7">
        <v>257.01134773199999</v>
      </c>
      <c r="T1944" s="7">
        <v>271.941750899</v>
      </c>
      <c r="U1944" s="7">
        <v>318.129152729</v>
      </c>
      <c r="V1944" s="7">
        <v>351.90070363500001</v>
      </c>
      <c r="W1944" s="7">
        <v>381.83921722700001</v>
      </c>
      <c r="X1944" s="7">
        <v>443.22030127400001</v>
      </c>
      <c r="Y1944" s="7">
        <v>463.716089684</v>
      </c>
      <c r="Z1944" s="7">
        <v>458.91095820599998</v>
      </c>
      <c r="AA1944" s="7">
        <v>496.44285978800002</v>
      </c>
      <c r="AB1944" s="7">
        <v>195.127227291</v>
      </c>
      <c r="AC1944" s="7">
        <v>204.53805955600001</v>
      </c>
      <c r="AD1944" s="7">
        <v>191.84564905400001</v>
      </c>
      <c r="AE1944" s="7">
        <v>185.22061307800001</v>
      </c>
      <c r="AF1944" s="7">
        <v>179.08614863099999</v>
      </c>
      <c r="AG1944" s="9">
        <v>2762.5756518000017</v>
      </c>
      <c r="AH1944" s="13">
        <v>0.17068292961117365</v>
      </c>
      <c r="AI1944" s="9">
        <v>-3942.4445801000002</v>
      </c>
      <c r="AJ1944" s="13">
        <v>-0.24357993248898616</v>
      </c>
      <c r="AK1944" s="9">
        <v>-1165.8778272</v>
      </c>
      <c r="AL1944" s="13">
        <v>-9.5228273292164892E-2</v>
      </c>
      <c r="AM1944" s="9">
        <v>7870.8980591000018</v>
      </c>
      <c r="AN1944" s="13">
        <v>0.71055570958432035</v>
      </c>
      <c r="AO1944" s="9">
        <v>6705.0202319000018</v>
      </c>
      <c r="AP1944" s="13">
        <v>0.54766244299055156</v>
      </c>
      <c r="AQ1944" s="9">
        <v>16185.4243895</v>
      </c>
      <c r="AR1944" s="9">
        <v>15543.627725099999</v>
      </c>
      <c r="AS1944" s="9">
        <v>14590.3745977</v>
      </c>
      <c r="AT1944" s="9">
        <v>13889.2835261</v>
      </c>
      <c r="AU1944" s="9">
        <v>13094.5804044</v>
      </c>
      <c r="AV1944" s="9">
        <v>12937.472398899999</v>
      </c>
      <c r="AW1944" s="9">
        <v>12242.9798094</v>
      </c>
      <c r="AX1944" s="9">
        <v>12446.6024067</v>
      </c>
      <c r="AY1944" s="9">
        <v>11080.554789</v>
      </c>
      <c r="AZ1944" s="9">
        <v>11077.1019822</v>
      </c>
      <c r="BA1944" s="9">
        <v>10472.6490811</v>
      </c>
      <c r="BB1944" s="9">
        <v>10458.960327700001</v>
      </c>
      <c r="BC1944" s="9">
        <v>16621.661791899998</v>
      </c>
      <c r="BD1944" s="9">
        <v>17170.317422799999</v>
      </c>
      <c r="BE1944" s="9">
        <v>18474.4905469</v>
      </c>
      <c r="BF1944" s="9">
        <v>18948.000041300002</v>
      </c>
      <c r="BG1944" s="11">
        <v>-41</v>
      </c>
      <c r="BH1944" s="13">
        <v>-0.640625</v>
      </c>
      <c r="BI1944" s="6">
        <v>55</v>
      </c>
      <c r="BJ1944" s="13">
        <v>0.859375</v>
      </c>
      <c r="BK1944" s="6">
        <v>80</v>
      </c>
      <c r="BL1944" s="13">
        <v>0.67226890756302526</v>
      </c>
      <c r="BM1944" s="11">
        <v>-176</v>
      </c>
      <c r="BN1944" s="13">
        <v>-0.88442211055276387</v>
      </c>
      <c r="BO1944" s="11">
        <v>-96</v>
      </c>
      <c r="BP1944" s="13">
        <v>-0.80672268907563027</v>
      </c>
      <c r="BQ1944" s="6">
        <v>64</v>
      </c>
      <c r="BR1944" s="6">
        <v>75</v>
      </c>
      <c r="BS1944" s="6">
        <v>91</v>
      </c>
      <c r="BT1944" s="6">
        <v>119</v>
      </c>
      <c r="BU1944" s="6">
        <v>146</v>
      </c>
      <c r="BV1944" s="6">
        <v>184</v>
      </c>
      <c r="BW1944" s="6">
        <v>199</v>
      </c>
      <c r="BX1944" s="6">
        <v>208</v>
      </c>
      <c r="BY1944" s="6">
        <v>237</v>
      </c>
      <c r="BZ1944" s="6">
        <v>20</v>
      </c>
      <c r="CA1944" s="6">
        <v>22</v>
      </c>
      <c r="CB1944" s="6">
        <v>24</v>
      </c>
      <c r="CC1944" s="11">
        <v>23</v>
      </c>
      <c r="CD1944" s="11">
        <v>-40.867100000000001</v>
      </c>
      <c r="CE1944" s="11">
        <v>-1.8412500000000001</v>
      </c>
      <c r="CF1944" s="11">
        <v>21.855699999999999</v>
      </c>
      <c r="CG1944" s="11">
        <v>20</v>
      </c>
      <c r="CH1944" s="20">
        <v>1.28094</v>
      </c>
      <c r="CI1944" s="20">
        <v>1.3922699999999999</v>
      </c>
      <c r="CJ1944" s="20">
        <v>1.4248000000000001</v>
      </c>
      <c r="CK1944" s="20">
        <v>1.47942</v>
      </c>
      <c r="CL1944" s="20">
        <v>1.53793</v>
      </c>
      <c r="CM1944" s="20">
        <v>1.7544900000000001</v>
      </c>
      <c r="CN1944" s="20">
        <v>1.9063099999999999</v>
      </c>
      <c r="CO1944" s="20">
        <v>2.0674000000000001</v>
      </c>
      <c r="CP1944" s="20">
        <v>2.32938</v>
      </c>
      <c r="CQ1944" s="20">
        <v>2.4523299999999999</v>
      </c>
      <c r="CR1944" s="20">
        <v>2.3715899999999999</v>
      </c>
      <c r="CS1944" s="20">
        <v>2.4399299999999999</v>
      </c>
      <c r="CT1944" s="20">
        <v>1.0952500000000001</v>
      </c>
      <c r="CU1944" s="20">
        <v>1.1556200000000001</v>
      </c>
      <c r="CV1944" s="20">
        <v>1.1545000000000001</v>
      </c>
      <c r="CW1944" s="20">
        <v>1.1021099999999999</v>
      </c>
      <c r="CX1944" s="20">
        <v>1.0580000000000001</v>
      </c>
      <c r="CY1944" s="6" t="s">
        <v>675</v>
      </c>
      <c r="CZ1944" s="6" t="s">
        <v>676</v>
      </c>
      <c r="DA1944" s="6" t="s">
        <v>109</v>
      </c>
      <c r="DB1944" s="6" t="s">
        <v>345</v>
      </c>
      <c r="DC1944" s="6"/>
      <c r="DD1944" s="6"/>
      <c r="DE1944" s="6"/>
      <c r="DF1944" s="6"/>
      <c r="DG1944" s="6"/>
      <c r="DH1944" s="6" t="s">
        <v>333</v>
      </c>
      <c r="DI1944" s="6"/>
      <c r="DJ1944" s="6"/>
      <c r="DK1944" s="6"/>
      <c r="DL1944" s="6">
        <v>10</v>
      </c>
      <c r="DM1944" s="6" t="s">
        <v>383</v>
      </c>
      <c r="DN1944" s="6">
        <v>9</v>
      </c>
      <c r="DO1944" s="6" t="s">
        <v>384</v>
      </c>
      <c r="DP1944" s="6"/>
      <c r="DQ1944" s="6"/>
    </row>
    <row r="1945" spans="1:121" x14ac:dyDescent="0.2">
      <c r="A1945" s="6" t="s">
        <v>327</v>
      </c>
      <c r="B1945" s="6" t="s">
        <v>327</v>
      </c>
      <c r="C1945" s="6" t="s">
        <v>194</v>
      </c>
      <c r="D1945" s="6" t="s">
        <v>109</v>
      </c>
      <c r="E1945" s="6" t="s">
        <v>250</v>
      </c>
      <c r="F1945" s="11">
        <v>-63</v>
      </c>
      <c r="G1945" s="13">
        <v>-8.5365853658499996E-2</v>
      </c>
      <c r="H1945" s="11">
        <v>56.213807999999972</v>
      </c>
      <c r="I1945" s="13">
        <v>7.612713941992974E-2</v>
      </c>
      <c r="J1945" s="11">
        <v>-17.591596999999979</v>
      </c>
      <c r="K1945" s="13">
        <v>-2.2137990055981521E-2</v>
      </c>
      <c r="L1945" s="11">
        <v>-101.72423353199997</v>
      </c>
      <c r="M1945" s="13">
        <v>-0.13091209495901229</v>
      </c>
      <c r="N1945" s="11">
        <v>-119.31583053199995</v>
      </c>
      <c r="O1945" s="13">
        <v>-0.15015195435858347</v>
      </c>
      <c r="P1945" s="7">
        <v>738.420075</v>
      </c>
      <c r="Q1945" s="7">
        <v>766.46635400000002</v>
      </c>
      <c r="R1945" s="7">
        <v>790.98532299999999</v>
      </c>
      <c r="S1945" s="7">
        <v>782.23848899999996</v>
      </c>
      <c r="T1945" s="7">
        <v>772.89149599999996</v>
      </c>
      <c r="U1945" s="7">
        <v>787.12705400000004</v>
      </c>
      <c r="V1945" s="7">
        <v>794.63388299999997</v>
      </c>
      <c r="W1945" s="7">
        <v>793.70983699999999</v>
      </c>
      <c r="X1945" s="7">
        <v>821.75909000000001</v>
      </c>
      <c r="Y1945" s="7">
        <v>777.04228599999999</v>
      </c>
      <c r="Z1945" s="7">
        <v>755.685565</v>
      </c>
      <c r="AA1945" s="7">
        <v>744.89341200000001</v>
      </c>
      <c r="AB1945" s="7">
        <v>738.03259800000001</v>
      </c>
      <c r="AC1945" s="7">
        <v>734.55057399999998</v>
      </c>
      <c r="AD1945" s="7">
        <v>693.364597</v>
      </c>
      <c r="AE1945" s="7">
        <v>689.17030650000004</v>
      </c>
      <c r="AF1945" s="7">
        <v>675.31805246800002</v>
      </c>
      <c r="AG1945" s="9">
        <v>14228.015986599999</v>
      </c>
      <c r="AH1945" s="13">
        <v>0.45258962623687238</v>
      </c>
      <c r="AI1945" s="9">
        <v>8208.8158823000012</v>
      </c>
      <c r="AJ1945" s="13">
        <v>0.26112037795828125</v>
      </c>
      <c r="AK1945" s="9">
        <v>2682.8509019999983</v>
      </c>
      <c r="AL1945" s="13">
        <v>6.7670633964402316E-2</v>
      </c>
      <c r="AM1945" s="9">
        <v>3336.3492022999999</v>
      </c>
      <c r="AN1945" s="13">
        <v>7.8820268503672575E-2</v>
      </c>
      <c r="AO1945" s="9">
        <v>6019.2001042999982</v>
      </c>
      <c r="AP1945" s="13">
        <v>0.15182472000696282</v>
      </c>
      <c r="AQ1945" s="9">
        <v>31436.902575299999</v>
      </c>
      <c r="AR1945" s="9">
        <v>32725.0431795</v>
      </c>
      <c r="AS1945" s="9">
        <v>33810.499245400002</v>
      </c>
      <c r="AT1945" s="9">
        <v>35055.933168399999</v>
      </c>
      <c r="AU1945" s="9">
        <v>36559.951498199996</v>
      </c>
      <c r="AV1945" s="9">
        <v>37764.776287000001</v>
      </c>
      <c r="AW1945" s="9">
        <v>39645.7184576</v>
      </c>
      <c r="AX1945" s="9">
        <v>41658.181213700002</v>
      </c>
      <c r="AY1945" s="9">
        <v>40803.042517000002</v>
      </c>
      <c r="AZ1945" s="9">
        <v>42328.569359599998</v>
      </c>
      <c r="BA1945" s="9">
        <v>44316.198541600002</v>
      </c>
      <c r="BB1945" s="9">
        <v>42908.710665300001</v>
      </c>
      <c r="BC1945" s="9">
        <v>42757.434156299998</v>
      </c>
      <c r="BD1945" s="9">
        <v>43473.7140679</v>
      </c>
      <c r="BE1945" s="9">
        <v>45385.751648400001</v>
      </c>
      <c r="BF1945" s="9">
        <v>45664.918561899998</v>
      </c>
      <c r="BG1945" s="11">
        <v>-4</v>
      </c>
      <c r="BH1945" s="13">
        <v>-0.1111111111111111</v>
      </c>
      <c r="BI1945" s="6">
        <v>-2</v>
      </c>
      <c r="BJ1945" s="13">
        <v>-5.5555555555555552E-2</v>
      </c>
      <c r="BK1945" s="6">
        <v>0</v>
      </c>
      <c r="BL1945" s="13">
        <v>0</v>
      </c>
      <c r="BM1945" s="11">
        <v>-2</v>
      </c>
      <c r="BN1945" s="13">
        <v>-5.8823529411764705E-2</v>
      </c>
      <c r="BO1945" s="11">
        <v>-2</v>
      </c>
      <c r="BP1945" s="13">
        <v>-5.8823529411764705E-2</v>
      </c>
      <c r="BQ1945" s="6">
        <v>36</v>
      </c>
      <c r="BR1945" s="6">
        <v>33</v>
      </c>
      <c r="BS1945" s="6">
        <v>33</v>
      </c>
      <c r="BT1945" s="6">
        <v>34</v>
      </c>
      <c r="BU1945" s="6">
        <v>33</v>
      </c>
      <c r="BV1945" s="6">
        <v>33</v>
      </c>
      <c r="BW1945" s="6">
        <v>34</v>
      </c>
      <c r="BX1945" s="6">
        <v>34</v>
      </c>
      <c r="BY1945" s="6">
        <v>35</v>
      </c>
      <c r="BZ1945" s="6">
        <v>35</v>
      </c>
      <c r="CA1945" s="6">
        <v>35</v>
      </c>
      <c r="CB1945" s="6">
        <v>33</v>
      </c>
      <c r="CC1945" s="11">
        <v>32</v>
      </c>
      <c r="CD1945" s="11">
        <v>-100.53100000000001</v>
      </c>
      <c r="CE1945" s="11">
        <v>-43.2896</v>
      </c>
      <c r="CF1945" s="11">
        <v>80.718199999999996</v>
      </c>
      <c r="CG1945" s="11">
        <v>38</v>
      </c>
      <c r="CH1945" s="20">
        <v>1.4241699999999999</v>
      </c>
      <c r="CI1945" s="20">
        <v>1.4542900000000001</v>
      </c>
      <c r="CJ1945" s="20">
        <v>1.4254199999999999</v>
      </c>
      <c r="CK1945" s="20">
        <v>1.3727</v>
      </c>
      <c r="CL1945" s="20">
        <v>1.3355999999999999</v>
      </c>
      <c r="CM1945" s="20">
        <v>1.3351900000000001</v>
      </c>
      <c r="CN1945" s="20">
        <v>1.33352</v>
      </c>
      <c r="CO1945" s="20">
        <v>1.3179399999999999</v>
      </c>
      <c r="CP1945" s="20">
        <v>1.3097000000000001</v>
      </c>
      <c r="CQ1945" s="20">
        <v>1.2390300000000001</v>
      </c>
      <c r="CR1945" s="20">
        <v>1.2051499999999999</v>
      </c>
      <c r="CS1945" s="20">
        <v>1.1680900000000001</v>
      </c>
      <c r="CT1945" s="20">
        <v>1.25543</v>
      </c>
      <c r="CU1945" s="20">
        <v>1.2815000000000001</v>
      </c>
      <c r="CV1945" s="20">
        <v>1.2995000000000001</v>
      </c>
      <c r="CW1945" s="20">
        <v>1.28359</v>
      </c>
      <c r="CX1945" s="20">
        <v>1.25753</v>
      </c>
      <c r="CY1945" s="6" t="s">
        <v>675</v>
      </c>
      <c r="CZ1945" s="6" t="s">
        <v>676</v>
      </c>
      <c r="DA1945" s="6" t="s">
        <v>109</v>
      </c>
      <c r="DB1945" s="6" t="s">
        <v>345</v>
      </c>
      <c r="DC1945" s="6"/>
      <c r="DD1945" s="6"/>
      <c r="DE1945" s="6"/>
      <c r="DF1945" s="6"/>
      <c r="DG1945" s="6"/>
      <c r="DH1945" s="6" t="s">
        <v>333</v>
      </c>
      <c r="DI1945" s="6"/>
      <c r="DJ1945" s="6"/>
      <c r="DK1945" s="6"/>
      <c r="DL1945" s="6">
        <v>10</v>
      </c>
      <c r="DM1945" s="6" t="s">
        <v>383</v>
      </c>
      <c r="DN1945" s="6">
        <v>9</v>
      </c>
      <c r="DO1945" s="6" t="s">
        <v>384</v>
      </c>
      <c r="DP1945" s="6"/>
      <c r="DQ1945" s="6"/>
    </row>
    <row r="1946" spans="1:121" x14ac:dyDescent="0.2">
      <c r="A1946" s="32" t="s">
        <v>791</v>
      </c>
      <c r="B1946" s="32" t="s">
        <v>791</v>
      </c>
      <c r="C1946" s="32" t="s">
        <v>329</v>
      </c>
      <c r="D1946" s="4" t="s">
        <v>81</v>
      </c>
      <c r="E1946" s="4" t="s">
        <v>222</v>
      </c>
      <c r="F1946" s="1">
        <v>11406</v>
      </c>
      <c r="G1946" s="2">
        <v>0.29527803665699998</v>
      </c>
      <c r="H1946" s="1">
        <v>4855.2995631000013</v>
      </c>
      <c r="I1946" s="2">
        <v>0.12569227980914083</v>
      </c>
      <c r="J1946" s="1">
        <v>233.02117149999685</v>
      </c>
      <c r="K1946" s="2">
        <v>5.3588088630113348E-3</v>
      </c>
      <c r="L1946" s="1">
        <v>6317.3318036000055</v>
      </c>
      <c r="M1946" s="2">
        <v>0.1445058689901218</v>
      </c>
      <c r="N1946" s="1">
        <v>6550.3529751000024</v>
      </c>
      <c r="O1946" s="2">
        <v>0.15063905718463455</v>
      </c>
      <c r="P1946" s="1">
        <v>38628.462865599999</v>
      </c>
      <c r="Q1946" s="1">
        <v>38086.311759600001</v>
      </c>
      <c r="R1946" s="1">
        <v>39977.9691207</v>
      </c>
      <c r="S1946" s="1">
        <v>41323.875795599997</v>
      </c>
      <c r="T1946" s="1">
        <v>40720.982669899997</v>
      </c>
      <c r="U1946" s="1">
        <v>41863.853102699999</v>
      </c>
      <c r="V1946" s="1">
        <v>43483.7624287</v>
      </c>
      <c r="W1946" s="1">
        <v>44733.644427400002</v>
      </c>
      <c r="X1946" s="1">
        <v>44135.412752700002</v>
      </c>
      <c r="Y1946" s="1">
        <v>43716.783600199997</v>
      </c>
      <c r="Z1946" s="1">
        <v>43657.458883899999</v>
      </c>
      <c r="AA1946" s="1">
        <v>43973.904094500002</v>
      </c>
      <c r="AB1946" s="1">
        <v>44242.4427899</v>
      </c>
      <c r="AC1946" s="1">
        <v>45784.2603237</v>
      </c>
      <c r="AD1946" s="1">
        <v>46546.719812299998</v>
      </c>
      <c r="AE1946" s="1">
        <v>48681.457765400002</v>
      </c>
      <c r="AF1946" s="1">
        <v>50034.115403800002</v>
      </c>
      <c r="AG1946" s="1">
        <v>13226.8398371</v>
      </c>
      <c r="AH1946" s="2">
        <v>0.34136071771520027</v>
      </c>
      <c r="AI1946" s="1">
        <v>4016.8006155999974</v>
      </c>
      <c r="AJ1946" s="2">
        <v>0.10366632982233991</v>
      </c>
      <c r="AK1946" s="1">
        <v>2727.3278538000013</v>
      </c>
      <c r="AL1946" s="2">
        <v>6.377595970671357E-2</v>
      </c>
      <c r="AM1946" s="1">
        <v>6482.7113677000016</v>
      </c>
      <c r="AN1946" s="2">
        <v>0.14250370932865244</v>
      </c>
      <c r="AO1946" s="1">
        <v>9210.0392215000029</v>
      </c>
      <c r="AP1946" s="2">
        <v>0.21536797985956738</v>
      </c>
      <c r="AQ1946" s="3">
        <v>38747.3987213</v>
      </c>
      <c r="AR1946" s="3">
        <v>40107.596364500001</v>
      </c>
      <c r="AS1946" s="3">
        <v>40091.450994899998</v>
      </c>
      <c r="AT1946" s="3">
        <v>40142.345665599998</v>
      </c>
      <c r="AU1946" s="3">
        <v>41029.196717300001</v>
      </c>
      <c r="AV1946" s="3">
        <v>41346.698348099999</v>
      </c>
      <c r="AW1946" s="3">
        <v>42764.199336899997</v>
      </c>
      <c r="AX1946" s="3">
        <v>45262.840481500003</v>
      </c>
      <c r="AY1946" s="3">
        <v>45633.6202672</v>
      </c>
      <c r="AZ1946" s="3">
        <v>45491.527190699999</v>
      </c>
      <c r="BA1946" s="3">
        <v>46823.445124700003</v>
      </c>
      <c r="BB1946" s="3">
        <v>47553.467608200001</v>
      </c>
      <c r="BC1946" s="3">
        <v>48048.670169199999</v>
      </c>
      <c r="BD1946" s="3">
        <v>49780.355373400002</v>
      </c>
      <c r="BE1946" s="3">
        <v>51496.168493700003</v>
      </c>
      <c r="BF1946" s="3">
        <v>51974.2385584</v>
      </c>
      <c r="BG1946" s="1">
        <v>474.58575654000015</v>
      </c>
      <c r="BH1946" s="2">
        <v>0.21962267034720717</v>
      </c>
      <c r="BI1946" s="1">
        <v>188.0939353900003</v>
      </c>
      <c r="BJ1946" s="2">
        <v>8.7043683459103474E-2</v>
      </c>
      <c r="BK1946" s="1">
        <v>35.992431159999796</v>
      </c>
      <c r="BL1946" s="2">
        <v>1.5322394993797147E-2</v>
      </c>
      <c r="BM1946" s="1">
        <v>250.49938999000005</v>
      </c>
      <c r="BN1946" s="2">
        <v>0.10503116390773155</v>
      </c>
      <c r="BO1946" s="1">
        <v>286.49182114999985</v>
      </c>
      <c r="BP1946" s="2">
        <v>0.12196288788158122</v>
      </c>
      <c r="BQ1946" s="1">
        <v>2160.9142434599999</v>
      </c>
      <c r="BR1946" s="1">
        <v>2222.4073272199998</v>
      </c>
      <c r="BS1946" s="1">
        <v>2278.1673013099999</v>
      </c>
      <c r="BT1946" s="1">
        <v>2349.0081788500001</v>
      </c>
      <c r="BU1946" s="1">
        <v>2376.4190150099998</v>
      </c>
      <c r="BV1946" s="1">
        <v>2375.00165062</v>
      </c>
      <c r="BW1946" s="1">
        <v>2385.0006100099999</v>
      </c>
      <c r="BX1946" s="1">
        <v>2397</v>
      </c>
      <c r="BY1946" s="1">
        <v>2407</v>
      </c>
      <c r="BZ1946" s="1">
        <v>2475</v>
      </c>
      <c r="CA1946" s="1">
        <v>2520</v>
      </c>
      <c r="CB1946" s="1">
        <v>2630</v>
      </c>
      <c r="CC1946" s="1">
        <v>2635.5</v>
      </c>
      <c r="CD1946" s="1">
        <v>7183.1</v>
      </c>
      <c r="CE1946" s="27">
        <v>0</v>
      </c>
      <c r="CF1946" s="27">
        <v>4222.5600000000004</v>
      </c>
      <c r="CG1946" s="27">
        <v>4223</v>
      </c>
      <c r="CH1946" s="27"/>
      <c r="CI1946" s="27"/>
      <c r="CJ1946" s="27"/>
      <c r="CK1946" s="27"/>
      <c r="CL1946" s="27"/>
      <c r="CM1946" s="27"/>
      <c r="CN1946" s="27"/>
      <c r="CO1946" s="27"/>
      <c r="CP1946" s="27"/>
      <c r="CQ1946" s="27"/>
      <c r="CR1946" s="27"/>
      <c r="CS1946" s="27"/>
      <c r="CT1946" s="27"/>
      <c r="CU1946" s="27"/>
      <c r="CV1946" s="27"/>
      <c r="CW1946" s="27"/>
      <c r="CX1946" s="27"/>
      <c r="CY1946" s="23" t="s">
        <v>649</v>
      </c>
      <c r="CZ1946" s="23" t="s">
        <v>650</v>
      </c>
      <c r="DA1946" s="24" t="s">
        <v>81</v>
      </c>
      <c r="DB1946" s="25"/>
      <c r="DC1946" s="25" t="s">
        <v>401</v>
      </c>
      <c r="DD1946" s="25" t="s">
        <v>373</v>
      </c>
      <c r="DE1946" s="25" t="s">
        <v>402</v>
      </c>
      <c r="DF1946" s="25" t="s">
        <v>375</v>
      </c>
      <c r="DG1946" s="25" t="s">
        <v>364</v>
      </c>
      <c r="DH1946" s="25" t="s">
        <v>419</v>
      </c>
      <c r="DI1946" s="25" t="s">
        <v>377</v>
      </c>
      <c r="DJ1946" s="25" t="s">
        <v>366</v>
      </c>
      <c r="DK1946" s="25" t="s">
        <v>651</v>
      </c>
      <c r="DL1946" s="25">
        <v>1</v>
      </c>
      <c r="DM1946" s="25" t="s">
        <v>404</v>
      </c>
      <c r="DN1946" s="25">
        <v>1</v>
      </c>
      <c r="DO1946" s="25" t="s">
        <v>405</v>
      </c>
      <c r="DP1946" s="6"/>
      <c r="DQ1946" s="6"/>
    </row>
    <row r="1947" spans="1:121" x14ac:dyDescent="0.2">
      <c r="A1947" s="6" t="s">
        <v>1</v>
      </c>
      <c r="B1947" s="6" t="s">
        <v>1</v>
      </c>
      <c r="C1947" s="6" t="s">
        <v>2</v>
      </c>
      <c r="D1947" s="6" t="s">
        <v>339</v>
      </c>
      <c r="E1947" s="6" t="s">
        <v>333</v>
      </c>
      <c r="F1947" s="11">
        <v>1054</v>
      </c>
      <c r="G1947" s="13">
        <v>5.96626287784E-2</v>
      </c>
      <c r="H1947" s="11">
        <v>904.49157609999747</v>
      </c>
      <c r="I1947" s="13">
        <v>5.1200572009934622E-2</v>
      </c>
      <c r="J1947" s="11">
        <v>-445.6069138999992</v>
      </c>
      <c r="K1947" s="13">
        <v>-2.3995876524587022E-2</v>
      </c>
      <c r="L1947" s="11">
        <v>595.83363919999829</v>
      </c>
      <c r="M1947" s="13">
        <v>3.2874417333105484E-2</v>
      </c>
      <c r="N1947" s="11">
        <v>150.22672529999909</v>
      </c>
      <c r="O1947" s="13">
        <v>8.0896903493755199E-3</v>
      </c>
      <c r="P1947" s="7">
        <v>17665.653733800002</v>
      </c>
      <c r="Q1947" s="7">
        <v>18642.203508499999</v>
      </c>
      <c r="R1947" s="7">
        <v>18765.094768499999</v>
      </c>
      <c r="S1947" s="7">
        <v>19715.1668642</v>
      </c>
      <c r="T1947" s="7">
        <v>19439.739165200001</v>
      </c>
      <c r="U1947" s="7">
        <v>19364.520335699999</v>
      </c>
      <c r="V1947" s="7">
        <v>18570.145309899999</v>
      </c>
      <c r="W1947" s="7">
        <v>17410.703272499999</v>
      </c>
      <c r="X1947" s="7">
        <v>17697.325483100001</v>
      </c>
      <c r="Y1947" s="7">
        <v>18124.538396</v>
      </c>
      <c r="Z1947" s="7">
        <v>18361.618471999998</v>
      </c>
      <c r="AA1947" s="7">
        <v>18216.825407600001</v>
      </c>
      <c r="AB1947" s="7">
        <v>17881.357316000001</v>
      </c>
      <c r="AC1947" s="7">
        <v>18455.037659400001</v>
      </c>
      <c r="AD1947" s="7">
        <v>18426.616867799999</v>
      </c>
      <c r="AE1947" s="7">
        <v>18516.463567700001</v>
      </c>
      <c r="AF1947" s="7">
        <v>18720.372035199998</v>
      </c>
      <c r="AG1947" s="9">
        <v>9721.7257347999985</v>
      </c>
      <c r="AH1947" s="13">
        <v>0.4853734999903328</v>
      </c>
      <c r="AI1947" s="9">
        <v>2102.026110499999</v>
      </c>
      <c r="AJ1947" s="13">
        <v>0.1049471871719533</v>
      </c>
      <c r="AK1947" s="9">
        <v>2772.4484291999979</v>
      </c>
      <c r="AL1947" s="13">
        <v>0.12527218499820844</v>
      </c>
      <c r="AM1947" s="9">
        <v>4847.2511951000015</v>
      </c>
      <c r="AN1947" s="13">
        <v>0.19463866556569487</v>
      </c>
      <c r="AO1947" s="9">
        <v>7619.6996242999994</v>
      </c>
      <c r="AP1947" s="13">
        <v>0.34429366148445345</v>
      </c>
      <c r="AQ1947" s="9">
        <v>20029.370649600001</v>
      </c>
      <c r="AR1947" s="9">
        <v>20298.575084200002</v>
      </c>
      <c r="AS1947" s="9">
        <v>20418.226083500002</v>
      </c>
      <c r="AT1947" s="9">
        <v>21142.095203100002</v>
      </c>
      <c r="AU1947" s="9">
        <v>21746.054547799999</v>
      </c>
      <c r="AV1947" s="9">
        <v>22017.352327100001</v>
      </c>
      <c r="AW1947" s="9">
        <v>22131.3967601</v>
      </c>
      <c r="AX1947" s="9">
        <v>23459.1395558</v>
      </c>
      <c r="AY1947" s="9">
        <v>24173.730956799998</v>
      </c>
      <c r="AZ1947" s="9">
        <v>24903.845189299998</v>
      </c>
      <c r="BA1947" s="9">
        <v>25659.153272200001</v>
      </c>
      <c r="BB1947" s="9">
        <v>27026.670585899999</v>
      </c>
      <c r="BC1947" s="9">
        <v>28722.2889283</v>
      </c>
      <c r="BD1947" s="9">
        <v>28790.3244548</v>
      </c>
      <c r="BE1947" s="9">
        <v>29469.859072899999</v>
      </c>
      <c r="BF1947" s="9">
        <v>29751.0963844</v>
      </c>
      <c r="BG1947" s="11">
        <v>167.25</v>
      </c>
      <c r="BH1947" s="13">
        <v>0.29654255319148937</v>
      </c>
      <c r="BI1947" s="6">
        <v>64</v>
      </c>
      <c r="BJ1947" s="13">
        <v>0.11347517730496454</v>
      </c>
      <c r="BK1947" s="6">
        <v>-20</v>
      </c>
      <c r="BL1947" s="13">
        <v>-3.1847133757961783E-2</v>
      </c>
      <c r="BM1947" s="11">
        <v>123.25</v>
      </c>
      <c r="BN1947" s="13">
        <v>0.20271381578947367</v>
      </c>
      <c r="BO1947" s="11">
        <v>103.25</v>
      </c>
      <c r="BP1947" s="13">
        <v>0.16441082802547771</v>
      </c>
      <c r="BQ1947" s="6">
        <v>564</v>
      </c>
      <c r="BR1947" s="6">
        <v>584</v>
      </c>
      <c r="BS1947" s="6">
        <v>597</v>
      </c>
      <c r="BT1947" s="6">
        <v>628</v>
      </c>
      <c r="BU1947" s="6">
        <v>606</v>
      </c>
      <c r="BV1947" s="6">
        <v>605</v>
      </c>
      <c r="BW1947" s="6">
        <v>608</v>
      </c>
      <c r="BX1947" s="6">
        <v>614</v>
      </c>
      <c r="BY1947" s="6">
        <v>662</v>
      </c>
      <c r="BZ1947" s="6">
        <v>697</v>
      </c>
      <c r="CA1947" s="6">
        <v>701</v>
      </c>
      <c r="CB1947" s="6">
        <v>725</v>
      </c>
      <c r="CC1947" s="11">
        <v>731.25</v>
      </c>
      <c r="CD1947" s="11">
        <v>734.29300000000001</v>
      </c>
      <c r="CE1947" s="11">
        <v>-1610.64</v>
      </c>
      <c r="CF1947" s="11">
        <v>1931.07</v>
      </c>
      <c r="CG1947" s="11">
        <v>320</v>
      </c>
      <c r="CH1947" s="20">
        <v>4.5059500000000003</v>
      </c>
      <c r="CI1947" s="20">
        <v>4.7741100000000003</v>
      </c>
      <c r="CJ1947" s="20">
        <v>4.7700800000000001</v>
      </c>
      <c r="CK1947" s="20">
        <v>4.9865899999999996</v>
      </c>
      <c r="CL1947" s="20">
        <v>4.90815</v>
      </c>
      <c r="CM1947" s="20">
        <v>4.9251300000000002</v>
      </c>
      <c r="CN1947" s="20">
        <v>4.8337899999999996</v>
      </c>
      <c r="CO1947" s="20">
        <v>4.73597</v>
      </c>
      <c r="CP1947" s="20">
        <v>4.8068</v>
      </c>
      <c r="CQ1947" s="20">
        <v>4.9753400000000001</v>
      </c>
      <c r="CR1947" s="20">
        <v>5.0899599999999996</v>
      </c>
      <c r="CS1947" s="20">
        <v>5.0547199999999997</v>
      </c>
      <c r="CT1947" s="20">
        <v>5.0316299999999998</v>
      </c>
      <c r="CU1947" s="20">
        <v>5.1978400000000002</v>
      </c>
      <c r="CV1947" s="20">
        <v>5.1939099999999998</v>
      </c>
      <c r="CW1947" s="20">
        <v>5.2778299999999998</v>
      </c>
      <c r="CX1947" s="20">
        <v>5.2998599999999998</v>
      </c>
      <c r="CY1947" s="6"/>
      <c r="CZ1947" s="6"/>
      <c r="DA1947" s="6"/>
      <c r="DB1947" s="6"/>
      <c r="DC1947" s="6"/>
      <c r="DD1947" s="6"/>
      <c r="DE1947" s="6"/>
      <c r="DF1947" s="6"/>
      <c r="DG1947" s="6"/>
      <c r="DH1947" s="6"/>
      <c r="DI1947" s="6"/>
      <c r="DJ1947" s="6"/>
      <c r="DK1947" s="6"/>
      <c r="DL1947" s="6"/>
      <c r="DM1947" s="6"/>
      <c r="DN1947" s="6"/>
      <c r="DO1947" s="6"/>
      <c r="DP1947" s="6"/>
      <c r="DQ1947" s="6"/>
    </row>
    <row r="1948" spans="1:121" x14ac:dyDescent="0.2">
      <c r="A1948" s="6" t="s">
        <v>310</v>
      </c>
      <c r="B1948" s="6" t="s">
        <v>310</v>
      </c>
      <c r="C1948" s="6" t="s">
        <v>173</v>
      </c>
      <c r="D1948" s="6" t="s">
        <v>339</v>
      </c>
      <c r="E1948" s="6" t="s">
        <v>333</v>
      </c>
      <c r="F1948" s="11">
        <v>-489</v>
      </c>
      <c r="G1948" s="13">
        <v>-0.20409015024999999</v>
      </c>
      <c r="H1948" s="11">
        <v>-160.82966142999976</v>
      </c>
      <c r="I1948" s="13">
        <v>-6.7128889880325268E-2</v>
      </c>
      <c r="J1948" s="11">
        <v>-287.86141700000007</v>
      </c>
      <c r="K1948" s="13">
        <v>-0.12879681772445994</v>
      </c>
      <c r="L1948" s="11">
        <v>-40.252604719999908</v>
      </c>
      <c r="M1948" s="13">
        <v>-2.0672652733539788E-2</v>
      </c>
      <c r="N1948" s="11">
        <v>-328.11402171999998</v>
      </c>
      <c r="O1948" s="13">
        <v>-0.14680689857199694</v>
      </c>
      <c r="P1948" s="7">
        <v>2395.8337716699998</v>
      </c>
      <c r="Q1948" s="7">
        <v>2022.0432422199999</v>
      </c>
      <c r="R1948" s="7">
        <v>1874.71649757</v>
      </c>
      <c r="S1948" s="7">
        <v>1806.6520280300001</v>
      </c>
      <c r="T1948" s="7">
        <v>2070.8754523100001</v>
      </c>
      <c r="U1948" s="7">
        <v>2185.4909995200001</v>
      </c>
      <c r="V1948" s="7">
        <v>2235.00411024</v>
      </c>
      <c r="W1948" s="7">
        <v>2214.2277279300001</v>
      </c>
      <c r="X1948" s="7">
        <v>1888.0551519600001</v>
      </c>
      <c r="Y1948" s="7">
        <v>1947.14269324</v>
      </c>
      <c r="Z1948" s="7">
        <v>2023.3162756300001</v>
      </c>
      <c r="AA1948" s="7">
        <v>2026.0451094099999</v>
      </c>
      <c r="AB1948" s="7">
        <v>2039.08105034</v>
      </c>
      <c r="AC1948" s="7">
        <v>2023.73464085</v>
      </c>
      <c r="AD1948" s="7">
        <v>1975.19977481</v>
      </c>
      <c r="AE1948" s="7">
        <v>1906.81942478</v>
      </c>
      <c r="AF1948" s="7">
        <v>1906.8900885200001</v>
      </c>
      <c r="AG1948" s="9">
        <v>31988.964101900005</v>
      </c>
      <c r="AH1948" s="13">
        <v>0.72702563477442395</v>
      </c>
      <c r="AI1948" s="9">
        <v>20297.688326399999</v>
      </c>
      <c r="AJ1948" s="13">
        <v>0.46131346088440162</v>
      </c>
      <c r="AK1948" s="9">
        <v>-45.201538200002688</v>
      </c>
      <c r="AL1948" s="13">
        <v>-7.0300655890224593E-4</v>
      </c>
      <c r="AM1948" s="9">
        <v>11736.477313700008</v>
      </c>
      <c r="AN1948" s="13">
        <v>0.18266247831940863</v>
      </c>
      <c r="AO1948" s="9">
        <v>11691.275775500006</v>
      </c>
      <c r="AP1948" s="13">
        <v>0.1818310588401825</v>
      </c>
      <c r="AQ1948" s="9">
        <v>43999.7746597</v>
      </c>
      <c r="AR1948" s="9">
        <v>44371.264331699997</v>
      </c>
      <c r="AS1948" s="9">
        <v>45054.896938899998</v>
      </c>
      <c r="AT1948" s="9">
        <v>51959.060035199996</v>
      </c>
      <c r="AU1948" s="9">
        <v>52125.3017597</v>
      </c>
      <c r="AV1948" s="9">
        <v>60018.734452600002</v>
      </c>
      <c r="AW1948" s="9">
        <v>64297.462986099999</v>
      </c>
      <c r="AX1948" s="9">
        <v>62764.887351199999</v>
      </c>
      <c r="AY1948" s="9">
        <v>68276.366104600005</v>
      </c>
      <c r="AZ1948" s="9">
        <v>64252.261447899997</v>
      </c>
      <c r="BA1948" s="9">
        <v>71743.177387200005</v>
      </c>
      <c r="BB1948" s="9">
        <v>74483.755395100001</v>
      </c>
      <c r="BC1948" s="9">
        <v>77994.351522700003</v>
      </c>
      <c r="BD1948" s="9">
        <v>79695.584537799994</v>
      </c>
      <c r="BE1948" s="9">
        <v>77760.542876399995</v>
      </c>
      <c r="BF1948" s="9">
        <v>75988.738761600005</v>
      </c>
      <c r="BG1948" s="11">
        <v>-1.25</v>
      </c>
      <c r="BH1948" s="13">
        <v>-1.1160714285714286E-2</v>
      </c>
      <c r="BI1948" s="6">
        <v>-6</v>
      </c>
      <c r="BJ1948" s="13">
        <v>-5.3571428571428568E-2</v>
      </c>
      <c r="BK1948" s="6">
        <v>6</v>
      </c>
      <c r="BL1948" s="13">
        <v>5.6603773584905662E-2</v>
      </c>
      <c r="BM1948" s="11">
        <v>-1.25</v>
      </c>
      <c r="BN1948" s="13">
        <v>-1.1160714285714286E-2</v>
      </c>
      <c r="BO1948" s="11">
        <v>4.75</v>
      </c>
      <c r="BP1948" s="13">
        <v>4.4811320754716978E-2</v>
      </c>
      <c r="BQ1948" s="6">
        <v>112</v>
      </c>
      <c r="BR1948" s="6">
        <v>113</v>
      </c>
      <c r="BS1948" s="6">
        <v>106</v>
      </c>
      <c r="BT1948" s="6">
        <v>106</v>
      </c>
      <c r="BU1948" s="6">
        <v>110</v>
      </c>
      <c r="BV1948" s="6">
        <v>113</v>
      </c>
      <c r="BW1948" s="6">
        <v>112</v>
      </c>
      <c r="BX1948" s="6">
        <v>108</v>
      </c>
      <c r="BY1948" s="6">
        <v>109</v>
      </c>
      <c r="BZ1948" s="6">
        <v>107</v>
      </c>
      <c r="CA1948" s="6">
        <v>107</v>
      </c>
      <c r="CB1948" s="6">
        <v>112</v>
      </c>
      <c r="CC1948" s="11">
        <v>110.75</v>
      </c>
      <c r="CD1948" s="11">
        <v>-999.4</v>
      </c>
      <c r="CE1948" s="11">
        <v>248.56299999999999</v>
      </c>
      <c r="CF1948" s="11">
        <v>261.89299999999997</v>
      </c>
      <c r="CG1948" s="11">
        <v>511</v>
      </c>
      <c r="CH1948" s="20">
        <v>2.15388</v>
      </c>
      <c r="CI1948" s="20">
        <v>1.90649</v>
      </c>
      <c r="CJ1948" s="20">
        <v>1.77938</v>
      </c>
      <c r="CK1948" s="20">
        <v>1.65097</v>
      </c>
      <c r="CL1948" s="20">
        <v>1.7624500000000001</v>
      </c>
      <c r="CM1948" s="20">
        <v>1.70085</v>
      </c>
      <c r="CN1948" s="20">
        <v>1.6519299999999999</v>
      </c>
      <c r="CO1948" s="20">
        <v>1.54304</v>
      </c>
      <c r="CP1948" s="20">
        <v>1.4432100000000001</v>
      </c>
      <c r="CQ1948" s="20">
        <v>1.4751099999999999</v>
      </c>
      <c r="CR1948" s="20">
        <v>1.3934200000000001</v>
      </c>
      <c r="CS1948" s="20">
        <v>1.29609</v>
      </c>
      <c r="CT1948" s="20">
        <v>1.3128299999999999</v>
      </c>
      <c r="CU1948" s="20">
        <v>1.2798400000000001</v>
      </c>
      <c r="CV1948" s="20">
        <v>1.41303</v>
      </c>
      <c r="CW1948" s="20">
        <v>1.62371</v>
      </c>
      <c r="CX1948" s="20">
        <v>1.59701</v>
      </c>
      <c r="CY1948" s="6"/>
      <c r="CZ1948" s="6"/>
      <c r="DA1948" s="6"/>
      <c r="DB1948" s="6"/>
      <c r="DC1948" s="6"/>
      <c r="DD1948" s="6"/>
      <c r="DE1948" s="6"/>
      <c r="DF1948" s="6"/>
      <c r="DG1948" s="6"/>
      <c r="DH1948" s="6"/>
      <c r="DI1948" s="6"/>
      <c r="DJ1948" s="6"/>
      <c r="DK1948" s="6"/>
      <c r="DL1948" s="6"/>
      <c r="DM1948" s="6"/>
      <c r="DN1948" s="6"/>
      <c r="DO1948" s="6"/>
      <c r="DP1948" s="6"/>
      <c r="DQ1948" s="6"/>
    </row>
    <row r="1949" spans="1:121" x14ac:dyDescent="0.2">
      <c r="A1949" s="6" t="s">
        <v>311</v>
      </c>
      <c r="B1949" s="6" t="s">
        <v>311</v>
      </c>
      <c r="C1949" s="6" t="s">
        <v>174</v>
      </c>
      <c r="D1949" s="6" t="s">
        <v>339</v>
      </c>
      <c r="E1949" s="6" t="s">
        <v>333</v>
      </c>
      <c r="F1949" s="11">
        <v>-31</v>
      </c>
      <c r="G1949" s="13">
        <v>-1.7425519955E-2</v>
      </c>
      <c r="H1949" s="11">
        <v>43.834123999999974</v>
      </c>
      <c r="I1949" s="13">
        <v>2.463617163649055E-2</v>
      </c>
      <c r="J1949" s="11">
        <v>97.447566240000015</v>
      </c>
      <c r="K1949" s="13">
        <v>5.3451783791622923E-2</v>
      </c>
      <c r="L1949" s="11">
        <v>-173.03474373999984</v>
      </c>
      <c r="M1949" s="13">
        <v>-9.0096901858615783E-2</v>
      </c>
      <c r="N1949" s="11">
        <v>-75.587177499999825</v>
      </c>
      <c r="O1949" s="13">
        <v>-4.1460958185434667E-2</v>
      </c>
      <c r="P1949" s="7">
        <v>1779.258752</v>
      </c>
      <c r="Q1949" s="7">
        <v>1741.4565640000001</v>
      </c>
      <c r="R1949" s="7">
        <v>1707.7179369999999</v>
      </c>
      <c r="S1949" s="7">
        <v>1774.197989</v>
      </c>
      <c r="T1949" s="7">
        <v>1822.8313250000001</v>
      </c>
      <c r="U1949" s="7">
        <v>1857.1864250000001</v>
      </c>
      <c r="V1949" s="7">
        <v>1823.0928759999999</v>
      </c>
      <c r="W1949" s="7">
        <v>1786.431875</v>
      </c>
      <c r="X1949" s="7">
        <v>1849.351772</v>
      </c>
      <c r="Y1949" s="7">
        <v>1920.5404422399999</v>
      </c>
      <c r="Z1949" s="7">
        <v>1791.52889506</v>
      </c>
      <c r="AA1949" s="7">
        <v>1726.9994194000001</v>
      </c>
      <c r="AB1949" s="7">
        <v>1703.3256143599999</v>
      </c>
      <c r="AC1949" s="7">
        <v>1702.9018447999999</v>
      </c>
      <c r="AD1949" s="7">
        <v>1731.3169305599999</v>
      </c>
      <c r="AE1949" s="7">
        <v>1750.7451661800001</v>
      </c>
      <c r="AF1949" s="7">
        <v>1747.5056985000001</v>
      </c>
      <c r="AG1949" s="9">
        <v>33062.515076099997</v>
      </c>
      <c r="AH1949" s="13">
        <v>0.47569113920920714</v>
      </c>
      <c r="AI1949" s="9">
        <v>11922.886376399998</v>
      </c>
      <c r="AJ1949" s="13">
        <v>0.17154204361033337</v>
      </c>
      <c r="AK1949" s="9">
        <v>11888.27414970001</v>
      </c>
      <c r="AL1949" s="13">
        <v>0.14599907594523931</v>
      </c>
      <c r="AM1949" s="9">
        <v>9251.3545499999891</v>
      </c>
      <c r="AN1949" s="13">
        <v>9.9140784981622876E-2</v>
      </c>
      <c r="AO1949" s="9">
        <v>21139.628699699999</v>
      </c>
      <c r="AP1949" s="13">
        <v>0.25961432392266476</v>
      </c>
      <c r="AQ1949" s="9">
        <v>69504.164258899997</v>
      </c>
      <c r="AR1949" s="9">
        <v>71346.851155600001</v>
      </c>
      <c r="AS1949" s="9">
        <v>72383.745192699993</v>
      </c>
      <c r="AT1949" s="9">
        <v>72944.195333199998</v>
      </c>
      <c r="AU1949" s="9">
        <v>74846.667998599994</v>
      </c>
      <c r="AV1949" s="9">
        <v>79324.402287399993</v>
      </c>
      <c r="AW1949" s="9">
        <v>81427.050635299995</v>
      </c>
      <c r="AX1949" s="9">
        <v>83504.122885200006</v>
      </c>
      <c r="AY1949" s="9">
        <v>88446.058237300007</v>
      </c>
      <c r="AZ1949" s="9">
        <v>93315.324785000004</v>
      </c>
      <c r="BA1949" s="9">
        <v>97296.379948000002</v>
      </c>
      <c r="BB1949" s="9">
        <v>96868.807895200007</v>
      </c>
      <c r="BC1949" s="9">
        <v>101477.946528</v>
      </c>
      <c r="BD1949" s="9">
        <v>101715.350619</v>
      </c>
      <c r="BE1949" s="9">
        <v>99561.2386921</v>
      </c>
      <c r="BF1949" s="9">
        <v>102566.67933499999</v>
      </c>
      <c r="BG1949" s="11">
        <v>12.25</v>
      </c>
      <c r="BH1949" s="13">
        <v>0.12373737373737374</v>
      </c>
      <c r="BI1949" s="6">
        <v>2</v>
      </c>
      <c r="BJ1949" s="13">
        <v>2.0202020202020204E-2</v>
      </c>
      <c r="BK1949" s="6">
        <v>4</v>
      </c>
      <c r="BL1949" s="13">
        <v>3.9603960396039604E-2</v>
      </c>
      <c r="BM1949" s="11">
        <v>6.25</v>
      </c>
      <c r="BN1949" s="13">
        <v>5.9523809523809521E-2</v>
      </c>
      <c r="BO1949" s="11">
        <v>10.25</v>
      </c>
      <c r="BP1949" s="13">
        <v>0.10148514851485149</v>
      </c>
      <c r="BQ1949" s="6">
        <v>99</v>
      </c>
      <c r="BR1949" s="6">
        <v>99</v>
      </c>
      <c r="BS1949" s="6">
        <v>100</v>
      </c>
      <c r="BT1949" s="6">
        <v>101</v>
      </c>
      <c r="BU1949" s="6">
        <v>101</v>
      </c>
      <c r="BV1949" s="6">
        <v>104</v>
      </c>
      <c r="BW1949" s="6">
        <v>105</v>
      </c>
      <c r="BX1949" s="6">
        <v>111</v>
      </c>
      <c r="BY1949" s="6">
        <v>112</v>
      </c>
      <c r="BZ1949" s="6">
        <v>114</v>
      </c>
      <c r="CA1949" s="6">
        <v>111</v>
      </c>
      <c r="CB1949" s="6">
        <v>113</v>
      </c>
      <c r="CC1949" s="11">
        <v>111.25</v>
      </c>
      <c r="CD1949" s="11">
        <v>63.493699999999997</v>
      </c>
      <c r="CE1949" s="11">
        <v>-289.74099999999999</v>
      </c>
      <c r="CF1949" s="11">
        <v>194.494</v>
      </c>
      <c r="CG1949" s="11">
        <v>-96</v>
      </c>
      <c r="CH1949" s="20">
        <v>1.4599299999999999</v>
      </c>
      <c r="CI1949" s="20">
        <v>1.43943</v>
      </c>
      <c r="CJ1949" s="20">
        <v>1.44678</v>
      </c>
      <c r="CK1949" s="20">
        <v>1.5362899999999999</v>
      </c>
      <c r="CL1949" s="20">
        <v>1.62391</v>
      </c>
      <c r="CM1949" s="20">
        <v>1.6754199999999999</v>
      </c>
      <c r="CN1949" s="20">
        <v>1.66052</v>
      </c>
      <c r="CO1949" s="20">
        <v>1.62842</v>
      </c>
      <c r="CP1949" s="20">
        <v>1.66015</v>
      </c>
      <c r="CQ1949" s="20">
        <v>1.76074</v>
      </c>
      <c r="CR1949" s="20">
        <v>1.67283</v>
      </c>
      <c r="CS1949" s="20">
        <v>1.6353599999999999</v>
      </c>
      <c r="CT1949" s="20">
        <v>1.65595</v>
      </c>
      <c r="CU1949" s="20">
        <v>1.6694599999999999</v>
      </c>
      <c r="CV1949" s="20">
        <v>1.70116</v>
      </c>
      <c r="CW1949" s="20">
        <v>1.7373400000000001</v>
      </c>
      <c r="CX1949" s="20">
        <v>1.71201</v>
      </c>
      <c r="CY1949" s="6"/>
      <c r="CZ1949" s="6"/>
      <c r="DA1949" s="6"/>
      <c r="DB1949" s="6"/>
      <c r="DC1949" s="6"/>
      <c r="DD1949" s="6"/>
      <c r="DE1949" s="6"/>
      <c r="DF1949" s="6"/>
      <c r="DG1949" s="6"/>
      <c r="DH1949" s="6"/>
      <c r="DI1949" s="6"/>
      <c r="DJ1949" s="6"/>
      <c r="DK1949" s="6"/>
      <c r="DL1949" s="6"/>
      <c r="DM1949" s="6"/>
      <c r="DN1949" s="6"/>
      <c r="DO1949" s="6"/>
      <c r="DP1949" s="6"/>
      <c r="DQ1949" s="6"/>
    </row>
    <row r="1950" spans="1:121" x14ac:dyDescent="0.2">
      <c r="A1950" s="6" t="s">
        <v>312</v>
      </c>
      <c r="B1950" s="6" t="s">
        <v>312</v>
      </c>
      <c r="C1950" s="6" t="s">
        <v>175</v>
      </c>
      <c r="D1950" s="6" t="s">
        <v>339</v>
      </c>
      <c r="E1950" s="6" t="s">
        <v>333</v>
      </c>
      <c r="F1950" s="11">
        <v>-375</v>
      </c>
      <c r="G1950" s="13">
        <v>-2.0704505300400002E-2</v>
      </c>
      <c r="H1950" s="11">
        <v>2660.2706704000011</v>
      </c>
      <c r="I1950" s="13">
        <v>0.14688192367010949</v>
      </c>
      <c r="J1950" s="11">
        <v>-3991.0569615000022</v>
      </c>
      <c r="K1950" s="13">
        <v>-0.19213732667943265</v>
      </c>
      <c r="L1950" s="11">
        <v>956.03423640000256</v>
      </c>
      <c r="M1950" s="13">
        <v>5.6971771040785005E-2</v>
      </c>
      <c r="N1950" s="11">
        <v>-3035.0227250999997</v>
      </c>
      <c r="O1950" s="13">
        <v>-0.14611195942261676</v>
      </c>
      <c r="P1950" s="7">
        <v>18111.6273802</v>
      </c>
      <c r="Q1950" s="7">
        <v>17899.989735899999</v>
      </c>
      <c r="R1950" s="7">
        <v>18715.375916699999</v>
      </c>
      <c r="S1950" s="7">
        <v>19676.851710999999</v>
      </c>
      <c r="T1950" s="7">
        <v>19897.5571886</v>
      </c>
      <c r="U1950" s="7">
        <v>20453.767448300001</v>
      </c>
      <c r="V1950" s="7">
        <v>20771.898050600001</v>
      </c>
      <c r="W1950" s="7">
        <v>20414.779417099999</v>
      </c>
      <c r="X1950" s="7">
        <v>18686.1198391</v>
      </c>
      <c r="Y1950" s="7">
        <v>16780.841089099998</v>
      </c>
      <c r="Z1950" s="7">
        <v>16414.586285199999</v>
      </c>
      <c r="AA1950" s="7">
        <v>16254.886253299999</v>
      </c>
      <c r="AB1950" s="7">
        <v>16257.1362742</v>
      </c>
      <c r="AC1950" s="7">
        <v>16531.716001199999</v>
      </c>
      <c r="AD1950" s="7">
        <v>17431.853746199999</v>
      </c>
      <c r="AE1950" s="7">
        <v>17407.924612800001</v>
      </c>
      <c r="AF1950" s="7">
        <v>17736.875325500001</v>
      </c>
      <c r="AG1950" s="9">
        <v>9314.0585765000033</v>
      </c>
      <c r="AH1950" s="13">
        <v>0.34750039905119107</v>
      </c>
      <c r="AI1950" s="9">
        <v>2548.9000649000009</v>
      </c>
      <c r="AJ1950" s="13">
        <v>9.5097511189069422E-2</v>
      </c>
      <c r="AK1950" s="9">
        <v>1134.7060452999976</v>
      </c>
      <c r="AL1950" s="13">
        <v>3.865867096155011E-2</v>
      </c>
      <c r="AM1950" s="9">
        <v>5630.4524663000047</v>
      </c>
      <c r="AN1950" s="13">
        <v>0.18468600887389619</v>
      </c>
      <c r="AO1950" s="9">
        <v>6765.1585116000024</v>
      </c>
      <c r="AP1950" s="13">
        <v>0.23048439548370417</v>
      </c>
      <c r="AQ1950" s="9">
        <v>26803.0154841</v>
      </c>
      <c r="AR1950" s="9">
        <v>26611.385675500002</v>
      </c>
      <c r="AS1950" s="9">
        <v>27140.327203299999</v>
      </c>
      <c r="AT1950" s="9">
        <v>27412.968710900001</v>
      </c>
      <c r="AU1950" s="9">
        <v>27974.394691500001</v>
      </c>
      <c r="AV1950" s="9">
        <v>28669.839825399999</v>
      </c>
      <c r="AW1950" s="9">
        <v>29351.915549000001</v>
      </c>
      <c r="AX1950" s="9">
        <v>31897.289620899999</v>
      </c>
      <c r="AY1950" s="9">
        <v>31771.011397800001</v>
      </c>
      <c r="AZ1950" s="9">
        <v>30486.621594299999</v>
      </c>
      <c r="BA1950" s="9">
        <v>30405.6379438</v>
      </c>
      <c r="BB1950" s="9">
        <v>32554.241541899999</v>
      </c>
      <c r="BC1950" s="9">
        <v>32277.693979700001</v>
      </c>
      <c r="BD1950" s="9">
        <v>35694.905880099999</v>
      </c>
      <c r="BE1950" s="9">
        <v>36351.270238700003</v>
      </c>
      <c r="BF1950" s="9">
        <v>36117.074060600004</v>
      </c>
      <c r="BG1950" s="11">
        <v>-571.75</v>
      </c>
      <c r="BH1950" s="13">
        <v>-0.23763507896924355</v>
      </c>
      <c r="BI1950" s="6">
        <v>52</v>
      </c>
      <c r="BJ1950" s="13">
        <v>2.1612635078969242E-2</v>
      </c>
      <c r="BK1950" s="6">
        <v>-356</v>
      </c>
      <c r="BL1950" s="13">
        <v>-0.14483319772172498</v>
      </c>
      <c r="BM1950" s="11">
        <v>-267.75</v>
      </c>
      <c r="BN1950" s="13">
        <v>-0.12737868696479543</v>
      </c>
      <c r="BO1950" s="11">
        <v>-623.75</v>
      </c>
      <c r="BP1950" s="13">
        <v>-0.25376322213181446</v>
      </c>
      <c r="BQ1950" s="6">
        <v>2406</v>
      </c>
      <c r="BR1950" s="6">
        <v>2424</v>
      </c>
      <c r="BS1950" s="6">
        <v>2469</v>
      </c>
      <c r="BT1950" s="6">
        <v>2458</v>
      </c>
      <c r="BU1950" s="6">
        <v>2372</v>
      </c>
      <c r="BV1950" s="6">
        <v>2211</v>
      </c>
      <c r="BW1950" s="6">
        <v>2102</v>
      </c>
      <c r="BX1950" s="6">
        <v>1976</v>
      </c>
      <c r="BY1950" s="6">
        <v>1891</v>
      </c>
      <c r="BZ1950" s="6">
        <v>1879</v>
      </c>
      <c r="CA1950" s="6">
        <v>1851</v>
      </c>
      <c r="CB1950" s="6">
        <v>1855</v>
      </c>
      <c r="CC1950" s="11">
        <v>1834.25</v>
      </c>
      <c r="CD1950" s="11">
        <v>-160.792</v>
      </c>
      <c r="CE1950" s="11">
        <v>-2193.7800000000002</v>
      </c>
      <c r="CF1950" s="11">
        <v>1979.82</v>
      </c>
      <c r="CG1950" s="11">
        <v>-214</v>
      </c>
      <c r="CH1950" s="20">
        <v>1.0246</v>
      </c>
      <c r="CI1950" s="20">
        <v>1.01302</v>
      </c>
      <c r="CJ1950" s="20">
        <v>1.0374300000000001</v>
      </c>
      <c r="CK1950" s="20">
        <v>1.04525</v>
      </c>
      <c r="CL1950" s="20">
        <v>1.01383</v>
      </c>
      <c r="CM1950" s="20">
        <v>1.00508</v>
      </c>
      <c r="CN1950" s="20">
        <v>1.04443</v>
      </c>
      <c r="CO1950" s="20">
        <v>1.1025</v>
      </c>
      <c r="CP1950" s="20">
        <v>1.1463399999999999</v>
      </c>
      <c r="CQ1950" s="20">
        <v>1.12479</v>
      </c>
      <c r="CR1950" s="20">
        <v>1.1323799999999999</v>
      </c>
      <c r="CS1950" s="20">
        <v>1.12649</v>
      </c>
      <c r="CT1950" s="20">
        <v>1.12869</v>
      </c>
      <c r="CU1950" s="20">
        <v>1.1222700000000001</v>
      </c>
      <c r="CV1950" s="20">
        <v>1.1532100000000001</v>
      </c>
      <c r="CW1950" s="20">
        <v>1.1390800000000001</v>
      </c>
      <c r="CX1950" s="20">
        <v>1.1474500000000001</v>
      </c>
      <c r="CY1950" s="6"/>
      <c r="CZ1950" s="6"/>
      <c r="DA1950" s="6"/>
      <c r="DB1950" s="6"/>
      <c r="DC1950" s="6"/>
      <c r="DD1950" s="6"/>
      <c r="DE1950" s="6"/>
      <c r="DF1950" s="6"/>
      <c r="DG1950" s="6"/>
      <c r="DH1950" s="6"/>
      <c r="DI1950" s="6"/>
      <c r="DJ1950" s="6"/>
      <c r="DK1950" s="6"/>
      <c r="DL1950" s="6"/>
      <c r="DM1950" s="6"/>
      <c r="DN1950" s="6"/>
      <c r="DO1950" s="6"/>
      <c r="DP1950" s="6"/>
      <c r="DQ1950" s="6"/>
    </row>
    <row r="1951" spans="1:121" x14ac:dyDescent="0.2">
      <c r="A1951" s="6" t="s">
        <v>792</v>
      </c>
      <c r="B1951" s="6" t="s">
        <v>176</v>
      </c>
      <c r="C1951" s="6" t="s">
        <v>177</v>
      </c>
      <c r="D1951" s="6" t="s">
        <v>339</v>
      </c>
      <c r="E1951" s="6" t="s">
        <v>333</v>
      </c>
      <c r="F1951" s="11">
        <v>-16116</v>
      </c>
      <c r="G1951" s="13">
        <v>-0.29900923967499998</v>
      </c>
      <c r="H1951" s="11">
        <v>-7973.9536382000006</v>
      </c>
      <c r="I1951" s="13">
        <v>-0.14794458961430054</v>
      </c>
      <c r="J1951" s="11">
        <v>-7741.407876199999</v>
      </c>
      <c r="K1951" s="13">
        <v>-0.16856891548537245</v>
      </c>
      <c r="L1951" s="11">
        <v>-401.16992410000239</v>
      </c>
      <c r="M1951" s="13">
        <v>-1.0506538389122263E-2</v>
      </c>
      <c r="N1951" s="11">
        <v>-8142.5778003000014</v>
      </c>
      <c r="O1951" s="13">
        <v>-0.17730437809273494</v>
      </c>
      <c r="P1951" s="7">
        <v>53898.244329100002</v>
      </c>
      <c r="Q1951" s="7">
        <v>50017.051602799998</v>
      </c>
      <c r="R1951" s="7">
        <v>47883.825294499999</v>
      </c>
      <c r="S1951" s="7">
        <v>48128.031764599997</v>
      </c>
      <c r="T1951" s="7">
        <v>48197.708589200003</v>
      </c>
      <c r="U1951" s="7">
        <v>48224.482875200003</v>
      </c>
      <c r="V1951" s="7">
        <v>45924.290690900001</v>
      </c>
      <c r="W1951" s="7">
        <v>44314.211786699998</v>
      </c>
      <c r="X1951" s="7">
        <v>38694.0195265</v>
      </c>
      <c r="Y1951" s="7">
        <v>38182.882814700002</v>
      </c>
      <c r="Z1951" s="7">
        <v>38688.959235800001</v>
      </c>
      <c r="AA1951" s="7">
        <v>39024.916929999999</v>
      </c>
      <c r="AB1951" s="7">
        <v>37764.970371099997</v>
      </c>
      <c r="AC1951" s="7">
        <v>37447.4192349</v>
      </c>
      <c r="AD1951" s="7">
        <v>37720.836508400003</v>
      </c>
      <c r="AE1951" s="7">
        <v>37141.670619600001</v>
      </c>
      <c r="AF1951" s="7">
        <v>37781.7128906</v>
      </c>
      <c r="AG1951" s="9">
        <v>18682.146853899998</v>
      </c>
      <c r="AH1951" s="13">
        <v>0.58968020620506345</v>
      </c>
      <c r="AI1951" s="9">
        <v>9026.1789119000023</v>
      </c>
      <c r="AJ1951" s="13">
        <v>0.2849008244950112</v>
      </c>
      <c r="AK1951" s="9">
        <v>4226.5903586999993</v>
      </c>
      <c r="AL1951" s="13">
        <v>0.10382700313303532</v>
      </c>
      <c r="AM1951" s="9">
        <v>5429.3775832999963</v>
      </c>
      <c r="AN1951" s="13">
        <v>0.1208284465863045</v>
      </c>
      <c r="AO1951" s="9">
        <v>9655.9679419999957</v>
      </c>
      <c r="AP1951" s="13">
        <v>0.23720070522161585</v>
      </c>
      <c r="AQ1951" s="9">
        <v>31681.827976100001</v>
      </c>
      <c r="AR1951" s="9">
        <v>33449.634824000001</v>
      </c>
      <c r="AS1951" s="9">
        <v>34662.894276799998</v>
      </c>
      <c r="AT1951" s="9">
        <v>35838.378190700001</v>
      </c>
      <c r="AU1951" s="9">
        <v>37412.123741099997</v>
      </c>
      <c r="AV1951" s="9">
        <v>38973.6055108</v>
      </c>
      <c r="AW1951" s="9">
        <v>40708.006888000004</v>
      </c>
      <c r="AX1951" s="9">
        <v>41934.801838899999</v>
      </c>
      <c r="AY1951" s="9">
        <v>42153.507748299999</v>
      </c>
      <c r="AZ1951" s="9">
        <v>44934.597246700003</v>
      </c>
      <c r="BA1951" s="9">
        <v>44805.312553800002</v>
      </c>
      <c r="BB1951" s="9">
        <v>45965.217124399998</v>
      </c>
      <c r="BC1951" s="9">
        <v>46879.563499099997</v>
      </c>
      <c r="BD1951" s="9">
        <v>47993.992198</v>
      </c>
      <c r="BE1951" s="9">
        <v>49660.174546900002</v>
      </c>
      <c r="BF1951" s="9">
        <v>50363.974829999999</v>
      </c>
      <c r="BG1951" s="11">
        <v>-259.75</v>
      </c>
      <c r="BH1951" s="13">
        <v>-0.19427823485415108</v>
      </c>
      <c r="BI1951" s="6">
        <v>-20</v>
      </c>
      <c r="BJ1951" s="13">
        <v>-1.4958863126402393E-2</v>
      </c>
      <c r="BK1951" s="6">
        <v>-117</v>
      </c>
      <c r="BL1951" s="13">
        <v>-8.8838268792710701E-2</v>
      </c>
      <c r="BM1951" s="11">
        <v>-122.75</v>
      </c>
      <c r="BN1951" s="13">
        <v>-0.10229166666666667</v>
      </c>
      <c r="BO1951" s="11">
        <v>-239.75</v>
      </c>
      <c r="BP1951" s="13">
        <v>-0.18204252088078968</v>
      </c>
      <c r="BQ1951" s="6">
        <v>1337</v>
      </c>
      <c r="BR1951" s="6">
        <v>1327</v>
      </c>
      <c r="BS1951" s="6">
        <v>1319</v>
      </c>
      <c r="BT1951" s="6">
        <v>1317</v>
      </c>
      <c r="BU1951" s="6">
        <v>1302</v>
      </c>
      <c r="BV1951" s="6">
        <v>1267</v>
      </c>
      <c r="BW1951" s="6">
        <v>1200</v>
      </c>
      <c r="BX1951" s="6">
        <v>1145</v>
      </c>
      <c r="BY1951" s="6">
        <v>1119</v>
      </c>
      <c r="BZ1951" s="6">
        <v>1111</v>
      </c>
      <c r="CA1951" s="6">
        <v>1096</v>
      </c>
      <c r="CB1951" s="6">
        <v>1101</v>
      </c>
      <c r="CC1951" s="11">
        <v>1077.25</v>
      </c>
      <c r="CD1951" s="11">
        <v>-2983.38</v>
      </c>
      <c r="CE1951" s="11">
        <v>-19024.900000000001</v>
      </c>
      <c r="CF1951" s="11">
        <v>5891.73</v>
      </c>
      <c r="CG1951" s="11">
        <v>-13133</v>
      </c>
      <c r="CH1951" s="20">
        <v>1.59267</v>
      </c>
      <c r="CI1951" s="20">
        <v>1.58006</v>
      </c>
      <c r="CJ1951" s="20">
        <v>1.58379</v>
      </c>
      <c r="CK1951" s="20">
        <v>1.6157600000000001</v>
      </c>
      <c r="CL1951" s="20">
        <v>1.6343399999999999</v>
      </c>
      <c r="CM1951" s="20">
        <v>1.65299</v>
      </c>
      <c r="CN1951" s="20">
        <v>1.6307199999999999</v>
      </c>
      <c r="CO1951" s="20">
        <v>1.65357</v>
      </c>
      <c r="CP1951" s="20">
        <v>1.6159399999999999</v>
      </c>
      <c r="CQ1951" s="20">
        <v>1.64819</v>
      </c>
      <c r="CR1951" s="20">
        <v>1.6676200000000001</v>
      </c>
      <c r="CS1951" s="20">
        <v>1.6776800000000001</v>
      </c>
      <c r="CT1951" s="20">
        <v>1.6520600000000001</v>
      </c>
      <c r="CU1951" s="20">
        <v>1.64107</v>
      </c>
      <c r="CV1951" s="20">
        <v>1.6560299999999999</v>
      </c>
      <c r="CW1951" s="20">
        <v>1.64802</v>
      </c>
      <c r="CX1951" s="20">
        <v>1.66808</v>
      </c>
      <c r="CY1951" s="6"/>
      <c r="CZ1951" s="6"/>
      <c r="DA1951" s="6"/>
      <c r="DB1951" s="6"/>
      <c r="DC1951" s="6"/>
      <c r="DD1951" s="6"/>
      <c r="DE1951" s="6"/>
      <c r="DF1951" s="6"/>
      <c r="DG1951" s="6"/>
      <c r="DH1951" s="6"/>
      <c r="DI1951" s="6"/>
      <c r="DJ1951" s="6"/>
      <c r="DK1951" s="6"/>
      <c r="DL1951" s="6"/>
      <c r="DM1951" s="6"/>
      <c r="DN1951" s="6"/>
      <c r="DO1951" s="6"/>
      <c r="DP1951" s="6"/>
      <c r="DQ1951" s="6"/>
    </row>
    <row r="1952" spans="1:121" x14ac:dyDescent="0.2">
      <c r="A1952" s="6" t="s">
        <v>313</v>
      </c>
      <c r="B1952" s="6" t="s">
        <v>313</v>
      </c>
      <c r="C1952" s="6" t="s">
        <v>178</v>
      </c>
      <c r="D1952" s="6" t="s">
        <v>339</v>
      </c>
      <c r="E1952" s="6" t="s">
        <v>333</v>
      </c>
      <c r="F1952" s="11">
        <v>-295</v>
      </c>
      <c r="G1952" s="13">
        <v>-3.2131576081E-2</v>
      </c>
      <c r="H1952" s="11">
        <v>476.63538066000001</v>
      </c>
      <c r="I1952" s="13">
        <v>5.1916090626053429E-2</v>
      </c>
      <c r="J1952" s="11">
        <v>-890.05759287000001</v>
      </c>
      <c r="K1952" s="13">
        <v>-9.2162175130928281E-2</v>
      </c>
      <c r="L1952" s="11">
        <v>118.24259304999941</v>
      </c>
      <c r="M1952" s="13">
        <v>1.3486531722679501E-2</v>
      </c>
      <c r="N1952" s="11">
        <v>-771.81499982000059</v>
      </c>
      <c r="O1952" s="13">
        <v>-7.9918591506783196E-2</v>
      </c>
      <c r="P1952" s="7">
        <v>9180.8796639400007</v>
      </c>
      <c r="Q1952" s="7">
        <v>9002.1306576499992</v>
      </c>
      <c r="R1952" s="7">
        <v>9101.3476658300006</v>
      </c>
      <c r="S1952" s="7">
        <v>9104.8089249700006</v>
      </c>
      <c r="T1952" s="7">
        <v>9127.4327700699996</v>
      </c>
      <c r="U1952" s="7">
        <v>9418.3177421199998</v>
      </c>
      <c r="V1952" s="7">
        <v>9657.5150446000007</v>
      </c>
      <c r="W1952" s="7">
        <v>9404.4505351799999</v>
      </c>
      <c r="X1952" s="7">
        <v>8832.4491514199999</v>
      </c>
      <c r="Y1952" s="7">
        <v>8767.4574517300007</v>
      </c>
      <c r="Z1952" s="7">
        <v>8787.5002719099994</v>
      </c>
      <c r="AA1952" s="7">
        <v>8699.7400305499996</v>
      </c>
      <c r="AB1952" s="7">
        <v>8907.1701858199995</v>
      </c>
      <c r="AC1952" s="7">
        <v>9033.2854556999991</v>
      </c>
      <c r="AD1952" s="7">
        <v>8765.8862026999996</v>
      </c>
      <c r="AE1952" s="7">
        <v>8614.65882074</v>
      </c>
      <c r="AF1952" s="7">
        <v>8885.7000447800001</v>
      </c>
      <c r="AG1952" s="9">
        <v>19611.543726299999</v>
      </c>
      <c r="AH1952" s="13">
        <v>0.66309484835985844</v>
      </c>
      <c r="AI1952" s="9">
        <v>8066.9515958999982</v>
      </c>
      <c r="AJ1952" s="13">
        <v>0.27275537917171511</v>
      </c>
      <c r="AK1952" s="9">
        <v>4701.7023316999985</v>
      </c>
      <c r="AL1952" s="13">
        <v>0.12490334297586608</v>
      </c>
      <c r="AM1952" s="9">
        <v>6842.8897987000018</v>
      </c>
      <c r="AN1952" s="13">
        <v>0.1616007122577128</v>
      </c>
      <c r="AO1952" s="9">
        <v>11544.5921304</v>
      </c>
      <c r="AP1952" s="13">
        <v>0.30668852442184824</v>
      </c>
      <c r="AQ1952" s="9">
        <v>29575.774528800001</v>
      </c>
      <c r="AR1952" s="9">
        <v>30276.168148199999</v>
      </c>
      <c r="AS1952" s="9">
        <v>30785.493483999999</v>
      </c>
      <c r="AT1952" s="9">
        <v>32540.368097300001</v>
      </c>
      <c r="AU1952" s="9">
        <v>34766.316755100001</v>
      </c>
      <c r="AV1952" s="9">
        <v>36050.832563900003</v>
      </c>
      <c r="AW1952" s="9">
        <v>37642.726124699999</v>
      </c>
      <c r="AX1952" s="9">
        <v>40395.575052499997</v>
      </c>
      <c r="AY1952" s="9">
        <v>41036.0168376</v>
      </c>
      <c r="AZ1952" s="9">
        <v>42344.428456399997</v>
      </c>
      <c r="BA1952" s="9">
        <v>42733.176491500002</v>
      </c>
      <c r="BB1952" s="9">
        <v>44710.178021599997</v>
      </c>
      <c r="BC1952" s="9">
        <v>45689.800008300001</v>
      </c>
      <c r="BD1952" s="9">
        <v>46802.140328200003</v>
      </c>
      <c r="BE1952" s="9">
        <v>47675.611005500003</v>
      </c>
      <c r="BF1952" s="9">
        <v>49187.318255099999</v>
      </c>
      <c r="BG1952" s="11">
        <v>-75.25</v>
      </c>
      <c r="BH1952" s="13">
        <v>-7.1124763705103969E-2</v>
      </c>
      <c r="BI1952" s="6">
        <v>-42</v>
      </c>
      <c r="BJ1952" s="13">
        <v>-3.9697542533081283E-2</v>
      </c>
      <c r="BK1952" s="6">
        <v>-81</v>
      </c>
      <c r="BL1952" s="13">
        <v>-7.9724409448818895E-2</v>
      </c>
      <c r="BM1952" s="11">
        <v>47.75</v>
      </c>
      <c r="BN1952" s="13">
        <v>5.1069518716577542E-2</v>
      </c>
      <c r="BO1952" s="11">
        <v>-33.25</v>
      </c>
      <c r="BP1952" s="13">
        <v>-3.2726377952755903E-2</v>
      </c>
      <c r="BQ1952" s="6">
        <v>1058</v>
      </c>
      <c r="BR1952" s="6">
        <v>1046</v>
      </c>
      <c r="BS1952" s="6">
        <v>1040</v>
      </c>
      <c r="BT1952" s="6">
        <v>1016</v>
      </c>
      <c r="BU1952" s="6">
        <v>1007</v>
      </c>
      <c r="BV1952" s="6">
        <v>972</v>
      </c>
      <c r="BW1952" s="6">
        <v>935</v>
      </c>
      <c r="BX1952" s="6">
        <v>937</v>
      </c>
      <c r="BY1952" s="6">
        <v>950</v>
      </c>
      <c r="BZ1952" s="6">
        <v>978</v>
      </c>
      <c r="CA1952" s="6">
        <v>978</v>
      </c>
      <c r="CB1952" s="6">
        <v>1001</v>
      </c>
      <c r="CC1952" s="11">
        <v>982.75</v>
      </c>
      <c r="CD1952" s="11">
        <v>-548.06299999999999</v>
      </c>
      <c r="CE1952" s="11">
        <v>-750.69799999999998</v>
      </c>
      <c r="CF1952" s="11">
        <v>1003.58</v>
      </c>
      <c r="CG1952" s="11">
        <v>253</v>
      </c>
      <c r="CH1952" s="20">
        <v>0.76188199999999995</v>
      </c>
      <c r="CI1952" s="20">
        <v>0.75851800000000003</v>
      </c>
      <c r="CJ1952" s="20">
        <v>0.76753700000000002</v>
      </c>
      <c r="CK1952" s="20">
        <v>0.76090999999999998</v>
      </c>
      <c r="CL1952" s="20">
        <v>0.75218499999999999</v>
      </c>
      <c r="CM1952" s="20">
        <v>0.76336599999999999</v>
      </c>
      <c r="CN1952" s="20">
        <v>0.78217400000000004</v>
      </c>
      <c r="CO1952" s="20">
        <v>0.77990700000000002</v>
      </c>
      <c r="CP1952" s="20">
        <v>0.77492099999999997</v>
      </c>
      <c r="CQ1952" s="20">
        <v>0.78715000000000002</v>
      </c>
      <c r="CR1952" s="20">
        <v>0.79127000000000003</v>
      </c>
      <c r="CS1952" s="20">
        <v>0.78039000000000003</v>
      </c>
      <c r="CT1952" s="20">
        <v>0.80843699999999996</v>
      </c>
      <c r="CU1952" s="20">
        <v>0.82236299999999996</v>
      </c>
      <c r="CV1952" s="20">
        <v>0.799979</v>
      </c>
      <c r="CW1952" s="20">
        <v>0.796628</v>
      </c>
      <c r="CX1952" s="20">
        <v>0.81095099999999998</v>
      </c>
      <c r="CY1952" s="6"/>
      <c r="CZ1952" s="6"/>
      <c r="DA1952" s="6"/>
      <c r="DB1952" s="6"/>
      <c r="DC1952" s="6"/>
      <c r="DD1952" s="6"/>
      <c r="DE1952" s="6"/>
      <c r="DF1952" s="6"/>
      <c r="DG1952" s="6"/>
      <c r="DH1952" s="6"/>
      <c r="DI1952" s="6"/>
      <c r="DJ1952" s="6"/>
      <c r="DK1952" s="6"/>
      <c r="DL1952" s="6"/>
      <c r="DM1952" s="6"/>
      <c r="DN1952" s="6"/>
      <c r="DO1952" s="6"/>
      <c r="DP1952" s="6"/>
      <c r="DQ1952" s="6"/>
    </row>
    <row r="1953" spans="1:121" x14ac:dyDescent="0.2">
      <c r="A1953" s="6" t="s">
        <v>793</v>
      </c>
      <c r="B1953" s="6" t="s">
        <v>179</v>
      </c>
      <c r="C1953" s="6" t="s">
        <v>180</v>
      </c>
      <c r="D1953" s="6" t="s">
        <v>339</v>
      </c>
      <c r="E1953" s="6" t="s">
        <v>333</v>
      </c>
      <c r="F1953" s="11">
        <v>877</v>
      </c>
      <c r="G1953" s="13">
        <v>2.40590365412E-2</v>
      </c>
      <c r="H1953" s="11">
        <v>1002.6784956999982</v>
      </c>
      <c r="I1953" s="13">
        <v>2.7506842556969197E-2</v>
      </c>
      <c r="J1953" s="11">
        <v>-2640.0245591999992</v>
      </c>
      <c r="K1953" s="13">
        <v>-7.0485905800288309E-2</v>
      </c>
      <c r="L1953" s="11">
        <v>2514.7415256000022</v>
      </c>
      <c r="M1953" s="13">
        <v>7.2232341306901732E-2</v>
      </c>
      <c r="N1953" s="11">
        <v>-125.283033599997</v>
      </c>
      <c r="O1953" s="13">
        <v>-3.3449264984791228E-3</v>
      </c>
      <c r="P1953" s="7">
        <v>36451.966219800001</v>
      </c>
      <c r="Q1953" s="7">
        <v>36252.939851800002</v>
      </c>
      <c r="R1953" s="7">
        <v>36178.572449500003</v>
      </c>
      <c r="S1953" s="7">
        <v>36587.584776000003</v>
      </c>
      <c r="T1953" s="7">
        <v>37607.605097699998</v>
      </c>
      <c r="U1953" s="7">
        <v>37742.372108399999</v>
      </c>
      <c r="V1953" s="7">
        <v>37454.644715499999</v>
      </c>
      <c r="W1953" s="7">
        <v>36686.212542200003</v>
      </c>
      <c r="X1953" s="7">
        <v>35214.406957200001</v>
      </c>
      <c r="Y1953" s="7">
        <v>34814.6201563</v>
      </c>
      <c r="Z1953" s="7">
        <v>34711.652844999997</v>
      </c>
      <c r="AA1953" s="7">
        <v>34864.510845500001</v>
      </c>
      <c r="AB1953" s="7">
        <v>34710.407012299998</v>
      </c>
      <c r="AC1953" s="7">
        <v>34847.103552699999</v>
      </c>
      <c r="AD1953" s="7">
        <v>35711.329177200001</v>
      </c>
      <c r="AE1953" s="7">
        <v>36304.935490900003</v>
      </c>
      <c r="AF1953" s="7">
        <v>37329.361681900002</v>
      </c>
      <c r="AG1953" s="9">
        <v>8275.6072038999991</v>
      </c>
      <c r="AH1953" s="13">
        <v>0.42487405692319974</v>
      </c>
      <c r="AI1953" s="9">
        <v>4398.716707399999</v>
      </c>
      <c r="AJ1953" s="13">
        <v>0.22583244548486431</v>
      </c>
      <c r="AK1953" s="9">
        <v>1362.5949799000009</v>
      </c>
      <c r="AL1953" s="13">
        <v>5.7068442108577609E-2</v>
      </c>
      <c r="AM1953" s="9">
        <v>2514.2955165999992</v>
      </c>
      <c r="AN1953" s="13">
        <v>9.9619061487784183E-2</v>
      </c>
      <c r="AO1953" s="9">
        <v>3876.8904965000002</v>
      </c>
      <c r="AP1953" s="13">
        <v>0.16237260823978822</v>
      </c>
      <c r="AQ1953" s="9">
        <v>19477.788933100001</v>
      </c>
      <c r="AR1953" s="9">
        <v>20359.762222400001</v>
      </c>
      <c r="AS1953" s="9">
        <v>21184.2278744</v>
      </c>
      <c r="AT1953" s="9">
        <v>21653.6109999</v>
      </c>
      <c r="AU1953" s="9">
        <v>22308.8862419</v>
      </c>
      <c r="AV1953" s="9">
        <v>23025.852514099999</v>
      </c>
      <c r="AW1953" s="9">
        <v>23876.5056405</v>
      </c>
      <c r="AX1953" s="9">
        <v>24527.635884300002</v>
      </c>
      <c r="AY1953" s="9">
        <v>24690.226179599998</v>
      </c>
      <c r="AZ1953" s="9">
        <v>25239.1006204</v>
      </c>
      <c r="BA1953" s="9">
        <v>25236.365543100001</v>
      </c>
      <c r="BB1953" s="9">
        <v>25758.620772999999</v>
      </c>
      <c r="BC1953" s="9">
        <v>26432.3712677</v>
      </c>
      <c r="BD1953" s="9">
        <v>26734.895764100002</v>
      </c>
      <c r="BE1953" s="9">
        <v>27117.619846500002</v>
      </c>
      <c r="BF1953" s="9">
        <v>27753.396137</v>
      </c>
      <c r="BG1953" s="11">
        <v>-534</v>
      </c>
      <c r="BH1953" s="13">
        <v>-0.15406809001731103</v>
      </c>
      <c r="BI1953" s="6">
        <v>-172</v>
      </c>
      <c r="BJ1953" s="13">
        <v>-4.9624927870744372E-2</v>
      </c>
      <c r="BK1953" s="6">
        <v>-213</v>
      </c>
      <c r="BL1953" s="13">
        <v>-6.466302367941712E-2</v>
      </c>
      <c r="BM1953" s="11">
        <v>-149</v>
      </c>
      <c r="BN1953" s="13">
        <v>-4.8360921778643297E-2</v>
      </c>
      <c r="BO1953" s="11">
        <v>-362</v>
      </c>
      <c r="BP1953" s="13">
        <v>-0.10989678202792957</v>
      </c>
      <c r="BQ1953" s="6">
        <v>3466</v>
      </c>
      <c r="BR1953" s="6">
        <v>3392</v>
      </c>
      <c r="BS1953" s="6">
        <v>3354</v>
      </c>
      <c r="BT1953" s="6">
        <v>3294</v>
      </c>
      <c r="BU1953" s="6">
        <v>3242</v>
      </c>
      <c r="BV1953" s="6">
        <v>3147</v>
      </c>
      <c r="BW1953" s="6">
        <v>3081</v>
      </c>
      <c r="BX1953" s="6">
        <v>2996</v>
      </c>
      <c r="BY1953" s="6">
        <v>2988</v>
      </c>
      <c r="BZ1953" s="6">
        <v>2984</v>
      </c>
      <c r="CA1953" s="6">
        <v>2964</v>
      </c>
      <c r="CB1953" s="6">
        <v>2968</v>
      </c>
      <c r="CC1953" s="11">
        <v>2932</v>
      </c>
      <c r="CD1953" s="11">
        <v>-770.88</v>
      </c>
      <c r="CE1953" s="11">
        <v>-2336.36</v>
      </c>
      <c r="CF1953" s="11">
        <v>3984.64</v>
      </c>
      <c r="CG1953" s="11">
        <v>1649</v>
      </c>
      <c r="CH1953" s="20">
        <v>1.12727</v>
      </c>
      <c r="CI1953" s="20">
        <v>1.1187499999999999</v>
      </c>
      <c r="CJ1953" s="20">
        <v>1.12279</v>
      </c>
      <c r="CK1953" s="20">
        <v>1.1269899999999999</v>
      </c>
      <c r="CL1953" s="20">
        <v>1.15001</v>
      </c>
      <c r="CM1953" s="20">
        <v>1.15141</v>
      </c>
      <c r="CN1953" s="20">
        <v>1.15154</v>
      </c>
      <c r="CO1953" s="20">
        <v>1.1633899999999999</v>
      </c>
      <c r="CP1953" s="20">
        <v>1.16153</v>
      </c>
      <c r="CQ1953" s="20">
        <v>1.16164</v>
      </c>
      <c r="CR1953" s="20">
        <v>1.1635</v>
      </c>
      <c r="CS1953" s="20">
        <v>1.17106</v>
      </c>
      <c r="CT1953" s="20">
        <v>1.1805300000000001</v>
      </c>
      <c r="CU1953" s="20">
        <v>1.18306</v>
      </c>
      <c r="CV1953" s="20">
        <v>1.20519</v>
      </c>
      <c r="CW1953" s="20">
        <v>1.2283599999999999</v>
      </c>
      <c r="CX1953" s="20">
        <v>1.2481100000000001</v>
      </c>
      <c r="CY1953" s="6"/>
      <c r="CZ1953" s="6"/>
      <c r="DA1953" s="6"/>
      <c r="DB1953" s="6"/>
      <c r="DC1953" s="6"/>
      <c r="DD1953" s="6"/>
      <c r="DE1953" s="6"/>
      <c r="DF1953" s="6"/>
      <c r="DG1953" s="6"/>
      <c r="DH1953" s="6"/>
      <c r="DI1953" s="6"/>
      <c r="DJ1953" s="6"/>
      <c r="DK1953" s="6"/>
      <c r="DL1953" s="6"/>
      <c r="DM1953" s="6"/>
      <c r="DN1953" s="6"/>
      <c r="DO1953" s="6"/>
      <c r="DP1953" s="6"/>
      <c r="DQ1953" s="6"/>
    </row>
    <row r="1954" spans="1:121" x14ac:dyDescent="0.2">
      <c r="A1954" s="6" t="s">
        <v>794</v>
      </c>
      <c r="B1954" s="6" t="s">
        <v>181</v>
      </c>
      <c r="C1954" s="6" t="s">
        <v>182</v>
      </c>
      <c r="D1954" s="6" t="s">
        <v>339</v>
      </c>
      <c r="E1954" s="6" t="s">
        <v>333</v>
      </c>
      <c r="F1954" s="11">
        <v>464</v>
      </c>
      <c r="G1954" s="13">
        <v>4.8469654235900002E-2</v>
      </c>
      <c r="H1954" s="11">
        <v>730.56947073999982</v>
      </c>
      <c r="I1954" s="13">
        <v>7.6318256462524631E-2</v>
      </c>
      <c r="J1954" s="11">
        <v>-1131.7583302099993</v>
      </c>
      <c r="K1954" s="13">
        <v>-0.10984490389069658</v>
      </c>
      <c r="L1954" s="11">
        <v>865.2629086099987</v>
      </c>
      <c r="M1954" s="13">
        <v>9.4342768834862478E-2</v>
      </c>
      <c r="N1954" s="11">
        <v>-266.49542160000055</v>
      </c>
      <c r="O1954" s="13">
        <v>-2.5865207431281775E-2</v>
      </c>
      <c r="P1954" s="7">
        <v>9572.6698250600002</v>
      </c>
      <c r="Q1954" s="7">
        <v>9525.5947455099995</v>
      </c>
      <c r="R1954" s="7">
        <v>9749.4192046900007</v>
      </c>
      <c r="S1954" s="7">
        <v>9861.9102783300004</v>
      </c>
      <c r="T1954" s="7">
        <v>9866.5249510600006</v>
      </c>
      <c r="U1954" s="7">
        <v>10060.3419493</v>
      </c>
      <c r="V1954" s="7">
        <v>10303.2392958</v>
      </c>
      <c r="W1954" s="7">
        <v>9418.8274337000003</v>
      </c>
      <c r="X1954" s="7">
        <v>9326.5940908199991</v>
      </c>
      <c r="Y1954" s="7">
        <v>9171.4809655900008</v>
      </c>
      <c r="Z1954" s="7">
        <v>9308.0776226199996</v>
      </c>
      <c r="AA1954" s="7">
        <v>9203.8398016800002</v>
      </c>
      <c r="AB1954" s="7">
        <v>10087.837487500001</v>
      </c>
      <c r="AC1954" s="7">
        <v>9913.0582384200006</v>
      </c>
      <c r="AD1954" s="7">
        <v>9878.4404940099994</v>
      </c>
      <c r="AE1954" s="7">
        <v>9769.5325132599992</v>
      </c>
      <c r="AF1954" s="7">
        <v>10036.743874199999</v>
      </c>
      <c r="AG1954" s="9">
        <v>19549.740161599999</v>
      </c>
      <c r="AH1954" s="13">
        <v>0.58506315446554291</v>
      </c>
      <c r="AI1954" s="9">
        <v>8193.1864366000009</v>
      </c>
      <c r="AJ1954" s="13">
        <v>0.2451966860990332</v>
      </c>
      <c r="AK1954" s="9">
        <v>3068.7617093000008</v>
      </c>
      <c r="AL1954" s="13">
        <v>7.3754236109985383E-2</v>
      </c>
      <c r="AM1954" s="9">
        <v>8287.7920156999971</v>
      </c>
      <c r="AN1954" s="13">
        <v>0.18550591257267729</v>
      </c>
      <c r="AO1954" s="9">
        <v>11356.553724999998</v>
      </c>
      <c r="AP1954" s="13">
        <v>0.2729419955583462</v>
      </c>
      <c r="AQ1954" s="9">
        <v>33414.7519159</v>
      </c>
      <c r="AR1954" s="9">
        <v>34889.871076199997</v>
      </c>
      <c r="AS1954" s="9">
        <v>35482.284434100002</v>
      </c>
      <c r="AT1954" s="9">
        <v>37266.668092799999</v>
      </c>
      <c r="AU1954" s="9">
        <v>38566.165327299997</v>
      </c>
      <c r="AV1954" s="9">
        <v>39744.541872000002</v>
      </c>
      <c r="AW1954" s="9">
        <v>41607.938352500001</v>
      </c>
      <c r="AX1954" s="9">
        <v>44224.700174600002</v>
      </c>
      <c r="AY1954" s="9">
        <v>43662.714189400001</v>
      </c>
      <c r="AZ1954" s="9">
        <v>44676.700061800002</v>
      </c>
      <c r="BA1954" s="9">
        <v>46089.867378199997</v>
      </c>
      <c r="BB1954" s="9">
        <v>47151.704167600001</v>
      </c>
      <c r="BC1954" s="9">
        <v>49310.458141800002</v>
      </c>
      <c r="BD1954" s="9">
        <v>51006.478650700003</v>
      </c>
      <c r="BE1954" s="9">
        <v>52591.995285999998</v>
      </c>
      <c r="BF1954" s="9">
        <v>52964.492077499999</v>
      </c>
      <c r="BG1954" s="11">
        <v>-90</v>
      </c>
      <c r="BH1954" s="13">
        <v>-8.8582677165354326E-2</v>
      </c>
      <c r="BI1954" s="6">
        <v>14</v>
      </c>
      <c r="BJ1954" s="13">
        <v>1.3779527559055118E-2</v>
      </c>
      <c r="BK1954" s="6">
        <v>-80</v>
      </c>
      <c r="BL1954" s="13">
        <v>-7.7669902912621352E-2</v>
      </c>
      <c r="BM1954" s="11">
        <v>-24</v>
      </c>
      <c r="BN1954" s="13">
        <v>-2.5263157894736842E-2</v>
      </c>
      <c r="BO1954" s="11">
        <v>-104</v>
      </c>
      <c r="BP1954" s="13">
        <v>-0.10097087378640776</v>
      </c>
      <c r="BQ1954" s="6">
        <v>1016</v>
      </c>
      <c r="BR1954" s="6">
        <v>1024</v>
      </c>
      <c r="BS1954" s="6">
        <v>1040</v>
      </c>
      <c r="BT1954" s="6">
        <v>1030</v>
      </c>
      <c r="BU1954" s="6">
        <v>983</v>
      </c>
      <c r="BV1954" s="6">
        <v>948</v>
      </c>
      <c r="BW1954" s="6">
        <v>950</v>
      </c>
      <c r="BX1954" s="6">
        <v>934</v>
      </c>
      <c r="BY1954" s="6">
        <v>917</v>
      </c>
      <c r="BZ1954" s="6">
        <v>898</v>
      </c>
      <c r="CA1954" s="6">
        <v>899</v>
      </c>
      <c r="CB1954" s="6">
        <v>943</v>
      </c>
      <c r="CC1954" s="11">
        <v>926</v>
      </c>
      <c r="CD1954" s="11">
        <v>-1185.7</v>
      </c>
      <c r="CE1954" s="11">
        <v>603.36900000000003</v>
      </c>
      <c r="CF1954" s="11">
        <v>1046.4100000000001</v>
      </c>
      <c r="CG1954" s="11">
        <v>1649</v>
      </c>
      <c r="CH1954" s="20">
        <v>1.00353</v>
      </c>
      <c r="CI1954" s="20">
        <v>1.0225299999999999</v>
      </c>
      <c r="CJ1954" s="20">
        <v>1.04965</v>
      </c>
      <c r="CK1954" s="20">
        <v>1.04206</v>
      </c>
      <c r="CL1954" s="20">
        <v>1.0218799999999999</v>
      </c>
      <c r="CM1954" s="20">
        <v>1.0218400000000001</v>
      </c>
      <c r="CN1954" s="20">
        <v>1.04349</v>
      </c>
      <c r="CO1954" s="20">
        <v>0.97685200000000005</v>
      </c>
      <c r="CP1954" s="20">
        <v>1.0203599999999999</v>
      </c>
      <c r="CQ1954" s="20">
        <v>1.02058</v>
      </c>
      <c r="CR1954" s="20">
        <v>1.0253699999999999</v>
      </c>
      <c r="CS1954" s="20">
        <v>1.0060899999999999</v>
      </c>
      <c r="CT1954" s="20">
        <v>1.1090599999999999</v>
      </c>
      <c r="CU1954" s="20">
        <v>1.06877</v>
      </c>
      <c r="CV1954" s="20">
        <v>1.0310999999999999</v>
      </c>
      <c r="CW1954" s="20">
        <v>1.0068699999999999</v>
      </c>
      <c r="CX1954" s="20">
        <v>1.0142199999999999</v>
      </c>
      <c r="CY1954" s="6"/>
      <c r="CZ1954" s="6"/>
      <c r="DA1954" s="6"/>
      <c r="DB1954" s="6"/>
      <c r="DC1954" s="6"/>
      <c r="DD1954" s="6"/>
      <c r="DE1954" s="6"/>
      <c r="DF1954" s="6"/>
      <c r="DG1954" s="6"/>
      <c r="DH1954" s="6"/>
      <c r="DI1954" s="6"/>
      <c r="DJ1954" s="6"/>
      <c r="DK1954" s="6"/>
      <c r="DL1954" s="6"/>
      <c r="DM1954" s="6"/>
      <c r="DN1954" s="6"/>
      <c r="DO1954" s="6"/>
      <c r="DP1954" s="6"/>
      <c r="DQ1954" s="6"/>
    </row>
    <row r="1955" spans="1:121" x14ac:dyDescent="0.2">
      <c r="A1955" s="6" t="s">
        <v>314</v>
      </c>
      <c r="B1955" s="6" t="s">
        <v>314</v>
      </c>
      <c r="C1955" s="6" t="s">
        <v>183</v>
      </c>
      <c r="D1955" s="6" t="s">
        <v>339</v>
      </c>
      <c r="E1955" s="6" t="s">
        <v>333</v>
      </c>
      <c r="F1955" s="11">
        <v>-1127</v>
      </c>
      <c r="G1955" s="13">
        <v>-0.32572254335299999</v>
      </c>
      <c r="H1955" s="11">
        <v>-355.45980839000003</v>
      </c>
      <c r="I1955" s="13">
        <v>-0.10272973925423522</v>
      </c>
      <c r="J1955" s="11">
        <v>-362.0125244599999</v>
      </c>
      <c r="K1955" s="13">
        <v>-0.11660200160945372</v>
      </c>
      <c r="L1955" s="11">
        <v>-409.68237664000026</v>
      </c>
      <c r="M1955" s="13">
        <v>-0.1493734050322276</v>
      </c>
      <c r="N1955" s="11">
        <v>-771.69490110000015</v>
      </c>
      <c r="O1955" s="13">
        <v>-0.24855816862770391</v>
      </c>
      <c r="P1955" s="7">
        <v>3460.14514366</v>
      </c>
      <c r="Q1955" s="7">
        <v>3510.4666929999999</v>
      </c>
      <c r="R1955" s="7">
        <v>3332.69730553</v>
      </c>
      <c r="S1955" s="7">
        <v>3238.34360023</v>
      </c>
      <c r="T1955" s="7">
        <v>3183.6379602100001</v>
      </c>
      <c r="U1955" s="7">
        <v>3168.1810211400002</v>
      </c>
      <c r="V1955" s="7">
        <v>3104.68533527</v>
      </c>
      <c r="W1955" s="7">
        <v>2913.3279035800001</v>
      </c>
      <c r="X1955" s="7">
        <v>2821.3640565300002</v>
      </c>
      <c r="Y1955" s="7">
        <v>2742.6728108100001</v>
      </c>
      <c r="Z1955" s="7">
        <v>2622.3024948699999</v>
      </c>
      <c r="AA1955" s="7">
        <v>2490.1492476799999</v>
      </c>
      <c r="AB1955" s="7">
        <v>2464.3914510099999</v>
      </c>
      <c r="AC1955" s="7">
        <v>2474.0262489800002</v>
      </c>
      <c r="AD1955" s="7">
        <v>2389.5821522900001</v>
      </c>
      <c r="AE1955" s="7">
        <v>2311.29860396</v>
      </c>
      <c r="AF1955" s="7">
        <v>2332.9904341699998</v>
      </c>
      <c r="AG1955" s="9">
        <v>16079.719544300002</v>
      </c>
      <c r="AH1955" s="13">
        <v>0.54737908106335964</v>
      </c>
      <c r="AI1955" s="9">
        <v>6950.2758493000001</v>
      </c>
      <c r="AJ1955" s="13">
        <v>0.23659838077681561</v>
      </c>
      <c r="AK1955" s="9">
        <v>3396.6373851000026</v>
      </c>
      <c r="AL1955" s="13">
        <v>9.3504010422624823E-2</v>
      </c>
      <c r="AM1955" s="9">
        <v>5732.8063098999992</v>
      </c>
      <c r="AN1955" s="13">
        <v>0.14432047236370674</v>
      </c>
      <c r="AO1955" s="9">
        <v>9129.4436950000018</v>
      </c>
      <c r="AP1955" s="13">
        <v>0.25131902573842568</v>
      </c>
      <c r="AQ1955" s="9">
        <v>29375.838610899998</v>
      </c>
      <c r="AR1955" s="9">
        <v>31990.200963899999</v>
      </c>
      <c r="AS1955" s="9">
        <v>34846.400264000004</v>
      </c>
      <c r="AT1955" s="9">
        <v>34705.361167000003</v>
      </c>
      <c r="AU1955" s="9">
        <v>34994.921064000002</v>
      </c>
      <c r="AV1955" s="9">
        <v>35044.977395800001</v>
      </c>
      <c r="AW1955" s="9">
        <v>36326.114460199999</v>
      </c>
      <c r="AX1955" s="9">
        <v>38226.025435099997</v>
      </c>
      <c r="AY1955" s="9">
        <v>41381.389846600003</v>
      </c>
      <c r="AZ1955" s="9">
        <v>39722.751845300001</v>
      </c>
      <c r="BA1955" s="9">
        <v>40201.953494699999</v>
      </c>
      <c r="BB1955" s="9">
        <v>43041.468198299997</v>
      </c>
      <c r="BC1955" s="9">
        <v>42877.232578900002</v>
      </c>
      <c r="BD1955" s="9">
        <v>44111.512856000001</v>
      </c>
      <c r="BE1955" s="9">
        <v>44169.575380000002</v>
      </c>
      <c r="BF1955" s="9">
        <v>45455.5581552</v>
      </c>
      <c r="BG1955" s="11">
        <v>-73.5</v>
      </c>
      <c r="BH1955" s="13">
        <v>-0.20704225352112676</v>
      </c>
      <c r="BI1955" s="6">
        <v>-9</v>
      </c>
      <c r="BJ1955" s="13">
        <v>-2.5352112676056339E-2</v>
      </c>
      <c r="BK1955" s="6">
        <v>-12</v>
      </c>
      <c r="BL1955" s="13">
        <v>-3.4682080924855488E-2</v>
      </c>
      <c r="BM1955" s="11">
        <v>-52.5</v>
      </c>
      <c r="BN1955" s="13">
        <v>-0.15718562874251496</v>
      </c>
      <c r="BO1955" s="11">
        <v>-64.5</v>
      </c>
      <c r="BP1955" s="13">
        <v>-0.18641618497109827</v>
      </c>
      <c r="BQ1955" s="6">
        <v>355</v>
      </c>
      <c r="BR1955" s="6">
        <v>353</v>
      </c>
      <c r="BS1955" s="6">
        <v>360</v>
      </c>
      <c r="BT1955" s="6">
        <v>346</v>
      </c>
      <c r="BU1955" s="6">
        <v>342</v>
      </c>
      <c r="BV1955" s="6">
        <v>347</v>
      </c>
      <c r="BW1955" s="6">
        <v>334</v>
      </c>
      <c r="BX1955" s="6">
        <v>320</v>
      </c>
      <c r="BY1955" s="6">
        <v>314</v>
      </c>
      <c r="BZ1955" s="6">
        <v>312</v>
      </c>
      <c r="CA1955" s="6">
        <v>305</v>
      </c>
      <c r="CB1955" s="6">
        <v>287</v>
      </c>
      <c r="CC1955" s="11">
        <v>281.5</v>
      </c>
      <c r="CD1955" s="11">
        <v>-445.58100000000002</v>
      </c>
      <c r="CE1955" s="11">
        <v>-1059.81</v>
      </c>
      <c r="CF1955" s="11">
        <v>378.23599999999999</v>
      </c>
      <c r="CG1955" s="11">
        <v>-682</v>
      </c>
      <c r="CH1955" s="20">
        <v>0.46062700000000001</v>
      </c>
      <c r="CI1955" s="20">
        <v>0.49202699999999999</v>
      </c>
      <c r="CJ1955" s="20">
        <v>0.48918699999999998</v>
      </c>
      <c r="CK1955" s="20">
        <v>0.48625099999999999</v>
      </c>
      <c r="CL1955" s="20">
        <v>0.48632599999999998</v>
      </c>
      <c r="CM1955" s="20">
        <v>0.48876500000000001</v>
      </c>
      <c r="CN1955" s="20">
        <v>0.48852099999999998</v>
      </c>
      <c r="CO1955" s="20">
        <v>0.47351500000000002</v>
      </c>
      <c r="CP1955" s="20">
        <v>0.481437</v>
      </c>
      <c r="CQ1955" s="20">
        <v>0.48827799999999999</v>
      </c>
      <c r="CR1955" s="20">
        <v>0.479354</v>
      </c>
      <c r="CS1955" s="20">
        <v>0.46082099999999998</v>
      </c>
      <c r="CT1955" s="20">
        <v>0.46343400000000001</v>
      </c>
      <c r="CU1955" s="20">
        <v>0.46604800000000002</v>
      </c>
      <c r="CV1955" s="20">
        <v>0.45171099999999997</v>
      </c>
      <c r="CW1955" s="20">
        <v>0.43610500000000002</v>
      </c>
      <c r="CX1955" s="20">
        <v>0.43706</v>
      </c>
      <c r="CY1955" s="6"/>
      <c r="CZ1955" s="6"/>
      <c r="DA1955" s="6"/>
      <c r="DB1955" s="6"/>
      <c r="DC1955" s="6"/>
      <c r="DD1955" s="6"/>
      <c r="DE1955" s="6"/>
      <c r="DF1955" s="6"/>
      <c r="DG1955" s="6"/>
      <c r="DH1955" s="6"/>
      <c r="DI1955" s="6"/>
      <c r="DJ1955" s="6"/>
      <c r="DK1955" s="6"/>
      <c r="DL1955" s="6"/>
      <c r="DM1955" s="6"/>
      <c r="DN1955" s="6"/>
      <c r="DO1955" s="6"/>
      <c r="DP1955" s="6"/>
      <c r="DQ1955" s="6"/>
    </row>
    <row r="1956" spans="1:121" x14ac:dyDescent="0.2">
      <c r="A1956" s="6" t="s">
        <v>315</v>
      </c>
      <c r="B1956" s="6" t="s">
        <v>315</v>
      </c>
      <c r="C1956" s="6" t="s">
        <v>184</v>
      </c>
      <c r="D1956" s="6" t="s">
        <v>339</v>
      </c>
      <c r="E1956" s="6" t="s">
        <v>333</v>
      </c>
      <c r="F1956" s="11">
        <v>-210</v>
      </c>
      <c r="G1956" s="13">
        <v>-2.5362318840600001E-2</v>
      </c>
      <c r="H1956" s="11">
        <v>498.57719324999925</v>
      </c>
      <c r="I1956" s="13">
        <v>6.0212760258548111E-2</v>
      </c>
      <c r="J1956" s="11">
        <v>-371.32486401999995</v>
      </c>
      <c r="K1956" s="13">
        <v>-4.2297736937254853E-2</v>
      </c>
      <c r="L1956" s="11">
        <v>-337.66689673000019</v>
      </c>
      <c r="M1956" s="13">
        <v>-4.0162531026197587E-2</v>
      </c>
      <c r="N1956" s="11">
        <v>-708.99176075000014</v>
      </c>
      <c r="O1956" s="13">
        <v>-8.0761483791371991E-2</v>
      </c>
      <c r="P1956" s="7">
        <v>8280.2580567500008</v>
      </c>
      <c r="Q1956" s="7">
        <v>8325.0042023999995</v>
      </c>
      <c r="R1956" s="7">
        <v>8439.8641912999992</v>
      </c>
      <c r="S1956" s="7">
        <v>8549.6392008300008</v>
      </c>
      <c r="T1956" s="7">
        <v>8642.7913268899993</v>
      </c>
      <c r="U1956" s="7">
        <v>8757.4141548200005</v>
      </c>
      <c r="V1956" s="7">
        <v>8778.8352500000001</v>
      </c>
      <c r="W1956" s="7">
        <v>8562.5208196900003</v>
      </c>
      <c r="X1956" s="7">
        <v>8562.71843506</v>
      </c>
      <c r="Y1956" s="7">
        <v>8407.5103859800001</v>
      </c>
      <c r="Z1956" s="7">
        <v>8290.7669488200008</v>
      </c>
      <c r="AA1956" s="7">
        <v>8205.5566234899998</v>
      </c>
      <c r="AB1956" s="7">
        <v>8171.3578284900004</v>
      </c>
      <c r="AC1956" s="7">
        <v>8217.6673605800006</v>
      </c>
      <c r="AD1956" s="7">
        <v>8138.1373676100002</v>
      </c>
      <c r="AE1956" s="7">
        <v>8057.8650009900002</v>
      </c>
      <c r="AF1956" s="7">
        <v>8069.8434892499999</v>
      </c>
      <c r="AG1956" s="9">
        <v>21985.766308300001</v>
      </c>
      <c r="AH1956" s="13">
        <v>0.70159634526964865</v>
      </c>
      <c r="AI1956" s="9">
        <v>7068.9787578999967</v>
      </c>
      <c r="AJ1956" s="13">
        <v>0.22558093230796764</v>
      </c>
      <c r="AK1956" s="9">
        <v>6346.8068907000052</v>
      </c>
      <c r="AL1956" s="13">
        <v>0.16525667090089197</v>
      </c>
      <c r="AM1956" s="9">
        <v>8569.9806596999988</v>
      </c>
      <c r="AN1956" s="13">
        <v>0.19149699309098603</v>
      </c>
      <c r="AO1956" s="9">
        <v>14916.787550400004</v>
      </c>
      <c r="AP1956" s="13">
        <v>0.38839981955762543</v>
      </c>
      <c r="AQ1956" s="9">
        <v>31336.7742813</v>
      </c>
      <c r="AR1956" s="9">
        <v>32798.011919199998</v>
      </c>
      <c r="AS1956" s="9">
        <v>32777.141563099998</v>
      </c>
      <c r="AT1956" s="9">
        <v>34424.167316699997</v>
      </c>
      <c r="AU1956" s="9">
        <v>35902.054711899997</v>
      </c>
      <c r="AV1956" s="9">
        <v>37163.671836900001</v>
      </c>
      <c r="AW1956" s="9">
        <v>38405.753039199997</v>
      </c>
      <c r="AX1956" s="9">
        <v>40339.309372099997</v>
      </c>
      <c r="AY1956" s="9">
        <v>42748.457706599998</v>
      </c>
      <c r="AZ1956" s="9">
        <v>44752.559929900002</v>
      </c>
      <c r="BA1956" s="9">
        <v>45608.543206599999</v>
      </c>
      <c r="BB1956" s="9">
        <v>47010.876036399997</v>
      </c>
      <c r="BC1956" s="9">
        <v>49081.168220200001</v>
      </c>
      <c r="BD1956" s="9">
        <v>50114.058564899999</v>
      </c>
      <c r="BE1956" s="9">
        <v>51864.781000100003</v>
      </c>
      <c r="BF1956" s="9">
        <v>53322.540589600001</v>
      </c>
      <c r="BG1956" s="11">
        <v>-3.75</v>
      </c>
      <c r="BH1956" s="13">
        <v>-2.9809220985691576E-3</v>
      </c>
      <c r="BI1956" s="6">
        <v>40</v>
      </c>
      <c r="BJ1956" s="13">
        <v>3.1796502384737677E-2</v>
      </c>
      <c r="BK1956" s="6">
        <v>-14</v>
      </c>
      <c r="BL1956" s="13">
        <v>-1.078582434514638E-2</v>
      </c>
      <c r="BM1956" s="11">
        <v>-29.75</v>
      </c>
      <c r="BN1956" s="13">
        <v>-2.3169781931464174E-2</v>
      </c>
      <c r="BO1956" s="11">
        <v>-43.75</v>
      </c>
      <c r="BP1956" s="13">
        <v>-3.3705701078582437E-2</v>
      </c>
      <c r="BQ1956" s="6">
        <v>1258</v>
      </c>
      <c r="BR1956" s="6">
        <v>1296</v>
      </c>
      <c r="BS1956" s="6">
        <v>1294</v>
      </c>
      <c r="BT1956" s="6">
        <v>1298</v>
      </c>
      <c r="BU1956" s="6">
        <v>1294</v>
      </c>
      <c r="BV1956" s="6">
        <v>1294</v>
      </c>
      <c r="BW1956" s="6">
        <v>1284</v>
      </c>
      <c r="BX1956" s="6">
        <v>1288</v>
      </c>
      <c r="BY1956" s="6">
        <v>1287</v>
      </c>
      <c r="BZ1956" s="6">
        <v>1290</v>
      </c>
      <c r="CA1956" s="6">
        <v>1279</v>
      </c>
      <c r="CB1956" s="6">
        <v>1270</v>
      </c>
      <c r="CC1956" s="11">
        <v>1254.25</v>
      </c>
      <c r="CD1956" s="11">
        <v>-456.93299999999999</v>
      </c>
      <c r="CE1956" s="11">
        <v>-658.61300000000006</v>
      </c>
      <c r="CF1956" s="11">
        <v>905.13199999999995</v>
      </c>
      <c r="CG1956" s="11">
        <v>246</v>
      </c>
      <c r="CH1956" s="20">
        <v>0.67576700000000001</v>
      </c>
      <c r="CI1956" s="20">
        <v>0.67789600000000005</v>
      </c>
      <c r="CJ1956" s="20">
        <v>0.67147699999999999</v>
      </c>
      <c r="CK1956" s="20">
        <v>0.67649000000000004</v>
      </c>
      <c r="CL1956" s="20">
        <v>0.67536200000000002</v>
      </c>
      <c r="CM1956" s="20">
        <v>0.67584999999999995</v>
      </c>
      <c r="CN1956" s="20">
        <v>0.69040900000000005</v>
      </c>
      <c r="CO1956" s="20">
        <v>0.70172999999999996</v>
      </c>
      <c r="CP1956" s="20">
        <v>0.72344200000000003</v>
      </c>
      <c r="CQ1956" s="20">
        <v>0.72981300000000005</v>
      </c>
      <c r="CR1956" s="20">
        <v>0.72772599999999998</v>
      </c>
      <c r="CS1956" s="20">
        <v>0.72394400000000003</v>
      </c>
      <c r="CT1956" s="20">
        <v>0.73520799999999997</v>
      </c>
      <c r="CU1956" s="20">
        <v>0.74778599999999995</v>
      </c>
      <c r="CV1956" s="20">
        <v>0.73724000000000001</v>
      </c>
      <c r="CW1956" s="20">
        <v>0.73094400000000004</v>
      </c>
      <c r="CX1956" s="20">
        <v>0.72273200000000004</v>
      </c>
      <c r="CY1956" s="6"/>
      <c r="CZ1956" s="6"/>
      <c r="DA1956" s="6"/>
      <c r="DB1956" s="6"/>
      <c r="DC1956" s="6"/>
      <c r="DD1956" s="6"/>
      <c r="DE1956" s="6"/>
      <c r="DF1956" s="6"/>
      <c r="DG1956" s="6"/>
      <c r="DH1956" s="6"/>
      <c r="DI1956" s="6"/>
      <c r="DJ1956" s="6"/>
      <c r="DK1956" s="6"/>
      <c r="DL1956" s="6"/>
      <c r="DM1956" s="6"/>
      <c r="DN1956" s="6"/>
      <c r="DO1956" s="6"/>
      <c r="DP1956" s="6"/>
      <c r="DQ1956" s="6"/>
    </row>
    <row r="1957" spans="1:121" x14ac:dyDescent="0.2">
      <c r="A1957" s="6" t="s">
        <v>316</v>
      </c>
      <c r="B1957" s="6" t="s">
        <v>316</v>
      </c>
      <c r="C1957" s="6" t="s">
        <v>185</v>
      </c>
      <c r="D1957" s="6" t="s">
        <v>339</v>
      </c>
      <c r="E1957" s="6" t="s">
        <v>333</v>
      </c>
      <c r="F1957" s="11">
        <v>-87</v>
      </c>
      <c r="G1957" s="13">
        <v>-3.26699211416E-2</v>
      </c>
      <c r="H1957" s="11">
        <v>294.36987364000015</v>
      </c>
      <c r="I1957" s="13">
        <v>0.11055896500777138</v>
      </c>
      <c r="J1957" s="11">
        <v>-491.31437615999994</v>
      </c>
      <c r="K1957" s="13">
        <v>-0.1661569274600396</v>
      </c>
      <c r="L1957" s="11">
        <v>110.27198217999967</v>
      </c>
      <c r="M1957" s="13">
        <v>4.4723917417086423E-2</v>
      </c>
      <c r="N1957" s="11">
        <v>-381.04239398000027</v>
      </c>
      <c r="O1957" s="13">
        <v>-0.12886419874495281</v>
      </c>
      <c r="P1957" s="7">
        <v>2662.5599617299999</v>
      </c>
      <c r="Q1957" s="7">
        <v>2512.9729464900001</v>
      </c>
      <c r="R1957" s="7">
        <v>2756.0685576199999</v>
      </c>
      <c r="S1957" s="7">
        <v>2728.7304337999999</v>
      </c>
      <c r="T1957" s="7">
        <v>2840.3861838500002</v>
      </c>
      <c r="U1957" s="7">
        <v>3024.5072128800002</v>
      </c>
      <c r="V1957" s="7">
        <v>2956.9298353700001</v>
      </c>
      <c r="W1957" s="7">
        <v>2853.8666455600001</v>
      </c>
      <c r="X1957" s="7">
        <v>2624.9537558500001</v>
      </c>
      <c r="Y1957" s="7">
        <v>2465.6154592100002</v>
      </c>
      <c r="Z1957" s="7">
        <v>2332.91638491</v>
      </c>
      <c r="AA1957" s="7">
        <v>2407.37642065</v>
      </c>
      <c r="AB1957" s="7">
        <v>2391.5177703499999</v>
      </c>
      <c r="AC1957" s="7">
        <v>2484.77875829</v>
      </c>
      <c r="AD1957" s="7">
        <v>2458.9355777000001</v>
      </c>
      <c r="AE1957" s="7">
        <v>2511.0237116200001</v>
      </c>
      <c r="AF1957" s="7">
        <v>2575.8874413899998</v>
      </c>
      <c r="AG1957" s="9">
        <v>8212.1790798000002</v>
      </c>
      <c r="AH1957" s="13">
        <v>0.39061081689146071</v>
      </c>
      <c r="AI1957" s="9">
        <v>2805.237718700002</v>
      </c>
      <c r="AJ1957" s="13">
        <v>0.13343062617465859</v>
      </c>
      <c r="AK1957" s="9">
        <v>634.0897346999991</v>
      </c>
      <c r="AL1957" s="13">
        <v>2.660980141044807E-2</v>
      </c>
      <c r="AM1957" s="9">
        <v>4772.8516263999991</v>
      </c>
      <c r="AN1957" s="13">
        <v>0.19510277132008455</v>
      </c>
      <c r="AO1957" s="9">
        <v>5406.9413610999982</v>
      </c>
      <c r="AP1957" s="13">
        <v>0.22690421872998817</v>
      </c>
      <c r="AQ1957" s="9">
        <v>21023.9417975</v>
      </c>
      <c r="AR1957" s="9">
        <v>23033.987376500001</v>
      </c>
      <c r="AS1957" s="9">
        <v>23145.279058</v>
      </c>
      <c r="AT1957" s="9">
        <v>22224.774506599999</v>
      </c>
      <c r="AU1957" s="9">
        <v>24126.652179100001</v>
      </c>
      <c r="AV1957" s="9">
        <v>23647.551307000002</v>
      </c>
      <c r="AW1957" s="9">
        <v>23829.179516200002</v>
      </c>
      <c r="AX1957" s="9">
        <v>24503.975193400001</v>
      </c>
      <c r="AY1957" s="9">
        <v>24559.024833399999</v>
      </c>
      <c r="AZ1957" s="9">
        <v>24463.269250900001</v>
      </c>
      <c r="BA1957" s="9">
        <v>24416.433975399999</v>
      </c>
      <c r="BB1957" s="9">
        <v>25404.869137199999</v>
      </c>
      <c r="BC1957" s="9">
        <v>26828.600439099999</v>
      </c>
      <c r="BD1957" s="9">
        <v>27196.588511800001</v>
      </c>
      <c r="BE1957" s="9">
        <v>29179.925213499999</v>
      </c>
      <c r="BF1957" s="9">
        <v>29236.1208773</v>
      </c>
      <c r="BG1957" s="11">
        <v>-116.25</v>
      </c>
      <c r="BH1957" s="13">
        <v>-0.17640364188163885</v>
      </c>
      <c r="BI1957" s="6">
        <v>10</v>
      </c>
      <c r="BJ1957" s="13">
        <v>1.5174506828528073E-2</v>
      </c>
      <c r="BK1957" s="6">
        <v>-97</v>
      </c>
      <c r="BL1957" s="13">
        <v>-0.14499252615844543</v>
      </c>
      <c r="BM1957" s="11">
        <v>-29.25</v>
      </c>
      <c r="BN1957" s="13">
        <v>-5.113636363636364E-2</v>
      </c>
      <c r="BO1957" s="11">
        <v>-126.25</v>
      </c>
      <c r="BP1957" s="13">
        <v>-0.18871449925261585</v>
      </c>
      <c r="BQ1957" s="6">
        <v>659</v>
      </c>
      <c r="BR1957" s="6">
        <v>676</v>
      </c>
      <c r="BS1957" s="6">
        <v>673</v>
      </c>
      <c r="BT1957" s="6">
        <v>669</v>
      </c>
      <c r="BU1957" s="6">
        <v>656</v>
      </c>
      <c r="BV1957" s="6">
        <v>613</v>
      </c>
      <c r="BW1957" s="6">
        <v>572</v>
      </c>
      <c r="BX1957" s="6">
        <v>535</v>
      </c>
      <c r="BY1957" s="6">
        <v>550</v>
      </c>
      <c r="BZ1957" s="6">
        <v>548</v>
      </c>
      <c r="CA1957" s="6">
        <v>551</v>
      </c>
      <c r="CB1957" s="6">
        <v>550</v>
      </c>
      <c r="CC1957" s="11">
        <v>542.75</v>
      </c>
      <c r="CD1957" s="11">
        <v>-242.67500000000001</v>
      </c>
      <c r="CE1957" s="11">
        <v>-135.047</v>
      </c>
      <c r="CF1957" s="11">
        <v>291.05</v>
      </c>
      <c r="CG1957" s="11">
        <v>156</v>
      </c>
      <c r="CH1957" s="20">
        <v>0.52807599999999999</v>
      </c>
      <c r="CI1957" s="20">
        <v>0.49306299999999997</v>
      </c>
      <c r="CJ1957" s="20">
        <v>0.52685800000000005</v>
      </c>
      <c r="CK1957" s="20">
        <v>0.50748599999999999</v>
      </c>
      <c r="CL1957" s="20">
        <v>0.51216600000000001</v>
      </c>
      <c r="CM1957" s="20">
        <v>0.54054199999999997</v>
      </c>
      <c r="CN1957" s="20">
        <v>0.540663</v>
      </c>
      <c r="CO1957" s="20">
        <v>0.54542800000000002</v>
      </c>
      <c r="CP1957" s="20">
        <v>0.52657500000000002</v>
      </c>
      <c r="CQ1957" s="20">
        <v>0.51845799999999997</v>
      </c>
      <c r="CR1957" s="20">
        <v>0.502803</v>
      </c>
      <c r="CS1957" s="20">
        <v>0.520231</v>
      </c>
      <c r="CT1957" s="20">
        <v>0.52209300000000003</v>
      </c>
      <c r="CU1957" s="20">
        <v>0.536192</v>
      </c>
      <c r="CV1957" s="20">
        <v>0.52515999999999996</v>
      </c>
      <c r="CW1957" s="20">
        <v>0.53778000000000004</v>
      </c>
      <c r="CX1957" s="20">
        <v>0.54537599999999997</v>
      </c>
      <c r="CY1957" s="6"/>
      <c r="CZ1957" s="6"/>
      <c r="DA1957" s="6"/>
      <c r="DB1957" s="6"/>
      <c r="DC1957" s="6"/>
      <c r="DD1957" s="6"/>
      <c r="DE1957" s="6"/>
      <c r="DF1957" s="6"/>
      <c r="DG1957" s="6"/>
      <c r="DH1957" s="6"/>
      <c r="DI1957" s="6"/>
      <c r="DJ1957" s="6"/>
      <c r="DK1957" s="6"/>
      <c r="DL1957" s="6"/>
      <c r="DM1957" s="6"/>
      <c r="DN1957" s="6"/>
      <c r="DO1957" s="6"/>
      <c r="DP1957" s="6"/>
      <c r="DQ1957" s="6"/>
    </row>
    <row r="1958" spans="1:121" x14ac:dyDescent="0.2">
      <c r="A1958" s="6" t="s">
        <v>317</v>
      </c>
      <c r="B1958" s="6" t="s">
        <v>317</v>
      </c>
      <c r="C1958" s="6" t="s">
        <v>186</v>
      </c>
      <c r="D1958" s="6" t="s">
        <v>339</v>
      </c>
      <c r="E1958" s="6" t="s">
        <v>333</v>
      </c>
      <c r="F1958" s="11">
        <v>2225</v>
      </c>
      <c r="G1958" s="13">
        <v>0.49367650321700002</v>
      </c>
      <c r="H1958" s="11">
        <v>411.99407061999955</v>
      </c>
      <c r="I1958" s="13">
        <v>9.141213175299974E-2</v>
      </c>
      <c r="J1958" s="11">
        <v>-301.61141339000005</v>
      </c>
      <c r="K1958" s="13">
        <v>-6.1315724757483689E-2</v>
      </c>
      <c r="L1958" s="11">
        <v>2114.5853978599998</v>
      </c>
      <c r="M1958" s="13">
        <v>0.45796235547412262</v>
      </c>
      <c r="N1958" s="11">
        <v>1812.9739844699998</v>
      </c>
      <c r="O1958" s="13">
        <v>0.36856633697909874</v>
      </c>
      <c r="P1958" s="7">
        <v>4506.9955455500003</v>
      </c>
      <c r="Q1958" s="7">
        <v>4540.45142949</v>
      </c>
      <c r="R1958" s="7">
        <v>4704.1131992399996</v>
      </c>
      <c r="S1958" s="7">
        <v>4583.0789091500001</v>
      </c>
      <c r="T1958" s="7">
        <v>4740.72972286</v>
      </c>
      <c r="U1958" s="7">
        <v>5021.2451451699999</v>
      </c>
      <c r="V1958" s="7">
        <v>4918.9896161699999</v>
      </c>
      <c r="W1958" s="7">
        <v>4896.46806775</v>
      </c>
      <c r="X1958" s="7">
        <v>4711.7737946799998</v>
      </c>
      <c r="Y1958" s="7">
        <v>4617.3782027799998</v>
      </c>
      <c r="Z1958" s="7">
        <v>4781.7394579399997</v>
      </c>
      <c r="AA1958" s="7">
        <v>5682.4023083900001</v>
      </c>
      <c r="AB1958" s="7">
        <v>5907.8371659300001</v>
      </c>
      <c r="AC1958" s="7">
        <v>6042.2745833999998</v>
      </c>
      <c r="AD1958" s="7">
        <v>6231.3864342400002</v>
      </c>
      <c r="AE1958" s="7">
        <v>6426.9345801500003</v>
      </c>
      <c r="AF1958" s="7">
        <v>6731.9636006399996</v>
      </c>
      <c r="AG1958" s="9">
        <v>19683.026696200002</v>
      </c>
      <c r="AH1958" s="13">
        <v>0.68142582835211307</v>
      </c>
      <c r="AI1958" s="9">
        <v>3392.5643388999997</v>
      </c>
      <c r="AJ1958" s="13">
        <v>0.11745048160296824</v>
      </c>
      <c r="AK1958" s="9">
        <v>3070.3882415000007</v>
      </c>
      <c r="AL1958" s="13">
        <v>9.5124353123107908E-2</v>
      </c>
      <c r="AM1958" s="9">
        <v>13220.074115800002</v>
      </c>
      <c r="AN1958" s="13">
        <v>0.3739976517582595</v>
      </c>
      <c r="AO1958" s="9">
        <v>16290.462357300003</v>
      </c>
      <c r="AP1958" s="13">
        <v>0.5046982895744333</v>
      </c>
      <c r="AQ1958" s="9">
        <v>28885.061113399999</v>
      </c>
      <c r="AR1958" s="9">
        <v>29213.0810681</v>
      </c>
      <c r="AS1958" s="9">
        <v>30739.431706700001</v>
      </c>
      <c r="AT1958" s="9">
        <v>30591.7789381</v>
      </c>
      <c r="AU1958" s="9">
        <v>31374.547872200001</v>
      </c>
      <c r="AV1958" s="9">
        <v>32525.0452534</v>
      </c>
      <c r="AW1958" s="9">
        <v>32277.625452299999</v>
      </c>
      <c r="AX1958" s="9">
        <v>33313.236189299998</v>
      </c>
      <c r="AY1958" s="9">
        <v>35007.875962099999</v>
      </c>
      <c r="AZ1958" s="9">
        <v>35348.0136938</v>
      </c>
      <c r="BA1958" s="9">
        <v>35170.857408900003</v>
      </c>
      <c r="BB1958" s="9">
        <v>45390.057805099997</v>
      </c>
      <c r="BC1958" s="9">
        <v>46152.533397799998</v>
      </c>
      <c r="BD1958" s="9">
        <v>47568.272467499999</v>
      </c>
      <c r="BE1958" s="9">
        <v>46850.162012000001</v>
      </c>
      <c r="BF1958" s="9">
        <v>48568.087809600001</v>
      </c>
      <c r="BG1958" s="11">
        <v>-2.5</v>
      </c>
      <c r="BH1958" s="13">
        <v>-2.5432349949135302E-3</v>
      </c>
      <c r="BI1958" s="6">
        <v>12</v>
      </c>
      <c r="BJ1958" s="13">
        <v>1.2207527975584944E-2</v>
      </c>
      <c r="BK1958" s="6">
        <v>-44</v>
      </c>
      <c r="BL1958" s="13">
        <v>-4.4221105527638194E-2</v>
      </c>
      <c r="BM1958" s="11">
        <v>29.5</v>
      </c>
      <c r="BN1958" s="13">
        <v>3.1019978969505785E-2</v>
      </c>
      <c r="BO1958" s="11">
        <v>-14.5</v>
      </c>
      <c r="BP1958" s="13">
        <v>-1.457286432160804E-2</v>
      </c>
      <c r="BQ1958" s="6">
        <v>983</v>
      </c>
      <c r="BR1958" s="6">
        <v>995</v>
      </c>
      <c r="BS1958" s="6">
        <v>979</v>
      </c>
      <c r="BT1958" s="6">
        <v>995</v>
      </c>
      <c r="BU1958" s="6">
        <v>981</v>
      </c>
      <c r="BV1958" s="6">
        <v>959</v>
      </c>
      <c r="BW1958" s="6">
        <v>951</v>
      </c>
      <c r="BX1958" s="6">
        <v>948</v>
      </c>
      <c r="BY1958" s="6">
        <v>943</v>
      </c>
      <c r="BZ1958" s="6">
        <v>944</v>
      </c>
      <c r="CA1958" s="6">
        <v>949</v>
      </c>
      <c r="CB1958" s="6">
        <v>1002</v>
      </c>
      <c r="CC1958" s="11">
        <v>980.5</v>
      </c>
      <c r="CD1958" s="11">
        <v>830.44100000000003</v>
      </c>
      <c r="CE1958" s="11">
        <v>901.85900000000004</v>
      </c>
      <c r="CF1958" s="11">
        <v>492.66899999999998</v>
      </c>
      <c r="CG1958" s="11">
        <v>1395</v>
      </c>
      <c r="CH1958" s="20">
        <v>0.28093499999999999</v>
      </c>
      <c r="CI1958" s="20">
        <v>0.28713</v>
      </c>
      <c r="CJ1958" s="20">
        <v>0.295566</v>
      </c>
      <c r="CK1958" s="20">
        <v>0.28240599999999999</v>
      </c>
      <c r="CL1958" s="20">
        <v>0.28162999999999999</v>
      </c>
      <c r="CM1958" s="20">
        <v>0.28759299999999999</v>
      </c>
      <c r="CN1958" s="20">
        <v>0.27759299999999998</v>
      </c>
      <c r="CO1958" s="20">
        <v>0.27616499999999999</v>
      </c>
      <c r="CP1958" s="20">
        <v>0.27271699999999999</v>
      </c>
      <c r="CQ1958" s="20">
        <v>0.27018199999999998</v>
      </c>
      <c r="CR1958" s="20">
        <v>0.27731800000000001</v>
      </c>
      <c r="CS1958" s="20">
        <v>0.32496399999999998</v>
      </c>
      <c r="CT1958" s="20">
        <v>0.33799200000000001</v>
      </c>
      <c r="CU1958" s="20">
        <v>0.34159699999999998</v>
      </c>
      <c r="CV1958" s="20">
        <v>0.34598400000000001</v>
      </c>
      <c r="CW1958" s="20">
        <v>0.35434199999999999</v>
      </c>
      <c r="CX1958" s="20">
        <v>0.36214600000000002</v>
      </c>
      <c r="CY1958" s="6"/>
      <c r="CZ1958" s="6"/>
      <c r="DA1958" s="6"/>
      <c r="DB1958" s="6"/>
      <c r="DC1958" s="6"/>
      <c r="DD1958" s="6"/>
      <c r="DE1958" s="6"/>
      <c r="DF1958" s="6"/>
      <c r="DG1958" s="6"/>
      <c r="DH1958" s="6"/>
      <c r="DI1958" s="6"/>
      <c r="DJ1958" s="6"/>
      <c r="DK1958" s="6"/>
      <c r="DL1958" s="6"/>
      <c r="DM1958" s="6"/>
      <c r="DN1958" s="6"/>
      <c r="DO1958" s="6"/>
      <c r="DP1958" s="6"/>
      <c r="DQ1958" s="6"/>
    </row>
    <row r="1959" spans="1:121" x14ac:dyDescent="0.2">
      <c r="A1959" s="6" t="s">
        <v>318</v>
      </c>
      <c r="B1959" s="6" t="s">
        <v>318</v>
      </c>
      <c r="C1959" s="6" t="s">
        <v>187</v>
      </c>
      <c r="D1959" s="6" t="s">
        <v>339</v>
      </c>
      <c r="E1959" s="6" t="s">
        <v>333</v>
      </c>
      <c r="F1959" s="11">
        <v>-770</v>
      </c>
      <c r="G1959" s="13">
        <v>-0.410447761194</v>
      </c>
      <c r="H1959" s="11">
        <v>526.91222200000016</v>
      </c>
      <c r="I1959" s="13">
        <v>0.28091616699940253</v>
      </c>
      <c r="J1959" s="11">
        <v>-9.5931900000000496</v>
      </c>
      <c r="K1959" s="13">
        <v>-3.9928298221312579E-3</v>
      </c>
      <c r="L1959" s="11">
        <v>-1286.6757989900002</v>
      </c>
      <c r="M1959" s="13">
        <v>-0.53768066811525039</v>
      </c>
      <c r="N1959" s="11">
        <v>-1296.2689889900003</v>
      </c>
      <c r="O1959" s="13">
        <v>-0.53952663053094763</v>
      </c>
      <c r="P1959" s="7">
        <v>1875.692053</v>
      </c>
      <c r="Q1959" s="7">
        <v>1897.5118279999999</v>
      </c>
      <c r="R1959" s="7">
        <v>1835.5069759999999</v>
      </c>
      <c r="S1959" s="7">
        <v>2027.5521100000001</v>
      </c>
      <c r="T1959" s="7">
        <v>2264.6448559999999</v>
      </c>
      <c r="U1959" s="7">
        <v>2244.8338239999998</v>
      </c>
      <c r="V1959" s="7">
        <v>2402.6042750000001</v>
      </c>
      <c r="W1959" s="7">
        <v>2378.7921569999999</v>
      </c>
      <c r="X1959" s="7">
        <v>2383.0996</v>
      </c>
      <c r="Y1959" s="7">
        <v>2393.0110850000001</v>
      </c>
      <c r="Z1959" s="7">
        <v>2284.4164999999998</v>
      </c>
      <c r="AA1959" s="7">
        <v>1040.147639</v>
      </c>
      <c r="AB1959" s="7">
        <v>1123.92128</v>
      </c>
      <c r="AC1959" s="7">
        <v>1169.771432</v>
      </c>
      <c r="AD1959" s="7">
        <v>1111.2073809999999</v>
      </c>
      <c r="AE1959" s="7">
        <v>1120.29681325</v>
      </c>
      <c r="AF1959" s="7">
        <v>1106.3352860099999</v>
      </c>
      <c r="AG1959" s="9">
        <v>10582.562033800008</v>
      </c>
      <c r="AH1959" s="13">
        <v>0.17340441121524286</v>
      </c>
      <c r="AI1959" s="9">
        <v>13057.711517900003</v>
      </c>
      <c r="AJ1959" s="13">
        <v>0.21396187145872919</v>
      </c>
      <c r="AK1959" s="9">
        <v>-6233.3073882000026</v>
      </c>
      <c r="AL1959" s="13">
        <v>-8.4136185024069818E-2</v>
      </c>
      <c r="AM1959" s="9">
        <v>3758.1579041000077</v>
      </c>
      <c r="AN1959" s="13">
        <v>5.5387070423515559E-2</v>
      </c>
      <c r="AO1959" s="9">
        <v>-2475.1494840999949</v>
      </c>
      <c r="AP1959" s="13">
        <v>-3.340917140564835E-2</v>
      </c>
      <c r="AQ1959" s="9">
        <v>61028.216984999999</v>
      </c>
      <c r="AR1959" s="9">
        <v>58908.674540300002</v>
      </c>
      <c r="AS1959" s="9">
        <v>66018.848425000004</v>
      </c>
      <c r="AT1959" s="9">
        <v>64006.564361299999</v>
      </c>
      <c r="AU1959" s="9">
        <v>65050.241617799998</v>
      </c>
      <c r="AV1959" s="9">
        <v>78971.673735300006</v>
      </c>
      <c r="AW1959" s="9">
        <v>74085.928502900002</v>
      </c>
      <c r="AX1959" s="9">
        <v>65875.369289499999</v>
      </c>
      <c r="AY1959" s="9">
        <v>65910.632000900005</v>
      </c>
      <c r="AZ1959" s="9">
        <v>67852.621114699999</v>
      </c>
      <c r="BA1959" s="9">
        <v>69348.264786400003</v>
      </c>
      <c r="BB1959" s="9">
        <v>71799.971617699994</v>
      </c>
      <c r="BC1959" s="9">
        <v>70560.683645600002</v>
      </c>
      <c r="BD1959" s="9">
        <v>66892.4344919</v>
      </c>
      <c r="BE1959" s="9">
        <v>69925.933836600001</v>
      </c>
      <c r="BF1959" s="9">
        <v>71610.779018800007</v>
      </c>
      <c r="BG1959" s="11">
        <v>1.75</v>
      </c>
      <c r="BH1959" s="13">
        <v>1.8817204301075269E-2</v>
      </c>
      <c r="BI1959" s="6">
        <v>7</v>
      </c>
      <c r="BJ1959" s="13">
        <v>7.5268817204301078E-2</v>
      </c>
      <c r="BK1959" s="6">
        <v>-3</v>
      </c>
      <c r="BL1959" s="13">
        <v>-0.03</v>
      </c>
      <c r="BM1959" s="11">
        <v>-2.25</v>
      </c>
      <c r="BN1959" s="13">
        <v>-2.3195876288659795E-2</v>
      </c>
      <c r="BO1959" s="11">
        <v>-5.25</v>
      </c>
      <c r="BP1959" s="13">
        <v>-5.2499999999999998E-2</v>
      </c>
      <c r="BQ1959" s="6">
        <v>93</v>
      </c>
      <c r="BR1959" s="6">
        <v>98</v>
      </c>
      <c r="BS1959" s="6">
        <v>98</v>
      </c>
      <c r="BT1959" s="6">
        <v>100</v>
      </c>
      <c r="BU1959" s="6">
        <v>104</v>
      </c>
      <c r="BV1959" s="6">
        <v>98</v>
      </c>
      <c r="BW1959" s="6">
        <v>97</v>
      </c>
      <c r="BX1959" s="6">
        <v>88</v>
      </c>
      <c r="BY1959" s="6">
        <v>91</v>
      </c>
      <c r="BZ1959" s="6">
        <v>91</v>
      </c>
      <c r="CA1959" s="6">
        <v>92</v>
      </c>
      <c r="CB1959" s="6">
        <v>97</v>
      </c>
      <c r="CC1959" s="11">
        <v>94.75</v>
      </c>
      <c r="CD1959" s="11">
        <v>-1375.99</v>
      </c>
      <c r="CE1959" s="11">
        <v>401.601</v>
      </c>
      <c r="CF1959" s="11">
        <v>205.036</v>
      </c>
      <c r="CG1959" s="11">
        <v>607</v>
      </c>
      <c r="CH1959" s="20">
        <v>0.53800099999999995</v>
      </c>
      <c r="CI1959" s="20">
        <v>0.54775099999999999</v>
      </c>
      <c r="CJ1959" s="20">
        <v>0.53942000000000001</v>
      </c>
      <c r="CK1959" s="20">
        <v>0.58358699999999997</v>
      </c>
      <c r="CL1959" s="20">
        <v>0.63722900000000005</v>
      </c>
      <c r="CM1959" s="20">
        <v>0.61995500000000003</v>
      </c>
      <c r="CN1959" s="20">
        <v>0.65371500000000005</v>
      </c>
      <c r="CO1959" s="20">
        <v>0.63834000000000002</v>
      </c>
      <c r="CP1959" s="20">
        <v>0.64659699999999998</v>
      </c>
      <c r="CQ1959" s="20">
        <v>0.65230900000000003</v>
      </c>
      <c r="CR1959" s="20">
        <v>0.61311300000000002</v>
      </c>
      <c r="CS1959" s="20">
        <v>0.270677</v>
      </c>
      <c r="CT1959" s="20">
        <v>0.28771799999999997</v>
      </c>
      <c r="CU1959" s="20">
        <v>0.29461199999999999</v>
      </c>
      <c r="CV1959" s="20">
        <v>0.27774399999999999</v>
      </c>
      <c r="CW1959" s="20">
        <v>0.28018399999999999</v>
      </c>
      <c r="CX1959" s="20">
        <v>0.27096399999999998</v>
      </c>
      <c r="CY1959" s="6"/>
      <c r="CZ1959" s="6"/>
      <c r="DA1959" s="6"/>
      <c r="DB1959" s="6"/>
      <c r="DC1959" s="6"/>
      <c r="DD1959" s="6"/>
      <c r="DE1959" s="6"/>
      <c r="DF1959" s="6"/>
      <c r="DG1959" s="6"/>
      <c r="DH1959" s="6"/>
      <c r="DI1959" s="6"/>
      <c r="DJ1959" s="6"/>
      <c r="DK1959" s="6"/>
      <c r="DL1959" s="6"/>
      <c r="DM1959" s="6"/>
      <c r="DN1959" s="6"/>
      <c r="DO1959" s="6"/>
      <c r="DP1959" s="6"/>
      <c r="DQ1959" s="6"/>
    </row>
    <row r="1960" spans="1:121" x14ac:dyDescent="0.2">
      <c r="A1960" s="6" t="s">
        <v>319</v>
      </c>
      <c r="B1960" s="6" t="s">
        <v>319</v>
      </c>
      <c r="C1960" s="6" t="s">
        <v>188</v>
      </c>
      <c r="D1960" s="6" t="s">
        <v>339</v>
      </c>
      <c r="E1960" s="6" t="s">
        <v>333</v>
      </c>
      <c r="F1960" s="11">
        <v>1536</v>
      </c>
      <c r="G1960" s="13">
        <v>0.29493087557600001</v>
      </c>
      <c r="H1960" s="11">
        <v>1821.0620962900002</v>
      </c>
      <c r="I1960" s="13">
        <v>0.34964986711388174</v>
      </c>
      <c r="J1960" s="11">
        <v>-1087.12207803</v>
      </c>
      <c r="K1960" s="13">
        <v>-0.15465565761898742</v>
      </c>
      <c r="L1960" s="11">
        <v>801.87094704999981</v>
      </c>
      <c r="M1960" s="13">
        <v>0.13494547441089702</v>
      </c>
      <c r="N1960" s="11">
        <v>-285.2511309800002</v>
      </c>
      <c r="O1960" s="13">
        <v>-4.0580264295813927E-2</v>
      </c>
      <c r="P1960" s="7">
        <v>5208.2447830499996</v>
      </c>
      <c r="Q1960" s="7">
        <v>6084.1712494399999</v>
      </c>
      <c r="R1960" s="7">
        <v>6224.39758325</v>
      </c>
      <c r="S1960" s="7">
        <v>6279.7437737</v>
      </c>
      <c r="T1960" s="7">
        <v>6901.7511901799999</v>
      </c>
      <c r="U1960" s="7">
        <v>7259.4908575099998</v>
      </c>
      <c r="V1960" s="7">
        <v>7029.3068793399998</v>
      </c>
      <c r="W1960" s="7">
        <v>6793.7350467599999</v>
      </c>
      <c r="X1960" s="7">
        <v>6448.4695209700003</v>
      </c>
      <c r="Y1960" s="7">
        <v>5942.1848013099998</v>
      </c>
      <c r="Z1960" s="7">
        <v>6638.0482272700001</v>
      </c>
      <c r="AA1960" s="7">
        <v>7058.8342317200004</v>
      </c>
      <c r="AB1960" s="7">
        <v>6588.0088699400003</v>
      </c>
      <c r="AC1960" s="7">
        <v>6620.0019243200004</v>
      </c>
      <c r="AD1960" s="7">
        <v>6740.8126631599998</v>
      </c>
      <c r="AE1960" s="7">
        <v>6529.7714298399997</v>
      </c>
      <c r="AF1960" s="7">
        <v>6744.0557483599996</v>
      </c>
      <c r="AG1960" s="9">
        <v>8440.3426393000009</v>
      </c>
      <c r="AH1960" s="13">
        <v>0.4482648340429975</v>
      </c>
      <c r="AI1960" s="9">
        <v>1914.1214357000026</v>
      </c>
      <c r="AJ1960" s="13">
        <v>0.10165858951235264</v>
      </c>
      <c r="AK1960" s="9">
        <v>1926.2757351999971</v>
      </c>
      <c r="AL1960" s="13">
        <v>9.2863708224301594E-2</v>
      </c>
      <c r="AM1960" s="9">
        <v>4599.9454684000011</v>
      </c>
      <c r="AN1960" s="13">
        <v>0.20291504418726439</v>
      </c>
      <c r="AO1960" s="9">
        <v>6526.2212035999983</v>
      </c>
      <c r="AP1960" s="13">
        <v>0.31462219586929341</v>
      </c>
      <c r="AQ1960" s="9">
        <v>18828.919866799999</v>
      </c>
      <c r="AR1960" s="9">
        <v>17789.129073600001</v>
      </c>
      <c r="AS1960" s="9">
        <v>18842.2546563</v>
      </c>
      <c r="AT1960" s="9">
        <v>18888.195088699998</v>
      </c>
      <c r="AU1960" s="9">
        <v>18477.683676600001</v>
      </c>
      <c r="AV1960" s="9">
        <v>18971.701181299999</v>
      </c>
      <c r="AW1960" s="9">
        <v>20743.041302500002</v>
      </c>
      <c r="AX1960" s="9">
        <v>21325.124723100002</v>
      </c>
      <c r="AY1960" s="9">
        <v>21620.987970999999</v>
      </c>
      <c r="AZ1960" s="9">
        <v>22669.317037699999</v>
      </c>
      <c r="BA1960" s="9">
        <v>21803.453589100001</v>
      </c>
      <c r="BB1960" s="9">
        <v>22012.3191673</v>
      </c>
      <c r="BC1960" s="9">
        <v>23409.621148999999</v>
      </c>
      <c r="BD1960" s="9">
        <v>25590.277949399999</v>
      </c>
      <c r="BE1960" s="9">
        <v>26712.426638000001</v>
      </c>
      <c r="BF1960" s="9">
        <v>27269.2625061</v>
      </c>
      <c r="BG1960" s="11">
        <v>108</v>
      </c>
      <c r="BH1960" s="13">
        <v>0.21135029354207435</v>
      </c>
      <c r="BI1960" s="6">
        <v>69</v>
      </c>
      <c r="BJ1960" s="13">
        <v>0.13502935420743639</v>
      </c>
      <c r="BK1960" s="6">
        <v>-12</v>
      </c>
      <c r="BL1960" s="13">
        <v>-2.0689655172413793E-2</v>
      </c>
      <c r="BM1960" s="11">
        <v>51</v>
      </c>
      <c r="BN1960" s="13">
        <v>8.9788732394366202E-2</v>
      </c>
      <c r="BO1960" s="11">
        <v>39</v>
      </c>
      <c r="BP1960" s="13">
        <v>6.7241379310344823E-2</v>
      </c>
      <c r="BQ1960" s="6">
        <v>511</v>
      </c>
      <c r="BR1960" s="6">
        <v>552</v>
      </c>
      <c r="BS1960" s="6">
        <v>548</v>
      </c>
      <c r="BT1960" s="6">
        <v>580</v>
      </c>
      <c r="BU1960" s="6">
        <v>578</v>
      </c>
      <c r="BV1960" s="6">
        <v>571</v>
      </c>
      <c r="BW1960" s="6">
        <v>568</v>
      </c>
      <c r="BX1960" s="6">
        <v>552</v>
      </c>
      <c r="BY1960" s="6">
        <v>571</v>
      </c>
      <c r="BZ1960" s="6">
        <v>580</v>
      </c>
      <c r="CA1960" s="6">
        <v>589</v>
      </c>
      <c r="CB1960" s="6">
        <v>625</v>
      </c>
      <c r="CC1960" s="11">
        <v>619</v>
      </c>
      <c r="CD1960" s="11">
        <v>497.88799999999998</v>
      </c>
      <c r="CE1960" s="11">
        <v>468.59899999999999</v>
      </c>
      <c r="CF1960" s="11">
        <v>569.32399999999996</v>
      </c>
      <c r="CG1960" s="11">
        <v>1038</v>
      </c>
      <c r="CH1960" s="20">
        <v>0.30454599999999998</v>
      </c>
      <c r="CI1960" s="20">
        <v>0.35455399999999998</v>
      </c>
      <c r="CJ1960" s="20">
        <v>0.36271500000000001</v>
      </c>
      <c r="CK1960" s="20">
        <v>0.35421399999999997</v>
      </c>
      <c r="CL1960" s="20">
        <v>0.37789400000000001</v>
      </c>
      <c r="CM1960" s="20">
        <v>0.38834200000000002</v>
      </c>
      <c r="CN1960" s="20">
        <v>0.378247</v>
      </c>
      <c r="CO1960" s="20">
        <v>0.38850499999999999</v>
      </c>
      <c r="CP1960" s="20">
        <v>0.40138800000000002</v>
      </c>
      <c r="CQ1960" s="20">
        <v>0.36119899999999999</v>
      </c>
      <c r="CR1960" s="20">
        <v>0.39510899999999999</v>
      </c>
      <c r="CS1960" s="20">
        <v>0.41261700000000001</v>
      </c>
      <c r="CT1960" s="20">
        <v>0.38314700000000002</v>
      </c>
      <c r="CU1960" s="20">
        <v>0.37830000000000003</v>
      </c>
      <c r="CV1960" s="20">
        <v>0.38124799999999998</v>
      </c>
      <c r="CW1960" s="20">
        <v>0.367869</v>
      </c>
      <c r="CX1960" s="20">
        <v>0.37158799999999997</v>
      </c>
      <c r="CY1960" s="6"/>
      <c r="CZ1960" s="6"/>
      <c r="DA1960" s="6"/>
      <c r="DB1960" s="6"/>
      <c r="DC1960" s="6"/>
      <c r="DD1960" s="6"/>
      <c r="DE1960" s="6"/>
      <c r="DF1960" s="6"/>
      <c r="DG1960" s="6"/>
      <c r="DH1960" s="6"/>
      <c r="DI1960" s="6"/>
      <c r="DJ1960" s="6"/>
      <c r="DK1960" s="6"/>
      <c r="DL1960" s="6"/>
      <c r="DM1960" s="6"/>
      <c r="DN1960" s="6"/>
      <c r="DO1960" s="6"/>
      <c r="DP1960" s="6"/>
      <c r="DQ1960" s="6"/>
    </row>
    <row r="1961" spans="1:121" x14ac:dyDescent="0.2">
      <c r="A1961" s="6" t="s">
        <v>320</v>
      </c>
      <c r="B1961" s="6" t="s">
        <v>320</v>
      </c>
      <c r="C1961" s="6" t="s">
        <v>189</v>
      </c>
      <c r="D1961" s="6" t="s">
        <v>339</v>
      </c>
      <c r="E1961" s="6" t="s">
        <v>333</v>
      </c>
      <c r="F1961" s="11">
        <v>643</v>
      </c>
      <c r="G1961" s="13">
        <v>0.46093189964199999</v>
      </c>
      <c r="H1961" s="11">
        <v>248.42437251000001</v>
      </c>
      <c r="I1961" s="13">
        <v>0.1781033340444895</v>
      </c>
      <c r="J1961" s="11">
        <v>231.68379643999992</v>
      </c>
      <c r="K1961" s="13">
        <v>0.14099058869349976</v>
      </c>
      <c r="L1961" s="11">
        <v>162.82649246999995</v>
      </c>
      <c r="M1961" s="13">
        <v>8.6843529995716623E-2</v>
      </c>
      <c r="N1961" s="11">
        <v>394.51028890999987</v>
      </c>
      <c r="O1961" s="13">
        <v>0.24007823910753409</v>
      </c>
      <c r="P1961" s="7">
        <v>1394.8328022200001</v>
      </c>
      <c r="Q1961" s="7">
        <v>1398.46198304</v>
      </c>
      <c r="R1961" s="7">
        <v>1428.05941852</v>
      </c>
      <c r="S1961" s="7">
        <v>1354.7711502</v>
      </c>
      <c r="T1961" s="7">
        <v>1413.86655885</v>
      </c>
      <c r="U1961" s="7">
        <v>1633.67919568</v>
      </c>
      <c r="V1961" s="7">
        <v>1643.2571747300001</v>
      </c>
      <c r="W1961" s="7">
        <v>1652.0416415699999</v>
      </c>
      <c r="X1961" s="7">
        <v>1764.2296212799999</v>
      </c>
      <c r="Y1961" s="7">
        <v>1874.94097117</v>
      </c>
      <c r="Z1961" s="7">
        <v>1993.34407403</v>
      </c>
      <c r="AA1961" s="7">
        <v>1896.7160286200001</v>
      </c>
      <c r="AB1961" s="7">
        <v>1889.7924759299999</v>
      </c>
      <c r="AC1961" s="7">
        <v>1952.2228526199999</v>
      </c>
      <c r="AD1961" s="7">
        <v>1922.10367774</v>
      </c>
      <c r="AE1961" s="7">
        <v>1910.1694022900001</v>
      </c>
      <c r="AF1961" s="7">
        <v>2037.76746364</v>
      </c>
      <c r="AG1961" s="9">
        <v>6808.7820558999992</v>
      </c>
      <c r="AH1961" s="13">
        <v>0.30291127577237759</v>
      </c>
      <c r="AI1961" s="9">
        <v>2071.4480361999995</v>
      </c>
      <c r="AJ1961" s="13">
        <v>9.2155243359245478E-2</v>
      </c>
      <c r="AK1961" s="9">
        <v>1007.5003561999984</v>
      </c>
      <c r="AL1961" s="13">
        <v>4.1039951642789056E-2</v>
      </c>
      <c r="AM1961" s="9">
        <v>3729.8336635000014</v>
      </c>
      <c r="AN1961" s="13">
        <v>0.14594314463701324</v>
      </c>
      <c r="AO1961" s="9">
        <v>4737.3340196999998</v>
      </c>
      <c r="AP1961" s="13">
        <v>0.1929725958783019</v>
      </c>
      <c r="AQ1961" s="9">
        <v>22477.809842300001</v>
      </c>
      <c r="AR1961" s="9">
        <v>20520.184926800001</v>
      </c>
      <c r="AS1961" s="9">
        <v>19771.1904388</v>
      </c>
      <c r="AT1961" s="9">
        <v>21390.178965499999</v>
      </c>
      <c r="AU1961" s="9">
        <v>22759.115828999998</v>
      </c>
      <c r="AV1961" s="9">
        <v>23246.150194400001</v>
      </c>
      <c r="AW1961" s="9">
        <v>24549.257878500001</v>
      </c>
      <c r="AX1961" s="9">
        <v>23772.1404626</v>
      </c>
      <c r="AY1961" s="9">
        <v>23991.5799468</v>
      </c>
      <c r="AZ1961" s="9">
        <v>25556.758234699999</v>
      </c>
      <c r="BA1961" s="9">
        <v>25890.968511999999</v>
      </c>
      <c r="BB1961" s="9">
        <v>27517.796875600001</v>
      </c>
      <c r="BC1961" s="9">
        <v>29270.426474200001</v>
      </c>
      <c r="BD1961" s="9">
        <v>28181.681800499999</v>
      </c>
      <c r="BE1961" s="9">
        <v>29557.973397199999</v>
      </c>
      <c r="BF1961" s="9">
        <v>29286.5918982</v>
      </c>
      <c r="BG1961" s="11">
        <v>6.25</v>
      </c>
      <c r="BH1961" s="13">
        <v>0.13020833333333334</v>
      </c>
      <c r="BI1961" s="6">
        <v>13</v>
      </c>
      <c r="BJ1961" s="13">
        <v>0.27083333333333331</v>
      </c>
      <c r="BK1961" s="6">
        <v>-2</v>
      </c>
      <c r="BL1961" s="13">
        <v>-3.2786885245901641E-2</v>
      </c>
      <c r="BM1961" s="11">
        <v>-4.75</v>
      </c>
      <c r="BN1961" s="13">
        <v>-8.050847457627118E-2</v>
      </c>
      <c r="BO1961" s="11">
        <v>-6.75</v>
      </c>
      <c r="BP1961" s="13">
        <v>-0.11065573770491803</v>
      </c>
      <c r="BQ1961" s="6">
        <v>48</v>
      </c>
      <c r="BR1961" s="6">
        <v>47</v>
      </c>
      <c r="BS1961" s="6">
        <v>61</v>
      </c>
      <c r="BT1961" s="6">
        <v>61</v>
      </c>
      <c r="BU1961" s="6">
        <v>58</v>
      </c>
      <c r="BV1961" s="6">
        <v>63</v>
      </c>
      <c r="BW1961" s="6">
        <v>59</v>
      </c>
      <c r="BX1961" s="6">
        <v>55</v>
      </c>
      <c r="BY1961" s="6">
        <v>56</v>
      </c>
      <c r="BZ1961" s="6">
        <v>53</v>
      </c>
      <c r="CA1961" s="6">
        <v>54</v>
      </c>
      <c r="CB1961" s="6">
        <v>58</v>
      </c>
      <c r="CC1961" s="11">
        <v>54.25</v>
      </c>
      <c r="CD1961" s="11">
        <v>-14.613300000000001</v>
      </c>
      <c r="CE1961" s="11">
        <v>505.07600000000002</v>
      </c>
      <c r="CF1961" s="11">
        <v>152.47200000000001</v>
      </c>
      <c r="CG1961" s="11">
        <v>657</v>
      </c>
      <c r="CH1961" s="20">
        <v>0.24446799999999999</v>
      </c>
      <c r="CI1961" s="20">
        <v>0.233429</v>
      </c>
      <c r="CJ1961" s="20">
        <v>0.23148299999999999</v>
      </c>
      <c r="CK1961" s="20">
        <v>0.211754</v>
      </c>
      <c r="CL1961" s="20">
        <v>0.21932099999999999</v>
      </c>
      <c r="CM1961" s="20">
        <v>0.248805</v>
      </c>
      <c r="CN1961" s="20">
        <v>0.24781300000000001</v>
      </c>
      <c r="CO1961" s="20">
        <v>0.246082</v>
      </c>
      <c r="CP1961" s="20">
        <v>0.25323699999999999</v>
      </c>
      <c r="CQ1961" s="20">
        <v>0.26478800000000002</v>
      </c>
      <c r="CR1961" s="20">
        <v>0.27767500000000001</v>
      </c>
      <c r="CS1961" s="20">
        <v>0.26197700000000002</v>
      </c>
      <c r="CT1961" s="20">
        <v>0.26309399999999999</v>
      </c>
      <c r="CU1961" s="20">
        <v>0.27025100000000002</v>
      </c>
      <c r="CV1961" s="20">
        <v>0.26619599999999999</v>
      </c>
      <c r="CW1961" s="20">
        <v>0.263853</v>
      </c>
      <c r="CX1961" s="20">
        <v>0.27429500000000001</v>
      </c>
      <c r="CY1961" s="6"/>
      <c r="CZ1961" s="6"/>
      <c r="DA1961" s="6"/>
      <c r="DB1961" s="6"/>
      <c r="DC1961" s="6"/>
      <c r="DD1961" s="6"/>
      <c r="DE1961" s="6"/>
      <c r="DF1961" s="6"/>
      <c r="DG1961" s="6"/>
      <c r="DH1961" s="6"/>
      <c r="DI1961" s="6"/>
      <c r="DJ1961" s="6"/>
      <c r="DK1961" s="6"/>
      <c r="DL1961" s="6"/>
      <c r="DM1961" s="6"/>
      <c r="DN1961" s="6"/>
      <c r="DO1961" s="6"/>
      <c r="DP1961" s="6"/>
      <c r="DQ1961" s="6"/>
    </row>
    <row r="1962" spans="1:121" x14ac:dyDescent="0.2">
      <c r="A1962" s="6" t="s">
        <v>321</v>
      </c>
      <c r="B1962" s="6" t="s">
        <v>321</v>
      </c>
      <c r="C1962" s="6" t="s">
        <v>190</v>
      </c>
      <c r="D1962" s="6" t="s">
        <v>339</v>
      </c>
      <c r="E1962" s="6" t="s">
        <v>333</v>
      </c>
      <c r="F1962" s="11">
        <v>9263</v>
      </c>
      <c r="G1962" s="13">
        <v>0.37480780124599999</v>
      </c>
      <c r="H1962" s="11">
        <v>1098.7401648000014</v>
      </c>
      <c r="I1962" s="13">
        <v>4.4458769406629295E-2</v>
      </c>
      <c r="J1962" s="11">
        <v>1743.9444130999982</v>
      </c>
      <c r="K1962" s="13">
        <v>6.7562198664976716E-2</v>
      </c>
      <c r="L1962" s="11">
        <v>6420.8378411000012</v>
      </c>
      <c r="M1962" s="13">
        <v>0.23300736614443959</v>
      </c>
      <c r="N1962" s="11">
        <v>8164.7822541999994</v>
      </c>
      <c r="O1962" s="13">
        <v>0.31631205477126989</v>
      </c>
      <c r="P1962" s="7">
        <v>24713.688198399999</v>
      </c>
      <c r="Q1962" s="7">
        <v>25070.9153855</v>
      </c>
      <c r="R1962" s="7">
        <v>25478.8244299</v>
      </c>
      <c r="S1962" s="7">
        <v>25506.536907500002</v>
      </c>
      <c r="T1962" s="7">
        <v>25630.147087000001</v>
      </c>
      <c r="U1962" s="7">
        <v>25893.065799100001</v>
      </c>
      <c r="V1962" s="7">
        <v>25812.428363200001</v>
      </c>
      <c r="W1962" s="7">
        <v>26227.6340036</v>
      </c>
      <c r="X1962" s="7">
        <v>27117.011535400001</v>
      </c>
      <c r="Y1962" s="7">
        <v>27556.372776299999</v>
      </c>
      <c r="Z1962" s="7">
        <v>27195.597227400001</v>
      </c>
      <c r="AA1962" s="7">
        <v>29146.500371499998</v>
      </c>
      <c r="AB1962" s="7">
        <v>32186.957376900002</v>
      </c>
      <c r="AC1962" s="7">
        <v>32147.647372300002</v>
      </c>
      <c r="AD1962" s="7">
        <v>32523.1292565</v>
      </c>
      <c r="AE1962" s="7">
        <v>32788.8639816</v>
      </c>
      <c r="AF1962" s="7">
        <v>33977.2106174</v>
      </c>
      <c r="AG1962" s="9">
        <v>9793.9497228</v>
      </c>
      <c r="AH1962" s="13">
        <v>0.45606410438696737</v>
      </c>
      <c r="AI1962" s="9">
        <v>5515.454540900002</v>
      </c>
      <c r="AJ1962" s="13">
        <v>0.25683211642661585</v>
      </c>
      <c r="AK1962" s="9">
        <v>3326.486782699998</v>
      </c>
      <c r="AL1962" s="13">
        <v>0.12324705581533332</v>
      </c>
      <c r="AM1962" s="9">
        <v>952.00839919999999</v>
      </c>
      <c r="AN1962" s="13">
        <v>3.1401922856200866E-2</v>
      </c>
      <c r="AO1962" s="9">
        <v>4278.495181899998</v>
      </c>
      <c r="AP1962" s="13">
        <v>0.15851917321050121</v>
      </c>
      <c r="AQ1962" s="9">
        <v>21474.940975599999</v>
      </c>
      <c r="AR1962" s="9">
        <v>22337.411940999998</v>
      </c>
      <c r="AS1962" s="9">
        <v>22982.8593</v>
      </c>
      <c r="AT1962" s="9">
        <v>23914.081408599999</v>
      </c>
      <c r="AU1962" s="9">
        <v>24951.285910099999</v>
      </c>
      <c r="AV1962" s="9">
        <v>25736.113921600001</v>
      </c>
      <c r="AW1962" s="9">
        <v>26990.395516500001</v>
      </c>
      <c r="AX1962" s="9">
        <v>28383.949165000002</v>
      </c>
      <c r="AY1962" s="9">
        <v>29169.080522</v>
      </c>
      <c r="AZ1962" s="9">
        <v>30316.882299199999</v>
      </c>
      <c r="BA1962" s="9">
        <v>30403.711667700001</v>
      </c>
      <c r="BB1962" s="9">
        <v>29925.098110899999</v>
      </c>
      <c r="BC1962" s="9">
        <v>28587.332562399999</v>
      </c>
      <c r="BD1962" s="9">
        <v>28866.182689400001</v>
      </c>
      <c r="BE1962" s="9">
        <v>30182.2775683</v>
      </c>
      <c r="BF1962" s="9">
        <v>31268.890698399999</v>
      </c>
      <c r="BG1962" s="11">
        <v>4730.5</v>
      </c>
      <c r="BH1962" s="13">
        <v>3.1642140468227424</v>
      </c>
      <c r="BI1962" s="6">
        <v>53</v>
      </c>
      <c r="BJ1962" s="13">
        <v>3.5451505016722409E-2</v>
      </c>
      <c r="BK1962" s="6">
        <v>18</v>
      </c>
      <c r="BL1962" s="13">
        <v>1.1627906976744186E-2</v>
      </c>
      <c r="BM1962" s="11">
        <v>4659.5</v>
      </c>
      <c r="BN1962" s="13">
        <v>2.9754150702426565</v>
      </c>
      <c r="BO1962" s="11">
        <v>4677.5</v>
      </c>
      <c r="BP1962" s="13">
        <v>3.021640826873385</v>
      </c>
      <c r="BQ1962" s="6">
        <v>1495</v>
      </c>
      <c r="BR1962" s="6">
        <v>1514</v>
      </c>
      <c r="BS1962" s="6">
        <v>1534</v>
      </c>
      <c r="BT1962" s="6">
        <v>1548</v>
      </c>
      <c r="BU1962" s="6">
        <v>1565</v>
      </c>
      <c r="BV1962" s="6">
        <v>1558</v>
      </c>
      <c r="BW1962" s="6">
        <v>1566</v>
      </c>
      <c r="BX1962" s="6">
        <v>1587</v>
      </c>
      <c r="BY1962" s="6">
        <v>1674</v>
      </c>
      <c r="BZ1962" s="6">
        <v>6152</v>
      </c>
      <c r="CA1962" s="6">
        <v>6151</v>
      </c>
      <c r="CB1962" s="6">
        <v>6275</v>
      </c>
      <c r="CC1962" s="11">
        <v>6225.5</v>
      </c>
      <c r="CD1962" s="11">
        <v>-2437.88</v>
      </c>
      <c r="CE1962" s="11">
        <v>8999.9</v>
      </c>
      <c r="CF1962" s="11">
        <v>2701.5</v>
      </c>
      <c r="CG1962" s="11">
        <v>11702</v>
      </c>
      <c r="CH1962" s="20">
        <v>0.87704700000000002</v>
      </c>
      <c r="CI1962" s="20">
        <v>0.85350599999999999</v>
      </c>
      <c r="CJ1962" s="20">
        <v>0.84087199999999995</v>
      </c>
      <c r="CK1962" s="20">
        <v>0.82488099999999998</v>
      </c>
      <c r="CL1962" s="20">
        <v>0.81371300000000002</v>
      </c>
      <c r="CM1962" s="20">
        <v>0.804539</v>
      </c>
      <c r="CN1962" s="20">
        <v>0.79242500000000005</v>
      </c>
      <c r="CO1962" s="20">
        <v>0.79797300000000004</v>
      </c>
      <c r="CP1962" s="20">
        <v>0.80113900000000005</v>
      </c>
      <c r="CQ1962" s="20">
        <v>0.806029</v>
      </c>
      <c r="CR1962" s="20">
        <v>0.79864599999999997</v>
      </c>
      <c r="CS1962" s="20">
        <v>0.83471700000000004</v>
      </c>
      <c r="CT1962" s="20">
        <v>0.92422300000000002</v>
      </c>
      <c r="CU1962" s="20">
        <v>0.91976400000000003</v>
      </c>
      <c r="CV1962" s="20">
        <v>0.92162599999999995</v>
      </c>
      <c r="CW1962" s="20">
        <v>0.92115999999999998</v>
      </c>
      <c r="CX1962" s="20">
        <v>0.92476100000000006</v>
      </c>
      <c r="CY1962" s="6"/>
      <c r="CZ1962" s="6"/>
      <c r="DA1962" s="6"/>
      <c r="DB1962" s="6"/>
      <c r="DC1962" s="6"/>
      <c r="DD1962" s="6"/>
      <c r="DE1962" s="6"/>
      <c r="DF1962" s="6"/>
      <c r="DG1962" s="6"/>
      <c r="DH1962" s="6"/>
      <c r="DI1962" s="6"/>
      <c r="DJ1962" s="6"/>
      <c r="DK1962" s="6"/>
      <c r="DL1962" s="6"/>
      <c r="DM1962" s="6"/>
      <c r="DN1962" s="6"/>
      <c r="DO1962" s="6"/>
      <c r="DP1962" s="6"/>
      <c r="DQ1962" s="6"/>
    </row>
    <row r="1963" spans="1:121" x14ac:dyDescent="0.2">
      <c r="A1963" s="6" t="s">
        <v>322</v>
      </c>
      <c r="B1963" s="6" t="s">
        <v>322</v>
      </c>
      <c r="C1963" s="6" t="s">
        <v>191</v>
      </c>
      <c r="D1963" s="6" t="s">
        <v>339</v>
      </c>
      <c r="E1963" s="6" t="s">
        <v>333</v>
      </c>
      <c r="F1963" s="11">
        <v>-273</v>
      </c>
      <c r="G1963" s="13">
        <v>-9.7954790096900002E-2</v>
      </c>
      <c r="H1963" s="11">
        <v>528.61847366999973</v>
      </c>
      <c r="I1963" s="13">
        <v>0.18966073155873645</v>
      </c>
      <c r="J1963" s="11">
        <v>-794.75319652999997</v>
      </c>
      <c r="K1963" s="13">
        <v>-0.23968686869676761</v>
      </c>
      <c r="L1963" s="11">
        <v>-7.0125237600000219</v>
      </c>
      <c r="M1963" s="13">
        <v>-2.7815944615872247E-3</v>
      </c>
      <c r="N1963" s="11">
        <v>-801.76572028999999</v>
      </c>
      <c r="O1963" s="13">
        <v>-0.24180175149187272</v>
      </c>
      <c r="P1963" s="7">
        <v>2787.1793455900001</v>
      </c>
      <c r="Q1963" s="7">
        <v>3352.22306415</v>
      </c>
      <c r="R1963" s="7">
        <v>3071.7085649000001</v>
      </c>
      <c r="S1963" s="7">
        <v>3117.49247582</v>
      </c>
      <c r="T1963" s="7">
        <v>3134.4509925000002</v>
      </c>
      <c r="U1963" s="7">
        <v>3236.2572786000001</v>
      </c>
      <c r="V1963" s="7">
        <v>3315.7978192599999</v>
      </c>
      <c r="W1963" s="7">
        <v>3104.8238523</v>
      </c>
      <c r="X1963" s="7">
        <v>3062.5888587499999</v>
      </c>
      <c r="Y1963" s="7">
        <v>2521.0446227299999</v>
      </c>
      <c r="Z1963" s="7">
        <v>2483.5377055200001</v>
      </c>
      <c r="AA1963" s="7">
        <v>2536.57924413</v>
      </c>
      <c r="AB1963" s="7">
        <v>2441.6678839000001</v>
      </c>
      <c r="AC1963" s="7">
        <v>2411.8860296900002</v>
      </c>
      <c r="AD1963" s="7">
        <v>2424.02100759</v>
      </c>
      <c r="AE1963" s="7">
        <v>2474.8164511800001</v>
      </c>
      <c r="AF1963" s="7">
        <v>2514.0320989699999</v>
      </c>
      <c r="AG1963" s="9">
        <v>7720.635260099998</v>
      </c>
      <c r="AH1963" s="13">
        <v>0.51426990389240135</v>
      </c>
      <c r="AI1963" s="9">
        <v>5016.5515436999976</v>
      </c>
      <c r="AJ1963" s="13">
        <v>0.33415145170534333</v>
      </c>
      <c r="AK1963" s="9">
        <v>-1471.1923709999974</v>
      </c>
      <c r="AL1963" s="13">
        <v>-7.3451793472991661E-2</v>
      </c>
      <c r="AM1963" s="9">
        <v>4175.2760873999978</v>
      </c>
      <c r="AN1963" s="13">
        <v>0.22498321509611929</v>
      </c>
      <c r="AO1963" s="9">
        <v>2704.0837164000004</v>
      </c>
      <c r="AP1963" s="13">
        <v>0.13500600097299781</v>
      </c>
      <c r="AQ1963" s="9">
        <v>15012.807869300001</v>
      </c>
      <c r="AR1963" s="9">
        <v>18573.939143200001</v>
      </c>
      <c r="AS1963" s="9">
        <v>18184.722152599999</v>
      </c>
      <c r="AT1963" s="9">
        <v>18394.907537300001</v>
      </c>
      <c r="AU1963" s="9">
        <v>18525.988624400001</v>
      </c>
      <c r="AV1963" s="9">
        <v>19146.060192299999</v>
      </c>
      <c r="AW1963" s="9">
        <v>20029.359412999998</v>
      </c>
      <c r="AX1963" s="9">
        <v>20123.019313100001</v>
      </c>
      <c r="AY1963" s="9">
        <v>20385.278698800001</v>
      </c>
      <c r="AZ1963" s="9">
        <v>18558.167042000001</v>
      </c>
      <c r="BA1963" s="9">
        <v>18442.586127800001</v>
      </c>
      <c r="BB1963" s="9">
        <v>18781.511083000001</v>
      </c>
      <c r="BC1963" s="9">
        <v>19996.538804200001</v>
      </c>
      <c r="BD1963" s="9">
        <v>21708.501241999998</v>
      </c>
      <c r="BE1963" s="9">
        <v>22468.1227535</v>
      </c>
      <c r="BF1963" s="9">
        <v>22733.443129399999</v>
      </c>
      <c r="BG1963" s="11">
        <v>-49</v>
      </c>
      <c r="BH1963" s="13">
        <v>-0.16666666666666666</v>
      </c>
      <c r="BI1963" s="6">
        <v>-7</v>
      </c>
      <c r="BJ1963" s="13">
        <v>-2.3809523809523808E-2</v>
      </c>
      <c r="BK1963" s="6">
        <v>-15</v>
      </c>
      <c r="BL1963" s="13">
        <v>-5.2264808362369339E-2</v>
      </c>
      <c r="BM1963" s="11">
        <v>-27</v>
      </c>
      <c r="BN1963" s="13">
        <v>-9.9264705882352935E-2</v>
      </c>
      <c r="BO1963" s="11">
        <v>-42</v>
      </c>
      <c r="BP1963" s="13">
        <v>-0.14634146341463414</v>
      </c>
      <c r="BQ1963" s="6">
        <v>294</v>
      </c>
      <c r="BR1963" s="6">
        <v>295</v>
      </c>
      <c r="BS1963" s="6">
        <v>288</v>
      </c>
      <c r="BT1963" s="6">
        <v>287</v>
      </c>
      <c r="BU1963" s="6">
        <v>277</v>
      </c>
      <c r="BV1963" s="6">
        <v>272</v>
      </c>
      <c r="BW1963" s="6">
        <v>272</v>
      </c>
      <c r="BX1963" s="6">
        <v>270</v>
      </c>
      <c r="BY1963" s="6">
        <v>260</v>
      </c>
      <c r="BZ1963" s="6">
        <v>257</v>
      </c>
      <c r="CA1963" s="6">
        <v>252</v>
      </c>
      <c r="CB1963" s="6">
        <v>251</v>
      </c>
      <c r="CC1963" s="11">
        <v>245</v>
      </c>
      <c r="CD1963" s="11">
        <v>-1084.8499999999999</v>
      </c>
      <c r="CE1963" s="11">
        <v>507.03399999999999</v>
      </c>
      <c r="CF1963" s="11">
        <v>304.67200000000003</v>
      </c>
      <c r="CG1963" s="11">
        <v>812</v>
      </c>
      <c r="CH1963" s="20">
        <v>0.64575499999999997</v>
      </c>
      <c r="CI1963" s="20">
        <v>0.75861800000000001</v>
      </c>
      <c r="CJ1963" s="20">
        <v>0.68401699999999999</v>
      </c>
      <c r="CK1963" s="20">
        <v>0.67892399999999997</v>
      </c>
      <c r="CL1963" s="20">
        <v>0.675091</v>
      </c>
      <c r="CM1963" s="20">
        <v>0.68842599999999998</v>
      </c>
      <c r="CN1963" s="20">
        <v>0.69866399999999995</v>
      </c>
      <c r="CO1963" s="20">
        <v>0.660524</v>
      </c>
      <c r="CP1963" s="20">
        <v>0.658771</v>
      </c>
      <c r="CQ1963" s="20">
        <v>0.54985700000000004</v>
      </c>
      <c r="CR1963" s="20">
        <v>0.54443699999999995</v>
      </c>
      <c r="CS1963" s="20">
        <v>0.54956300000000002</v>
      </c>
      <c r="CT1963" s="20">
        <v>0.53101399999999999</v>
      </c>
      <c r="CU1963" s="20">
        <v>0.51586500000000002</v>
      </c>
      <c r="CV1963" s="20">
        <v>0.50928499999999999</v>
      </c>
      <c r="CW1963" s="20">
        <v>0.51289399999999996</v>
      </c>
      <c r="CX1963" s="20">
        <v>0.50976600000000005</v>
      </c>
      <c r="CY1963" s="6"/>
      <c r="CZ1963" s="6"/>
      <c r="DA1963" s="6"/>
      <c r="DB1963" s="6"/>
      <c r="DC1963" s="6"/>
      <c r="DD1963" s="6"/>
      <c r="DE1963" s="6"/>
      <c r="DF1963" s="6"/>
      <c r="DG1963" s="6"/>
      <c r="DH1963" s="6"/>
      <c r="DI1963" s="6"/>
      <c r="DJ1963" s="6"/>
      <c r="DK1963" s="6"/>
      <c r="DL1963" s="6"/>
      <c r="DM1963" s="6"/>
      <c r="DN1963" s="6"/>
      <c r="DO1963" s="6"/>
      <c r="DP1963" s="6"/>
      <c r="DQ1963" s="6"/>
    </row>
    <row r="1964" spans="1:121" x14ac:dyDescent="0.2">
      <c r="A1964" s="6" t="s">
        <v>323</v>
      </c>
      <c r="B1964" s="6" t="s">
        <v>323</v>
      </c>
      <c r="C1964" s="6" t="s">
        <v>324</v>
      </c>
      <c r="D1964" s="6" t="s">
        <v>339</v>
      </c>
      <c r="E1964" s="6" t="s">
        <v>333</v>
      </c>
      <c r="F1964" s="11">
        <v>998</v>
      </c>
      <c r="G1964" s="13">
        <v>5.19845817273E-2</v>
      </c>
      <c r="H1964" s="11">
        <v>1342.4681963000003</v>
      </c>
      <c r="I1964" s="13">
        <v>6.9927363849325977E-2</v>
      </c>
      <c r="J1964" s="11">
        <v>-1032.0935305000021</v>
      </c>
      <c r="K1964" s="13">
        <v>-5.0246742459692018E-2</v>
      </c>
      <c r="L1964" s="11">
        <v>687.14070150000043</v>
      </c>
      <c r="M1964" s="13">
        <v>3.5222788716942184E-2</v>
      </c>
      <c r="N1964" s="11">
        <v>-344.95282900000166</v>
      </c>
      <c r="O1964" s="13">
        <v>-1.6793784136122175E-2</v>
      </c>
      <c r="P1964" s="7">
        <v>19198.0381127</v>
      </c>
      <c r="Q1964" s="7">
        <v>19707.8614074</v>
      </c>
      <c r="R1964" s="7">
        <v>19801.511783000002</v>
      </c>
      <c r="S1964" s="7">
        <v>20106.328279199999</v>
      </c>
      <c r="T1964" s="7">
        <v>20490.747606299999</v>
      </c>
      <c r="U1964" s="7">
        <v>20701.829630600001</v>
      </c>
      <c r="V1964" s="7">
        <v>20540.506309</v>
      </c>
      <c r="W1964" s="7">
        <v>19930.688742599999</v>
      </c>
      <c r="X1964" s="7">
        <v>19337.8244304</v>
      </c>
      <c r="Y1964" s="7">
        <v>19508.412778499998</v>
      </c>
      <c r="Z1964" s="7">
        <v>18850.6775972</v>
      </c>
      <c r="AA1964" s="7">
        <v>18701.389608199999</v>
      </c>
      <c r="AB1964" s="7">
        <v>19088.3665802</v>
      </c>
      <c r="AC1964" s="7">
        <v>19216.421776300002</v>
      </c>
      <c r="AD1964" s="7">
        <v>19478.887342999999</v>
      </c>
      <c r="AE1964" s="7">
        <v>20031.7384126</v>
      </c>
      <c r="AF1964" s="7">
        <v>20195.553479999999</v>
      </c>
      <c r="AG1964" s="9">
        <v>4524.7923245999991</v>
      </c>
      <c r="AH1964" s="13">
        <v>0.39034478607304551</v>
      </c>
      <c r="AI1964" s="9">
        <v>1706.3619077000003</v>
      </c>
      <c r="AJ1964" s="13">
        <v>0.14720442973771891</v>
      </c>
      <c r="AK1964" s="9">
        <v>1205.6687954999998</v>
      </c>
      <c r="AL1964" s="13">
        <v>9.0664430364385595E-2</v>
      </c>
      <c r="AM1964" s="9">
        <v>1612.7616213999991</v>
      </c>
      <c r="AN1964" s="13">
        <v>0.11119568809280742</v>
      </c>
      <c r="AO1964" s="9">
        <v>2818.4304168999988</v>
      </c>
      <c r="AP1964" s="13">
        <v>0.21194161217710333</v>
      </c>
      <c r="AQ1964" s="9">
        <v>11591.783689800001</v>
      </c>
      <c r="AR1964" s="9">
        <v>11502.0681594</v>
      </c>
      <c r="AS1964" s="9">
        <v>11834.2137427</v>
      </c>
      <c r="AT1964" s="9">
        <v>12240.0953443</v>
      </c>
      <c r="AU1964" s="9">
        <v>12473.809930400001</v>
      </c>
      <c r="AV1964" s="9">
        <v>12616.596620300001</v>
      </c>
      <c r="AW1964" s="9">
        <v>13298.145597500001</v>
      </c>
      <c r="AX1964" s="9">
        <v>13635.5327409</v>
      </c>
      <c r="AY1964" s="9">
        <v>13812.1528894</v>
      </c>
      <c r="AZ1964" s="9">
        <v>14503.814393000001</v>
      </c>
      <c r="BA1964" s="9">
        <v>14375.5480181</v>
      </c>
      <c r="BB1964" s="9">
        <v>14889.772617500001</v>
      </c>
      <c r="BC1964" s="9">
        <v>14777.6676396</v>
      </c>
      <c r="BD1964" s="9">
        <v>14939.9868752</v>
      </c>
      <c r="BE1964" s="9">
        <v>15608.284855</v>
      </c>
      <c r="BF1964" s="9">
        <v>16116.5760144</v>
      </c>
      <c r="BG1964" s="11">
        <v>-132.75</v>
      </c>
      <c r="BH1964" s="13">
        <v>-8.3912768647281921E-2</v>
      </c>
      <c r="BI1964" s="6">
        <v>12</v>
      </c>
      <c r="BJ1964" s="13">
        <v>7.5853350189633373E-3</v>
      </c>
      <c r="BK1964" s="6">
        <v>-44</v>
      </c>
      <c r="BL1964" s="13">
        <v>-2.7603513174404015E-2</v>
      </c>
      <c r="BM1964" s="11">
        <v>-100.75</v>
      </c>
      <c r="BN1964" s="13">
        <v>-6.5000000000000002E-2</v>
      </c>
      <c r="BO1964" s="11">
        <v>-144.75</v>
      </c>
      <c r="BP1964" s="13">
        <v>-9.0809284818067756E-2</v>
      </c>
      <c r="BQ1964" s="6">
        <v>1582</v>
      </c>
      <c r="BR1964" s="6">
        <v>1585</v>
      </c>
      <c r="BS1964" s="6">
        <v>1603</v>
      </c>
      <c r="BT1964" s="6">
        <v>1594</v>
      </c>
      <c r="BU1964" s="6">
        <v>1572</v>
      </c>
      <c r="BV1964" s="6">
        <v>1547</v>
      </c>
      <c r="BW1964" s="6">
        <v>1550</v>
      </c>
      <c r="BX1964" s="6">
        <v>1507</v>
      </c>
      <c r="BY1964" s="6">
        <v>1479</v>
      </c>
      <c r="BZ1964" s="6">
        <v>1492</v>
      </c>
      <c r="CA1964" s="6">
        <v>1477</v>
      </c>
      <c r="CB1964" s="6">
        <v>1478</v>
      </c>
      <c r="CC1964" s="11">
        <v>1449.25</v>
      </c>
      <c r="CD1964" s="11">
        <v>-5466.8</v>
      </c>
      <c r="CE1964" s="11">
        <v>4365.74</v>
      </c>
      <c r="CF1964" s="11">
        <v>2098.58</v>
      </c>
      <c r="CG1964" s="11">
        <v>6465</v>
      </c>
      <c r="CH1964" s="20">
        <v>0.91805000000000003</v>
      </c>
      <c r="CI1964" s="20">
        <v>0.92705700000000002</v>
      </c>
      <c r="CJ1964" s="20">
        <v>0.91403599999999996</v>
      </c>
      <c r="CK1964" s="20">
        <v>0.90471800000000002</v>
      </c>
      <c r="CL1964" s="20">
        <v>0.90446499999999996</v>
      </c>
      <c r="CM1964" s="20">
        <v>0.89784399999999998</v>
      </c>
      <c r="CN1964" s="20">
        <v>0.88511099999999998</v>
      </c>
      <c r="CO1964" s="20">
        <v>0.87064399999999997</v>
      </c>
      <c r="CP1964" s="20">
        <v>0.86094400000000004</v>
      </c>
      <c r="CQ1964" s="20">
        <v>0.87115799999999999</v>
      </c>
      <c r="CR1964" s="20">
        <v>0.83589000000000002</v>
      </c>
      <c r="CS1964" s="20">
        <v>0.81372299999999997</v>
      </c>
      <c r="CT1964" s="20">
        <v>0.82386599999999999</v>
      </c>
      <c r="CU1964" s="20">
        <v>0.81769800000000004</v>
      </c>
      <c r="CV1964" s="20">
        <v>0.81309200000000004</v>
      </c>
      <c r="CW1964" s="20">
        <v>0.82702399999999998</v>
      </c>
      <c r="CX1964" s="20">
        <v>0.81644300000000003</v>
      </c>
      <c r="CY1964" s="6"/>
      <c r="CZ1964" s="6"/>
      <c r="DA1964" s="6"/>
      <c r="DB1964" s="6"/>
      <c r="DC1964" s="6"/>
      <c r="DD1964" s="6"/>
      <c r="DE1964" s="6"/>
      <c r="DF1964" s="6"/>
      <c r="DG1964" s="6"/>
      <c r="DH1964" s="6"/>
      <c r="DI1964" s="6"/>
      <c r="DJ1964" s="6"/>
      <c r="DK1964" s="6"/>
      <c r="DL1964" s="6"/>
      <c r="DM1964" s="6"/>
      <c r="DN1964" s="6"/>
      <c r="DO1964" s="6"/>
      <c r="DP1964" s="6"/>
      <c r="DQ1964" s="6"/>
    </row>
    <row r="1965" spans="1:121" x14ac:dyDescent="0.2">
      <c r="A1965" s="6" t="s">
        <v>325</v>
      </c>
      <c r="B1965" s="6" t="s">
        <v>325</v>
      </c>
      <c r="C1965" s="6" t="s">
        <v>326</v>
      </c>
      <c r="D1965" s="6" t="s">
        <v>339</v>
      </c>
      <c r="E1965" s="6" t="s">
        <v>333</v>
      </c>
      <c r="F1965" s="11">
        <v>-775</v>
      </c>
      <c r="G1965" s="13">
        <v>-5.3692670084500002E-2</v>
      </c>
      <c r="H1965" s="11">
        <v>4385.7761574000015</v>
      </c>
      <c r="I1965" s="13">
        <v>0.30384620684054719</v>
      </c>
      <c r="J1965" s="11">
        <v>874.3885182999984</v>
      </c>
      <c r="K1965" s="13">
        <v>4.6460666443369929E-2</v>
      </c>
      <c r="L1965" s="11">
        <v>-6035.1180316999998</v>
      </c>
      <c r="M1965" s="13">
        <v>-0.30643886710501395</v>
      </c>
      <c r="N1965" s="11">
        <v>-5160.7295134000015</v>
      </c>
      <c r="O1965" s="13">
        <v>-0.27421555465149422</v>
      </c>
      <c r="P1965" s="7">
        <v>14434.1974942</v>
      </c>
      <c r="Q1965" s="7">
        <v>15997.2933498</v>
      </c>
      <c r="R1965" s="7">
        <v>16804.3872629</v>
      </c>
      <c r="S1965" s="7">
        <v>17681.246893</v>
      </c>
      <c r="T1965" s="7">
        <v>18262.346643299999</v>
      </c>
      <c r="U1965" s="7">
        <v>18316.606184600001</v>
      </c>
      <c r="V1965" s="7">
        <v>18819.973651600001</v>
      </c>
      <c r="W1965" s="7">
        <v>18479.762870899998</v>
      </c>
      <c r="X1965" s="7">
        <v>19111.143491399998</v>
      </c>
      <c r="Y1965" s="7">
        <v>19694.3621699</v>
      </c>
      <c r="Z1965" s="7">
        <v>19534.448340800001</v>
      </c>
      <c r="AA1965" s="7">
        <v>19763.401794199999</v>
      </c>
      <c r="AB1965" s="7">
        <v>13881.012472</v>
      </c>
      <c r="AC1965" s="7">
        <v>13912.9222708</v>
      </c>
      <c r="AD1965" s="7">
        <v>13775.605888</v>
      </c>
      <c r="AE1965" s="7">
        <v>13709.2455759</v>
      </c>
      <c r="AF1965" s="7">
        <v>13659.2441382</v>
      </c>
      <c r="AG1965" s="9">
        <v>4960.5655415000019</v>
      </c>
      <c r="AH1965" s="13">
        <v>0.31112804577480985</v>
      </c>
      <c r="AI1965" s="9">
        <v>-405.07340829999885</v>
      </c>
      <c r="AJ1965" s="13">
        <v>-2.5406316450283361E-2</v>
      </c>
      <c r="AK1965" s="9">
        <v>-514.69677530000081</v>
      </c>
      <c r="AL1965" s="13">
        <v>-3.3123469769766836E-2</v>
      </c>
      <c r="AM1965" s="9">
        <v>5880.3357251000016</v>
      </c>
      <c r="AN1965" s="13">
        <v>0.39139518642808063</v>
      </c>
      <c r="AO1965" s="9">
        <v>5365.6389498000008</v>
      </c>
      <c r="AP1965" s="13">
        <v>0.34530735003263102</v>
      </c>
      <c r="AQ1965" s="9">
        <v>15943.807088</v>
      </c>
      <c r="AR1965" s="9">
        <v>15586.0960627</v>
      </c>
      <c r="AS1965" s="9">
        <v>15295.891331500001</v>
      </c>
      <c r="AT1965" s="9">
        <v>14977.889492300001</v>
      </c>
      <c r="AU1965" s="9">
        <v>15086.0628234</v>
      </c>
      <c r="AV1965" s="9">
        <v>15579.7950079</v>
      </c>
      <c r="AW1965" s="9">
        <v>15538.733679700001</v>
      </c>
      <c r="AX1965" s="9">
        <v>15702.659364200001</v>
      </c>
      <c r="AY1965" s="9">
        <v>15321.9766062</v>
      </c>
      <c r="AZ1965" s="9">
        <v>15024.0369044</v>
      </c>
      <c r="BA1965" s="9">
        <v>15311.475156</v>
      </c>
      <c r="BB1965" s="9">
        <v>15662.1981158</v>
      </c>
      <c r="BC1965" s="9">
        <v>19226.715961499998</v>
      </c>
      <c r="BD1965" s="9">
        <v>19805.4879568</v>
      </c>
      <c r="BE1965" s="9">
        <v>20492.931774500001</v>
      </c>
      <c r="BF1965" s="9">
        <v>20904.372629500001</v>
      </c>
      <c r="BG1965" s="11">
        <v>-2234.5</v>
      </c>
      <c r="BH1965" s="13">
        <v>-0.60555555555555551</v>
      </c>
      <c r="BI1965" s="6">
        <v>344</v>
      </c>
      <c r="BJ1965" s="13">
        <v>9.322493224932249E-2</v>
      </c>
      <c r="BK1965" s="6">
        <v>1288</v>
      </c>
      <c r="BL1965" s="13">
        <v>0.31928606841844326</v>
      </c>
      <c r="BM1965" s="11">
        <v>-3866.5</v>
      </c>
      <c r="BN1965" s="13">
        <v>-0.72651258925216089</v>
      </c>
      <c r="BO1965" s="11">
        <v>-2578.5</v>
      </c>
      <c r="BP1965" s="13">
        <v>-0.63919186911254333</v>
      </c>
      <c r="BQ1965" s="6">
        <v>3690</v>
      </c>
      <c r="BR1965" s="6">
        <v>3795</v>
      </c>
      <c r="BS1965" s="6">
        <v>3798</v>
      </c>
      <c r="BT1965" s="6">
        <v>4034</v>
      </c>
      <c r="BU1965" s="6">
        <v>4391</v>
      </c>
      <c r="BV1965" s="6">
        <v>4776</v>
      </c>
      <c r="BW1965" s="6">
        <v>5322</v>
      </c>
      <c r="BX1965" s="6">
        <v>5593</v>
      </c>
      <c r="BY1965" s="6">
        <v>5684</v>
      </c>
      <c r="BZ1965" s="6">
        <v>1423</v>
      </c>
      <c r="CA1965" s="6">
        <v>1465</v>
      </c>
      <c r="CB1965" s="6">
        <v>1475</v>
      </c>
      <c r="CC1965" s="11">
        <v>1455.5</v>
      </c>
      <c r="CD1965" s="11">
        <v>-2219.86</v>
      </c>
      <c r="CE1965" s="11">
        <v>-132.92500000000001</v>
      </c>
      <c r="CF1965" s="11">
        <v>1577.83</v>
      </c>
      <c r="CG1965" s="11">
        <v>1445</v>
      </c>
      <c r="CH1965" s="20">
        <v>1.0161800000000001</v>
      </c>
      <c r="CI1965" s="20">
        <v>1.1032500000000001</v>
      </c>
      <c r="CJ1965" s="20">
        <v>1.1437600000000001</v>
      </c>
      <c r="CK1965" s="20">
        <v>1.1943600000000001</v>
      </c>
      <c r="CL1965" s="20">
        <v>1.2301899999999999</v>
      </c>
      <c r="CM1965" s="20">
        <v>1.22367</v>
      </c>
      <c r="CN1965" s="20">
        <v>1.2553799999999999</v>
      </c>
      <c r="CO1965" s="20">
        <v>1.2484500000000001</v>
      </c>
      <c r="CP1965" s="20">
        <v>1.28904</v>
      </c>
      <c r="CQ1965" s="20">
        <v>1.34226</v>
      </c>
      <c r="CR1965" s="20">
        <v>1.3413299999999999</v>
      </c>
      <c r="CS1965" s="20">
        <v>1.3419000000000001</v>
      </c>
      <c r="CT1965" s="20">
        <v>1.01983</v>
      </c>
      <c r="CU1965" s="20">
        <v>1.0184899999999999</v>
      </c>
      <c r="CV1965" s="20">
        <v>1.0088200000000001</v>
      </c>
      <c r="CW1965" s="20">
        <v>1.00353</v>
      </c>
      <c r="CX1965" s="20">
        <v>0.98780299999999999</v>
      </c>
      <c r="CY1965" s="6"/>
      <c r="CZ1965" s="6"/>
      <c r="DA1965" s="6"/>
      <c r="DB1965" s="6"/>
      <c r="DC1965" s="6"/>
      <c r="DD1965" s="6"/>
      <c r="DE1965" s="6"/>
      <c r="DF1965" s="6"/>
      <c r="DG1965" s="6"/>
      <c r="DH1965" s="6"/>
      <c r="DI1965" s="6"/>
      <c r="DJ1965" s="6"/>
      <c r="DK1965" s="6"/>
      <c r="DL1965" s="6"/>
      <c r="DM1965" s="6"/>
      <c r="DN1965" s="6"/>
      <c r="DO1965" s="6"/>
      <c r="DP1965" s="6"/>
      <c r="DQ1965" s="6"/>
    </row>
    <row r="1966" spans="1:121" x14ac:dyDescent="0.2">
      <c r="A1966" s="6" t="s">
        <v>327</v>
      </c>
      <c r="B1966" s="6" t="s">
        <v>327</v>
      </c>
      <c r="C1966" s="6" t="s">
        <v>194</v>
      </c>
      <c r="D1966" s="6" t="s">
        <v>339</v>
      </c>
      <c r="E1966" s="6" t="s">
        <v>333</v>
      </c>
      <c r="F1966" s="11">
        <v>-1912</v>
      </c>
      <c r="G1966" s="13">
        <v>-3.3797040991300001E-2</v>
      </c>
      <c r="H1966" s="11">
        <v>1948.052539999997</v>
      </c>
      <c r="I1966" s="13">
        <v>3.443419575284494E-2</v>
      </c>
      <c r="J1966" s="11">
        <v>-733.25680999999895</v>
      </c>
      <c r="K1966" s="13">
        <v>-1.2529753136058547E-2</v>
      </c>
      <c r="L1966" s="11">
        <v>-3126.6156760000013</v>
      </c>
      <c r="M1966" s="13">
        <v>-5.4104936476889139E-2</v>
      </c>
      <c r="N1966" s="11">
        <v>-3859.8724860000002</v>
      </c>
      <c r="O1966" s="13">
        <v>-6.5956768115450135E-2</v>
      </c>
      <c r="P1966" s="7">
        <v>56573.197004000001</v>
      </c>
      <c r="Q1966" s="7">
        <v>56763.375295999998</v>
      </c>
      <c r="R1966" s="7">
        <v>57333.358693000002</v>
      </c>
      <c r="S1966" s="7">
        <v>56975.868682</v>
      </c>
      <c r="T1966" s="7">
        <v>57075.549720000003</v>
      </c>
      <c r="U1966" s="7">
        <v>57697.479432</v>
      </c>
      <c r="V1966" s="7">
        <v>58521.249543999998</v>
      </c>
      <c r="W1966" s="7">
        <v>58496.714784000003</v>
      </c>
      <c r="X1966" s="7">
        <v>58767.144258</v>
      </c>
      <c r="Y1966" s="7">
        <v>57787.992733999999</v>
      </c>
      <c r="Z1966" s="7">
        <v>56459.309364000001</v>
      </c>
      <c r="AA1966" s="7">
        <v>55811.012992999997</v>
      </c>
      <c r="AB1966" s="7">
        <v>55630.936091000003</v>
      </c>
      <c r="AC1966" s="7">
        <v>55549.729441000003</v>
      </c>
      <c r="AD1966" s="7">
        <v>55058.052283999998</v>
      </c>
      <c r="AE1966" s="7">
        <v>54877.989200000004</v>
      </c>
      <c r="AF1966" s="7">
        <v>54661.377057999998</v>
      </c>
      <c r="AG1966" s="9">
        <v>14436.601830499996</v>
      </c>
      <c r="AH1966" s="13">
        <v>0.474176249540397</v>
      </c>
      <c r="AI1966" s="9">
        <v>8178.8055735000016</v>
      </c>
      <c r="AJ1966" s="13">
        <v>0.26863630361882812</v>
      </c>
      <c r="AK1966" s="9">
        <v>3860.3523204999947</v>
      </c>
      <c r="AL1966" s="13">
        <v>9.9945817960359729E-2</v>
      </c>
      <c r="AM1966" s="9">
        <v>2397.4439364999998</v>
      </c>
      <c r="AN1966" s="13">
        <v>5.643062377394744E-2</v>
      </c>
      <c r="AO1966" s="9">
        <v>6257.7962569999945</v>
      </c>
      <c r="AP1966" s="13">
        <v>0.16201644658540768</v>
      </c>
      <c r="AQ1966" s="9">
        <v>30445.645146700001</v>
      </c>
      <c r="AR1966" s="9">
        <v>31484.9435902</v>
      </c>
      <c r="AS1966" s="9">
        <v>32846.272077200003</v>
      </c>
      <c r="AT1966" s="9">
        <v>34810.144674800002</v>
      </c>
      <c r="AU1966" s="9">
        <v>35955.347090800002</v>
      </c>
      <c r="AV1966" s="9">
        <v>37444.1403488</v>
      </c>
      <c r="AW1966" s="9">
        <v>38624.450720200002</v>
      </c>
      <c r="AX1966" s="9">
        <v>39942.339901899999</v>
      </c>
      <c r="AY1966" s="9">
        <v>41187.934154100003</v>
      </c>
      <c r="AZ1966" s="9">
        <v>42484.803040699997</v>
      </c>
      <c r="BA1966" s="9">
        <v>42417.453292799997</v>
      </c>
      <c r="BB1966" s="9">
        <v>42541.389596000001</v>
      </c>
      <c r="BC1966" s="9">
        <v>43516.5202967</v>
      </c>
      <c r="BD1966" s="9">
        <v>43323.766951099999</v>
      </c>
      <c r="BE1966" s="9">
        <v>44350.704238500002</v>
      </c>
      <c r="BF1966" s="9">
        <v>44882.246977199997</v>
      </c>
      <c r="BG1966" s="11">
        <v>-48.5</v>
      </c>
      <c r="BH1966" s="13">
        <v>-1.6846127127474818E-2</v>
      </c>
      <c r="BI1966" s="6">
        <v>78</v>
      </c>
      <c r="BJ1966" s="13">
        <v>2.7092740534907955E-2</v>
      </c>
      <c r="BK1966" s="6">
        <v>19</v>
      </c>
      <c r="BL1966" s="13">
        <v>6.4254311802502536E-3</v>
      </c>
      <c r="BM1966" s="11">
        <v>-145.5</v>
      </c>
      <c r="BN1966" s="13">
        <v>-4.8891129032258063E-2</v>
      </c>
      <c r="BO1966" s="11">
        <v>-126.5</v>
      </c>
      <c r="BP1966" s="13">
        <v>-4.2779844436929323E-2</v>
      </c>
      <c r="BQ1966" s="6">
        <v>2879</v>
      </c>
      <c r="BR1966" s="6">
        <v>2834</v>
      </c>
      <c r="BS1966" s="6">
        <v>2870</v>
      </c>
      <c r="BT1966" s="6">
        <v>2957</v>
      </c>
      <c r="BU1966" s="6">
        <v>2939</v>
      </c>
      <c r="BV1966" s="6">
        <v>2984</v>
      </c>
      <c r="BW1966" s="6">
        <v>2976</v>
      </c>
      <c r="BX1966" s="6">
        <v>2929</v>
      </c>
      <c r="BY1966" s="6">
        <v>2883</v>
      </c>
      <c r="BZ1966" s="6">
        <v>2876</v>
      </c>
      <c r="CA1966" s="6">
        <v>2861</v>
      </c>
      <c r="CB1966" s="6">
        <v>2854</v>
      </c>
      <c r="CC1966" s="11">
        <v>2830.5</v>
      </c>
      <c r="CD1966" s="11">
        <v>-4779.37</v>
      </c>
      <c r="CE1966" s="11">
        <v>-3316.58</v>
      </c>
      <c r="CF1966" s="11">
        <v>6184.13</v>
      </c>
      <c r="CG1966" s="11">
        <v>2867</v>
      </c>
      <c r="CH1966" s="20">
        <v>1.19899</v>
      </c>
      <c r="CI1966" s="20">
        <v>1.1761600000000001</v>
      </c>
      <c r="CJ1966" s="20">
        <v>1.18109</v>
      </c>
      <c r="CK1966" s="20">
        <v>1.1733</v>
      </c>
      <c r="CL1966" s="20">
        <v>1.1748000000000001</v>
      </c>
      <c r="CM1966" s="20">
        <v>1.18557</v>
      </c>
      <c r="CN1966" s="20">
        <v>1.2092799999999999</v>
      </c>
      <c r="CO1966" s="20">
        <v>1.2119800000000001</v>
      </c>
      <c r="CP1966" s="20">
        <v>1.20204</v>
      </c>
      <c r="CQ1966" s="20">
        <v>1.18753</v>
      </c>
      <c r="CR1966" s="20">
        <v>1.19635</v>
      </c>
      <c r="CS1966" s="20">
        <v>1.2090799999999999</v>
      </c>
      <c r="CT1966" s="20">
        <v>1.23864</v>
      </c>
      <c r="CU1966" s="20">
        <v>1.2556700000000001</v>
      </c>
      <c r="CV1966" s="20">
        <v>1.25573</v>
      </c>
      <c r="CW1966" s="20">
        <v>1.2574099999999999</v>
      </c>
      <c r="CX1966" s="20">
        <v>1.2459800000000001</v>
      </c>
      <c r="CY1966" s="6"/>
      <c r="CZ1966" s="6"/>
      <c r="DA1966" s="6"/>
      <c r="DB1966" s="6"/>
      <c r="DC1966" s="6"/>
      <c r="DD1966" s="6"/>
      <c r="DE1966" s="6"/>
      <c r="DF1966" s="6"/>
      <c r="DG1966" s="6"/>
      <c r="DH1966" s="6"/>
      <c r="DI1966" s="6"/>
      <c r="DJ1966" s="6"/>
      <c r="DK1966" s="6"/>
      <c r="DL1966" s="6"/>
      <c r="DM1966" s="6"/>
      <c r="DN1966" s="6"/>
      <c r="DO1966" s="6"/>
      <c r="DP1966" s="6"/>
      <c r="DQ1966" s="6"/>
    </row>
    <row r="1967" spans="1:121" x14ac:dyDescent="0.2">
      <c r="A1967" s="6" t="s">
        <v>1</v>
      </c>
      <c r="B1967" s="6" t="s">
        <v>1</v>
      </c>
      <c r="C1967" s="6" t="s">
        <v>2</v>
      </c>
      <c r="D1967" s="6" t="s">
        <v>150</v>
      </c>
      <c r="E1967" s="6" t="s">
        <v>291</v>
      </c>
      <c r="F1967" s="11">
        <v>-91</v>
      </c>
      <c r="G1967" s="13">
        <v>-0.150662251656</v>
      </c>
      <c r="H1967" s="11">
        <v>93.070851775000051</v>
      </c>
      <c r="I1967" s="13">
        <v>0.15398482678542483</v>
      </c>
      <c r="J1967" s="11">
        <v>66.845051173999991</v>
      </c>
      <c r="K1967" s="13">
        <v>9.5837042236400286E-2</v>
      </c>
      <c r="L1967" s="11">
        <v>-251.63410966699996</v>
      </c>
      <c r="M1967" s="13">
        <v>-0.32922111059008025</v>
      </c>
      <c r="N1967" s="11">
        <v>-184.78905849299997</v>
      </c>
      <c r="O1967" s="13">
        <v>-0.26493564583441609</v>
      </c>
      <c r="P1967" s="7">
        <v>604.41573184799995</v>
      </c>
      <c r="Q1967" s="7">
        <v>585.65885484499995</v>
      </c>
      <c r="R1967" s="7">
        <v>531.91691036600002</v>
      </c>
      <c r="S1967" s="7">
        <v>550.78674562799995</v>
      </c>
      <c r="T1967" s="7">
        <v>616.21079455300003</v>
      </c>
      <c r="U1967" s="7">
        <v>646.10493206499996</v>
      </c>
      <c r="V1967" s="7">
        <v>697.486583623</v>
      </c>
      <c r="W1967" s="7">
        <v>727.50691075199995</v>
      </c>
      <c r="X1967" s="7">
        <v>740.71771118699996</v>
      </c>
      <c r="Y1967" s="7">
        <v>764.33163479699999</v>
      </c>
      <c r="Z1967" s="7">
        <v>694.14707186199996</v>
      </c>
      <c r="AA1967" s="7">
        <v>645.93690634200004</v>
      </c>
      <c r="AB1967" s="7">
        <v>686.80480089599996</v>
      </c>
      <c r="AC1967" s="7">
        <v>630.47081345699996</v>
      </c>
      <c r="AD1967" s="7">
        <v>532.08906697600003</v>
      </c>
      <c r="AE1967" s="7">
        <v>529.99746089200005</v>
      </c>
      <c r="AF1967" s="7">
        <v>512.69752513000003</v>
      </c>
      <c r="AG1967" s="9">
        <v>12775.313778800002</v>
      </c>
      <c r="AH1967" s="13">
        <v>0.59672002581508887</v>
      </c>
      <c r="AI1967" s="9">
        <v>1762.0249352000028</v>
      </c>
      <c r="AJ1967" s="13">
        <v>8.230213230176632E-2</v>
      </c>
      <c r="AK1967" s="9">
        <v>3572.7800530999993</v>
      </c>
      <c r="AL1967" s="13">
        <v>0.15419021149040324</v>
      </c>
      <c r="AM1967" s="9">
        <v>7440.5087905</v>
      </c>
      <c r="AN1967" s="13">
        <v>0.27821194367646646</v>
      </c>
      <c r="AO1967" s="9">
        <v>11013.288843599999</v>
      </c>
      <c r="AP1967" s="13">
        <v>0.47529971360150025</v>
      </c>
      <c r="AQ1967" s="9">
        <v>21409.225811299999</v>
      </c>
      <c r="AR1967" s="9">
        <v>21673.983396700001</v>
      </c>
      <c r="AS1967" s="9">
        <v>21858.067756600001</v>
      </c>
      <c r="AT1967" s="9">
        <v>22509.242549400002</v>
      </c>
      <c r="AU1967" s="9">
        <v>22793.673158699999</v>
      </c>
      <c r="AV1967" s="9">
        <v>22918.0095893</v>
      </c>
      <c r="AW1967" s="9">
        <v>23171.250746500002</v>
      </c>
      <c r="AX1967" s="9">
        <v>25151.4977253</v>
      </c>
      <c r="AY1967" s="9">
        <v>25243.183780700001</v>
      </c>
      <c r="AZ1967" s="9">
        <v>26744.030799600001</v>
      </c>
      <c r="BA1967" s="9">
        <v>28312.513316699999</v>
      </c>
      <c r="BB1967" s="9">
        <v>29336.017668</v>
      </c>
      <c r="BC1967" s="9">
        <v>30081.552709799998</v>
      </c>
      <c r="BD1967" s="9">
        <v>32237.219104100001</v>
      </c>
      <c r="BE1967" s="9">
        <v>32821.3694512</v>
      </c>
      <c r="BF1967" s="9">
        <v>34184.539590100001</v>
      </c>
      <c r="BG1967" s="11">
        <v>5.25</v>
      </c>
      <c r="BH1967" s="13">
        <v>0.25</v>
      </c>
      <c r="BI1967" s="6">
        <v>6</v>
      </c>
      <c r="BJ1967" s="13">
        <v>0.2857142857142857</v>
      </c>
      <c r="BK1967" s="6">
        <v>-4</v>
      </c>
      <c r="BL1967" s="13">
        <v>-0.14814814814814814</v>
      </c>
      <c r="BM1967" s="11">
        <v>3.25</v>
      </c>
      <c r="BN1967" s="13">
        <v>0.14130434782608695</v>
      </c>
      <c r="BO1967" s="11">
        <v>-0.75</v>
      </c>
      <c r="BP1967" s="13">
        <v>-2.7777777777777776E-2</v>
      </c>
      <c r="BQ1967" s="6">
        <v>21</v>
      </c>
      <c r="BR1967" s="6">
        <v>27</v>
      </c>
      <c r="BS1967" s="6">
        <v>25</v>
      </c>
      <c r="BT1967" s="6">
        <v>27</v>
      </c>
      <c r="BU1967" s="6">
        <v>25</v>
      </c>
      <c r="BV1967" s="6">
        <v>24</v>
      </c>
      <c r="BW1967" s="6">
        <v>23</v>
      </c>
      <c r="BX1967" s="6">
        <v>19</v>
      </c>
      <c r="BY1967" s="6">
        <v>22</v>
      </c>
      <c r="BZ1967" s="6">
        <v>23</v>
      </c>
      <c r="CA1967" s="6">
        <v>24</v>
      </c>
      <c r="CB1967" s="6">
        <v>24</v>
      </c>
      <c r="CC1967" s="11">
        <v>26.25</v>
      </c>
      <c r="CD1967" s="11">
        <v>-102.681</v>
      </c>
      <c r="CE1967" s="11">
        <v>-55.1068</v>
      </c>
      <c r="CF1967" s="11">
        <v>66.069900000000004</v>
      </c>
      <c r="CG1967" s="11">
        <v>11</v>
      </c>
      <c r="CH1967" s="20">
        <v>4.1083299999999996</v>
      </c>
      <c r="CI1967" s="20">
        <v>4.2114500000000001</v>
      </c>
      <c r="CJ1967" s="20">
        <v>3.7495099999999999</v>
      </c>
      <c r="CK1967" s="20">
        <v>3.9194</v>
      </c>
      <c r="CL1967" s="20">
        <v>4.3441999999999998</v>
      </c>
      <c r="CM1967" s="20">
        <v>4.6642099999999997</v>
      </c>
      <c r="CN1967" s="20">
        <v>5.2499900000000004</v>
      </c>
      <c r="CO1967" s="20">
        <v>5.7722100000000003</v>
      </c>
      <c r="CP1967" s="20">
        <v>5.64086</v>
      </c>
      <c r="CQ1967" s="20">
        <v>5.9460199999999999</v>
      </c>
      <c r="CR1967" s="20">
        <v>5.4126899999999996</v>
      </c>
      <c r="CS1967" s="20">
        <v>4.9765600000000001</v>
      </c>
      <c r="CT1967" s="20">
        <v>5.2042900000000003</v>
      </c>
      <c r="CU1967" s="20">
        <v>4.8314199999999996</v>
      </c>
      <c r="CV1967" s="20">
        <v>4.2138499999999999</v>
      </c>
      <c r="CW1967" s="20">
        <v>4.31318</v>
      </c>
      <c r="CX1967" s="20">
        <v>4.1362800000000002</v>
      </c>
      <c r="CY1967" s="6" t="s">
        <v>692</v>
      </c>
      <c r="CZ1967" s="6" t="s">
        <v>693</v>
      </c>
      <c r="DA1967" s="6" t="s">
        <v>150</v>
      </c>
      <c r="DB1967" s="6"/>
      <c r="DC1967" s="6">
        <v>32180</v>
      </c>
      <c r="DD1967" s="6"/>
      <c r="DE1967" s="6" t="s">
        <v>695</v>
      </c>
      <c r="DF1967" s="6" t="s">
        <v>363</v>
      </c>
      <c r="DG1967" s="6" t="s">
        <v>364</v>
      </c>
      <c r="DH1967" s="6" t="s">
        <v>365</v>
      </c>
      <c r="DI1967" s="6"/>
      <c r="DJ1967" s="6">
        <v>29</v>
      </c>
      <c r="DK1967" s="6">
        <v>195</v>
      </c>
      <c r="DL1967" s="6">
        <v>3</v>
      </c>
      <c r="DM1967" s="6" t="s">
        <v>556</v>
      </c>
      <c r="DN1967" s="6">
        <v>6</v>
      </c>
      <c r="DO1967" s="6" t="s">
        <v>393</v>
      </c>
      <c r="DP1967" s="6"/>
      <c r="DQ1967" s="6"/>
    </row>
    <row r="1968" spans="1:121" x14ac:dyDescent="0.2">
      <c r="A1968" s="6" t="s">
        <v>310</v>
      </c>
      <c r="B1968" s="6" t="s">
        <v>310</v>
      </c>
      <c r="C1968" s="6" t="s">
        <v>173</v>
      </c>
      <c r="D1968" s="6" t="s">
        <v>150</v>
      </c>
      <c r="E1968" s="6" t="s">
        <v>291</v>
      </c>
      <c r="F1968" s="11">
        <v>1</v>
      </c>
      <c r="G1968" s="13">
        <v>1</v>
      </c>
      <c r="H1968" s="11">
        <v>0</v>
      </c>
      <c r="I1968" s="13">
        <v>0</v>
      </c>
      <c r="J1968" s="11">
        <v>-5</v>
      </c>
      <c r="K1968" s="13">
        <v>-1</v>
      </c>
      <c r="L1968" s="11">
        <v>0</v>
      </c>
      <c r="M1968" s="13"/>
      <c r="N1968" s="11">
        <v>-5</v>
      </c>
      <c r="O1968" s="13">
        <v>-1</v>
      </c>
      <c r="P1968" s="7">
        <v>5</v>
      </c>
      <c r="Q1968" s="7">
        <v>5</v>
      </c>
      <c r="R1968" s="7">
        <v>10.422986</v>
      </c>
      <c r="S1968" s="7">
        <v>5</v>
      </c>
      <c r="T1968" s="7">
        <v>5</v>
      </c>
      <c r="U1968" s="7">
        <v>5</v>
      </c>
      <c r="V1968" s="7">
        <v>5</v>
      </c>
      <c r="W1968" s="7">
        <v>5</v>
      </c>
      <c r="X1968" s="7">
        <v>0</v>
      </c>
      <c r="Y1968" s="7">
        <v>0</v>
      </c>
      <c r="Z1968" s="7">
        <v>0</v>
      </c>
      <c r="AA1968" s="7">
        <v>0</v>
      </c>
      <c r="AB1968" s="7">
        <v>0</v>
      </c>
      <c r="AC1968" s="7">
        <v>0</v>
      </c>
      <c r="AD1968" s="7">
        <v>0</v>
      </c>
      <c r="AE1968" s="7">
        <v>0</v>
      </c>
      <c r="AF1968" s="7">
        <v>0</v>
      </c>
      <c r="AG1968" s="9">
        <v>-1</v>
      </c>
      <c r="AH1968" s="13">
        <v>-1</v>
      </c>
      <c r="AI1968" s="9">
        <v>0</v>
      </c>
      <c r="AJ1968" s="13">
        <v>0</v>
      </c>
      <c r="AK1968" s="9">
        <v>-1</v>
      </c>
      <c r="AL1968" s="13">
        <v>-1</v>
      </c>
      <c r="AM1968" s="9">
        <v>0</v>
      </c>
      <c r="AN1968" s="13"/>
      <c r="AO1968" s="9">
        <v>-1</v>
      </c>
      <c r="AP1968" s="13">
        <v>-1</v>
      </c>
      <c r="AQ1968" s="9">
        <v>1</v>
      </c>
      <c r="AR1968" s="9">
        <v>1</v>
      </c>
      <c r="AS1968" s="9">
        <v>32340.9472389</v>
      </c>
      <c r="AT1968" s="9">
        <v>1</v>
      </c>
      <c r="AU1968" s="9">
        <v>1</v>
      </c>
      <c r="AV1968" s="9">
        <v>1</v>
      </c>
      <c r="AW1968" s="9">
        <v>1</v>
      </c>
      <c r="AX1968" s="9">
        <v>1</v>
      </c>
      <c r="AY1968" s="9">
        <v>0</v>
      </c>
      <c r="AZ1968" s="9">
        <v>0</v>
      </c>
      <c r="BA1968" s="9">
        <v>0</v>
      </c>
      <c r="BB1968" s="9">
        <v>0</v>
      </c>
      <c r="BC1968" s="9">
        <v>0</v>
      </c>
      <c r="BD1968" s="9">
        <v>0</v>
      </c>
      <c r="BE1968" s="9">
        <v>0</v>
      </c>
      <c r="BF1968" s="9">
        <v>0</v>
      </c>
      <c r="BG1968" s="11">
        <v>-1</v>
      </c>
      <c r="BH1968" s="13">
        <v>-1</v>
      </c>
      <c r="BI1968" s="6">
        <v>0</v>
      </c>
      <c r="BJ1968" s="13">
        <v>0</v>
      </c>
      <c r="BK1968" s="6">
        <v>-1</v>
      </c>
      <c r="BL1968" s="13">
        <v>-1</v>
      </c>
      <c r="BM1968" s="11">
        <v>0</v>
      </c>
      <c r="BN1968" s="13" t="e">
        <v>#DIV/0!</v>
      </c>
      <c r="BO1968" s="11">
        <v>-1</v>
      </c>
      <c r="BP1968" s="13">
        <v>-1</v>
      </c>
      <c r="BQ1968" s="6">
        <v>1</v>
      </c>
      <c r="BR1968" s="6">
        <v>1</v>
      </c>
      <c r="BS1968" s="6">
        <v>1</v>
      </c>
      <c r="BT1968" s="6">
        <v>1</v>
      </c>
      <c r="BU1968" s="6">
        <v>1</v>
      </c>
      <c r="BV1968" s="6">
        <v>0</v>
      </c>
      <c r="BW1968" s="6">
        <v>0</v>
      </c>
      <c r="BX1968" s="6">
        <v>0</v>
      </c>
      <c r="BY1968" s="6">
        <v>0</v>
      </c>
      <c r="BZ1968" s="6">
        <v>0</v>
      </c>
      <c r="CA1968" s="6">
        <v>0</v>
      </c>
      <c r="CB1968" s="6">
        <v>0</v>
      </c>
      <c r="CC1968" s="11">
        <v>0</v>
      </c>
      <c r="CD1968" s="11">
        <v>-4.8470599999999999</v>
      </c>
      <c r="CE1968" s="11">
        <v>0.41454800000000003</v>
      </c>
      <c r="CF1968" s="11">
        <v>0.43678099999999997</v>
      </c>
      <c r="CG1968" s="11">
        <v>0</v>
      </c>
      <c r="CH1968" s="20">
        <v>9.5726500000000006E-2</v>
      </c>
      <c r="CI1968" s="20">
        <v>0.23677999999999999</v>
      </c>
      <c r="CJ1968" s="20">
        <v>0.27433600000000002</v>
      </c>
      <c r="CK1968" s="20">
        <v>8.1322900000000004E-2</v>
      </c>
      <c r="CL1968" s="20">
        <v>6.09677E-2</v>
      </c>
      <c r="CM1968" s="20">
        <v>3.4101699999999999E-2</v>
      </c>
      <c r="CN1968" s="20">
        <v>5.1684500000000001E-2</v>
      </c>
      <c r="CO1968" s="20">
        <v>5.7173800000000002E-3</v>
      </c>
      <c r="CP1968" s="20">
        <v>0</v>
      </c>
      <c r="CQ1968" s="20">
        <v>0</v>
      </c>
      <c r="CR1968" s="20">
        <v>0</v>
      </c>
      <c r="CS1968" s="20">
        <v>0</v>
      </c>
      <c r="CT1968" s="20">
        <v>0</v>
      </c>
      <c r="CU1968" s="20">
        <v>0</v>
      </c>
      <c r="CV1968" s="20">
        <v>0</v>
      </c>
      <c r="CW1968" s="20">
        <v>0</v>
      </c>
      <c r="CX1968" s="20">
        <v>0</v>
      </c>
      <c r="CY1968" s="6" t="s">
        <v>692</v>
      </c>
      <c r="CZ1968" s="6" t="s">
        <v>693</v>
      </c>
      <c r="DA1968" s="6" t="s">
        <v>150</v>
      </c>
      <c r="DB1968" s="6"/>
      <c r="DC1968" s="6">
        <v>32180</v>
      </c>
      <c r="DD1968" s="6"/>
      <c r="DE1968" s="6" t="s">
        <v>695</v>
      </c>
      <c r="DF1968" s="6" t="s">
        <v>363</v>
      </c>
      <c r="DG1968" s="6" t="s">
        <v>364</v>
      </c>
      <c r="DH1968" s="6" t="s">
        <v>365</v>
      </c>
      <c r="DI1968" s="6"/>
      <c r="DJ1968" s="6">
        <v>29</v>
      </c>
      <c r="DK1968" s="6">
        <v>195</v>
      </c>
      <c r="DL1968" s="6">
        <v>3</v>
      </c>
      <c r="DM1968" s="6" t="s">
        <v>556</v>
      </c>
      <c r="DN1968" s="6">
        <v>6</v>
      </c>
      <c r="DO1968" s="6" t="s">
        <v>393</v>
      </c>
      <c r="DP1968" s="6"/>
      <c r="DQ1968" s="6"/>
    </row>
    <row r="1969" spans="1:121" x14ac:dyDescent="0.2">
      <c r="A1969" s="6" t="s">
        <v>311</v>
      </c>
      <c r="B1969" s="6" t="s">
        <v>311</v>
      </c>
      <c r="C1969" s="6" t="s">
        <v>174</v>
      </c>
      <c r="D1969" s="6" t="s">
        <v>150</v>
      </c>
      <c r="E1969" s="6" t="s">
        <v>291</v>
      </c>
      <c r="F1969" s="11">
        <v>-100</v>
      </c>
      <c r="G1969" s="13">
        <v>-0.86956521739100001</v>
      </c>
      <c r="H1969" s="11">
        <v>-62.592404999999999</v>
      </c>
      <c r="I1969" s="13">
        <v>-0.54211677562544003</v>
      </c>
      <c r="J1969" s="11">
        <v>-24.429592</v>
      </c>
      <c r="K1969" s="13">
        <v>-0.46209651070450353</v>
      </c>
      <c r="L1969" s="11">
        <v>-13.0514786253</v>
      </c>
      <c r="M1969" s="13">
        <v>-0.45895682265761878</v>
      </c>
      <c r="N1969" s="11">
        <v>-37.481070625299999</v>
      </c>
      <c r="O1969" s="13">
        <v>-0.70897098704801098</v>
      </c>
      <c r="P1969" s="7">
        <v>115.459266</v>
      </c>
      <c r="Q1969" s="7">
        <v>122.535759</v>
      </c>
      <c r="R1969" s="7">
        <v>62.665573000000002</v>
      </c>
      <c r="S1969" s="7">
        <v>121.848074</v>
      </c>
      <c r="T1969" s="7">
        <v>95.478278000000003</v>
      </c>
      <c r="U1969" s="7">
        <v>55.885531</v>
      </c>
      <c r="V1969" s="7">
        <v>52.866861</v>
      </c>
      <c r="W1969" s="7">
        <v>52.249676999999998</v>
      </c>
      <c r="X1969" s="7">
        <v>38.574576999999998</v>
      </c>
      <c r="Y1969" s="7">
        <v>28.437269000000001</v>
      </c>
      <c r="Z1969" s="7">
        <v>26.43225</v>
      </c>
      <c r="AA1969" s="7">
        <v>13.639856</v>
      </c>
      <c r="AB1969" s="7">
        <v>16.280667999999999</v>
      </c>
      <c r="AC1969" s="7">
        <v>16.401246</v>
      </c>
      <c r="AD1969" s="7">
        <v>15.836734230199999</v>
      </c>
      <c r="AE1969" s="7">
        <v>17.324534551799999</v>
      </c>
      <c r="AF1969" s="7">
        <v>15.385790374700001</v>
      </c>
      <c r="AG1969" s="9">
        <v>14453.363032499998</v>
      </c>
      <c r="AH1969" s="13">
        <v>0.27912982884918908</v>
      </c>
      <c r="AI1969" s="9">
        <v>50283.351252499997</v>
      </c>
      <c r="AJ1969" s="13">
        <v>0.97109463019183884</v>
      </c>
      <c r="AK1969" s="9">
        <v>33313.351055000006</v>
      </c>
      <c r="AL1969" s="13">
        <v>0.32639852288665727</v>
      </c>
      <c r="AM1969" s="9">
        <v>-69143.339275000006</v>
      </c>
      <c r="AN1969" s="13">
        <v>-0.51074742252977767</v>
      </c>
      <c r="AO1969" s="9">
        <v>-35829.988219999999</v>
      </c>
      <c r="AP1969" s="13">
        <v>-0.35105610392500719</v>
      </c>
      <c r="AQ1969" s="9">
        <v>51780.073423499998</v>
      </c>
      <c r="AR1969" s="9">
        <v>51444.470468699998</v>
      </c>
      <c r="AS1969" s="9">
        <v>64429.122947399999</v>
      </c>
      <c r="AT1969" s="9">
        <v>56430.631308999997</v>
      </c>
      <c r="AU1969" s="9">
        <v>62087.651480499997</v>
      </c>
      <c r="AV1969" s="9">
        <v>73988.769568200005</v>
      </c>
      <c r="AW1969" s="9">
        <v>102063.424676</v>
      </c>
      <c r="AX1969" s="9">
        <v>93066.124055599998</v>
      </c>
      <c r="AY1969" s="9">
        <v>109678.605882</v>
      </c>
      <c r="AZ1969" s="9">
        <v>135376.775731</v>
      </c>
      <c r="BA1969" s="9">
        <v>102559.099344</v>
      </c>
      <c r="BB1969" s="9">
        <v>67290.249405399998</v>
      </c>
      <c r="BC1969" s="9">
        <v>62256.645768499999</v>
      </c>
      <c r="BD1969" s="9">
        <v>74406.502342799999</v>
      </c>
      <c r="BE1969" s="9">
        <v>77588.536919000006</v>
      </c>
      <c r="BF1969" s="9">
        <v>66233.436455999996</v>
      </c>
      <c r="BG1969" s="11">
        <v>-1</v>
      </c>
      <c r="BH1969" s="13">
        <v>-0.5</v>
      </c>
      <c r="BI1969" s="6">
        <v>0</v>
      </c>
      <c r="BJ1969" s="13">
        <v>0</v>
      </c>
      <c r="BK1969" s="6">
        <v>0</v>
      </c>
      <c r="BL1969" s="13">
        <v>0</v>
      </c>
      <c r="BM1969" s="11">
        <v>-1</v>
      </c>
      <c r="BN1969" s="13">
        <v>-0.5</v>
      </c>
      <c r="BO1969" s="11">
        <v>-1</v>
      </c>
      <c r="BP1969" s="13">
        <v>-0.5</v>
      </c>
      <c r="BQ1969" s="6">
        <v>2</v>
      </c>
      <c r="BR1969" s="6">
        <v>2</v>
      </c>
      <c r="BS1969" s="6">
        <v>2</v>
      </c>
      <c r="BT1969" s="6">
        <v>2</v>
      </c>
      <c r="BU1969" s="6">
        <v>2</v>
      </c>
      <c r="BV1969" s="6">
        <v>2</v>
      </c>
      <c r="BW1969" s="6">
        <v>2</v>
      </c>
      <c r="BX1969" s="6">
        <v>2</v>
      </c>
      <c r="BY1969" s="6">
        <v>1</v>
      </c>
      <c r="BZ1969" s="6">
        <v>1</v>
      </c>
      <c r="CA1969" s="6">
        <v>1</v>
      </c>
      <c r="CB1969" s="6">
        <v>1</v>
      </c>
      <c r="CC1969" s="11">
        <v>1</v>
      </c>
      <c r="CD1969" s="11">
        <v>-93.892700000000005</v>
      </c>
      <c r="CE1969" s="11">
        <v>-18.8018</v>
      </c>
      <c r="CF1969" s="11">
        <v>12.6211</v>
      </c>
      <c r="CG1969" s="11">
        <v>-6</v>
      </c>
      <c r="CH1969" s="20">
        <v>2.52461</v>
      </c>
      <c r="CI1969" s="20">
        <v>2.84402</v>
      </c>
      <c r="CJ1969" s="20">
        <v>1.47221</v>
      </c>
      <c r="CK1969" s="20">
        <v>2.9683999999999999</v>
      </c>
      <c r="CL1969" s="20">
        <v>2.3750499999999999</v>
      </c>
      <c r="CM1969" s="20">
        <v>1.4309799999999999</v>
      </c>
      <c r="CN1969" s="20">
        <v>1.39242</v>
      </c>
      <c r="CO1969" s="20">
        <v>1.38923</v>
      </c>
      <c r="CP1969" s="20">
        <v>0.97089599999999998</v>
      </c>
      <c r="CQ1969" s="20">
        <v>0.73883600000000005</v>
      </c>
      <c r="CR1969" s="20">
        <v>0.69425899999999996</v>
      </c>
      <c r="CS1969" s="20">
        <v>0.35862899999999998</v>
      </c>
      <c r="CT1969" s="20">
        <v>0.426228</v>
      </c>
      <c r="CU1969" s="20">
        <v>0.43748799999999999</v>
      </c>
      <c r="CV1969" s="20">
        <v>0.437199</v>
      </c>
      <c r="CW1969" s="20">
        <v>0.49085200000000001</v>
      </c>
      <c r="CX1969" s="20">
        <v>0.42954199999999998</v>
      </c>
      <c r="CY1969" s="6" t="s">
        <v>692</v>
      </c>
      <c r="CZ1969" s="6" t="s">
        <v>693</v>
      </c>
      <c r="DA1969" s="6" t="s">
        <v>150</v>
      </c>
      <c r="DB1969" s="6"/>
      <c r="DC1969" s="6">
        <v>32180</v>
      </c>
      <c r="DD1969" s="6"/>
      <c r="DE1969" s="6" t="s">
        <v>695</v>
      </c>
      <c r="DF1969" s="6" t="s">
        <v>363</v>
      </c>
      <c r="DG1969" s="6" t="s">
        <v>364</v>
      </c>
      <c r="DH1969" s="6" t="s">
        <v>365</v>
      </c>
      <c r="DI1969" s="6"/>
      <c r="DJ1969" s="6">
        <v>29</v>
      </c>
      <c r="DK1969" s="6">
        <v>195</v>
      </c>
      <c r="DL1969" s="6">
        <v>3</v>
      </c>
      <c r="DM1969" s="6" t="s">
        <v>556</v>
      </c>
      <c r="DN1969" s="6">
        <v>6</v>
      </c>
      <c r="DO1969" s="6" t="s">
        <v>393</v>
      </c>
      <c r="DP1969" s="6"/>
      <c r="DQ1969" s="6"/>
    </row>
    <row r="1970" spans="1:121" x14ac:dyDescent="0.2">
      <c r="A1970" s="6" t="s">
        <v>312</v>
      </c>
      <c r="B1970" s="6" t="s">
        <v>312</v>
      </c>
      <c r="C1970" s="6" t="s">
        <v>175</v>
      </c>
      <c r="D1970" s="6" t="s">
        <v>150</v>
      </c>
      <c r="E1970" s="6" t="s">
        <v>291</v>
      </c>
      <c r="F1970" s="11">
        <v>-78</v>
      </c>
      <c r="G1970" s="13">
        <v>-0.190243902439</v>
      </c>
      <c r="H1970" s="11">
        <v>-33.364844044999984</v>
      </c>
      <c r="I1970" s="13">
        <v>-8.1424016879021011E-2</v>
      </c>
      <c r="J1970" s="11">
        <v>-23.049018754000031</v>
      </c>
      <c r="K1970" s="13">
        <v>-6.1235149062617955E-2</v>
      </c>
      <c r="L1970" s="11">
        <v>-21.732508688999985</v>
      </c>
      <c r="M1970" s="13">
        <v>-6.1503719302047379E-2</v>
      </c>
      <c r="N1970" s="11">
        <v>-44.781527443000016</v>
      </c>
      <c r="O1970" s="13">
        <v>-0.11897267894529905</v>
      </c>
      <c r="P1970" s="7">
        <v>409.76661830099999</v>
      </c>
      <c r="Q1970" s="7">
        <v>411.16633676999999</v>
      </c>
      <c r="R1970" s="7">
        <v>391.25238883999998</v>
      </c>
      <c r="S1970" s="7">
        <v>386.534576388</v>
      </c>
      <c r="T1970" s="7">
        <v>385.51458202200001</v>
      </c>
      <c r="U1970" s="7">
        <v>360.17115802400002</v>
      </c>
      <c r="V1970" s="7">
        <v>376.40177425600001</v>
      </c>
      <c r="W1970" s="7">
        <v>362.11851182200002</v>
      </c>
      <c r="X1970" s="7">
        <v>341.41982254300001</v>
      </c>
      <c r="Y1970" s="7">
        <v>353.35275550199998</v>
      </c>
      <c r="Z1970" s="7">
        <v>345.07445723799998</v>
      </c>
      <c r="AA1970" s="7">
        <v>290.81042008100002</v>
      </c>
      <c r="AB1970" s="7">
        <v>290.60212017100002</v>
      </c>
      <c r="AC1970" s="7">
        <v>258.18641069199998</v>
      </c>
      <c r="AD1970" s="7">
        <v>297.05853171199999</v>
      </c>
      <c r="AE1970" s="7">
        <v>327.33685219300003</v>
      </c>
      <c r="AF1970" s="7">
        <v>331.62024681299999</v>
      </c>
      <c r="AG1970" s="9">
        <v>9866.2516099000022</v>
      </c>
      <c r="AH1970" s="13">
        <v>0.3773954098387875</v>
      </c>
      <c r="AI1970" s="9">
        <v>5812.9805710000001</v>
      </c>
      <c r="AJ1970" s="13">
        <v>0.22235315616481521</v>
      </c>
      <c r="AK1970" s="9">
        <v>1233.2406493999988</v>
      </c>
      <c r="AL1970" s="13">
        <v>3.8591846615669299E-2</v>
      </c>
      <c r="AM1970" s="9">
        <v>2820.0303895000034</v>
      </c>
      <c r="AN1970" s="13">
        <v>8.4968237215436337E-2</v>
      </c>
      <c r="AO1970" s="9">
        <v>4053.2710389000022</v>
      </c>
      <c r="AP1970" s="13">
        <v>0.12683916500892756</v>
      </c>
      <c r="AQ1970" s="9">
        <v>26143.009036899999</v>
      </c>
      <c r="AR1970" s="9">
        <v>25346.304255999999</v>
      </c>
      <c r="AS1970" s="9">
        <v>26302.374619499999</v>
      </c>
      <c r="AT1970" s="9">
        <v>28294.673089299999</v>
      </c>
      <c r="AU1970" s="9">
        <v>29913.488656099998</v>
      </c>
      <c r="AV1970" s="9">
        <v>31271.065420399998</v>
      </c>
      <c r="AW1970" s="9">
        <v>31955.989607899999</v>
      </c>
      <c r="AX1970" s="9">
        <v>31609.174945999999</v>
      </c>
      <c r="AY1970" s="9">
        <v>32546.607253300001</v>
      </c>
      <c r="AZ1970" s="9">
        <v>33189.230257299998</v>
      </c>
      <c r="BA1970" s="9">
        <v>35944.206506800001</v>
      </c>
      <c r="BB1970" s="9">
        <v>32901.6334861</v>
      </c>
      <c r="BC1970" s="9">
        <v>32410.759739500001</v>
      </c>
      <c r="BD1970" s="9">
        <v>30644.378700500001</v>
      </c>
      <c r="BE1970" s="9">
        <v>36292.499926600001</v>
      </c>
      <c r="BF1970" s="9">
        <v>36009.260646800001</v>
      </c>
      <c r="BG1970" s="11">
        <v>-11.25</v>
      </c>
      <c r="BH1970" s="13">
        <v>-0.234375</v>
      </c>
      <c r="BI1970" s="6">
        <v>-6</v>
      </c>
      <c r="BJ1970" s="13">
        <v>-0.125</v>
      </c>
      <c r="BK1970" s="6">
        <v>-2</v>
      </c>
      <c r="BL1970" s="13">
        <v>-4.7619047619047616E-2</v>
      </c>
      <c r="BM1970" s="11">
        <v>-3.25</v>
      </c>
      <c r="BN1970" s="13">
        <v>-8.1250000000000003E-2</v>
      </c>
      <c r="BO1970" s="11">
        <v>-5.25</v>
      </c>
      <c r="BP1970" s="13">
        <v>-0.125</v>
      </c>
      <c r="BQ1970" s="6">
        <v>48</v>
      </c>
      <c r="BR1970" s="6">
        <v>52</v>
      </c>
      <c r="BS1970" s="6">
        <v>44</v>
      </c>
      <c r="BT1970" s="6">
        <v>42</v>
      </c>
      <c r="BU1970" s="6">
        <v>44</v>
      </c>
      <c r="BV1970" s="6">
        <v>44</v>
      </c>
      <c r="BW1970" s="6">
        <v>40</v>
      </c>
      <c r="BX1970" s="6">
        <v>38</v>
      </c>
      <c r="BY1970" s="6">
        <v>35</v>
      </c>
      <c r="BZ1970" s="6">
        <v>36</v>
      </c>
      <c r="CA1970" s="6">
        <v>36</v>
      </c>
      <c r="CB1970" s="6">
        <v>36</v>
      </c>
      <c r="CC1970" s="11">
        <v>36.75</v>
      </c>
      <c r="CD1970" s="11">
        <v>-73.305599999999998</v>
      </c>
      <c r="CE1970" s="11">
        <v>-49.633200000000002</v>
      </c>
      <c r="CF1970" s="11">
        <v>44.792400000000001</v>
      </c>
      <c r="CG1970" s="11">
        <v>-5</v>
      </c>
      <c r="CH1970" s="20">
        <v>0.61773800000000001</v>
      </c>
      <c r="CI1970" s="20">
        <v>0.65339499999999995</v>
      </c>
      <c r="CJ1970" s="20">
        <v>0.60141299999999998</v>
      </c>
      <c r="CK1970" s="20">
        <v>0.57767900000000005</v>
      </c>
      <c r="CL1970" s="20">
        <v>0.548481</v>
      </c>
      <c r="CM1970" s="20">
        <v>0.50234299999999998</v>
      </c>
      <c r="CN1970" s="20">
        <v>0.54727400000000004</v>
      </c>
      <c r="CO1970" s="20">
        <v>0.57042099999999996</v>
      </c>
      <c r="CP1970" s="20">
        <v>0.58725400000000005</v>
      </c>
      <c r="CQ1970" s="20">
        <v>0.67120500000000005</v>
      </c>
      <c r="CR1970" s="20">
        <v>0.66962600000000005</v>
      </c>
      <c r="CS1970" s="20">
        <v>0.559589</v>
      </c>
      <c r="CT1970" s="20">
        <v>0.54330999999999996</v>
      </c>
      <c r="CU1970" s="20">
        <v>0.47688799999999998</v>
      </c>
      <c r="CV1970" s="20">
        <v>0.552145</v>
      </c>
      <c r="CW1970" s="20">
        <v>0.61154600000000003</v>
      </c>
      <c r="CX1970" s="20">
        <v>0.61135799999999996</v>
      </c>
      <c r="CY1970" s="6" t="s">
        <v>692</v>
      </c>
      <c r="CZ1970" s="6" t="s">
        <v>693</v>
      </c>
      <c r="DA1970" s="6" t="s">
        <v>150</v>
      </c>
      <c r="DB1970" s="6"/>
      <c r="DC1970" s="6">
        <v>32180</v>
      </c>
      <c r="DD1970" s="6"/>
      <c r="DE1970" s="6" t="s">
        <v>695</v>
      </c>
      <c r="DF1970" s="6" t="s">
        <v>363</v>
      </c>
      <c r="DG1970" s="6" t="s">
        <v>364</v>
      </c>
      <c r="DH1970" s="6" t="s">
        <v>365</v>
      </c>
      <c r="DI1970" s="6"/>
      <c r="DJ1970" s="6">
        <v>29</v>
      </c>
      <c r="DK1970" s="6">
        <v>195</v>
      </c>
      <c r="DL1970" s="6">
        <v>3</v>
      </c>
      <c r="DM1970" s="6" t="s">
        <v>556</v>
      </c>
      <c r="DN1970" s="6">
        <v>6</v>
      </c>
      <c r="DO1970" s="6" t="s">
        <v>393</v>
      </c>
      <c r="DP1970" s="6"/>
      <c r="DQ1970" s="6"/>
    </row>
    <row r="1971" spans="1:121" x14ac:dyDescent="0.2">
      <c r="A1971" s="6" t="s">
        <v>792</v>
      </c>
      <c r="B1971" s="6" t="s">
        <v>176</v>
      </c>
      <c r="C1971" s="6" t="s">
        <v>177</v>
      </c>
      <c r="D1971" s="6" t="s">
        <v>150</v>
      </c>
      <c r="E1971" s="6" t="s">
        <v>291</v>
      </c>
      <c r="F1971" s="11">
        <v>-62</v>
      </c>
      <c r="G1971" s="13">
        <v>-2.7629233511600002E-2</v>
      </c>
      <c r="H1971" s="11">
        <v>-291.47300651</v>
      </c>
      <c r="I1971" s="13">
        <v>-0.12987592099696985</v>
      </c>
      <c r="J1971" s="11">
        <v>-79.953573190000043</v>
      </c>
      <c r="K1971" s="13">
        <v>-4.0943690913155112E-2</v>
      </c>
      <c r="L1971" s="11">
        <v>309.45072933000006</v>
      </c>
      <c r="M1971" s="13">
        <v>0.16523289667658272</v>
      </c>
      <c r="N1971" s="11">
        <v>229.49715614000002</v>
      </c>
      <c r="O1971" s="13">
        <v>0.11752396111321632</v>
      </c>
      <c r="P1971" s="7">
        <v>2244.24207561</v>
      </c>
      <c r="Q1971" s="7">
        <v>1679.9790339199999</v>
      </c>
      <c r="R1971" s="7">
        <v>1921.0800695800001</v>
      </c>
      <c r="S1971" s="7">
        <v>1994.0790044299999</v>
      </c>
      <c r="T1971" s="7">
        <v>1990.7153628799999</v>
      </c>
      <c r="U1971" s="7">
        <v>2009.1805005199999</v>
      </c>
      <c r="V1971" s="7">
        <v>1952.7690691</v>
      </c>
      <c r="W1971" s="7">
        <v>1564.70728734</v>
      </c>
      <c r="X1971" s="7">
        <v>1866.3823836399999</v>
      </c>
      <c r="Y1971" s="7">
        <v>1872.81549591</v>
      </c>
      <c r="Z1971" s="7">
        <v>1873.70481283</v>
      </c>
      <c r="AA1971" s="7">
        <v>1937.74411134</v>
      </c>
      <c r="AB1971" s="7">
        <v>2118.2532851999999</v>
      </c>
      <c r="AC1971" s="7">
        <v>2082.6563584099999</v>
      </c>
      <c r="AD1971" s="7">
        <v>2095.75596038</v>
      </c>
      <c r="AE1971" s="7">
        <v>2034.7567577899999</v>
      </c>
      <c r="AF1971" s="7">
        <v>2182.26622524</v>
      </c>
      <c r="AG1971" s="9">
        <v>15581.116942599998</v>
      </c>
      <c r="AH1971" s="13">
        <v>0.46038676375131155</v>
      </c>
      <c r="AI1971" s="9">
        <v>10825.717890299995</v>
      </c>
      <c r="AJ1971" s="13">
        <v>0.31987547767985713</v>
      </c>
      <c r="AK1971" s="9">
        <v>3348.1501660000067</v>
      </c>
      <c r="AL1971" s="13">
        <v>7.4954240849139514E-2</v>
      </c>
      <c r="AM1971" s="9">
        <v>1407.2488862999962</v>
      </c>
      <c r="AN1971" s="13">
        <v>2.9307057613324271E-2</v>
      </c>
      <c r="AO1971" s="9">
        <v>4755.3990523000029</v>
      </c>
      <c r="AP1971" s="13">
        <v>0.1064579867173925</v>
      </c>
      <c r="AQ1971" s="9">
        <v>33843.538019300002</v>
      </c>
      <c r="AR1971" s="9">
        <v>37116.175355699997</v>
      </c>
      <c r="AS1971" s="9">
        <v>38216.712010299998</v>
      </c>
      <c r="AT1971" s="9">
        <v>42401.781604399999</v>
      </c>
      <c r="AU1971" s="9">
        <v>40669.810775500002</v>
      </c>
      <c r="AV1971" s="9">
        <v>43630.435214899997</v>
      </c>
      <c r="AW1971" s="9">
        <v>44669.255909599997</v>
      </c>
      <c r="AX1971" s="9">
        <v>44999.400716999997</v>
      </c>
      <c r="AY1971" s="9">
        <v>47034.831230700001</v>
      </c>
      <c r="AZ1971" s="9">
        <v>48017.406075600004</v>
      </c>
      <c r="BA1971" s="9">
        <v>50064.657086500003</v>
      </c>
      <c r="BB1971" s="9">
        <v>47440.676157599999</v>
      </c>
      <c r="BC1971" s="9">
        <v>48642.460430599996</v>
      </c>
      <c r="BD1971" s="9">
        <v>48522.030801300003</v>
      </c>
      <c r="BE1971" s="9">
        <v>49475.475869499998</v>
      </c>
      <c r="BF1971" s="9">
        <v>49424.6549619</v>
      </c>
      <c r="BG1971" s="11">
        <v>-2</v>
      </c>
      <c r="BH1971" s="13">
        <v>-9.0909090909090912E-2</v>
      </c>
      <c r="BI1971" s="6">
        <v>1</v>
      </c>
      <c r="BJ1971" s="13">
        <v>4.5454545454545456E-2</v>
      </c>
      <c r="BK1971" s="6">
        <v>0</v>
      </c>
      <c r="BL1971" s="13">
        <v>0</v>
      </c>
      <c r="BM1971" s="11">
        <v>-3</v>
      </c>
      <c r="BN1971" s="13">
        <v>-0.13043478260869565</v>
      </c>
      <c r="BO1971" s="11">
        <v>-3</v>
      </c>
      <c r="BP1971" s="13">
        <v>-0.13043478260869565</v>
      </c>
      <c r="BQ1971" s="6">
        <v>22</v>
      </c>
      <c r="BR1971" s="6">
        <v>24</v>
      </c>
      <c r="BS1971" s="6">
        <v>21</v>
      </c>
      <c r="BT1971" s="6">
        <v>23</v>
      </c>
      <c r="BU1971" s="6">
        <v>22</v>
      </c>
      <c r="BV1971" s="6">
        <v>21</v>
      </c>
      <c r="BW1971" s="6">
        <v>23</v>
      </c>
      <c r="BX1971" s="6">
        <v>24</v>
      </c>
      <c r="BY1971" s="6">
        <v>23</v>
      </c>
      <c r="BZ1971" s="6">
        <v>22</v>
      </c>
      <c r="CA1971" s="6">
        <v>21</v>
      </c>
      <c r="CB1971" s="6">
        <v>20</v>
      </c>
      <c r="CC1971" s="11">
        <v>20</v>
      </c>
      <c r="CD1971" s="11">
        <v>484.86900000000003</v>
      </c>
      <c r="CE1971" s="11">
        <v>-792.16700000000003</v>
      </c>
      <c r="CF1971" s="11">
        <v>245.32300000000001</v>
      </c>
      <c r="CG1971" s="11">
        <v>-547</v>
      </c>
      <c r="CH1971" s="20">
        <v>1.7672300000000001</v>
      </c>
      <c r="CI1971" s="20">
        <v>1.4902200000000001</v>
      </c>
      <c r="CJ1971" s="20">
        <v>1.7620199999999999</v>
      </c>
      <c r="CK1971" s="20">
        <v>1.8834500000000001</v>
      </c>
      <c r="CL1971" s="20">
        <v>1.88486</v>
      </c>
      <c r="CM1971" s="20">
        <v>1.9547300000000001</v>
      </c>
      <c r="CN1971" s="20">
        <v>2.0051100000000002</v>
      </c>
      <c r="CO1971" s="20">
        <v>1.7030400000000001</v>
      </c>
      <c r="CP1971" s="20">
        <v>2.1853799999999999</v>
      </c>
      <c r="CQ1971" s="20">
        <v>2.2909799999999998</v>
      </c>
      <c r="CR1971" s="20">
        <v>2.2717999999999998</v>
      </c>
      <c r="CS1971" s="20">
        <v>2.3130099999999998</v>
      </c>
      <c r="CT1971" s="20">
        <v>2.4953699999999999</v>
      </c>
      <c r="CU1971" s="20">
        <v>2.4832700000000001</v>
      </c>
      <c r="CV1971" s="20">
        <v>2.58508</v>
      </c>
      <c r="CW1971" s="20">
        <v>2.57775</v>
      </c>
      <c r="CX1971" s="20">
        <v>2.7456299999999998</v>
      </c>
      <c r="CY1971" s="6" t="s">
        <v>692</v>
      </c>
      <c r="CZ1971" s="6" t="s">
        <v>693</v>
      </c>
      <c r="DA1971" s="6" t="s">
        <v>150</v>
      </c>
      <c r="DB1971" s="6"/>
      <c r="DC1971" s="6">
        <v>32180</v>
      </c>
      <c r="DD1971" s="6"/>
      <c r="DE1971" s="6" t="s">
        <v>695</v>
      </c>
      <c r="DF1971" s="6" t="s">
        <v>363</v>
      </c>
      <c r="DG1971" s="6" t="s">
        <v>364</v>
      </c>
      <c r="DH1971" s="6" t="s">
        <v>365</v>
      </c>
      <c r="DI1971" s="6"/>
      <c r="DJ1971" s="6">
        <v>29</v>
      </c>
      <c r="DK1971" s="6">
        <v>195</v>
      </c>
      <c r="DL1971" s="6">
        <v>3</v>
      </c>
      <c r="DM1971" s="6" t="s">
        <v>556</v>
      </c>
      <c r="DN1971" s="6">
        <v>6</v>
      </c>
      <c r="DO1971" s="6" t="s">
        <v>393</v>
      </c>
      <c r="DP1971" s="6"/>
      <c r="DQ1971" s="6"/>
    </row>
    <row r="1972" spans="1:121" x14ac:dyDescent="0.2">
      <c r="A1972" s="6" t="s">
        <v>313</v>
      </c>
      <c r="B1972" s="6" t="s">
        <v>313</v>
      </c>
      <c r="C1972" s="6" t="s">
        <v>178</v>
      </c>
      <c r="D1972" s="6" t="s">
        <v>150</v>
      </c>
      <c r="E1972" s="6" t="s">
        <v>291</v>
      </c>
      <c r="F1972" s="11">
        <v>4</v>
      </c>
      <c r="G1972" s="13">
        <v>1.03359173127E-2</v>
      </c>
      <c r="H1972" s="11">
        <v>-52.825091992000011</v>
      </c>
      <c r="I1972" s="13">
        <v>-0.13662153387188666</v>
      </c>
      <c r="J1972" s="11">
        <v>6.6750104820000047</v>
      </c>
      <c r="K1972" s="13">
        <v>1.9995378726010732E-2</v>
      </c>
      <c r="L1972" s="11">
        <v>50.202362386000004</v>
      </c>
      <c r="M1972" s="13">
        <v>0.147436031502168</v>
      </c>
      <c r="N1972" s="11">
        <v>56.877372868000009</v>
      </c>
      <c r="O1972" s="13">
        <v>0.17037944951592462</v>
      </c>
      <c r="P1972" s="7">
        <v>386.65275154599999</v>
      </c>
      <c r="Q1972" s="7">
        <v>399.58002439400002</v>
      </c>
      <c r="R1972" s="7">
        <v>385.759999177</v>
      </c>
      <c r="S1972" s="7">
        <v>375.45903424199997</v>
      </c>
      <c r="T1972" s="7">
        <v>377.032352699</v>
      </c>
      <c r="U1972" s="7">
        <v>362.146400976</v>
      </c>
      <c r="V1972" s="7">
        <v>333.82765955399998</v>
      </c>
      <c r="W1972" s="7">
        <v>334.602454303</v>
      </c>
      <c r="X1972" s="7">
        <v>352.21679734600002</v>
      </c>
      <c r="Y1972" s="7">
        <v>340.50267003599998</v>
      </c>
      <c r="Z1972" s="7">
        <v>367.71133273999999</v>
      </c>
      <c r="AA1972" s="7">
        <v>364.20471156500003</v>
      </c>
      <c r="AB1972" s="7">
        <v>351.92099475100002</v>
      </c>
      <c r="AC1972" s="7">
        <v>379.214839041</v>
      </c>
      <c r="AD1972" s="7">
        <v>401.39660860700002</v>
      </c>
      <c r="AE1972" s="7">
        <v>381.18931530600003</v>
      </c>
      <c r="AF1972" s="7">
        <v>390.70503242199999</v>
      </c>
      <c r="AG1972" s="9">
        <v>20646.595083400003</v>
      </c>
      <c r="AH1972" s="13">
        <v>0.60791088178465902</v>
      </c>
      <c r="AI1972" s="9">
        <v>3308.3779540000032</v>
      </c>
      <c r="AJ1972" s="13">
        <v>9.7410684481824564E-2</v>
      </c>
      <c r="AK1972" s="9">
        <v>6219.235165799997</v>
      </c>
      <c r="AL1972" s="13">
        <v>0.16686270192692876</v>
      </c>
      <c r="AM1972" s="9">
        <v>11118.981963600003</v>
      </c>
      <c r="AN1972" s="13">
        <v>0.2556628113931444</v>
      </c>
      <c r="AO1972" s="9">
        <v>17338.2171294</v>
      </c>
      <c r="AP1972" s="13">
        <v>0.46518610081136802</v>
      </c>
      <c r="AQ1972" s="9">
        <v>33963.193787199998</v>
      </c>
      <c r="AR1972" s="9">
        <v>34306.613389300001</v>
      </c>
      <c r="AS1972" s="9">
        <v>33087.216966499996</v>
      </c>
      <c r="AT1972" s="9">
        <v>34249.503567</v>
      </c>
      <c r="AU1972" s="9">
        <v>35528.695980500001</v>
      </c>
      <c r="AV1972" s="9">
        <v>36726.701586299998</v>
      </c>
      <c r="AW1972" s="9">
        <v>37271.571741200001</v>
      </c>
      <c r="AX1972" s="9">
        <v>40316.492781499997</v>
      </c>
      <c r="AY1972" s="9">
        <v>41787.5261206</v>
      </c>
      <c r="AZ1972" s="9">
        <v>43490.806906999998</v>
      </c>
      <c r="BA1972" s="9">
        <v>45462.539903600002</v>
      </c>
      <c r="BB1972" s="9">
        <v>47233.137214800001</v>
      </c>
      <c r="BC1972" s="9">
        <v>50452.978754999996</v>
      </c>
      <c r="BD1972" s="9">
        <v>55584.923728900001</v>
      </c>
      <c r="BE1972" s="9">
        <v>54684.686035600003</v>
      </c>
      <c r="BF1972" s="9">
        <v>54609.788870600001</v>
      </c>
      <c r="BG1972" s="11">
        <v>3</v>
      </c>
      <c r="BH1972" s="13">
        <v>7.8947368421052627E-2</v>
      </c>
      <c r="BI1972" s="6">
        <v>-1</v>
      </c>
      <c r="BJ1972" s="13">
        <v>-2.6315789473684209E-2</v>
      </c>
      <c r="BK1972" s="6">
        <v>-1</v>
      </c>
      <c r="BL1972" s="13">
        <v>-2.7027027027027029E-2</v>
      </c>
      <c r="BM1972" s="11">
        <v>5</v>
      </c>
      <c r="BN1972" s="13">
        <v>0.1388888888888889</v>
      </c>
      <c r="BO1972" s="11">
        <v>4</v>
      </c>
      <c r="BP1972" s="13">
        <v>0.10810810810810811</v>
      </c>
      <c r="BQ1972" s="6">
        <v>38</v>
      </c>
      <c r="BR1972" s="6">
        <v>40</v>
      </c>
      <c r="BS1972" s="6">
        <v>40</v>
      </c>
      <c r="BT1972" s="6">
        <v>37</v>
      </c>
      <c r="BU1972" s="6">
        <v>38</v>
      </c>
      <c r="BV1972" s="6">
        <v>37</v>
      </c>
      <c r="BW1972" s="6">
        <v>36</v>
      </c>
      <c r="BX1972" s="6">
        <v>35</v>
      </c>
      <c r="BY1972" s="6">
        <v>36</v>
      </c>
      <c r="BZ1972" s="6">
        <v>39</v>
      </c>
      <c r="CA1972" s="6">
        <v>41</v>
      </c>
      <c r="CB1972" s="6">
        <v>44</v>
      </c>
      <c r="CC1972" s="11">
        <v>41</v>
      </c>
      <c r="CD1972" s="11">
        <v>-6.59788</v>
      </c>
      <c r="CE1972" s="11">
        <v>-31.615600000000001</v>
      </c>
      <c r="CF1972" s="11">
        <v>42.265799999999999</v>
      </c>
      <c r="CG1972" s="11">
        <v>10</v>
      </c>
      <c r="CH1972" s="20">
        <v>0.85506099999999996</v>
      </c>
      <c r="CI1972" s="20">
        <v>0.94540100000000005</v>
      </c>
      <c r="CJ1972" s="20">
        <v>0.90212499999999995</v>
      </c>
      <c r="CK1972" s="20">
        <v>0.88278999999999996</v>
      </c>
      <c r="CL1972" s="20">
        <v>0.86757799999999996</v>
      </c>
      <c r="CM1972" s="20">
        <v>0.83311900000000005</v>
      </c>
      <c r="CN1972" s="20">
        <v>0.78182700000000005</v>
      </c>
      <c r="CO1972" s="20">
        <v>0.80937700000000001</v>
      </c>
      <c r="CP1972" s="20">
        <v>0.86642399999999997</v>
      </c>
      <c r="CQ1972" s="20">
        <v>0.86635099999999998</v>
      </c>
      <c r="CR1972" s="20">
        <v>0.93137499999999995</v>
      </c>
      <c r="CS1972" s="20">
        <v>0.90712300000000001</v>
      </c>
      <c r="CT1972" s="20">
        <v>0.86014400000000002</v>
      </c>
      <c r="CU1972" s="20">
        <v>0.93930199999999997</v>
      </c>
      <c r="CV1972" s="20">
        <v>1.02921</v>
      </c>
      <c r="CW1972" s="20">
        <v>1.0064299999999999</v>
      </c>
      <c r="CX1972" s="20">
        <v>1.01613</v>
      </c>
      <c r="CY1972" s="6" t="s">
        <v>692</v>
      </c>
      <c r="CZ1972" s="6" t="s">
        <v>693</v>
      </c>
      <c r="DA1972" s="6" t="s">
        <v>150</v>
      </c>
      <c r="DB1972" s="6"/>
      <c r="DC1972" s="6">
        <v>32180</v>
      </c>
      <c r="DD1972" s="6"/>
      <c r="DE1972" s="6" t="s">
        <v>695</v>
      </c>
      <c r="DF1972" s="6" t="s">
        <v>363</v>
      </c>
      <c r="DG1972" s="6" t="s">
        <v>364</v>
      </c>
      <c r="DH1972" s="6" t="s">
        <v>365</v>
      </c>
      <c r="DI1972" s="6"/>
      <c r="DJ1972" s="6">
        <v>29</v>
      </c>
      <c r="DK1972" s="6">
        <v>195</v>
      </c>
      <c r="DL1972" s="6">
        <v>3</v>
      </c>
      <c r="DM1972" s="6" t="s">
        <v>556</v>
      </c>
      <c r="DN1972" s="6">
        <v>6</v>
      </c>
      <c r="DO1972" s="6" t="s">
        <v>393</v>
      </c>
      <c r="DP1972" s="6"/>
      <c r="DQ1972" s="6"/>
    </row>
    <row r="1973" spans="1:121" x14ac:dyDescent="0.2">
      <c r="A1973" s="6" t="s">
        <v>793</v>
      </c>
      <c r="B1973" s="6" t="s">
        <v>179</v>
      </c>
      <c r="C1973" s="6" t="s">
        <v>180</v>
      </c>
      <c r="D1973" s="6" t="s">
        <v>150</v>
      </c>
      <c r="E1973" s="6" t="s">
        <v>291</v>
      </c>
      <c r="F1973" s="11">
        <v>-22</v>
      </c>
      <c r="G1973" s="13">
        <v>-0.02</v>
      </c>
      <c r="H1973" s="11">
        <v>-101</v>
      </c>
      <c r="I1973" s="13">
        <v>-9.4392523364485961E-2</v>
      </c>
      <c r="J1973" s="11">
        <v>-58</v>
      </c>
      <c r="K1973" s="13">
        <v>-5.9855521155830753E-2</v>
      </c>
      <c r="L1973" s="11">
        <v>137</v>
      </c>
      <c r="M1973" s="13">
        <v>0.150384193194292</v>
      </c>
      <c r="N1973" s="11">
        <v>79</v>
      </c>
      <c r="O1973" s="13">
        <v>8.1527347781217757E-2</v>
      </c>
      <c r="P1973" s="7">
        <v>1070</v>
      </c>
      <c r="Q1973" s="7">
        <v>1042</v>
      </c>
      <c r="R1973" s="7">
        <v>1048</v>
      </c>
      <c r="S1973" s="7">
        <v>1027</v>
      </c>
      <c r="T1973" s="7">
        <v>1087</v>
      </c>
      <c r="U1973" s="7">
        <v>1009</v>
      </c>
      <c r="V1973" s="7">
        <v>969</v>
      </c>
      <c r="W1973" s="7">
        <v>979</v>
      </c>
      <c r="X1973" s="7">
        <v>963</v>
      </c>
      <c r="Y1973" s="7">
        <v>911</v>
      </c>
      <c r="Z1973" s="7">
        <v>976</v>
      </c>
      <c r="AA1973" s="7">
        <v>977</v>
      </c>
      <c r="AB1973" s="7">
        <v>948</v>
      </c>
      <c r="AC1973" s="7">
        <v>996</v>
      </c>
      <c r="AD1973" s="7">
        <v>992</v>
      </c>
      <c r="AE1973" s="7">
        <v>1001</v>
      </c>
      <c r="AF1973" s="7">
        <v>1048</v>
      </c>
      <c r="AG1973" s="9">
        <v>11317</v>
      </c>
      <c r="AH1973" s="13">
        <v>0.66543188099018047</v>
      </c>
      <c r="AI1973" s="9">
        <v>7690</v>
      </c>
      <c r="AJ1973" s="13">
        <v>0.45216675486564351</v>
      </c>
      <c r="AK1973" s="9">
        <v>309</v>
      </c>
      <c r="AL1973" s="13">
        <v>1.2511641090010931E-2</v>
      </c>
      <c r="AM1973" s="9">
        <v>3318</v>
      </c>
      <c r="AN1973" s="13">
        <v>0.13268815484283772</v>
      </c>
      <c r="AO1973" s="9">
        <v>3627</v>
      </c>
      <c r="AP1973" s="13">
        <v>0.14685994250313802</v>
      </c>
      <c r="AQ1973" s="9">
        <v>17007</v>
      </c>
      <c r="AR1973" s="9">
        <v>17832</v>
      </c>
      <c r="AS1973" s="9">
        <v>18521</v>
      </c>
      <c r="AT1973" s="9">
        <v>19189</v>
      </c>
      <c r="AU1973" s="9">
        <v>19961</v>
      </c>
      <c r="AV1973" s="9">
        <v>21142</v>
      </c>
      <c r="AW1973" s="9">
        <v>24697</v>
      </c>
      <c r="AX1973" s="9">
        <v>23243</v>
      </c>
      <c r="AY1973" s="9">
        <v>24234</v>
      </c>
      <c r="AZ1973" s="9">
        <v>25006</v>
      </c>
      <c r="BA1973" s="9">
        <v>24795</v>
      </c>
      <c r="BB1973" s="9">
        <v>24826</v>
      </c>
      <c r="BC1973" s="9">
        <v>26468</v>
      </c>
      <c r="BD1973" s="9">
        <v>26880</v>
      </c>
      <c r="BE1973" s="9">
        <v>27500</v>
      </c>
      <c r="BF1973" s="9">
        <v>28324</v>
      </c>
      <c r="BG1973" s="11">
        <v>-20</v>
      </c>
      <c r="BH1973" s="13">
        <v>-0.19047619047619047</v>
      </c>
      <c r="BI1973" s="6">
        <v>-6</v>
      </c>
      <c r="BJ1973" s="13">
        <v>-5.7142857142857141E-2</v>
      </c>
      <c r="BK1973" s="6">
        <v>-15</v>
      </c>
      <c r="BL1973" s="13">
        <v>-0.15151515151515152</v>
      </c>
      <c r="BM1973" s="11">
        <v>1</v>
      </c>
      <c r="BN1973" s="13">
        <v>1.1904761904761904E-2</v>
      </c>
      <c r="BO1973" s="11">
        <v>-14</v>
      </c>
      <c r="BP1973" s="13">
        <v>-0.14141414141414141</v>
      </c>
      <c r="BQ1973" s="6">
        <v>105</v>
      </c>
      <c r="BR1973" s="6">
        <v>101</v>
      </c>
      <c r="BS1973" s="6">
        <v>98</v>
      </c>
      <c r="BT1973" s="6">
        <v>99</v>
      </c>
      <c r="BU1973" s="6">
        <v>91</v>
      </c>
      <c r="BV1973" s="6">
        <v>89</v>
      </c>
      <c r="BW1973" s="6">
        <v>84</v>
      </c>
      <c r="BX1973" s="6">
        <v>93</v>
      </c>
      <c r="BY1973" s="6">
        <v>88</v>
      </c>
      <c r="BZ1973" s="6">
        <v>86</v>
      </c>
      <c r="CA1973" s="6">
        <v>89</v>
      </c>
      <c r="CB1973" s="6">
        <v>88</v>
      </c>
      <c r="CC1973" s="11">
        <v>85</v>
      </c>
      <c r="CD1973" s="11">
        <v>-71</v>
      </c>
      <c r="CE1973" s="11">
        <v>-69</v>
      </c>
      <c r="CF1973" s="11">
        <v>117</v>
      </c>
      <c r="CG1973" s="11">
        <v>48</v>
      </c>
      <c r="CH1973" s="20">
        <v>0.88</v>
      </c>
      <c r="CI1973" s="20">
        <v>0.9</v>
      </c>
      <c r="CJ1973" s="20">
        <v>0.9</v>
      </c>
      <c r="CK1973" s="20">
        <v>0.89</v>
      </c>
      <c r="CL1973" s="20">
        <v>0.93</v>
      </c>
      <c r="CM1973" s="20">
        <v>0.87</v>
      </c>
      <c r="CN1973" s="20">
        <v>0.86</v>
      </c>
      <c r="CO1973" s="20">
        <v>0.91</v>
      </c>
      <c r="CP1973" s="20">
        <v>0.89</v>
      </c>
      <c r="CQ1973" s="20">
        <v>0.86</v>
      </c>
      <c r="CR1973" s="20">
        <v>0.92</v>
      </c>
      <c r="CS1973" s="20">
        <v>0.91</v>
      </c>
      <c r="CT1973" s="20">
        <v>0.87</v>
      </c>
      <c r="CU1973" s="20">
        <v>0.92</v>
      </c>
      <c r="CV1973" s="20">
        <v>0.94</v>
      </c>
      <c r="CW1973" s="20">
        <v>0.97</v>
      </c>
      <c r="CX1973" s="20">
        <v>1</v>
      </c>
      <c r="CY1973" s="6" t="s">
        <v>692</v>
      </c>
      <c r="CZ1973" s="6" t="s">
        <v>693</v>
      </c>
      <c r="DA1973" s="6" t="s">
        <v>150</v>
      </c>
      <c r="DB1973" s="6"/>
      <c r="DC1973" s="6">
        <v>32180</v>
      </c>
      <c r="DD1973" s="6"/>
      <c r="DE1973" s="6" t="s">
        <v>695</v>
      </c>
      <c r="DF1973" s="6" t="s">
        <v>363</v>
      </c>
      <c r="DG1973" s="6" t="s">
        <v>364</v>
      </c>
      <c r="DH1973" s="6" t="s">
        <v>365</v>
      </c>
      <c r="DI1973" s="6"/>
      <c r="DJ1973" s="6">
        <v>29</v>
      </c>
      <c r="DK1973" s="6">
        <v>195</v>
      </c>
      <c r="DL1973" s="6">
        <v>3</v>
      </c>
      <c r="DM1973" s="6" t="s">
        <v>556</v>
      </c>
      <c r="DN1973" s="6">
        <v>6</v>
      </c>
      <c r="DO1973" s="6" t="s">
        <v>393</v>
      </c>
      <c r="DP1973" s="6"/>
      <c r="DQ1973" s="6"/>
    </row>
    <row r="1974" spans="1:121" x14ac:dyDescent="0.2">
      <c r="A1974" s="6" t="s">
        <v>794</v>
      </c>
      <c r="B1974" s="6" t="s">
        <v>181</v>
      </c>
      <c r="C1974" s="6" t="s">
        <v>182</v>
      </c>
      <c r="D1974" s="6" t="s">
        <v>150</v>
      </c>
      <c r="E1974" s="6" t="s">
        <v>291</v>
      </c>
      <c r="F1974" s="11">
        <v>-136</v>
      </c>
      <c r="G1974" s="13">
        <v>-0.55510204081600001</v>
      </c>
      <c r="H1974" s="11">
        <v>8.5276254999996581E-2</v>
      </c>
      <c r="I1974" s="13">
        <v>3.4772489105345248E-4</v>
      </c>
      <c r="J1974" s="11">
        <v>-74.511713423000003</v>
      </c>
      <c r="K1974" s="13">
        <v>-0.30372547620595353</v>
      </c>
      <c r="L1974" s="11">
        <v>-61.850654133000006</v>
      </c>
      <c r="M1974" s="13">
        <v>-0.3620932788530592</v>
      </c>
      <c r="N1974" s="11">
        <v>-136.36236755600001</v>
      </c>
      <c r="O1974" s="13">
        <v>-0.55584180150839224</v>
      </c>
      <c r="P1974" s="7">
        <v>245.24058298400001</v>
      </c>
      <c r="Q1974" s="7">
        <v>213.213303174</v>
      </c>
      <c r="R1974" s="7">
        <v>248.50486196599999</v>
      </c>
      <c r="S1974" s="7">
        <v>207.32086387999999</v>
      </c>
      <c r="T1974" s="7">
        <v>222.10465295899999</v>
      </c>
      <c r="U1974" s="7">
        <v>242.49018853000001</v>
      </c>
      <c r="V1974" s="7">
        <v>245.32585923900001</v>
      </c>
      <c r="W1974" s="7">
        <v>237.336041002</v>
      </c>
      <c r="X1974" s="7">
        <v>186.33537641000001</v>
      </c>
      <c r="Y1974" s="7">
        <v>170.81414581600001</v>
      </c>
      <c r="Z1974" s="7">
        <v>147.205489887</v>
      </c>
      <c r="AA1974" s="7">
        <v>141.951443063</v>
      </c>
      <c r="AB1974" s="7">
        <v>140.87032479699999</v>
      </c>
      <c r="AC1974" s="7">
        <v>136.567284333</v>
      </c>
      <c r="AD1974" s="7">
        <v>121.77080700499999</v>
      </c>
      <c r="AE1974" s="7">
        <v>114.504429621</v>
      </c>
      <c r="AF1974" s="7">
        <v>108.963491683</v>
      </c>
      <c r="AG1974" s="9">
        <v>23746.328329999997</v>
      </c>
      <c r="AH1974" s="13">
        <v>0.75336419535000021</v>
      </c>
      <c r="AI1974" s="9">
        <v>6967.3351146999994</v>
      </c>
      <c r="AJ1974" s="13">
        <v>0.22104220658772333</v>
      </c>
      <c r="AK1974" s="9">
        <v>5768.1793286999964</v>
      </c>
      <c r="AL1974" s="13">
        <v>0.14987064811352621</v>
      </c>
      <c r="AM1974" s="9">
        <v>11010.813886600001</v>
      </c>
      <c r="AN1974" s="13">
        <v>0.24879879079949924</v>
      </c>
      <c r="AO1974" s="9">
        <v>16778.993215299997</v>
      </c>
      <c r="AP1974" s="13">
        <v>0.43595707494000802</v>
      </c>
      <c r="AQ1974" s="9">
        <v>31520.383470000001</v>
      </c>
      <c r="AR1974" s="9">
        <v>34968.537432600002</v>
      </c>
      <c r="AS1974" s="9">
        <v>35655.819261600001</v>
      </c>
      <c r="AT1974" s="9">
        <v>37848.985679099998</v>
      </c>
      <c r="AU1974" s="9">
        <v>37566.945203399999</v>
      </c>
      <c r="AV1974" s="9">
        <v>39386.358291299999</v>
      </c>
      <c r="AW1974" s="9">
        <v>38487.7185847</v>
      </c>
      <c r="AX1974" s="9">
        <v>40126.472032999998</v>
      </c>
      <c r="AY1974" s="9">
        <v>42746.959695400001</v>
      </c>
      <c r="AZ1974" s="9">
        <v>44255.897913399996</v>
      </c>
      <c r="BA1974" s="9">
        <v>45107.119205900002</v>
      </c>
      <c r="BB1974" s="9">
        <v>46986.813218700001</v>
      </c>
      <c r="BC1974" s="9">
        <v>46037.525019200002</v>
      </c>
      <c r="BD1974" s="9">
        <v>49641.076830500002</v>
      </c>
      <c r="BE1974" s="9">
        <v>53975.870468699999</v>
      </c>
      <c r="BF1974" s="9">
        <v>55266.711799999997</v>
      </c>
      <c r="BG1974" s="11">
        <v>-11.25</v>
      </c>
      <c r="BH1974" s="13">
        <v>-0.43269230769230771</v>
      </c>
      <c r="BI1974" s="6">
        <v>3</v>
      </c>
      <c r="BJ1974" s="13">
        <v>0.11538461538461539</v>
      </c>
      <c r="BK1974" s="6">
        <v>-7</v>
      </c>
      <c r="BL1974" s="13">
        <v>-0.2413793103448276</v>
      </c>
      <c r="BM1974" s="11">
        <v>-7.25</v>
      </c>
      <c r="BN1974" s="13">
        <v>-0.32954545454545453</v>
      </c>
      <c r="BO1974" s="11">
        <v>-14.25</v>
      </c>
      <c r="BP1974" s="13">
        <v>-0.49137931034482757</v>
      </c>
      <c r="BQ1974" s="6">
        <v>26</v>
      </c>
      <c r="BR1974" s="6">
        <v>30</v>
      </c>
      <c r="BS1974" s="6">
        <v>27</v>
      </c>
      <c r="BT1974" s="6">
        <v>29</v>
      </c>
      <c r="BU1974" s="6">
        <v>27</v>
      </c>
      <c r="BV1974" s="6">
        <v>24</v>
      </c>
      <c r="BW1974" s="6">
        <v>22</v>
      </c>
      <c r="BX1974" s="6">
        <v>18</v>
      </c>
      <c r="BY1974" s="6">
        <v>17</v>
      </c>
      <c r="BZ1974" s="6">
        <v>16</v>
      </c>
      <c r="CA1974" s="6">
        <v>15</v>
      </c>
      <c r="CB1974" s="6">
        <v>15</v>
      </c>
      <c r="CC1974" s="11">
        <v>14.75</v>
      </c>
      <c r="CD1974" s="11">
        <v>-178.542</v>
      </c>
      <c r="CE1974" s="11">
        <v>15.457599999999999</v>
      </c>
      <c r="CF1974" s="11">
        <v>26.807700000000001</v>
      </c>
      <c r="CG1974" s="11">
        <v>42</v>
      </c>
      <c r="CH1974" s="20">
        <v>0.68511</v>
      </c>
      <c r="CI1974" s="20">
        <v>0.64266999999999996</v>
      </c>
      <c r="CJ1974" s="20">
        <v>0.74192100000000005</v>
      </c>
      <c r="CK1974" s="20">
        <v>0.61632299999999995</v>
      </c>
      <c r="CL1974" s="20">
        <v>0.642316</v>
      </c>
      <c r="CM1974" s="20">
        <v>0.69908199999999998</v>
      </c>
      <c r="CN1974" s="20">
        <v>0.718468</v>
      </c>
      <c r="CO1974" s="20">
        <v>0.71797299999999997</v>
      </c>
      <c r="CP1974" s="20">
        <v>0.57157000000000002</v>
      </c>
      <c r="CQ1974" s="20">
        <v>0.53866899999999995</v>
      </c>
      <c r="CR1974" s="20">
        <v>0.45614399999999999</v>
      </c>
      <c r="CS1974" s="20">
        <v>0.43084600000000001</v>
      </c>
      <c r="CT1974" s="20">
        <v>0.41705599999999998</v>
      </c>
      <c r="CU1974" s="20">
        <v>0.400615</v>
      </c>
      <c r="CV1974" s="20">
        <v>0.35711100000000001</v>
      </c>
      <c r="CW1974" s="20">
        <v>0.33693800000000002</v>
      </c>
      <c r="CX1974" s="20">
        <v>0.31377699999999997</v>
      </c>
      <c r="CY1974" s="6" t="s">
        <v>692</v>
      </c>
      <c r="CZ1974" s="6" t="s">
        <v>693</v>
      </c>
      <c r="DA1974" s="6" t="s">
        <v>150</v>
      </c>
      <c r="DB1974" s="6"/>
      <c r="DC1974" s="6">
        <v>32180</v>
      </c>
      <c r="DD1974" s="6"/>
      <c r="DE1974" s="6" t="s">
        <v>695</v>
      </c>
      <c r="DF1974" s="6" t="s">
        <v>363</v>
      </c>
      <c r="DG1974" s="6" t="s">
        <v>364</v>
      </c>
      <c r="DH1974" s="6" t="s">
        <v>365</v>
      </c>
      <c r="DI1974" s="6"/>
      <c r="DJ1974" s="6">
        <v>29</v>
      </c>
      <c r="DK1974" s="6">
        <v>195</v>
      </c>
      <c r="DL1974" s="6">
        <v>3</v>
      </c>
      <c r="DM1974" s="6" t="s">
        <v>556</v>
      </c>
      <c r="DN1974" s="6">
        <v>6</v>
      </c>
      <c r="DO1974" s="6" t="s">
        <v>393</v>
      </c>
      <c r="DP1974" s="6"/>
      <c r="DQ1974" s="6"/>
    </row>
    <row r="1975" spans="1:121" x14ac:dyDescent="0.2">
      <c r="A1975" s="6" t="s">
        <v>314</v>
      </c>
      <c r="B1975" s="6" t="s">
        <v>314</v>
      </c>
      <c r="C1975" s="6" t="s">
        <v>183</v>
      </c>
      <c r="D1975" s="6" t="s">
        <v>150</v>
      </c>
      <c r="E1975" s="6" t="s">
        <v>291</v>
      </c>
      <c r="F1975" s="11">
        <v>-27</v>
      </c>
      <c r="G1975" s="13">
        <v>-0.15428571428599999</v>
      </c>
      <c r="H1975" s="11">
        <v>5.5503867520000085</v>
      </c>
      <c r="I1975" s="13">
        <v>3.177358670111638E-2</v>
      </c>
      <c r="J1975" s="11">
        <v>6.6553803550000055</v>
      </c>
      <c r="K1975" s="13">
        <v>3.6925932448864725E-2</v>
      </c>
      <c r="L1975" s="11">
        <v>-39.167202427000007</v>
      </c>
      <c r="M1975" s="13">
        <v>-0.20957207195305871</v>
      </c>
      <c r="N1975" s="11">
        <v>-32.511822072000001</v>
      </c>
      <c r="O1975" s="13">
        <v>-0.18038478367630129</v>
      </c>
      <c r="P1975" s="7">
        <v>174.68555892699999</v>
      </c>
      <c r="Q1975" s="7">
        <v>187.280072195</v>
      </c>
      <c r="R1975" s="7">
        <v>176.76526263900001</v>
      </c>
      <c r="S1975" s="7">
        <v>174.33547569199999</v>
      </c>
      <c r="T1975" s="7">
        <v>177.552855032</v>
      </c>
      <c r="U1975" s="7">
        <v>182.93430398500001</v>
      </c>
      <c r="V1975" s="7">
        <v>180.235945679</v>
      </c>
      <c r="W1975" s="7">
        <v>189.289587861</v>
      </c>
      <c r="X1975" s="7">
        <v>178.251829792</v>
      </c>
      <c r="Y1975" s="7">
        <v>186.891326034</v>
      </c>
      <c r="Z1975" s="7">
        <v>194.61231053200001</v>
      </c>
      <c r="AA1975" s="7">
        <v>185.17722891099999</v>
      </c>
      <c r="AB1975" s="7">
        <v>156.94329352299999</v>
      </c>
      <c r="AC1975" s="7">
        <v>152.01298358400001</v>
      </c>
      <c r="AD1975" s="7">
        <v>144.254542364</v>
      </c>
      <c r="AE1975" s="7">
        <v>137.22712536899999</v>
      </c>
      <c r="AF1975" s="7">
        <v>147.724123607</v>
      </c>
      <c r="AG1975" s="9">
        <v>13137.842113499995</v>
      </c>
      <c r="AH1975" s="13">
        <v>0.49773493412182224</v>
      </c>
      <c r="AI1975" s="9">
        <v>9585.0371669000015</v>
      </c>
      <c r="AJ1975" s="13">
        <v>0.36313481328260688</v>
      </c>
      <c r="AK1975" s="9">
        <v>4837.265087199994</v>
      </c>
      <c r="AL1975" s="13">
        <v>0.13444206153894434</v>
      </c>
      <c r="AM1975" s="9">
        <v>-1284.4601406000002</v>
      </c>
      <c r="AN1975" s="13">
        <v>-3.1468322103017948E-2</v>
      </c>
      <c r="AO1975" s="9">
        <v>3552.8049465999939</v>
      </c>
      <c r="AP1975" s="13">
        <v>9.8743073339225121E-2</v>
      </c>
      <c r="AQ1975" s="9">
        <v>26395.258224500001</v>
      </c>
      <c r="AR1975" s="9">
        <v>28202.245607299999</v>
      </c>
      <c r="AS1975" s="9">
        <v>28925.026569199999</v>
      </c>
      <c r="AT1975" s="9">
        <v>31913.900952100001</v>
      </c>
      <c r="AU1975" s="9">
        <v>34150.643587600003</v>
      </c>
      <c r="AV1975" s="9">
        <v>36024.957452900002</v>
      </c>
      <c r="AW1975" s="9">
        <v>35980.295391400003</v>
      </c>
      <c r="AX1975" s="9">
        <v>34386.7099992</v>
      </c>
      <c r="AY1975" s="9">
        <v>35278.272092300002</v>
      </c>
      <c r="AZ1975" s="9">
        <v>40817.560478599997</v>
      </c>
      <c r="BA1975" s="9">
        <v>37247.721929699997</v>
      </c>
      <c r="BB1975" s="9">
        <v>37043.557393800002</v>
      </c>
      <c r="BC1975" s="9">
        <v>37163.3806434</v>
      </c>
      <c r="BD1975" s="9">
        <v>38748.477053100003</v>
      </c>
      <c r="BE1975" s="9">
        <v>40966.892587200004</v>
      </c>
      <c r="BF1975" s="9">
        <v>39533.100337999997</v>
      </c>
      <c r="BG1975" s="11">
        <v>-6</v>
      </c>
      <c r="BH1975" s="13">
        <v>-0.5</v>
      </c>
      <c r="BI1975" s="6">
        <v>-1</v>
      </c>
      <c r="BJ1975" s="13">
        <v>-8.3333333333333329E-2</v>
      </c>
      <c r="BK1975" s="6">
        <v>0</v>
      </c>
      <c r="BL1975" s="13">
        <v>0</v>
      </c>
      <c r="BM1975" s="11">
        <v>-5</v>
      </c>
      <c r="BN1975" s="13">
        <v>-0.45454545454545453</v>
      </c>
      <c r="BO1975" s="11">
        <v>-5</v>
      </c>
      <c r="BP1975" s="13">
        <v>-0.45454545454545453</v>
      </c>
      <c r="BQ1975" s="6">
        <v>12</v>
      </c>
      <c r="BR1975" s="6">
        <v>11</v>
      </c>
      <c r="BS1975" s="6">
        <v>11</v>
      </c>
      <c r="BT1975" s="6">
        <v>11</v>
      </c>
      <c r="BU1975" s="6">
        <v>11</v>
      </c>
      <c r="BV1975" s="6">
        <v>11</v>
      </c>
      <c r="BW1975" s="6">
        <v>11</v>
      </c>
      <c r="BX1975" s="6">
        <v>12</v>
      </c>
      <c r="BY1975" s="6">
        <v>11</v>
      </c>
      <c r="BZ1975" s="6">
        <v>8</v>
      </c>
      <c r="CA1975" s="6">
        <v>7</v>
      </c>
      <c r="CB1975" s="6">
        <v>7</v>
      </c>
      <c r="CC1975" s="11">
        <v>6</v>
      </c>
      <c r="CD1975" s="11">
        <v>7.4478499999999999</v>
      </c>
      <c r="CE1975" s="11">
        <v>-53.5045</v>
      </c>
      <c r="CF1975" s="11">
        <v>19.095199999999998</v>
      </c>
      <c r="CG1975" s="11">
        <v>-35</v>
      </c>
      <c r="CH1975" s="20">
        <v>0.61970499999999995</v>
      </c>
      <c r="CI1975" s="20">
        <v>0.73706700000000003</v>
      </c>
      <c r="CJ1975" s="20">
        <v>0.71950199999999997</v>
      </c>
      <c r="CK1975" s="20">
        <v>0.73647200000000002</v>
      </c>
      <c r="CL1975" s="20">
        <v>0.75732999999999995</v>
      </c>
      <c r="CM1975" s="20">
        <v>0.80103000000000002</v>
      </c>
      <c r="CN1975" s="20">
        <v>0.82008199999999998</v>
      </c>
      <c r="CO1975" s="20">
        <v>0.89739400000000002</v>
      </c>
      <c r="CP1975" s="20">
        <v>0.85282199999999997</v>
      </c>
      <c r="CQ1975" s="20">
        <v>0.94291199999999997</v>
      </c>
      <c r="CR1975" s="20">
        <v>1.0006999999999999</v>
      </c>
      <c r="CS1975" s="20">
        <v>0.95150199999999996</v>
      </c>
      <c r="CT1975" s="20">
        <v>0.79476800000000003</v>
      </c>
      <c r="CU1975" s="20">
        <v>0.77912800000000004</v>
      </c>
      <c r="CV1975" s="20">
        <v>0.76615100000000003</v>
      </c>
      <c r="CW1975" s="20">
        <v>0.73926700000000001</v>
      </c>
      <c r="CX1975" s="20">
        <v>0.78863899999999998</v>
      </c>
      <c r="CY1975" s="6" t="s">
        <v>692</v>
      </c>
      <c r="CZ1975" s="6" t="s">
        <v>693</v>
      </c>
      <c r="DA1975" s="6" t="s">
        <v>150</v>
      </c>
      <c r="DB1975" s="6"/>
      <c r="DC1975" s="6">
        <v>32180</v>
      </c>
      <c r="DD1975" s="6"/>
      <c r="DE1975" s="6" t="s">
        <v>695</v>
      </c>
      <c r="DF1975" s="6" t="s">
        <v>363</v>
      </c>
      <c r="DG1975" s="6" t="s">
        <v>364</v>
      </c>
      <c r="DH1975" s="6" t="s">
        <v>365</v>
      </c>
      <c r="DI1975" s="6"/>
      <c r="DJ1975" s="6">
        <v>29</v>
      </c>
      <c r="DK1975" s="6">
        <v>195</v>
      </c>
      <c r="DL1975" s="6">
        <v>3</v>
      </c>
      <c r="DM1975" s="6" t="s">
        <v>556</v>
      </c>
      <c r="DN1975" s="6">
        <v>6</v>
      </c>
      <c r="DO1975" s="6" t="s">
        <v>393</v>
      </c>
      <c r="DP1975" s="6"/>
      <c r="DQ1975" s="6"/>
    </row>
    <row r="1976" spans="1:121" x14ac:dyDescent="0.2">
      <c r="A1976" s="6" t="s">
        <v>315</v>
      </c>
      <c r="B1976" s="6" t="s">
        <v>315</v>
      </c>
      <c r="C1976" s="6" t="s">
        <v>184</v>
      </c>
      <c r="D1976" s="6" t="s">
        <v>150</v>
      </c>
      <c r="E1976" s="6" t="s">
        <v>291</v>
      </c>
      <c r="F1976" s="11">
        <v>-2</v>
      </c>
      <c r="G1976" s="13">
        <v>-0.01</v>
      </c>
      <c r="H1976" s="11">
        <v>3</v>
      </c>
      <c r="I1976" s="13">
        <v>1.2875536480686695E-2</v>
      </c>
      <c r="J1976" s="11">
        <v>-3</v>
      </c>
      <c r="K1976" s="13">
        <v>-1.2711864406779662E-2</v>
      </c>
      <c r="L1976" s="11">
        <v>-2</v>
      </c>
      <c r="M1976" s="13">
        <v>-8.5836909871244635E-3</v>
      </c>
      <c r="N1976" s="11">
        <v>-5</v>
      </c>
      <c r="O1976" s="13">
        <v>-2.1186440677966101E-2</v>
      </c>
      <c r="P1976" s="7">
        <v>233</v>
      </c>
      <c r="Q1976" s="7">
        <v>239</v>
      </c>
      <c r="R1976" s="7">
        <v>236</v>
      </c>
      <c r="S1976" s="7">
        <v>241</v>
      </c>
      <c r="T1976" s="7">
        <v>243</v>
      </c>
      <c r="U1976" s="7">
        <v>242</v>
      </c>
      <c r="V1976" s="7">
        <v>236</v>
      </c>
      <c r="W1976" s="7">
        <v>234</v>
      </c>
      <c r="X1976" s="7">
        <v>235</v>
      </c>
      <c r="Y1976" s="7">
        <v>233</v>
      </c>
      <c r="Z1976" s="7">
        <v>237</v>
      </c>
      <c r="AA1976" s="7">
        <v>233</v>
      </c>
      <c r="AB1976" s="7">
        <v>221</v>
      </c>
      <c r="AC1976" s="7">
        <v>224</v>
      </c>
      <c r="AD1976" s="7">
        <v>226</v>
      </c>
      <c r="AE1976" s="7">
        <v>230</v>
      </c>
      <c r="AF1976" s="7">
        <v>231</v>
      </c>
      <c r="AG1976" s="9">
        <v>23890</v>
      </c>
      <c r="AH1976" s="13">
        <v>0.71612709832134291</v>
      </c>
      <c r="AI1976" s="9">
        <v>7514</v>
      </c>
      <c r="AJ1976" s="13">
        <v>0.22523980815347719</v>
      </c>
      <c r="AK1976" s="9">
        <v>5976</v>
      </c>
      <c r="AL1976" s="13">
        <v>0.14620541175319274</v>
      </c>
      <c r="AM1976" s="9">
        <v>10400</v>
      </c>
      <c r="AN1976" s="13">
        <v>0.22198505869797225</v>
      </c>
      <c r="AO1976" s="9">
        <v>16376</v>
      </c>
      <c r="AP1976" s="13">
        <v>0.40064588736115869</v>
      </c>
      <c r="AQ1976" s="9">
        <v>33360</v>
      </c>
      <c r="AR1976" s="9">
        <v>38709</v>
      </c>
      <c r="AS1976" s="9">
        <v>35437</v>
      </c>
      <c r="AT1976" s="9">
        <v>36212</v>
      </c>
      <c r="AU1976" s="9">
        <v>37117</v>
      </c>
      <c r="AV1976" s="9">
        <v>40068</v>
      </c>
      <c r="AW1976" s="9">
        <v>40874</v>
      </c>
      <c r="AX1976" s="9">
        <v>44169</v>
      </c>
      <c r="AY1976" s="9">
        <v>46000</v>
      </c>
      <c r="AZ1976" s="9">
        <v>46850</v>
      </c>
      <c r="BA1976" s="9">
        <v>46320</v>
      </c>
      <c r="BB1976" s="9">
        <v>49667</v>
      </c>
      <c r="BC1976" s="9">
        <v>52702</v>
      </c>
      <c r="BD1976" s="9">
        <v>54387</v>
      </c>
      <c r="BE1976" s="9">
        <v>54732</v>
      </c>
      <c r="BF1976" s="9">
        <v>57250</v>
      </c>
      <c r="BG1976" s="11">
        <v>3</v>
      </c>
      <c r="BH1976" s="13">
        <v>9.375E-2</v>
      </c>
      <c r="BI1976" s="6">
        <v>-1</v>
      </c>
      <c r="BJ1976" s="13">
        <v>-3.125E-2</v>
      </c>
      <c r="BK1976" s="6">
        <v>6</v>
      </c>
      <c r="BL1976" s="13">
        <v>0.19354838709677419</v>
      </c>
      <c r="BM1976" s="11">
        <v>-2</v>
      </c>
      <c r="BN1976" s="13">
        <v>-5.4054054054054057E-2</v>
      </c>
      <c r="BO1976" s="11">
        <v>4</v>
      </c>
      <c r="BP1976" s="13">
        <v>0.12903225806451613</v>
      </c>
      <c r="BQ1976" s="6">
        <v>32</v>
      </c>
      <c r="BR1976" s="6">
        <v>32</v>
      </c>
      <c r="BS1976" s="6">
        <v>32</v>
      </c>
      <c r="BT1976" s="6">
        <v>31</v>
      </c>
      <c r="BU1976" s="6">
        <v>38</v>
      </c>
      <c r="BV1976" s="6">
        <v>38</v>
      </c>
      <c r="BW1976" s="6">
        <v>37</v>
      </c>
      <c r="BX1976" s="6">
        <v>36</v>
      </c>
      <c r="BY1976" s="6">
        <v>37</v>
      </c>
      <c r="BZ1976" s="6">
        <v>35</v>
      </c>
      <c r="CA1976" s="6">
        <v>34</v>
      </c>
      <c r="CB1976" s="6">
        <v>35</v>
      </c>
      <c r="CC1976" s="11">
        <v>35</v>
      </c>
      <c r="CD1976" s="11">
        <v>-9</v>
      </c>
      <c r="CE1976" s="11">
        <v>-19</v>
      </c>
      <c r="CF1976" s="11">
        <v>25</v>
      </c>
      <c r="CG1976" s="11">
        <v>6</v>
      </c>
      <c r="CH1976" s="20">
        <v>0.51</v>
      </c>
      <c r="CI1976" s="20">
        <v>0.55000000000000004</v>
      </c>
      <c r="CJ1976" s="20">
        <v>0.52</v>
      </c>
      <c r="CK1976" s="20">
        <v>0.54</v>
      </c>
      <c r="CL1976" s="20">
        <v>0.53</v>
      </c>
      <c r="CM1976" s="20">
        <v>0.53</v>
      </c>
      <c r="CN1976" s="20">
        <v>0.54</v>
      </c>
      <c r="CO1976" s="20">
        <v>0.56000000000000005</v>
      </c>
      <c r="CP1976" s="20">
        <v>0.56000000000000005</v>
      </c>
      <c r="CQ1976" s="20">
        <v>0.56999999999999995</v>
      </c>
      <c r="CR1976" s="20">
        <v>0.59</v>
      </c>
      <c r="CS1976" s="20">
        <v>0.56999999999999995</v>
      </c>
      <c r="CT1976" s="20">
        <v>0.54</v>
      </c>
      <c r="CU1976" s="20">
        <v>0.55000000000000004</v>
      </c>
      <c r="CV1976" s="20">
        <v>0.57999999999999996</v>
      </c>
      <c r="CW1976" s="20">
        <v>0.6</v>
      </c>
      <c r="CX1976" s="20">
        <v>0.59</v>
      </c>
      <c r="CY1976" s="6" t="s">
        <v>692</v>
      </c>
      <c r="CZ1976" s="6" t="s">
        <v>693</v>
      </c>
      <c r="DA1976" s="6" t="s">
        <v>150</v>
      </c>
      <c r="DB1976" s="6"/>
      <c r="DC1976" s="6">
        <v>32180</v>
      </c>
      <c r="DD1976" s="6"/>
      <c r="DE1976" s="6" t="s">
        <v>695</v>
      </c>
      <c r="DF1976" s="6" t="s">
        <v>363</v>
      </c>
      <c r="DG1976" s="6" t="s">
        <v>364</v>
      </c>
      <c r="DH1976" s="6" t="s">
        <v>365</v>
      </c>
      <c r="DI1976" s="6"/>
      <c r="DJ1976" s="6">
        <v>29</v>
      </c>
      <c r="DK1976" s="6">
        <v>195</v>
      </c>
      <c r="DL1976" s="6">
        <v>3</v>
      </c>
      <c r="DM1976" s="6" t="s">
        <v>556</v>
      </c>
      <c r="DN1976" s="6">
        <v>6</v>
      </c>
      <c r="DO1976" s="6" t="s">
        <v>393</v>
      </c>
      <c r="DP1976" s="6"/>
      <c r="DQ1976" s="6"/>
    </row>
    <row r="1977" spans="1:121" x14ac:dyDescent="0.2">
      <c r="A1977" s="6" t="s">
        <v>316</v>
      </c>
      <c r="B1977" s="6" t="s">
        <v>316</v>
      </c>
      <c r="C1977" s="6" t="s">
        <v>185</v>
      </c>
      <c r="D1977" s="6" t="s">
        <v>150</v>
      </c>
      <c r="E1977" s="6" t="s">
        <v>291</v>
      </c>
      <c r="F1977" s="11">
        <v>-31</v>
      </c>
      <c r="G1977" s="13">
        <v>-0.49</v>
      </c>
      <c r="H1977" s="11">
        <v>7</v>
      </c>
      <c r="I1977" s="13">
        <v>0.1111111111111111</v>
      </c>
      <c r="J1977" s="11">
        <v>-25</v>
      </c>
      <c r="K1977" s="13">
        <v>-0.35714285714285715</v>
      </c>
      <c r="L1977" s="11">
        <v>-13</v>
      </c>
      <c r="M1977" s="13">
        <v>-0.28888888888888886</v>
      </c>
      <c r="N1977" s="11">
        <v>-38</v>
      </c>
      <c r="O1977" s="13">
        <v>-0.54285714285714282</v>
      </c>
      <c r="P1977" s="7">
        <v>63</v>
      </c>
      <c r="Q1977" s="7">
        <v>63</v>
      </c>
      <c r="R1977" s="7">
        <v>68</v>
      </c>
      <c r="S1977" s="7">
        <v>71</v>
      </c>
      <c r="T1977" s="7">
        <v>75</v>
      </c>
      <c r="U1977" s="7">
        <v>66</v>
      </c>
      <c r="V1977" s="7">
        <v>70</v>
      </c>
      <c r="W1977" s="7">
        <v>65</v>
      </c>
      <c r="X1977" s="7">
        <v>50</v>
      </c>
      <c r="Y1977" s="7">
        <v>45</v>
      </c>
      <c r="Z1977" s="7">
        <v>36</v>
      </c>
      <c r="AA1977" s="7">
        <v>37</v>
      </c>
      <c r="AB1977" s="7">
        <v>38</v>
      </c>
      <c r="AC1977" s="7">
        <v>38</v>
      </c>
      <c r="AD1977" s="7">
        <v>34</v>
      </c>
      <c r="AE1977" s="7">
        <v>33</v>
      </c>
      <c r="AF1977" s="7">
        <v>32</v>
      </c>
      <c r="AG1977" s="9">
        <v>10941</v>
      </c>
      <c r="AH1977" s="13">
        <v>0.59620729115579529</v>
      </c>
      <c r="AI1977" s="9">
        <v>5481</v>
      </c>
      <c r="AJ1977" s="13">
        <v>0.29867582148111821</v>
      </c>
      <c r="AK1977" s="9">
        <v>959</v>
      </c>
      <c r="AL1977" s="13">
        <v>4.0240013427324611E-2</v>
      </c>
      <c r="AM1977" s="9">
        <v>4501</v>
      </c>
      <c r="AN1977" s="13">
        <v>0.18155782340365456</v>
      </c>
      <c r="AO1977" s="9">
        <v>5460</v>
      </c>
      <c r="AP1977" s="13">
        <v>0.22910372608257804</v>
      </c>
      <c r="AQ1977" s="9">
        <v>18351</v>
      </c>
      <c r="AR1977" s="9">
        <v>19721</v>
      </c>
      <c r="AS1977" s="9">
        <v>19507</v>
      </c>
      <c r="AT1977" s="9">
        <v>18146</v>
      </c>
      <c r="AU1977" s="9">
        <v>17621</v>
      </c>
      <c r="AV1977" s="9">
        <v>20789</v>
      </c>
      <c r="AW1977" s="9">
        <v>23832</v>
      </c>
      <c r="AX1977" s="9">
        <v>25926</v>
      </c>
      <c r="AY1977" s="9">
        <v>23288</v>
      </c>
      <c r="AZ1977" s="9">
        <v>24791</v>
      </c>
      <c r="BA1977" s="9">
        <v>25402</v>
      </c>
      <c r="BB1977" s="9">
        <v>24818</v>
      </c>
      <c r="BC1977" s="9">
        <v>25363</v>
      </c>
      <c r="BD1977" s="9">
        <v>26203</v>
      </c>
      <c r="BE1977" s="9">
        <v>29459</v>
      </c>
      <c r="BF1977" s="9">
        <v>29292</v>
      </c>
      <c r="BG1977" s="11">
        <v>-13</v>
      </c>
      <c r="BH1977" s="13">
        <v>-0.65</v>
      </c>
      <c r="BI1977" s="6">
        <v>0</v>
      </c>
      <c r="BJ1977" s="13">
        <v>0</v>
      </c>
      <c r="BK1977" s="6">
        <v>-5</v>
      </c>
      <c r="BL1977" s="13">
        <v>-0.25</v>
      </c>
      <c r="BM1977" s="11">
        <v>-8</v>
      </c>
      <c r="BN1977" s="13">
        <v>-0.53333333333333333</v>
      </c>
      <c r="BO1977" s="11">
        <v>-13</v>
      </c>
      <c r="BP1977" s="13">
        <v>-0.65</v>
      </c>
      <c r="BQ1977" s="6">
        <v>20</v>
      </c>
      <c r="BR1977" s="6">
        <v>22</v>
      </c>
      <c r="BS1977" s="6">
        <v>21</v>
      </c>
      <c r="BT1977" s="6">
        <v>20</v>
      </c>
      <c r="BU1977" s="6">
        <v>20</v>
      </c>
      <c r="BV1977" s="6">
        <v>17</v>
      </c>
      <c r="BW1977" s="6">
        <v>15</v>
      </c>
      <c r="BX1977" s="6">
        <v>11</v>
      </c>
      <c r="BY1977" s="6">
        <v>10</v>
      </c>
      <c r="BZ1977" s="6">
        <v>8</v>
      </c>
      <c r="CA1977" s="6">
        <v>8</v>
      </c>
      <c r="CB1977" s="6">
        <v>7</v>
      </c>
      <c r="CC1977" s="11">
        <v>7</v>
      </c>
      <c r="CD1977" s="11">
        <v>-35</v>
      </c>
      <c r="CE1977" s="11">
        <v>-3</v>
      </c>
      <c r="CF1977" s="11">
        <v>7</v>
      </c>
      <c r="CG1977" s="11">
        <v>4</v>
      </c>
      <c r="CH1977" s="20">
        <v>0.33</v>
      </c>
      <c r="CI1977" s="20">
        <v>0.35</v>
      </c>
      <c r="CJ1977" s="20">
        <v>0.36</v>
      </c>
      <c r="CK1977" s="20">
        <v>0.37</v>
      </c>
      <c r="CL1977" s="20">
        <v>0.38</v>
      </c>
      <c r="CM1977" s="20">
        <v>0.34</v>
      </c>
      <c r="CN1977" s="20">
        <v>0.37</v>
      </c>
      <c r="CO1977" s="20">
        <v>0.36</v>
      </c>
      <c r="CP1977" s="20">
        <v>0.28000000000000003</v>
      </c>
      <c r="CQ1977" s="20">
        <v>0.27</v>
      </c>
      <c r="CR1977" s="20">
        <v>0.22</v>
      </c>
      <c r="CS1977" s="20">
        <v>0.22</v>
      </c>
      <c r="CT1977" s="20">
        <v>0.22</v>
      </c>
      <c r="CU1977" s="20">
        <v>0.22</v>
      </c>
      <c r="CV1977" s="20">
        <v>0.2</v>
      </c>
      <c r="CW1977" s="20">
        <v>0.2</v>
      </c>
      <c r="CX1977" s="20">
        <v>0.19</v>
      </c>
      <c r="CY1977" s="6" t="s">
        <v>692</v>
      </c>
      <c r="CZ1977" s="6" t="s">
        <v>693</v>
      </c>
      <c r="DA1977" s="6" t="s">
        <v>150</v>
      </c>
      <c r="DB1977" s="6"/>
      <c r="DC1977" s="6">
        <v>32180</v>
      </c>
      <c r="DD1977" s="6"/>
      <c r="DE1977" s="6" t="s">
        <v>695</v>
      </c>
      <c r="DF1977" s="6" t="s">
        <v>363</v>
      </c>
      <c r="DG1977" s="6" t="s">
        <v>364</v>
      </c>
      <c r="DH1977" s="6" t="s">
        <v>365</v>
      </c>
      <c r="DI1977" s="6"/>
      <c r="DJ1977" s="6">
        <v>29</v>
      </c>
      <c r="DK1977" s="6">
        <v>195</v>
      </c>
      <c r="DL1977" s="6">
        <v>3</v>
      </c>
      <c r="DM1977" s="6" t="s">
        <v>556</v>
      </c>
      <c r="DN1977" s="6">
        <v>6</v>
      </c>
      <c r="DO1977" s="6" t="s">
        <v>393</v>
      </c>
      <c r="DP1977" s="6"/>
      <c r="DQ1977" s="6"/>
    </row>
    <row r="1978" spans="1:121" x14ac:dyDescent="0.2">
      <c r="A1978" s="6" t="s">
        <v>317</v>
      </c>
      <c r="B1978" s="6" t="s">
        <v>317</v>
      </c>
      <c r="C1978" s="6" t="s">
        <v>186</v>
      </c>
      <c r="D1978" s="6" t="s">
        <v>150</v>
      </c>
      <c r="E1978" s="6" t="s">
        <v>291</v>
      </c>
      <c r="F1978" s="11">
        <v>-154</v>
      </c>
      <c r="G1978" s="13">
        <v>-0.6</v>
      </c>
      <c r="H1978" s="11">
        <v>-160</v>
      </c>
      <c r="I1978" s="13">
        <v>-0.62015503875968991</v>
      </c>
      <c r="J1978" s="11">
        <v>-15</v>
      </c>
      <c r="K1978" s="13">
        <v>-0.15306122448979592</v>
      </c>
      <c r="L1978" s="11">
        <v>21</v>
      </c>
      <c r="M1978" s="13">
        <v>0.25301204819277107</v>
      </c>
      <c r="N1978" s="11">
        <v>6</v>
      </c>
      <c r="O1978" s="13">
        <v>6.1224489795918366E-2</v>
      </c>
      <c r="P1978" s="7">
        <v>258</v>
      </c>
      <c r="Q1978" s="7">
        <v>278</v>
      </c>
      <c r="R1978" s="7">
        <v>229</v>
      </c>
      <c r="S1978" s="7">
        <v>207</v>
      </c>
      <c r="T1978" s="7">
        <v>251</v>
      </c>
      <c r="U1978" s="7">
        <v>218</v>
      </c>
      <c r="V1978" s="7">
        <v>98</v>
      </c>
      <c r="W1978" s="7">
        <v>90</v>
      </c>
      <c r="X1978" s="7">
        <v>79</v>
      </c>
      <c r="Y1978" s="7">
        <v>83</v>
      </c>
      <c r="Z1978" s="7">
        <v>82</v>
      </c>
      <c r="AA1978" s="7">
        <v>99</v>
      </c>
      <c r="AB1978" s="7">
        <v>95</v>
      </c>
      <c r="AC1978" s="7">
        <v>115</v>
      </c>
      <c r="AD1978" s="7">
        <v>106</v>
      </c>
      <c r="AE1978" s="7">
        <v>104</v>
      </c>
      <c r="AF1978" s="7">
        <v>104</v>
      </c>
      <c r="AG1978" s="9">
        <v>13456</v>
      </c>
      <c r="AH1978" s="13">
        <v>0.6697526255537305</v>
      </c>
      <c r="AI1978" s="9">
        <v>4168</v>
      </c>
      <c r="AJ1978" s="13">
        <v>0.20745607485938977</v>
      </c>
      <c r="AK1978" s="9">
        <v>3875</v>
      </c>
      <c r="AL1978" s="13">
        <v>0.15973453151407724</v>
      </c>
      <c r="AM1978" s="9">
        <v>5413</v>
      </c>
      <c r="AN1978" s="13">
        <v>0.19240065401293807</v>
      </c>
      <c r="AO1978" s="9">
        <v>9288</v>
      </c>
      <c r="AP1978" s="13">
        <v>0.38286821385877406</v>
      </c>
      <c r="AQ1978" s="9">
        <v>20091</v>
      </c>
      <c r="AR1978" s="9">
        <v>20750</v>
      </c>
      <c r="AS1978" s="9">
        <v>20231</v>
      </c>
      <c r="AT1978" s="9">
        <v>20081</v>
      </c>
      <c r="AU1978" s="9">
        <v>19772</v>
      </c>
      <c r="AV1978" s="9">
        <v>19245</v>
      </c>
      <c r="AW1978" s="9">
        <v>24259</v>
      </c>
      <c r="AX1978" s="9">
        <v>25524</v>
      </c>
      <c r="AY1978" s="9">
        <v>26674</v>
      </c>
      <c r="AZ1978" s="9">
        <v>28134</v>
      </c>
      <c r="BA1978" s="9">
        <v>29927</v>
      </c>
      <c r="BB1978" s="9">
        <v>38588</v>
      </c>
      <c r="BC1978" s="9">
        <v>49804</v>
      </c>
      <c r="BD1978" s="9">
        <v>42245</v>
      </c>
      <c r="BE1978" s="9">
        <v>32011</v>
      </c>
      <c r="BF1978" s="9">
        <v>33547</v>
      </c>
      <c r="BG1978" s="11">
        <v>-6</v>
      </c>
      <c r="BH1978" s="13">
        <v>-0.1875</v>
      </c>
      <c r="BI1978" s="6">
        <v>-2</v>
      </c>
      <c r="BJ1978" s="13">
        <v>-6.25E-2</v>
      </c>
      <c r="BK1978" s="6">
        <v>-2</v>
      </c>
      <c r="BL1978" s="13">
        <v>-6.6666666666666666E-2</v>
      </c>
      <c r="BM1978" s="11">
        <v>-2</v>
      </c>
      <c r="BN1978" s="13">
        <v>-7.1428571428571425E-2</v>
      </c>
      <c r="BO1978" s="11">
        <v>-4</v>
      </c>
      <c r="BP1978" s="13">
        <v>-0.13333333333333333</v>
      </c>
      <c r="BQ1978" s="6">
        <v>32</v>
      </c>
      <c r="BR1978" s="6">
        <v>29</v>
      </c>
      <c r="BS1978" s="6">
        <v>30</v>
      </c>
      <c r="BT1978" s="6">
        <v>30</v>
      </c>
      <c r="BU1978" s="6">
        <v>31</v>
      </c>
      <c r="BV1978" s="6">
        <v>29</v>
      </c>
      <c r="BW1978" s="6">
        <v>28</v>
      </c>
      <c r="BX1978" s="6">
        <v>27</v>
      </c>
      <c r="BY1978" s="6">
        <v>28</v>
      </c>
      <c r="BZ1978" s="6">
        <v>29</v>
      </c>
      <c r="CA1978" s="6">
        <v>29</v>
      </c>
      <c r="CB1978" s="6">
        <v>27</v>
      </c>
      <c r="CC1978" s="11">
        <v>26</v>
      </c>
      <c r="CD1978" s="11">
        <v>-233</v>
      </c>
      <c r="CE1978" s="11">
        <v>52</v>
      </c>
      <c r="CF1978" s="11">
        <v>28</v>
      </c>
      <c r="CG1978" s="11">
        <v>80</v>
      </c>
      <c r="CH1978" s="20">
        <v>0.43</v>
      </c>
      <c r="CI1978" s="20">
        <v>0.49</v>
      </c>
      <c r="CJ1978" s="20">
        <v>0.4</v>
      </c>
      <c r="CK1978" s="20">
        <v>0.36</v>
      </c>
      <c r="CL1978" s="20">
        <v>0.42</v>
      </c>
      <c r="CM1978" s="20">
        <v>0.35</v>
      </c>
      <c r="CN1978" s="20">
        <v>0.16</v>
      </c>
      <c r="CO1978" s="20">
        <v>0.15</v>
      </c>
      <c r="CP1978" s="20">
        <v>0.13</v>
      </c>
      <c r="CQ1978" s="20">
        <v>0.14000000000000001</v>
      </c>
      <c r="CR1978" s="20">
        <v>0.13</v>
      </c>
      <c r="CS1978" s="20">
        <v>0.16</v>
      </c>
      <c r="CT1978" s="20">
        <v>0.15</v>
      </c>
      <c r="CU1978" s="20">
        <v>0.18</v>
      </c>
      <c r="CV1978" s="20">
        <v>0.17</v>
      </c>
      <c r="CW1978" s="20">
        <v>0.16</v>
      </c>
      <c r="CX1978" s="20">
        <v>0.16</v>
      </c>
      <c r="CY1978" s="6" t="s">
        <v>692</v>
      </c>
      <c r="CZ1978" s="6" t="s">
        <v>693</v>
      </c>
      <c r="DA1978" s="6" t="s">
        <v>150</v>
      </c>
      <c r="DB1978" s="6"/>
      <c r="DC1978" s="6">
        <v>32180</v>
      </c>
      <c r="DD1978" s="6"/>
      <c r="DE1978" s="6" t="s">
        <v>695</v>
      </c>
      <c r="DF1978" s="6" t="s">
        <v>363</v>
      </c>
      <c r="DG1978" s="6" t="s">
        <v>364</v>
      </c>
      <c r="DH1978" s="6" t="s">
        <v>365</v>
      </c>
      <c r="DI1978" s="6"/>
      <c r="DJ1978" s="6">
        <v>29</v>
      </c>
      <c r="DK1978" s="6">
        <v>195</v>
      </c>
      <c r="DL1978" s="6">
        <v>3</v>
      </c>
      <c r="DM1978" s="6" t="s">
        <v>556</v>
      </c>
      <c r="DN1978" s="6">
        <v>6</v>
      </c>
      <c r="DO1978" s="6" t="s">
        <v>393</v>
      </c>
      <c r="DP1978" s="6"/>
      <c r="DQ1978" s="6"/>
    </row>
    <row r="1979" spans="1:121" x14ac:dyDescent="0.2">
      <c r="A1979" s="6" t="s">
        <v>318</v>
      </c>
      <c r="B1979" s="6" t="s">
        <v>318</v>
      </c>
      <c r="C1979" s="6" t="s">
        <v>187</v>
      </c>
      <c r="D1979" s="6" t="s">
        <v>150</v>
      </c>
      <c r="E1979" s="6" t="s">
        <v>291</v>
      </c>
      <c r="F1979" s="11">
        <v>1</v>
      </c>
      <c r="G1979" s="13">
        <v>1</v>
      </c>
      <c r="H1979" s="11">
        <v>38.703170999999998</v>
      </c>
      <c r="I1979" s="13">
        <v>7.7406341999999997</v>
      </c>
      <c r="J1979" s="11">
        <v>-7.499882999999997</v>
      </c>
      <c r="K1979" s="13">
        <v>-0.1716095841191935</v>
      </c>
      <c r="L1979" s="11">
        <v>2.2871826466000016</v>
      </c>
      <c r="M1979" s="13">
        <v>6.3176102861154534E-2</v>
      </c>
      <c r="N1979" s="11">
        <v>-5.2127003533999954</v>
      </c>
      <c r="O1979" s="13">
        <v>-0.11927510599631308</v>
      </c>
      <c r="P1979" s="7">
        <v>5</v>
      </c>
      <c r="Q1979" s="7">
        <v>65.935546000000002</v>
      </c>
      <c r="R1979" s="7">
        <v>61.636100999999996</v>
      </c>
      <c r="S1979" s="7">
        <v>44.852950999999997</v>
      </c>
      <c r="T1979" s="7">
        <v>36.455545000000001</v>
      </c>
      <c r="U1979" s="7">
        <v>61.117770999999998</v>
      </c>
      <c r="V1979" s="7">
        <v>43.703170999999998</v>
      </c>
      <c r="W1979" s="7">
        <v>48.457287000000001</v>
      </c>
      <c r="X1979" s="7">
        <v>48.15522</v>
      </c>
      <c r="Y1979" s="7">
        <v>36.203288000000001</v>
      </c>
      <c r="Z1979" s="7">
        <v>51.894595000000002</v>
      </c>
      <c r="AA1979" s="7">
        <v>38.290838000000001</v>
      </c>
      <c r="AB1979" s="7">
        <v>39.711468000000004</v>
      </c>
      <c r="AC1979" s="7">
        <v>37.272461999999997</v>
      </c>
      <c r="AD1979" s="7">
        <v>37.295231000000001</v>
      </c>
      <c r="AE1979" s="7">
        <v>39.348878499999998</v>
      </c>
      <c r="AF1979" s="7">
        <v>38.490470646600002</v>
      </c>
      <c r="AG1979" s="9">
        <v>44757.685198599997</v>
      </c>
      <c r="AH1979" s="13">
        <v>44757.685198599997</v>
      </c>
      <c r="AI1979" s="9">
        <v>41708.248177599999</v>
      </c>
      <c r="AJ1979" s="13">
        <v>41708.248177599999</v>
      </c>
      <c r="AK1979" s="9">
        <v>-5354.3319923999952</v>
      </c>
      <c r="AL1979" s="13">
        <v>-0.12837277645478026</v>
      </c>
      <c r="AM1979" s="9">
        <v>8403.7690133999931</v>
      </c>
      <c r="AN1979" s="13">
        <v>0.2311590809504093</v>
      </c>
      <c r="AO1979" s="9">
        <v>3049.4370209999979</v>
      </c>
      <c r="AP1979" s="13">
        <v>7.3111771471289708E-2</v>
      </c>
      <c r="AQ1979" s="9">
        <v>1</v>
      </c>
      <c r="AR1979" s="9">
        <v>28544.379772200002</v>
      </c>
      <c r="AS1979" s="9">
        <v>29007.080476300001</v>
      </c>
      <c r="AT1979" s="9">
        <v>38429.870859199997</v>
      </c>
      <c r="AU1979" s="9">
        <v>42464.0857665</v>
      </c>
      <c r="AV1979" s="9">
        <v>39118.285446399997</v>
      </c>
      <c r="AW1979" s="9">
        <v>41709.248177599999</v>
      </c>
      <c r="AX1979" s="9">
        <v>38054.846233700002</v>
      </c>
      <c r="AY1979" s="9">
        <v>36845.239056400002</v>
      </c>
      <c r="AZ1979" s="9">
        <v>36354.916185200003</v>
      </c>
      <c r="BA1979" s="9">
        <v>61247.288947399997</v>
      </c>
      <c r="BB1979" s="9">
        <v>43403.131063599998</v>
      </c>
      <c r="BC1979" s="9">
        <v>14803.6019108</v>
      </c>
      <c r="BD1979" s="9">
        <v>43600.7418865</v>
      </c>
      <c r="BE1979" s="9">
        <v>50576.936269899998</v>
      </c>
      <c r="BF1979" s="9">
        <v>44758.685198599997</v>
      </c>
      <c r="BG1979" s="11">
        <v>1</v>
      </c>
      <c r="BH1979" s="13">
        <v>1</v>
      </c>
      <c r="BI1979" s="6">
        <v>0</v>
      </c>
      <c r="BJ1979" s="13">
        <v>0</v>
      </c>
      <c r="BK1979" s="6">
        <v>0</v>
      </c>
      <c r="BL1979" s="13">
        <v>0</v>
      </c>
      <c r="BM1979" s="11">
        <v>1</v>
      </c>
      <c r="BN1979" s="13">
        <v>1</v>
      </c>
      <c r="BO1979" s="11">
        <v>1</v>
      </c>
      <c r="BP1979" s="13">
        <v>1</v>
      </c>
      <c r="BQ1979" s="6">
        <v>1</v>
      </c>
      <c r="BR1979" s="6">
        <v>1</v>
      </c>
      <c r="BS1979" s="6">
        <v>1</v>
      </c>
      <c r="BT1979" s="6">
        <v>1</v>
      </c>
      <c r="BU1979" s="6">
        <v>1</v>
      </c>
      <c r="BV1979" s="6">
        <v>1</v>
      </c>
      <c r="BW1979" s="6">
        <v>1</v>
      </c>
      <c r="BX1979" s="6">
        <v>1</v>
      </c>
      <c r="BY1979" s="6">
        <v>1</v>
      </c>
      <c r="BZ1979" s="6">
        <v>2</v>
      </c>
      <c r="CA1979" s="6">
        <v>2</v>
      </c>
      <c r="CB1979" s="6">
        <v>2</v>
      </c>
      <c r="CC1979" s="11">
        <v>2</v>
      </c>
      <c r="CD1979" s="11">
        <v>34.719099999999997</v>
      </c>
      <c r="CE1979" s="11">
        <v>0.61014199999999996</v>
      </c>
      <c r="CF1979" s="11">
        <v>0.31150600000000001</v>
      </c>
      <c r="CG1979" s="11">
        <v>1</v>
      </c>
      <c r="CH1979" s="20">
        <v>2.1781700000000001E-2</v>
      </c>
      <c r="CI1979" s="20">
        <v>0.53445399999999998</v>
      </c>
      <c r="CJ1979" s="20">
        <v>0.50229800000000002</v>
      </c>
      <c r="CK1979" s="20">
        <v>0.363209</v>
      </c>
      <c r="CL1979" s="20">
        <v>0.28642600000000001</v>
      </c>
      <c r="CM1979" s="20">
        <v>0.47907899999999998</v>
      </c>
      <c r="CN1979" s="20">
        <v>0.34385100000000002</v>
      </c>
      <c r="CO1979" s="20">
        <v>0.37928600000000001</v>
      </c>
      <c r="CP1979" s="20">
        <v>0.36633599999999999</v>
      </c>
      <c r="CQ1979" s="20">
        <v>0.27966999999999997</v>
      </c>
      <c r="CR1979" s="20">
        <v>0.39178299999999999</v>
      </c>
      <c r="CS1979" s="20">
        <v>0.27667199999999997</v>
      </c>
      <c r="CT1979" s="20">
        <v>0.27375699999999997</v>
      </c>
      <c r="CU1979" s="20">
        <v>0.255411</v>
      </c>
      <c r="CV1979" s="20">
        <v>0.26190799999999997</v>
      </c>
      <c r="CW1979" s="20">
        <v>0.280976</v>
      </c>
      <c r="CX1979" s="20">
        <v>0.26864300000000002</v>
      </c>
      <c r="CY1979" s="6" t="s">
        <v>692</v>
      </c>
      <c r="CZ1979" s="6" t="s">
        <v>693</v>
      </c>
      <c r="DA1979" s="6" t="s">
        <v>150</v>
      </c>
      <c r="DB1979" s="6"/>
      <c r="DC1979" s="6">
        <v>32180</v>
      </c>
      <c r="DD1979" s="6"/>
      <c r="DE1979" s="6" t="s">
        <v>695</v>
      </c>
      <c r="DF1979" s="6" t="s">
        <v>363</v>
      </c>
      <c r="DG1979" s="6" t="s">
        <v>364</v>
      </c>
      <c r="DH1979" s="6" t="s">
        <v>365</v>
      </c>
      <c r="DI1979" s="6"/>
      <c r="DJ1979" s="6">
        <v>29</v>
      </c>
      <c r="DK1979" s="6">
        <v>195</v>
      </c>
      <c r="DL1979" s="6">
        <v>3</v>
      </c>
      <c r="DM1979" s="6" t="s">
        <v>556</v>
      </c>
      <c r="DN1979" s="6">
        <v>6</v>
      </c>
      <c r="DO1979" s="6" t="s">
        <v>393</v>
      </c>
      <c r="DP1979" s="6"/>
      <c r="DQ1979" s="6"/>
    </row>
    <row r="1980" spans="1:121" x14ac:dyDescent="0.2">
      <c r="A1980" s="6" t="s">
        <v>319</v>
      </c>
      <c r="B1980" s="6" t="s">
        <v>319</v>
      </c>
      <c r="C1980" s="6" t="s">
        <v>188</v>
      </c>
      <c r="D1980" s="6" t="s">
        <v>150</v>
      </c>
      <c r="E1980" s="6" t="s">
        <v>291</v>
      </c>
      <c r="F1980" s="11">
        <v>10</v>
      </c>
      <c r="G1980" s="13">
        <v>7.9365079365099997E-2</v>
      </c>
      <c r="H1980" s="11">
        <v>91.81243039200001</v>
      </c>
      <c r="I1980" s="13">
        <v>0.72842253272647295</v>
      </c>
      <c r="J1980" s="11">
        <v>-84.202823434999999</v>
      </c>
      <c r="K1980" s="13">
        <v>-0.38650812027289866</v>
      </c>
      <c r="L1980" s="11">
        <v>2.8398443909999855</v>
      </c>
      <c r="M1980" s="13">
        <v>2.1247982168137104E-2</v>
      </c>
      <c r="N1980" s="11">
        <v>-81.362979044000014</v>
      </c>
      <c r="O1980" s="13">
        <v>-0.37347265575216032</v>
      </c>
      <c r="P1980" s="7">
        <v>126.042820296</v>
      </c>
      <c r="Q1980" s="7">
        <v>119.08583961799999</v>
      </c>
      <c r="R1980" s="7">
        <v>190.11882441099999</v>
      </c>
      <c r="S1980" s="7">
        <v>145.54571572500001</v>
      </c>
      <c r="T1980" s="7">
        <v>225.17167384300001</v>
      </c>
      <c r="U1980" s="7">
        <v>210.89318853899999</v>
      </c>
      <c r="V1980" s="7">
        <v>217.85525068800001</v>
      </c>
      <c r="W1980" s="7">
        <v>271.99968783399999</v>
      </c>
      <c r="X1980" s="7">
        <v>255.016613191</v>
      </c>
      <c r="Y1980" s="7">
        <v>133.65242725300001</v>
      </c>
      <c r="Z1980" s="7">
        <v>132.74167481699999</v>
      </c>
      <c r="AA1980" s="7">
        <v>128.93720576499999</v>
      </c>
      <c r="AB1980" s="7">
        <v>135.030014413</v>
      </c>
      <c r="AC1980" s="7">
        <v>128.564440142</v>
      </c>
      <c r="AD1980" s="7">
        <v>143.21245903499999</v>
      </c>
      <c r="AE1980" s="7">
        <v>139.09010495199999</v>
      </c>
      <c r="AF1980" s="7">
        <v>136.492271644</v>
      </c>
      <c r="AG1980" s="9">
        <v>8808.7147504000022</v>
      </c>
      <c r="AH1980" s="13">
        <v>0.51291834372373057</v>
      </c>
      <c r="AI1980" s="9">
        <v>4570.6872799000012</v>
      </c>
      <c r="AJ1980" s="13">
        <v>0.26614431454701987</v>
      </c>
      <c r="AK1980" s="9">
        <v>-1015.9367875999997</v>
      </c>
      <c r="AL1980" s="13">
        <v>-4.6721756541167433E-2</v>
      </c>
      <c r="AM1980" s="9">
        <v>5253.9642581000007</v>
      </c>
      <c r="AN1980" s="13">
        <v>0.25346611494767546</v>
      </c>
      <c r="AO1980" s="9">
        <v>4238.0274705000011</v>
      </c>
      <c r="AP1980" s="13">
        <v>0.19490197629248715</v>
      </c>
      <c r="AQ1980" s="9">
        <v>17173.717528699999</v>
      </c>
      <c r="AR1980" s="9">
        <v>18410.028527499999</v>
      </c>
      <c r="AS1980" s="9">
        <v>18450.4279666</v>
      </c>
      <c r="AT1980" s="9">
        <v>16996.088172</v>
      </c>
      <c r="AU1980" s="9">
        <v>19342.283811000001</v>
      </c>
      <c r="AV1980" s="9">
        <v>20451.962070199999</v>
      </c>
      <c r="AW1980" s="9">
        <v>21744.4048086</v>
      </c>
      <c r="AX1980" s="9">
        <v>22617.286831699999</v>
      </c>
      <c r="AY1980" s="9">
        <v>22417.918886300002</v>
      </c>
      <c r="AZ1980" s="9">
        <v>20728.468021000001</v>
      </c>
      <c r="BA1980" s="9">
        <v>20158.591737399998</v>
      </c>
      <c r="BB1980" s="9">
        <v>19599.759739000001</v>
      </c>
      <c r="BC1980" s="9">
        <v>22385.416606499999</v>
      </c>
      <c r="BD1980" s="9">
        <v>21422.136925399998</v>
      </c>
      <c r="BE1980" s="9">
        <v>26703.001723900001</v>
      </c>
      <c r="BF1980" s="9">
        <v>25982.432279100001</v>
      </c>
      <c r="BG1980" s="11">
        <v>3.25</v>
      </c>
      <c r="BH1980" s="13">
        <v>0.25</v>
      </c>
      <c r="BI1980" s="6">
        <v>4</v>
      </c>
      <c r="BJ1980" s="13">
        <v>0.30769230769230771</v>
      </c>
      <c r="BK1980" s="6">
        <v>-4</v>
      </c>
      <c r="BL1980" s="13">
        <v>-0.23529411764705882</v>
      </c>
      <c r="BM1980" s="11">
        <v>3.25</v>
      </c>
      <c r="BN1980" s="13">
        <v>0.25</v>
      </c>
      <c r="BO1980" s="11">
        <v>-0.75</v>
      </c>
      <c r="BP1980" s="13">
        <v>-4.4117647058823532E-2</v>
      </c>
      <c r="BQ1980" s="6">
        <v>13</v>
      </c>
      <c r="BR1980" s="6">
        <v>13</v>
      </c>
      <c r="BS1980" s="6">
        <v>17</v>
      </c>
      <c r="BT1980" s="6">
        <v>17</v>
      </c>
      <c r="BU1980" s="6">
        <v>16</v>
      </c>
      <c r="BV1980" s="6">
        <v>14</v>
      </c>
      <c r="BW1980" s="6">
        <v>13</v>
      </c>
      <c r="BX1980" s="6">
        <v>14</v>
      </c>
      <c r="BY1980" s="6">
        <v>14</v>
      </c>
      <c r="BZ1980" s="6">
        <v>14</v>
      </c>
      <c r="CA1980" s="6">
        <v>11</v>
      </c>
      <c r="CB1980" s="6">
        <v>16</v>
      </c>
      <c r="CC1980" s="11">
        <v>16.25</v>
      </c>
      <c r="CD1980" s="11">
        <v>-14.668900000000001</v>
      </c>
      <c r="CE1980" s="11">
        <v>11.340400000000001</v>
      </c>
      <c r="CF1980" s="11">
        <v>13.778</v>
      </c>
      <c r="CG1980" s="11">
        <v>25</v>
      </c>
      <c r="CH1980" s="20">
        <v>0.196405</v>
      </c>
      <c r="CI1980" s="20">
        <v>0.19486500000000001</v>
      </c>
      <c r="CJ1980" s="20">
        <v>0.30721900000000002</v>
      </c>
      <c r="CK1980" s="20">
        <v>0.23097000000000001</v>
      </c>
      <c r="CL1980" s="20">
        <v>0.344254</v>
      </c>
      <c r="CM1980" s="20">
        <v>0.32020900000000002</v>
      </c>
      <c r="CN1980" s="20">
        <v>0.33898600000000001</v>
      </c>
      <c r="CO1980" s="20">
        <v>0.45370100000000002</v>
      </c>
      <c r="CP1980" s="20">
        <v>0.44506200000000001</v>
      </c>
      <c r="CQ1980" s="20">
        <v>0.23023299999999999</v>
      </c>
      <c r="CR1980" s="20">
        <v>0.22225</v>
      </c>
      <c r="CS1980" s="20">
        <v>0.20927000000000001</v>
      </c>
      <c r="CT1980" s="20">
        <v>0.211476</v>
      </c>
      <c r="CU1980" s="20">
        <v>0.19989499999999999</v>
      </c>
      <c r="CV1980" s="20">
        <v>0.227574</v>
      </c>
      <c r="CW1980" s="20">
        <v>0.22372700000000001</v>
      </c>
      <c r="CX1980" s="20">
        <v>0.214312</v>
      </c>
      <c r="CY1980" s="6" t="s">
        <v>692</v>
      </c>
      <c r="CZ1980" s="6" t="s">
        <v>693</v>
      </c>
      <c r="DA1980" s="6" t="s">
        <v>150</v>
      </c>
      <c r="DB1980" s="6"/>
      <c r="DC1980" s="6">
        <v>32180</v>
      </c>
      <c r="DD1980" s="6"/>
      <c r="DE1980" s="6" t="s">
        <v>695</v>
      </c>
      <c r="DF1980" s="6" t="s">
        <v>363</v>
      </c>
      <c r="DG1980" s="6" t="s">
        <v>364</v>
      </c>
      <c r="DH1980" s="6" t="s">
        <v>365</v>
      </c>
      <c r="DI1980" s="6"/>
      <c r="DJ1980" s="6">
        <v>29</v>
      </c>
      <c r="DK1980" s="6">
        <v>195</v>
      </c>
      <c r="DL1980" s="6">
        <v>3</v>
      </c>
      <c r="DM1980" s="6" t="s">
        <v>556</v>
      </c>
      <c r="DN1980" s="6">
        <v>6</v>
      </c>
      <c r="DO1980" s="6" t="s">
        <v>393</v>
      </c>
      <c r="DP1980" s="6"/>
      <c r="DQ1980" s="6"/>
    </row>
    <row r="1981" spans="1:121" x14ac:dyDescent="0.2">
      <c r="A1981" s="6" t="s">
        <v>320</v>
      </c>
      <c r="B1981" s="6" t="s">
        <v>320</v>
      </c>
      <c r="C1981" s="6" t="s">
        <v>189</v>
      </c>
      <c r="D1981" s="6" t="s">
        <v>150</v>
      </c>
      <c r="E1981" s="6" t="s">
        <v>291</v>
      </c>
      <c r="F1981" s="11">
        <v>436</v>
      </c>
      <c r="G1981" s="13">
        <v>2.59523809524</v>
      </c>
      <c r="H1981" s="11">
        <v>16.875133104000014</v>
      </c>
      <c r="I1981" s="13">
        <v>0.10018827338580064</v>
      </c>
      <c r="J1981" s="11">
        <v>79.248069027000014</v>
      </c>
      <c r="K1981" s="13">
        <v>0.42765284192077008</v>
      </c>
      <c r="L1981" s="11">
        <v>339.59152613899994</v>
      </c>
      <c r="M1981" s="13">
        <v>1.2836212675293486</v>
      </c>
      <c r="N1981" s="11">
        <v>418.83959516599998</v>
      </c>
      <c r="O1981" s="13">
        <v>2.2602183924589858</v>
      </c>
      <c r="P1981" s="7">
        <v>168.434214242</v>
      </c>
      <c r="Q1981" s="7">
        <v>179.97462389500001</v>
      </c>
      <c r="R1981" s="7">
        <v>183.290975946</v>
      </c>
      <c r="S1981" s="7">
        <v>187.705446623</v>
      </c>
      <c r="T1981" s="7">
        <v>187.42194781200001</v>
      </c>
      <c r="U1981" s="7">
        <v>181.22980288599999</v>
      </c>
      <c r="V1981" s="7">
        <v>185.30934734600001</v>
      </c>
      <c r="W1981" s="7">
        <v>200.01336361099999</v>
      </c>
      <c r="X1981" s="7">
        <v>196.67458719999999</v>
      </c>
      <c r="Y1981" s="7">
        <v>264.55741637300002</v>
      </c>
      <c r="Z1981" s="7">
        <v>265.41678900599999</v>
      </c>
      <c r="AA1981" s="7">
        <v>645.90185699200003</v>
      </c>
      <c r="AB1981" s="7">
        <v>676.44333502999996</v>
      </c>
      <c r="AC1981" s="7">
        <v>629.42100780700002</v>
      </c>
      <c r="AD1981" s="7">
        <v>561.07505657499996</v>
      </c>
      <c r="AE1981" s="7">
        <v>572.79785044899995</v>
      </c>
      <c r="AF1981" s="7">
        <v>604.14894251199996</v>
      </c>
      <c r="AG1981" s="9">
        <v>14615.321713199999</v>
      </c>
      <c r="AH1981" s="13">
        <v>0.45645987776416064</v>
      </c>
      <c r="AI1981" s="9">
        <v>3330.9581298000048</v>
      </c>
      <c r="AJ1981" s="13">
        <v>0.10403115104834376</v>
      </c>
      <c r="AK1981" s="9">
        <v>366.71881969999959</v>
      </c>
      <c r="AL1981" s="13">
        <v>1.0373996586753337E-2</v>
      </c>
      <c r="AM1981" s="9">
        <v>10917.644763699995</v>
      </c>
      <c r="AN1981" s="13">
        <v>0.30567484545845519</v>
      </c>
      <c r="AO1981" s="9">
        <v>11284.363583399994</v>
      </c>
      <c r="AP1981" s="13">
        <v>0.31921991184865089</v>
      </c>
      <c r="AQ1981" s="9">
        <v>32018.852970799999</v>
      </c>
      <c r="AR1981" s="9">
        <v>36054.156156199999</v>
      </c>
      <c r="AS1981" s="9">
        <v>27279.259466399999</v>
      </c>
      <c r="AT1981" s="9">
        <v>29794.790057400001</v>
      </c>
      <c r="AU1981" s="9">
        <v>30103.784358199999</v>
      </c>
      <c r="AV1981" s="9">
        <v>48655.463311899999</v>
      </c>
      <c r="AW1981" s="9">
        <v>35349.811100600004</v>
      </c>
      <c r="AX1981" s="9">
        <v>34971.262903800001</v>
      </c>
      <c r="AY1981" s="9">
        <v>38093.404114099998</v>
      </c>
      <c r="AZ1981" s="9">
        <v>35716.529920300003</v>
      </c>
      <c r="BA1981" s="9">
        <v>35651.265409599997</v>
      </c>
      <c r="BB1981" s="9">
        <v>36919.399427800003</v>
      </c>
      <c r="BC1981" s="9">
        <v>36163.686253300002</v>
      </c>
      <c r="BD1981" s="9">
        <v>40816.892894099998</v>
      </c>
      <c r="BE1981" s="9">
        <v>47082.018707099996</v>
      </c>
      <c r="BF1981" s="9">
        <v>46634.174683999998</v>
      </c>
      <c r="BG1981" s="11">
        <v>-0.25</v>
      </c>
      <c r="BH1981" s="13">
        <v>-0.125</v>
      </c>
      <c r="BI1981" s="6">
        <v>-1</v>
      </c>
      <c r="BJ1981" s="13">
        <v>-0.5</v>
      </c>
      <c r="BK1981" s="6">
        <v>0</v>
      </c>
      <c r="BL1981" s="13">
        <v>0</v>
      </c>
      <c r="BM1981" s="11">
        <v>0.75</v>
      </c>
      <c r="BN1981" s="13">
        <v>0.75</v>
      </c>
      <c r="BO1981" s="11">
        <v>0.75</v>
      </c>
      <c r="BP1981" s="13">
        <v>0.75</v>
      </c>
      <c r="BQ1981" s="6">
        <v>2</v>
      </c>
      <c r="BR1981" s="6">
        <v>2</v>
      </c>
      <c r="BS1981" s="6">
        <v>2</v>
      </c>
      <c r="BT1981" s="6">
        <v>1</v>
      </c>
      <c r="BU1981" s="6">
        <v>1</v>
      </c>
      <c r="BV1981" s="6">
        <v>1</v>
      </c>
      <c r="BW1981" s="6">
        <v>1</v>
      </c>
      <c r="BX1981" s="6">
        <v>1</v>
      </c>
      <c r="BY1981" s="6">
        <v>1</v>
      </c>
      <c r="BZ1981" s="6">
        <v>1</v>
      </c>
      <c r="CA1981" s="6">
        <v>1</v>
      </c>
      <c r="CB1981" s="6">
        <v>1</v>
      </c>
      <c r="CC1981" s="11">
        <v>1.75</v>
      </c>
      <c r="CD1981" s="11">
        <v>356.31200000000001</v>
      </c>
      <c r="CE1981" s="11">
        <v>60.990900000000003</v>
      </c>
      <c r="CF1981" s="11">
        <v>18.411899999999999</v>
      </c>
      <c r="CG1981" s="11">
        <v>79</v>
      </c>
      <c r="CH1981" s="20">
        <v>0.78668800000000005</v>
      </c>
      <c r="CI1981" s="20">
        <v>0.84354399999999996</v>
      </c>
      <c r="CJ1981" s="20">
        <v>0.82388899999999998</v>
      </c>
      <c r="CK1981" s="20">
        <v>0.82542099999999996</v>
      </c>
      <c r="CL1981" s="20">
        <v>0.81179400000000002</v>
      </c>
      <c r="CM1981" s="20">
        <v>0.78340500000000002</v>
      </c>
      <c r="CN1981" s="20">
        <v>0.80810400000000004</v>
      </c>
      <c r="CO1981" s="20">
        <v>0.86902000000000001</v>
      </c>
      <c r="CP1981" s="20">
        <v>0.79152400000000001</v>
      </c>
      <c r="CQ1981" s="20">
        <v>1.05881</v>
      </c>
      <c r="CR1981" s="20">
        <v>1.0400199999999999</v>
      </c>
      <c r="CS1981" s="20">
        <v>2.4771000000000001</v>
      </c>
      <c r="CT1981" s="20">
        <v>2.53599</v>
      </c>
      <c r="CU1981" s="20">
        <v>2.3707199999999999</v>
      </c>
      <c r="CV1981" s="20">
        <v>2.1831900000000002</v>
      </c>
      <c r="CW1981" s="20">
        <v>2.25901</v>
      </c>
      <c r="CX1981" s="20">
        <v>2.3174299999999999</v>
      </c>
      <c r="CY1981" s="6" t="s">
        <v>692</v>
      </c>
      <c r="CZ1981" s="6" t="s">
        <v>693</v>
      </c>
      <c r="DA1981" s="6" t="s">
        <v>150</v>
      </c>
      <c r="DB1981" s="6"/>
      <c r="DC1981" s="6">
        <v>32180</v>
      </c>
      <c r="DD1981" s="6"/>
      <c r="DE1981" s="6" t="s">
        <v>695</v>
      </c>
      <c r="DF1981" s="6" t="s">
        <v>363</v>
      </c>
      <c r="DG1981" s="6" t="s">
        <v>364</v>
      </c>
      <c r="DH1981" s="6" t="s">
        <v>365</v>
      </c>
      <c r="DI1981" s="6"/>
      <c r="DJ1981" s="6">
        <v>29</v>
      </c>
      <c r="DK1981" s="6">
        <v>195</v>
      </c>
      <c r="DL1981" s="6">
        <v>3</v>
      </c>
      <c r="DM1981" s="6" t="s">
        <v>556</v>
      </c>
      <c r="DN1981" s="6">
        <v>6</v>
      </c>
      <c r="DO1981" s="6" t="s">
        <v>393</v>
      </c>
      <c r="DP1981" s="6"/>
      <c r="DQ1981" s="6"/>
    </row>
    <row r="1982" spans="1:121" x14ac:dyDescent="0.2">
      <c r="A1982" s="6" t="s">
        <v>321</v>
      </c>
      <c r="B1982" s="6" t="s">
        <v>321</v>
      </c>
      <c r="C1982" s="6" t="s">
        <v>190</v>
      </c>
      <c r="D1982" s="6" t="s">
        <v>150</v>
      </c>
      <c r="E1982" s="6" t="s">
        <v>291</v>
      </c>
      <c r="F1982" s="11">
        <v>179</v>
      </c>
      <c r="G1982" s="13">
        <v>0.144006436042</v>
      </c>
      <c r="H1982" s="11">
        <v>150.92158360000008</v>
      </c>
      <c r="I1982" s="13">
        <v>0.12144874900393859</v>
      </c>
      <c r="J1982" s="11">
        <v>93.148076740000079</v>
      </c>
      <c r="K1982" s="13">
        <v>6.6839955735162035E-2</v>
      </c>
      <c r="L1982" s="11">
        <v>-64.31877413999996</v>
      </c>
      <c r="M1982" s="13">
        <v>-4.326141767534334E-2</v>
      </c>
      <c r="N1982" s="11">
        <v>28.829302600000119</v>
      </c>
      <c r="O1982" s="13">
        <v>2.068694681735839E-2</v>
      </c>
      <c r="P1982" s="7">
        <v>1242.6771361399999</v>
      </c>
      <c r="Q1982" s="7">
        <v>1286.9435906399999</v>
      </c>
      <c r="R1982" s="7">
        <v>1342.5643018400001</v>
      </c>
      <c r="S1982" s="7">
        <v>1369.8526145999999</v>
      </c>
      <c r="T1982" s="7">
        <v>1357.9657680800001</v>
      </c>
      <c r="U1982" s="7">
        <v>1423.0179539200001</v>
      </c>
      <c r="V1982" s="7">
        <v>1393.59871974</v>
      </c>
      <c r="W1982" s="7">
        <v>1357.55121216</v>
      </c>
      <c r="X1982" s="7">
        <v>1461.5217193999999</v>
      </c>
      <c r="Y1982" s="7">
        <v>1486.7467964800001</v>
      </c>
      <c r="Z1982" s="7">
        <v>1537.5217488599999</v>
      </c>
      <c r="AA1982" s="7">
        <v>1433.62110162</v>
      </c>
      <c r="AB1982" s="7">
        <v>1430.4244086599999</v>
      </c>
      <c r="AC1982" s="7">
        <v>1506.9062685599999</v>
      </c>
      <c r="AD1982" s="7">
        <v>1396.47525058</v>
      </c>
      <c r="AE1982" s="7">
        <v>1403.9852741300001</v>
      </c>
      <c r="AF1982" s="7">
        <v>1422.4280223400001</v>
      </c>
      <c r="AG1982" s="9">
        <v>7825.4888674999966</v>
      </c>
      <c r="AH1982" s="13">
        <v>0.32042324899533048</v>
      </c>
      <c r="AI1982" s="9">
        <v>6199.8332306999982</v>
      </c>
      <c r="AJ1982" s="13">
        <v>0.25385899087538516</v>
      </c>
      <c r="AK1982" s="9">
        <v>3385.6511062000027</v>
      </c>
      <c r="AL1982" s="13">
        <v>0.11056204043353487</v>
      </c>
      <c r="AM1982" s="9">
        <v>-1759.9954694000044</v>
      </c>
      <c r="AN1982" s="13">
        <v>-5.1752647068917815E-2</v>
      </c>
      <c r="AO1982" s="9">
        <v>1625.6556367999983</v>
      </c>
      <c r="AP1982" s="13">
        <v>5.3087515106840927E-2</v>
      </c>
      <c r="AQ1982" s="9">
        <v>24422.350413200002</v>
      </c>
      <c r="AR1982" s="9">
        <v>24343.1282919</v>
      </c>
      <c r="AS1982" s="9">
        <v>26923.1630429</v>
      </c>
      <c r="AT1982" s="9">
        <v>27870.518604199999</v>
      </c>
      <c r="AU1982" s="9">
        <v>28286.330045800001</v>
      </c>
      <c r="AV1982" s="9">
        <v>27687.588167400001</v>
      </c>
      <c r="AW1982" s="9">
        <v>30622.1836439</v>
      </c>
      <c r="AX1982" s="9">
        <v>32207.289558299999</v>
      </c>
      <c r="AY1982" s="9">
        <v>32807.590214199998</v>
      </c>
      <c r="AZ1982" s="9">
        <v>34007.834750100003</v>
      </c>
      <c r="BA1982" s="9">
        <v>34217.737810999999</v>
      </c>
      <c r="BB1982" s="9">
        <v>30701.628197599999</v>
      </c>
      <c r="BC1982" s="9">
        <v>31420.4319106</v>
      </c>
      <c r="BD1982" s="9">
        <v>30438.6374822</v>
      </c>
      <c r="BE1982" s="9">
        <v>32387.91358</v>
      </c>
      <c r="BF1982" s="9">
        <v>32247.839280699998</v>
      </c>
      <c r="BG1982" s="11">
        <v>56.75</v>
      </c>
      <c r="BH1982" s="13">
        <v>0.96186440677966101</v>
      </c>
      <c r="BI1982" s="6">
        <v>-8</v>
      </c>
      <c r="BJ1982" s="13">
        <v>-0.13559322033898305</v>
      </c>
      <c r="BK1982" s="6">
        <v>9</v>
      </c>
      <c r="BL1982" s="13">
        <v>0.17647058823529413</v>
      </c>
      <c r="BM1982" s="11">
        <v>55.75</v>
      </c>
      <c r="BN1982" s="13">
        <v>0.9291666666666667</v>
      </c>
      <c r="BO1982" s="11">
        <v>64.75</v>
      </c>
      <c r="BP1982" s="13">
        <v>1.2696078431372548</v>
      </c>
      <c r="BQ1982" s="6">
        <v>59</v>
      </c>
      <c r="BR1982" s="6">
        <v>56</v>
      </c>
      <c r="BS1982" s="6">
        <v>51</v>
      </c>
      <c r="BT1982" s="6">
        <v>51</v>
      </c>
      <c r="BU1982" s="6">
        <v>54</v>
      </c>
      <c r="BV1982" s="6">
        <v>58</v>
      </c>
      <c r="BW1982" s="6">
        <v>60</v>
      </c>
      <c r="BX1982" s="6">
        <v>64</v>
      </c>
      <c r="BY1982" s="6">
        <v>70</v>
      </c>
      <c r="BZ1982" s="6">
        <v>113</v>
      </c>
      <c r="CA1982" s="6">
        <v>115</v>
      </c>
      <c r="CB1982" s="6">
        <v>114</v>
      </c>
      <c r="CC1982" s="11">
        <v>115.75</v>
      </c>
      <c r="CD1982" s="11">
        <v>-408.63</v>
      </c>
      <c r="CE1982" s="11">
        <v>452.541</v>
      </c>
      <c r="CF1982" s="11">
        <v>135.84</v>
      </c>
      <c r="CG1982" s="11">
        <v>589</v>
      </c>
      <c r="CH1982" s="20">
        <v>1.1752100000000001</v>
      </c>
      <c r="CI1982" s="20">
        <v>1.2302299999999999</v>
      </c>
      <c r="CJ1982" s="20">
        <v>1.2286900000000001</v>
      </c>
      <c r="CK1982" s="20">
        <v>1.24637</v>
      </c>
      <c r="CL1982" s="20">
        <v>1.2038199999999999</v>
      </c>
      <c r="CM1982" s="20">
        <v>1.25498</v>
      </c>
      <c r="CN1982" s="20">
        <v>1.2371399999999999</v>
      </c>
      <c r="CO1982" s="20">
        <v>1.20475</v>
      </c>
      <c r="CP1982" s="20">
        <v>1.2106399999999999</v>
      </c>
      <c r="CQ1982" s="20">
        <v>1.23241</v>
      </c>
      <c r="CR1982" s="20">
        <v>1.2700899999999999</v>
      </c>
      <c r="CS1982" s="20">
        <v>1.1399900000000001</v>
      </c>
      <c r="CT1982" s="20">
        <v>1.1060700000000001</v>
      </c>
      <c r="CU1982" s="20">
        <v>1.1730499999999999</v>
      </c>
      <c r="CV1982" s="20">
        <v>1.1118399999999999</v>
      </c>
      <c r="CW1982" s="20">
        <v>1.12615</v>
      </c>
      <c r="CX1982" s="20">
        <v>1.10324</v>
      </c>
      <c r="CY1982" s="6" t="s">
        <v>692</v>
      </c>
      <c r="CZ1982" s="6" t="s">
        <v>693</v>
      </c>
      <c r="DA1982" s="6" t="s">
        <v>150</v>
      </c>
      <c r="DB1982" s="6"/>
      <c r="DC1982" s="6">
        <v>32180</v>
      </c>
      <c r="DD1982" s="6"/>
      <c r="DE1982" s="6" t="s">
        <v>695</v>
      </c>
      <c r="DF1982" s="6" t="s">
        <v>363</v>
      </c>
      <c r="DG1982" s="6" t="s">
        <v>364</v>
      </c>
      <c r="DH1982" s="6" t="s">
        <v>365</v>
      </c>
      <c r="DI1982" s="6"/>
      <c r="DJ1982" s="6">
        <v>29</v>
      </c>
      <c r="DK1982" s="6">
        <v>195</v>
      </c>
      <c r="DL1982" s="6">
        <v>3</v>
      </c>
      <c r="DM1982" s="6" t="s">
        <v>556</v>
      </c>
      <c r="DN1982" s="6">
        <v>6</v>
      </c>
      <c r="DO1982" s="6" t="s">
        <v>393</v>
      </c>
      <c r="DP1982" s="6"/>
      <c r="DQ1982" s="6"/>
    </row>
    <row r="1983" spans="1:121" x14ac:dyDescent="0.2">
      <c r="A1983" s="6" t="s">
        <v>322</v>
      </c>
      <c r="B1983" s="6" t="s">
        <v>322</v>
      </c>
      <c r="C1983" s="6" t="s">
        <v>191</v>
      </c>
      <c r="D1983" s="6" t="s">
        <v>150</v>
      </c>
      <c r="E1983" s="6" t="s">
        <v>291</v>
      </c>
      <c r="F1983" s="11">
        <v>19</v>
      </c>
      <c r="G1983" s="13">
        <v>0.18</v>
      </c>
      <c r="H1983" s="11">
        <v>41</v>
      </c>
      <c r="I1983" s="13">
        <v>0.39805825242718446</v>
      </c>
      <c r="J1983" s="11">
        <v>-15</v>
      </c>
      <c r="K1983" s="13">
        <v>-0.10416666666666669</v>
      </c>
      <c r="L1983" s="11">
        <v>-7</v>
      </c>
      <c r="M1983" s="13">
        <v>-5.4263565891472867E-2</v>
      </c>
      <c r="N1983" s="11">
        <v>-22</v>
      </c>
      <c r="O1983" s="13">
        <v>-0.15277777777777779</v>
      </c>
      <c r="P1983" s="7">
        <v>103</v>
      </c>
      <c r="Q1983" s="7">
        <v>120</v>
      </c>
      <c r="R1983" s="7">
        <v>130</v>
      </c>
      <c r="S1983" s="7">
        <v>148</v>
      </c>
      <c r="T1983" s="7">
        <v>131</v>
      </c>
      <c r="U1983" s="7">
        <v>143</v>
      </c>
      <c r="V1983" s="7">
        <v>144</v>
      </c>
      <c r="W1983" s="7">
        <v>137</v>
      </c>
      <c r="X1983" s="7">
        <v>141</v>
      </c>
      <c r="Y1983" s="7">
        <v>129</v>
      </c>
      <c r="Z1983" s="7">
        <v>136</v>
      </c>
      <c r="AA1983" s="7">
        <v>132</v>
      </c>
      <c r="AB1983" s="7">
        <v>128</v>
      </c>
      <c r="AC1983" s="7">
        <v>133</v>
      </c>
      <c r="AD1983" s="7">
        <v>134</v>
      </c>
      <c r="AE1983" s="7">
        <v>122</v>
      </c>
      <c r="AF1983" s="7">
        <v>122</v>
      </c>
      <c r="AG1983" s="9">
        <v>5181</v>
      </c>
      <c r="AH1983" s="13">
        <v>0.48303188513891471</v>
      </c>
      <c r="AI1983" s="9">
        <v>491</v>
      </c>
      <c r="AJ1983" s="13">
        <v>4.577661756479582E-2</v>
      </c>
      <c r="AK1983" s="9">
        <v>2670</v>
      </c>
      <c r="AL1983" s="13">
        <v>0.23803155924043864</v>
      </c>
      <c r="AM1983" s="9">
        <v>2020</v>
      </c>
      <c r="AN1983" s="13">
        <v>0.14545978253042413</v>
      </c>
      <c r="AO1983" s="9">
        <v>4690</v>
      </c>
      <c r="AP1983" s="13">
        <v>0.41811536061335475</v>
      </c>
      <c r="AQ1983" s="9">
        <v>10726</v>
      </c>
      <c r="AR1983" s="9">
        <v>10780</v>
      </c>
      <c r="AS1983" s="9">
        <v>10257</v>
      </c>
      <c r="AT1983" s="9">
        <v>10422</v>
      </c>
      <c r="AU1983" s="9">
        <v>12138</v>
      </c>
      <c r="AV1983" s="9">
        <v>10929</v>
      </c>
      <c r="AW1983" s="9">
        <v>11217</v>
      </c>
      <c r="AX1983" s="9">
        <v>13016</v>
      </c>
      <c r="AY1983" s="9">
        <v>12502</v>
      </c>
      <c r="AZ1983" s="9">
        <v>13887</v>
      </c>
      <c r="BA1983" s="9">
        <v>12194</v>
      </c>
      <c r="BB1983" s="9">
        <v>12777</v>
      </c>
      <c r="BC1983" s="9">
        <v>12416</v>
      </c>
      <c r="BD1983" s="9">
        <v>13587</v>
      </c>
      <c r="BE1983" s="9">
        <v>13638</v>
      </c>
      <c r="BF1983" s="9">
        <v>15907</v>
      </c>
      <c r="BG1983" s="11">
        <v>-1</v>
      </c>
      <c r="BH1983" s="13">
        <v>-0.1111111111111111</v>
      </c>
      <c r="BI1983" s="6">
        <v>-1</v>
      </c>
      <c r="BJ1983" s="13">
        <v>-0.1111111111111111</v>
      </c>
      <c r="BK1983" s="6">
        <v>2</v>
      </c>
      <c r="BL1983" s="13">
        <v>0.25</v>
      </c>
      <c r="BM1983" s="11">
        <v>-2</v>
      </c>
      <c r="BN1983" s="13">
        <v>-0.2</v>
      </c>
      <c r="BO1983" s="11">
        <v>0</v>
      </c>
      <c r="BP1983" s="13">
        <v>0</v>
      </c>
      <c r="BQ1983" s="6">
        <v>9</v>
      </c>
      <c r="BR1983" s="6">
        <v>9</v>
      </c>
      <c r="BS1983" s="6">
        <v>9</v>
      </c>
      <c r="BT1983" s="6">
        <v>8</v>
      </c>
      <c r="BU1983" s="6">
        <v>9</v>
      </c>
      <c r="BV1983" s="6">
        <v>10</v>
      </c>
      <c r="BW1983" s="6">
        <v>10</v>
      </c>
      <c r="BX1983" s="6">
        <v>10</v>
      </c>
      <c r="BY1983" s="6">
        <v>9</v>
      </c>
      <c r="BZ1983" s="6">
        <v>9</v>
      </c>
      <c r="CA1983" s="6">
        <v>8</v>
      </c>
      <c r="CB1983" s="6">
        <v>7</v>
      </c>
      <c r="CC1983" s="11">
        <v>8</v>
      </c>
      <c r="CD1983" s="11">
        <v>-11</v>
      </c>
      <c r="CE1983" s="11">
        <v>19</v>
      </c>
      <c r="CF1983" s="11">
        <v>11</v>
      </c>
      <c r="CG1983" s="11">
        <v>30</v>
      </c>
      <c r="CH1983" s="20">
        <v>0.64</v>
      </c>
      <c r="CI1983" s="20">
        <v>0.76</v>
      </c>
      <c r="CJ1983" s="20">
        <v>0.8</v>
      </c>
      <c r="CK1983" s="20">
        <v>0.91</v>
      </c>
      <c r="CL1983" s="20">
        <v>0.79</v>
      </c>
      <c r="CM1983" s="20">
        <v>0.86</v>
      </c>
      <c r="CN1983" s="20">
        <v>0.88</v>
      </c>
      <c r="CO1983" s="20">
        <v>0.85</v>
      </c>
      <c r="CP1983" s="20">
        <v>0.85</v>
      </c>
      <c r="CQ1983" s="20">
        <v>0.8</v>
      </c>
      <c r="CR1983" s="20">
        <v>0.84</v>
      </c>
      <c r="CS1983" s="20">
        <v>0.79</v>
      </c>
      <c r="CT1983" s="20">
        <v>0.75</v>
      </c>
      <c r="CU1983" s="20">
        <v>0.77</v>
      </c>
      <c r="CV1983" s="20">
        <v>0.79</v>
      </c>
      <c r="CW1983" s="20">
        <v>0.72</v>
      </c>
      <c r="CX1983" s="20">
        <v>0.7</v>
      </c>
      <c r="CY1983" s="6" t="s">
        <v>692</v>
      </c>
      <c r="CZ1983" s="6" t="s">
        <v>693</v>
      </c>
      <c r="DA1983" s="6" t="s">
        <v>150</v>
      </c>
      <c r="DB1983" s="6"/>
      <c r="DC1983" s="6">
        <v>32180</v>
      </c>
      <c r="DD1983" s="6"/>
      <c r="DE1983" s="6" t="s">
        <v>695</v>
      </c>
      <c r="DF1983" s="6" t="s">
        <v>363</v>
      </c>
      <c r="DG1983" s="6" t="s">
        <v>364</v>
      </c>
      <c r="DH1983" s="6" t="s">
        <v>365</v>
      </c>
      <c r="DI1983" s="6"/>
      <c r="DJ1983" s="6">
        <v>29</v>
      </c>
      <c r="DK1983" s="6">
        <v>195</v>
      </c>
      <c r="DL1983" s="6">
        <v>3</v>
      </c>
      <c r="DM1983" s="6" t="s">
        <v>556</v>
      </c>
      <c r="DN1983" s="6">
        <v>6</v>
      </c>
      <c r="DO1983" s="6" t="s">
        <v>393</v>
      </c>
      <c r="DP1983" s="6"/>
      <c r="DQ1983" s="6"/>
    </row>
    <row r="1984" spans="1:121" x14ac:dyDescent="0.2">
      <c r="A1984" s="6" t="s">
        <v>323</v>
      </c>
      <c r="B1984" s="6" t="s">
        <v>323</v>
      </c>
      <c r="C1984" s="6" t="s">
        <v>192</v>
      </c>
      <c r="D1984" s="6" t="s">
        <v>150</v>
      </c>
      <c r="E1984" s="6" t="s">
        <v>291</v>
      </c>
      <c r="F1984" s="11">
        <v>26</v>
      </c>
      <c r="G1984" s="13">
        <v>4.5534150613E-2</v>
      </c>
      <c r="H1984" s="11">
        <v>87.788329915999952</v>
      </c>
      <c r="I1984" s="13">
        <v>0.15367575367603475</v>
      </c>
      <c r="J1984" s="11">
        <v>-163.032626698</v>
      </c>
      <c r="K1984" s="13">
        <v>-0.24737700375962912</v>
      </c>
      <c r="L1984" s="11">
        <v>100.74365942499998</v>
      </c>
      <c r="M1984" s="13">
        <v>0.2031070683049539</v>
      </c>
      <c r="N1984" s="11">
        <v>-62.288967273000026</v>
      </c>
      <c r="O1984" s="13">
        <v>-9.451395345435705E-2</v>
      </c>
      <c r="P1984" s="7">
        <v>571.25686919400005</v>
      </c>
      <c r="Q1984" s="7">
        <v>604.59756255699995</v>
      </c>
      <c r="R1984" s="7">
        <v>631.31824833200005</v>
      </c>
      <c r="S1984" s="7">
        <v>628.98484016299994</v>
      </c>
      <c r="T1984" s="7">
        <v>674.25636315500003</v>
      </c>
      <c r="U1984" s="7">
        <v>694.03634083500003</v>
      </c>
      <c r="V1984" s="7">
        <v>659.04519911</v>
      </c>
      <c r="W1984" s="7">
        <v>680.11001729400004</v>
      </c>
      <c r="X1984" s="7">
        <v>541.28051409099999</v>
      </c>
      <c r="Y1984" s="7">
        <v>496.012572412</v>
      </c>
      <c r="Z1984" s="7">
        <v>514.30165413400005</v>
      </c>
      <c r="AA1984" s="7">
        <v>515.42449974800002</v>
      </c>
      <c r="AB1984" s="7">
        <v>559.341024232</v>
      </c>
      <c r="AC1984" s="7">
        <v>574.14000574099998</v>
      </c>
      <c r="AD1984" s="7">
        <v>586.94104398900004</v>
      </c>
      <c r="AE1984" s="7">
        <v>596.05393011399997</v>
      </c>
      <c r="AF1984" s="7">
        <v>596.75623183699997</v>
      </c>
      <c r="AG1984" s="9">
        <v>3640.0920118400009</v>
      </c>
      <c r="AH1984" s="13">
        <v>0.38621778374899263</v>
      </c>
      <c r="AI1984" s="9">
        <v>1184.7170163400006</v>
      </c>
      <c r="AJ1984" s="13">
        <v>0.12569978421761552</v>
      </c>
      <c r="AK1984" s="9">
        <v>1655.4898188999996</v>
      </c>
      <c r="AL1984" s="13">
        <v>0.15603565098378033</v>
      </c>
      <c r="AM1984" s="9">
        <v>799.8851766000007</v>
      </c>
      <c r="AN1984" s="13">
        <v>6.5215937834406768E-2</v>
      </c>
      <c r="AO1984" s="9">
        <v>2455.3749955000003</v>
      </c>
      <c r="AP1984" s="13">
        <v>0.23142760013269653</v>
      </c>
      <c r="AQ1984" s="9">
        <v>9424.9725543599998</v>
      </c>
      <c r="AR1984" s="9">
        <v>9265.2118692999993</v>
      </c>
      <c r="AS1984" s="9">
        <v>10093.8991155</v>
      </c>
      <c r="AT1984" s="9">
        <v>10212.258030200001</v>
      </c>
      <c r="AU1984" s="9">
        <v>10232.1784427</v>
      </c>
      <c r="AV1984" s="9">
        <v>10472.227874599999</v>
      </c>
      <c r="AW1984" s="9">
        <v>10609.6895707</v>
      </c>
      <c r="AX1984" s="9">
        <v>10571.750587500001</v>
      </c>
      <c r="AY1984" s="9">
        <v>11587.3234144</v>
      </c>
      <c r="AZ1984" s="9">
        <v>12265.1793896</v>
      </c>
      <c r="BA1984" s="9">
        <v>11956.009807300001</v>
      </c>
      <c r="BB1984" s="9">
        <v>11957.6582005</v>
      </c>
      <c r="BC1984" s="9">
        <v>12524.693578099999</v>
      </c>
      <c r="BD1984" s="9">
        <v>12621.636285</v>
      </c>
      <c r="BE1984" s="9">
        <v>12972.801604800001</v>
      </c>
      <c r="BF1984" s="9">
        <v>13065.064566200001</v>
      </c>
      <c r="BG1984" s="11">
        <v>0.5</v>
      </c>
      <c r="BH1984" s="13">
        <v>1.1627906976744186E-2</v>
      </c>
      <c r="BI1984" s="6">
        <v>2</v>
      </c>
      <c r="BJ1984" s="13">
        <v>4.6511627906976744E-2</v>
      </c>
      <c r="BK1984" s="6">
        <v>-11</v>
      </c>
      <c r="BL1984" s="13">
        <v>-0.24444444444444444</v>
      </c>
      <c r="BM1984" s="11">
        <v>9.5</v>
      </c>
      <c r="BN1984" s="13">
        <v>0.27941176470588236</v>
      </c>
      <c r="BO1984" s="11">
        <v>-1.5</v>
      </c>
      <c r="BP1984" s="13">
        <v>-3.3333333333333333E-2</v>
      </c>
      <c r="BQ1984" s="6">
        <v>43</v>
      </c>
      <c r="BR1984" s="6">
        <v>44</v>
      </c>
      <c r="BS1984" s="6">
        <v>46</v>
      </c>
      <c r="BT1984" s="6">
        <v>45</v>
      </c>
      <c r="BU1984" s="6">
        <v>42</v>
      </c>
      <c r="BV1984" s="6">
        <v>37</v>
      </c>
      <c r="BW1984" s="6">
        <v>34</v>
      </c>
      <c r="BX1984" s="6">
        <v>36</v>
      </c>
      <c r="BY1984" s="6">
        <v>36</v>
      </c>
      <c r="BZ1984" s="6">
        <v>39</v>
      </c>
      <c r="CA1984" s="6">
        <v>45</v>
      </c>
      <c r="CB1984" s="6">
        <v>44</v>
      </c>
      <c r="CC1984" s="11">
        <v>43.5</v>
      </c>
      <c r="CD1984" s="11">
        <v>-166.85300000000001</v>
      </c>
      <c r="CE1984" s="11">
        <v>129.90700000000001</v>
      </c>
      <c r="CF1984" s="11">
        <v>62.445300000000003</v>
      </c>
      <c r="CG1984" s="11">
        <v>192</v>
      </c>
      <c r="CH1984" s="20">
        <v>0.72797000000000001</v>
      </c>
      <c r="CI1984" s="20">
        <v>0.79859199999999997</v>
      </c>
      <c r="CJ1984" s="20">
        <v>0.80810700000000002</v>
      </c>
      <c r="CK1984" s="20">
        <v>0.79625699999999999</v>
      </c>
      <c r="CL1984" s="20">
        <v>0.83102299999999996</v>
      </c>
      <c r="CM1984" s="20">
        <v>0.85435499999999998</v>
      </c>
      <c r="CN1984" s="20">
        <v>0.82120599999999999</v>
      </c>
      <c r="CO1984" s="20">
        <v>0.86658299999999999</v>
      </c>
      <c r="CP1984" s="20">
        <v>0.67566800000000005</v>
      </c>
      <c r="CQ1984" s="20">
        <v>0.62770700000000001</v>
      </c>
      <c r="CR1984" s="20">
        <v>0.64150300000000005</v>
      </c>
      <c r="CS1984" s="20">
        <v>0.62270599999999998</v>
      </c>
      <c r="CT1984" s="20">
        <v>0.65010599999999996</v>
      </c>
      <c r="CU1984" s="20">
        <v>0.66472200000000004</v>
      </c>
      <c r="CV1984" s="20">
        <v>0.688361</v>
      </c>
      <c r="CW1984" s="20">
        <v>0.70260599999999995</v>
      </c>
      <c r="CX1984" s="20">
        <v>0.68748900000000002</v>
      </c>
      <c r="CY1984" s="6" t="s">
        <v>692</v>
      </c>
      <c r="CZ1984" s="6" t="s">
        <v>693</v>
      </c>
      <c r="DA1984" s="6" t="s">
        <v>150</v>
      </c>
      <c r="DB1984" s="6"/>
      <c r="DC1984" s="6">
        <v>32180</v>
      </c>
      <c r="DD1984" s="6"/>
      <c r="DE1984" s="6" t="s">
        <v>695</v>
      </c>
      <c r="DF1984" s="6" t="s">
        <v>363</v>
      </c>
      <c r="DG1984" s="6" t="s">
        <v>364</v>
      </c>
      <c r="DH1984" s="6" t="s">
        <v>365</v>
      </c>
      <c r="DI1984" s="6"/>
      <c r="DJ1984" s="6">
        <v>29</v>
      </c>
      <c r="DK1984" s="6">
        <v>195</v>
      </c>
      <c r="DL1984" s="6">
        <v>3</v>
      </c>
      <c r="DM1984" s="6" t="s">
        <v>556</v>
      </c>
      <c r="DN1984" s="6">
        <v>6</v>
      </c>
      <c r="DO1984" s="6" t="s">
        <v>393</v>
      </c>
      <c r="DP1984" s="6"/>
      <c r="DQ1984" s="6"/>
    </row>
    <row r="1985" spans="1:121" x14ac:dyDescent="0.2">
      <c r="A1985" s="6" t="s">
        <v>325</v>
      </c>
      <c r="B1985" s="6" t="s">
        <v>325</v>
      </c>
      <c r="C1985" s="6" t="s">
        <v>193</v>
      </c>
      <c r="D1985" s="6" t="s">
        <v>150</v>
      </c>
      <c r="E1985" s="6" t="s">
        <v>291</v>
      </c>
      <c r="F1985" s="11">
        <v>-128</v>
      </c>
      <c r="G1985" s="13">
        <v>-0.26666666666700001</v>
      </c>
      <c r="H1985" s="11">
        <v>-123.81147688100003</v>
      </c>
      <c r="I1985" s="13">
        <v>-0.25796980453910323</v>
      </c>
      <c r="J1985" s="11">
        <v>17.372541855999998</v>
      </c>
      <c r="K1985" s="13">
        <v>4.8780894395578443E-2</v>
      </c>
      <c r="L1985" s="11">
        <v>-21.082624468000006</v>
      </c>
      <c r="M1985" s="13">
        <v>-5.6445106641911019E-2</v>
      </c>
      <c r="N1985" s="11">
        <v>-3.7100826120000079</v>
      </c>
      <c r="O1985" s="13">
        <v>-1.04176550325788E-2</v>
      </c>
      <c r="P1985" s="7">
        <v>479.94561651200002</v>
      </c>
      <c r="Q1985" s="7">
        <v>418.106595132</v>
      </c>
      <c r="R1985" s="7">
        <v>387.53007045200002</v>
      </c>
      <c r="S1985" s="7">
        <v>362.54277473799999</v>
      </c>
      <c r="T1985" s="7">
        <v>354.683151635</v>
      </c>
      <c r="U1985" s="7">
        <v>347.59415775899998</v>
      </c>
      <c r="V1985" s="7">
        <v>356.13413963099998</v>
      </c>
      <c r="W1985" s="7">
        <v>355.240104847</v>
      </c>
      <c r="X1985" s="7">
        <v>355.05878872699998</v>
      </c>
      <c r="Y1985" s="7">
        <v>373.50668148699998</v>
      </c>
      <c r="Z1985" s="7">
        <v>355.69510086899999</v>
      </c>
      <c r="AA1985" s="7">
        <v>370.592381026</v>
      </c>
      <c r="AB1985" s="7">
        <v>372.853497361</v>
      </c>
      <c r="AC1985" s="7">
        <v>342.16632311900003</v>
      </c>
      <c r="AD1985" s="7">
        <v>341.63022247599997</v>
      </c>
      <c r="AE1985" s="7">
        <v>349.72278839400002</v>
      </c>
      <c r="AF1985" s="7">
        <v>352.42405701899997</v>
      </c>
      <c r="AG1985" s="9">
        <v>1619.0316824000001</v>
      </c>
      <c r="AH1985" s="13">
        <v>7.4874307062484033E-2</v>
      </c>
      <c r="AI1985" s="9">
        <v>-4555.8646468999978</v>
      </c>
      <c r="AJ1985" s="13">
        <v>-0.21069211443808483</v>
      </c>
      <c r="AK1985" s="9">
        <v>169.45797039999889</v>
      </c>
      <c r="AL1985" s="13">
        <v>9.9287146120689996E-3</v>
      </c>
      <c r="AM1985" s="9">
        <v>6005.438358899999</v>
      </c>
      <c r="AN1985" s="13">
        <v>0.34840551452767116</v>
      </c>
      <c r="AO1985" s="9">
        <v>6174.8963292999979</v>
      </c>
      <c r="AP1985" s="13">
        <v>0.36179344806275637</v>
      </c>
      <c r="AQ1985" s="9">
        <v>21623.327759799999</v>
      </c>
      <c r="AR1985" s="9">
        <v>23104.886691899999</v>
      </c>
      <c r="AS1985" s="9">
        <v>21038.067395499998</v>
      </c>
      <c r="AT1985" s="9">
        <v>18185.3453362</v>
      </c>
      <c r="AU1985" s="9">
        <v>17789.914014999998</v>
      </c>
      <c r="AV1985" s="9">
        <v>18106.601627700002</v>
      </c>
      <c r="AW1985" s="9">
        <v>17067.463112900001</v>
      </c>
      <c r="AX1985" s="9">
        <v>17268.439824900001</v>
      </c>
      <c r="AY1985" s="9">
        <v>17338.201649099999</v>
      </c>
      <c r="AZ1985" s="9">
        <v>17236.9210833</v>
      </c>
      <c r="BA1985" s="9">
        <v>18876.5895098</v>
      </c>
      <c r="BB1985" s="9">
        <v>19292.593042500001</v>
      </c>
      <c r="BC1985" s="9">
        <v>19571.039074699998</v>
      </c>
      <c r="BD1985" s="9">
        <v>22014.033029800001</v>
      </c>
      <c r="BE1985" s="9">
        <v>22960.037536399999</v>
      </c>
      <c r="BF1985" s="9">
        <v>23242.359442199999</v>
      </c>
      <c r="BG1985" s="11">
        <v>-11.25</v>
      </c>
      <c r="BH1985" s="13">
        <v>-0.22500000000000001</v>
      </c>
      <c r="BI1985" s="6">
        <v>5</v>
      </c>
      <c r="BJ1985" s="13">
        <v>0.1</v>
      </c>
      <c r="BK1985" s="6">
        <v>5</v>
      </c>
      <c r="BL1985" s="13">
        <v>9.0909090909090912E-2</v>
      </c>
      <c r="BM1985" s="11">
        <v>-21.25</v>
      </c>
      <c r="BN1985" s="13">
        <v>-0.35416666666666669</v>
      </c>
      <c r="BO1985" s="11">
        <v>-16.25</v>
      </c>
      <c r="BP1985" s="13">
        <v>-0.29545454545454547</v>
      </c>
      <c r="BQ1985" s="6">
        <v>50</v>
      </c>
      <c r="BR1985" s="6">
        <v>51</v>
      </c>
      <c r="BS1985" s="6">
        <v>44</v>
      </c>
      <c r="BT1985" s="6">
        <v>55</v>
      </c>
      <c r="BU1985" s="6">
        <v>55</v>
      </c>
      <c r="BV1985" s="6">
        <v>55</v>
      </c>
      <c r="BW1985" s="6">
        <v>60</v>
      </c>
      <c r="BX1985" s="6">
        <v>67</v>
      </c>
      <c r="BY1985" s="6">
        <v>75</v>
      </c>
      <c r="BZ1985" s="6">
        <v>40</v>
      </c>
      <c r="CA1985" s="6">
        <v>38</v>
      </c>
      <c r="CB1985" s="6">
        <v>38</v>
      </c>
      <c r="CC1985" s="11">
        <v>38.75</v>
      </c>
      <c r="CD1985" s="11">
        <v>-175.566</v>
      </c>
      <c r="CE1985" s="11">
        <v>-4.4198399999999998</v>
      </c>
      <c r="CF1985" s="11">
        <v>52.463799999999999</v>
      </c>
      <c r="CG1985" s="11">
        <v>48</v>
      </c>
      <c r="CH1985" s="20">
        <v>0.90041199999999999</v>
      </c>
      <c r="CI1985" s="20">
        <v>0.80966899999999997</v>
      </c>
      <c r="CJ1985" s="20">
        <v>0.73143400000000003</v>
      </c>
      <c r="CK1985" s="20">
        <v>0.68898999999999999</v>
      </c>
      <c r="CL1985" s="20">
        <v>0.66713100000000003</v>
      </c>
      <c r="CM1985" s="20">
        <v>0.65910500000000005</v>
      </c>
      <c r="CN1985" s="20">
        <v>0.68694299999999997</v>
      </c>
      <c r="CO1985" s="20">
        <v>0.70001599999999997</v>
      </c>
      <c r="CP1985" s="20">
        <v>0.67146499999999998</v>
      </c>
      <c r="CQ1985" s="20">
        <v>0.72140800000000005</v>
      </c>
      <c r="CR1985" s="20">
        <v>0.68701999999999996</v>
      </c>
      <c r="CS1985" s="20">
        <v>0.69866799999999996</v>
      </c>
      <c r="CT1985" s="20">
        <v>0.73767300000000002</v>
      </c>
      <c r="CU1985" s="20">
        <v>0.68151600000000001</v>
      </c>
      <c r="CV1985" s="20">
        <v>0.70291899999999996</v>
      </c>
      <c r="CW1985" s="20">
        <v>0.73091499999999998</v>
      </c>
      <c r="CX1985" s="20">
        <v>0.72628599999999999</v>
      </c>
      <c r="CY1985" s="6" t="s">
        <v>692</v>
      </c>
      <c r="CZ1985" s="6" t="s">
        <v>693</v>
      </c>
      <c r="DA1985" s="6" t="s">
        <v>150</v>
      </c>
      <c r="DB1985" s="6"/>
      <c r="DC1985" s="6">
        <v>32180</v>
      </c>
      <c r="DD1985" s="6"/>
      <c r="DE1985" s="6" t="s">
        <v>695</v>
      </c>
      <c r="DF1985" s="6" t="s">
        <v>363</v>
      </c>
      <c r="DG1985" s="6" t="s">
        <v>364</v>
      </c>
      <c r="DH1985" s="6" t="s">
        <v>365</v>
      </c>
      <c r="DI1985" s="6"/>
      <c r="DJ1985" s="6">
        <v>29</v>
      </c>
      <c r="DK1985" s="6">
        <v>195</v>
      </c>
      <c r="DL1985" s="6">
        <v>3</v>
      </c>
      <c r="DM1985" s="6" t="s">
        <v>556</v>
      </c>
      <c r="DN1985" s="6">
        <v>6</v>
      </c>
      <c r="DO1985" s="6" t="s">
        <v>393</v>
      </c>
      <c r="DP1985" s="6"/>
      <c r="DQ1985" s="6"/>
    </row>
    <row r="1986" spans="1:121" x14ac:dyDescent="0.2">
      <c r="A1986" s="6" t="s">
        <v>327</v>
      </c>
      <c r="B1986" s="6" t="s">
        <v>327</v>
      </c>
      <c r="C1986" s="6" t="s">
        <v>194</v>
      </c>
      <c r="D1986" s="6" t="s">
        <v>150</v>
      </c>
      <c r="E1986" s="6" t="s">
        <v>291</v>
      </c>
      <c r="F1986" s="11">
        <v>-780</v>
      </c>
      <c r="G1986" s="13">
        <v>-0.30757097791799998</v>
      </c>
      <c r="H1986" s="11">
        <v>-218.13228099999969</v>
      </c>
      <c r="I1986" s="13">
        <v>-8.6024477730943141E-2</v>
      </c>
      <c r="J1986" s="11">
        <v>-163.20871299999999</v>
      </c>
      <c r="K1986" s="13">
        <v>-7.0422409308274023E-2</v>
      </c>
      <c r="L1986" s="11">
        <v>-398.36613841000008</v>
      </c>
      <c r="M1986" s="13">
        <v>-0.18491166502365297</v>
      </c>
      <c r="N1986" s="11">
        <v>-561.57485141000006</v>
      </c>
      <c r="O1986" s="13">
        <v>-0.24231214937175685</v>
      </c>
      <c r="P1986" s="7">
        <v>2535.7001489999998</v>
      </c>
      <c r="Q1986" s="7">
        <v>2454.0778460000001</v>
      </c>
      <c r="R1986" s="7">
        <v>2409.2608230000001</v>
      </c>
      <c r="S1986" s="7">
        <v>2373.4101409999998</v>
      </c>
      <c r="T1986" s="7">
        <v>2347.4023430000002</v>
      </c>
      <c r="U1986" s="7">
        <v>2333.9337540000001</v>
      </c>
      <c r="V1986" s="7">
        <v>2317.5678680000001</v>
      </c>
      <c r="W1986" s="7">
        <v>2327.3481769999999</v>
      </c>
      <c r="X1986" s="7">
        <v>2274.622738</v>
      </c>
      <c r="Y1986" s="7">
        <v>2154.3591550000001</v>
      </c>
      <c r="Z1986" s="7">
        <v>2106.080543</v>
      </c>
      <c r="AA1986" s="7">
        <v>2065.1838969999999</v>
      </c>
      <c r="AB1986" s="7">
        <v>2033.847025</v>
      </c>
      <c r="AC1986" s="7">
        <v>1990.8475109999999</v>
      </c>
      <c r="AD1986" s="7">
        <v>1938.3507950000001</v>
      </c>
      <c r="AE1986" s="7">
        <v>1819.5635152499999</v>
      </c>
      <c r="AF1986" s="7">
        <v>1755.99301659</v>
      </c>
      <c r="AG1986" s="9">
        <v>12738.550054399999</v>
      </c>
      <c r="AH1986" s="13">
        <v>0.40723581294645073</v>
      </c>
      <c r="AI1986" s="9">
        <v>8744.380298</v>
      </c>
      <c r="AJ1986" s="13">
        <v>0.2795471073365175</v>
      </c>
      <c r="AK1986" s="9">
        <v>2724.0479627000022</v>
      </c>
      <c r="AL1986" s="13">
        <v>6.8058823324313344E-2</v>
      </c>
      <c r="AM1986" s="9">
        <v>1270.1217936999965</v>
      </c>
      <c r="AN1986" s="13">
        <v>2.9711178751235873E-2</v>
      </c>
      <c r="AO1986" s="9">
        <v>3994.1697563999987</v>
      </c>
      <c r="AP1986" s="13">
        <v>9.9792109940936666E-2</v>
      </c>
      <c r="AQ1986" s="9">
        <v>31280.525065400001</v>
      </c>
      <c r="AR1986" s="9">
        <v>31793.399222299999</v>
      </c>
      <c r="AS1986" s="9">
        <v>33124.230641800001</v>
      </c>
      <c r="AT1986" s="9">
        <v>34736.4736089</v>
      </c>
      <c r="AU1986" s="9">
        <v>36052.878432899997</v>
      </c>
      <c r="AV1986" s="9">
        <v>38524.802122599998</v>
      </c>
      <c r="AW1986" s="9">
        <v>40024.905363400001</v>
      </c>
      <c r="AX1986" s="9">
        <v>40069.600748999997</v>
      </c>
      <c r="AY1986" s="9">
        <v>41316.324714900002</v>
      </c>
      <c r="AZ1986" s="9">
        <v>42748.953326100003</v>
      </c>
      <c r="BA1986" s="9">
        <v>42446.021872199999</v>
      </c>
      <c r="BB1986" s="9">
        <v>41560.228636</v>
      </c>
      <c r="BC1986" s="9">
        <v>42640.017051900002</v>
      </c>
      <c r="BD1986" s="9">
        <v>42275.085268299998</v>
      </c>
      <c r="BE1986" s="9">
        <v>42907.3118024</v>
      </c>
      <c r="BF1986" s="9">
        <v>44019.0751198</v>
      </c>
      <c r="BG1986" s="11">
        <v>5.25</v>
      </c>
      <c r="BH1986" s="13">
        <v>5.5851063829787231E-2</v>
      </c>
      <c r="BI1986" s="6">
        <v>5</v>
      </c>
      <c r="BJ1986" s="13">
        <v>5.3191489361702128E-2</v>
      </c>
      <c r="BK1986" s="6">
        <v>6</v>
      </c>
      <c r="BL1986" s="13">
        <v>6.0606060606060608E-2</v>
      </c>
      <c r="BM1986" s="11">
        <v>-5.75</v>
      </c>
      <c r="BN1986" s="13">
        <v>-5.4761904761904762E-2</v>
      </c>
      <c r="BO1986" s="11">
        <v>0.25</v>
      </c>
      <c r="BP1986" s="13">
        <v>2.5252525252525255E-3</v>
      </c>
      <c r="BQ1986" s="6">
        <v>94</v>
      </c>
      <c r="BR1986" s="6">
        <v>93</v>
      </c>
      <c r="BS1986" s="6">
        <v>96</v>
      </c>
      <c r="BT1986" s="6">
        <v>99</v>
      </c>
      <c r="BU1986" s="6">
        <v>99</v>
      </c>
      <c r="BV1986" s="6">
        <v>104</v>
      </c>
      <c r="BW1986" s="6">
        <v>105</v>
      </c>
      <c r="BX1986" s="6">
        <v>102</v>
      </c>
      <c r="BY1986" s="6">
        <v>100</v>
      </c>
      <c r="BZ1986" s="6">
        <v>100</v>
      </c>
      <c r="CA1986" s="6">
        <v>100</v>
      </c>
      <c r="CB1986" s="6">
        <v>100</v>
      </c>
      <c r="CC1986" s="11">
        <v>99.25</v>
      </c>
      <c r="CD1986" s="11">
        <v>-908.23500000000001</v>
      </c>
      <c r="CE1986" s="11">
        <v>-148.654</v>
      </c>
      <c r="CF1986" s="11">
        <v>277.18299999999999</v>
      </c>
      <c r="CG1986" s="11">
        <v>128</v>
      </c>
      <c r="CH1986" s="20">
        <v>1.4320999999999999</v>
      </c>
      <c r="CI1986" s="20">
        <v>1.42784</v>
      </c>
      <c r="CJ1986" s="20">
        <v>1.3763099999999999</v>
      </c>
      <c r="CK1986" s="20">
        <v>1.37507</v>
      </c>
      <c r="CL1986" s="20">
        <v>1.34914</v>
      </c>
      <c r="CM1986" s="20">
        <v>1.36121</v>
      </c>
      <c r="CN1986" s="20">
        <v>1.38483</v>
      </c>
      <c r="CO1986" s="20">
        <v>1.4065000000000001</v>
      </c>
      <c r="CP1986" s="20">
        <v>1.3044899999999999</v>
      </c>
      <c r="CQ1986" s="20">
        <v>1.2546200000000001</v>
      </c>
      <c r="CR1986" s="20">
        <v>1.25532</v>
      </c>
      <c r="CS1986" s="20">
        <v>1.2422500000000001</v>
      </c>
      <c r="CT1986" s="20">
        <v>1.2194499999999999</v>
      </c>
      <c r="CU1986" s="20">
        <v>1.2244299999999999</v>
      </c>
      <c r="CV1986" s="20">
        <v>1.2421</v>
      </c>
      <c r="CW1986" s="20">
        <v>1.19034</v>
      </c>
      <c r="CX1986" s="20">
        <v>1.1406499999999999</v>
      </c>
      <c r="CY1986" s="6" t="s">
        <v>692</v>
      </c>
      <c r="CZ1986" s="6" t="s">
        <v>693</v>
      </c>
      <c r="DA1986" s="6" t="s">
        <v>150</v>
      </c>
      <c r="DB1986" s="6"/>
      <c r="DC1986" s="6">
        <v>32180</v>
      </c>
      <c r="DD1986" s="6"/>
      <c r="DE1986" s="6" t="s">
        <v>695</v>
      </c>
      <c r="DF1986" s="6" t="s">
        <v>363</v>
      </c>
      <c r="DG1986" s="6" t="s">
        <v>364</v>
      </c>
      <c r="DH1986" s="6" t="s">
        <v>365</v>
      </c>
      <c r="DI1986" s="6"/>
      <c r="DJ1986" s="6">
        <v>29</v>
      </c>
      <c r="DK1986" s="6">
        <v>195</v>
      </c>
      <c r="DL1986" s="6">
        <v>3</v>
      </c>
      <c r="DM1986" s="6" t="s">
        <v>556</v>
      </c>
      <c r="DN1986" s="6">
        <v>6</v>
      </c>
      <c r="DO1986" s="6" t="s">
        <v>393</v>
      </c>
      <c r="DP1986" s="6"/>
      <c r="DQ1986" s="6"/>
    </row>
    <row r="1987" spans="1:121" x14ac:dyDescent="0.2">
      <c r="A1987" s="6" t="s">
        <v>1</v>
      </c>
      <c r="B1987" s="6" t="s">
        <v>1</v>
      </c>
      <c r="C1987" s="6" t="s">
        <v>2</v>
      </c>
      <c r="D1987" s="6" t="s">
        <v>137</v>
      </c>
      <c r="E1987" s="6" t="s">
        <v>278</v>
      </c>
      <c r="F1987" s="11">
        <v>-50</v>
      </c>
      <c r="G1987" s="13">
        <v>-0.68493150684899995</v>
      </c>
      <c r="H1987" s="11">
        <v>-61.415609712899993</v>
      </c>
      <c r="I1987" s="13">
        <v>-0.84657014366807515</v>
      </c>
      <c r="J1987" s="11">
        <v>5.8013148783999995</v>
      </c>
      <c r="K1987" s="13">
        <v>0.52119559941837867</v>
      </c>
      <c r="L1987" s="11">
        <v>5.8225094432999995</v>
      </c>
      <c r="M1987" s="13">
        <v>0.34387408122653662</v>
      </c>
      <c r="N1987" s="11">
        <v>11.623824321699999</v>
      </c>
      <c r="O1987" s="13">
        <v>1.0442953385342242</v>
      </c>
      <c r="P1987" s="7">
        <v>72.546392253799993</v>
      </c>
      <c r="Q1987" s="7">
        <v>42.319460944299998</v>
      </c>
      <c r="R1987" s="7">
        <v>24.307883071199999</v>
      </c>
      <c r="S1987" s="7">
        <v>23.2824050585</v>
      </c>
      <c r="T1987" s="7">
        <v>22.515607287600002</v>
      </c>
      <c r="U1987" s="7">
        <v>15.670876204600001</v>
      </c>
      <c r="V1987" s="7">
        <v>11.1307825409</v>
      </c>
      <c r="W1987" s="7">
        <v>13.4649338289</v>
      </c>
      <c r="X1987" s="7">
        <v>14.9963717271</v>
      </c>
      <c r="Y1987" s="7">
        <v>16.9320974193</v>
      </c>
      <c r="Z1987" s="7">
        <v>18.367254907100001</v>
      </c>
      <c r="AA1987" s="7">
        <v>20.732799939700001</v>
      </c>
      <c r="AB1987" s="7">
        <v>34.587782985300002</v>
      </c>
      <c r="AC1987" s="7">
        <v>20.255758806799999</v>
      </c>
      <c r="AD1987" s="7">
        <v>21.493367020899999</v>
      </c>
      <c r="AE1987" s="7">
        <v>21.9874295995</v>
      </c>
      <c r="AF1987" s="7">
        <v>22.754606862599999</v>
      </c>
      <c r="AG1987" s="9">
        <v>-2481.9976325000007</v>
      </c>
      <c r="AH1987" s="13">
        <v>-0.13900238700599948</v>
      </c>
      <c r="AI1987" s="9">
        <v>-3003.2397368000002</v>
      </c>
      <c r="AJ1987" s="13">
        <v>-0.16819415405565241</v>
      </c>
      <c r="AK1987" s="9">
        <v>-454.04484919999959</v>
      </c>
      <c r="AL1987" s="13">
        <v>-3.0570157786509747E-2</v>
      </c>
      <c r="AM1987" s="9">
        <v>975.28695349999907</v>
      </c>
      <c r="AN1987" s="13">
        <v>6.7735284162852724E-2</v>
      </c>
      <c r="AO1987" s="9">
        <v>521.24210429999948</v>
      </c>
      <c r="AP1987" s="13">
        <v>3.5094448051770498E-2</v>
      </c>
      <c r="AQ1987" s="9">
        <v>17855.791443300001</v>
      </c>
      <c r="AR1987" s="9">
        <v>14404.2133734</v>
      </c>
      <c r="AS1987" s="9">
        <v>11430.8966158</v>
      </c>
      <c r="AT1987" s="9">
        <v>12978.3622813</v>
      </c>
      <c r="AU1987" s="9">
        <v>14484.199626</v>
      </c>
      <c r="AV1987" s="9">
        <v>13166.2829334</v>
      </c>
      <c r="AW1987" s="9">
        <v>14852.5517065</v>
      </c>
      <c r="AX1987" s="9">
        <v>15184.7743522</v>
      </c>
      <c r="AY1987" s="9">
        <v>13820.0184465</v>
      </c>
      <c r="AZ1987" s="9">
        <v>14398.506857300001</v>
      </c>
      <c r="BA1987" s="9">
        <v>15056.8899623</v>
      </c>
      <c r="BB1987" s="9">
        <v>13958.5175402</v>
      </c>
      <c r="BC1987" s="9">
        <v>27574.840454100002</v>
      </c>
      <c r="BD1987" s="9">
        <v>13593.1950929</v>
      </c>
      <c r="BE1987" s="9">
        <v>15179.8201512</v>
      </c>
      <c r="BF1987" s="9">
        <v>15373.7938108</v>
      </c>
      <c r="BG1987" s="11">
        <v>0</v>
      </c>
      <c r="BH1987" s="13" t="e">
        <v>#DIV/0!</v>
      </c>
      <c r="BI1987" s="6">
        <v>0</v>
      </c>
      <c r="BJ1987" s="13" t="e">
        <v>#DIV/0!</v>
      </c>
      <c r="BK1987" s="6">
        <v>0</v>
      </c>
      <c r="BL1987" s="13" t="e">
        <v>#DIV/0!</v>
      </c>
      <c r="BM1987" s="11">
        <v>0</v>
      </c>
      <c r="BN1987" s="13" t="e">
        <v>#DIV/0!</v>
      </c>
      <c r="BO1987" s="11">
        <v>0</v>
      </c>
      <c r="BP1987" s="13" t="e">
        <v>#DIV/0!</v>
      </c>
      <c r="BQ1987" s="6">
        <v>0</v>
      </c>
      <c r="BR1987" s="6">
        <v>0</v>
      </c>
      <c r="BS1987" s="6">
        <v>0</v>
      </c>
      <c r="BT1987" s="6">
        <v>0</v>
      </c>
      <c r="BU1987" s="6">
        <v>0</v>
      </c>
      <c r="BV1987" s="6">
        <v>0</v>
      </c>
      <c r="BW1987" s="6">
        <v>0</v>
      </c>
      <c r="BX1987" s="6">
        <v>0</v>
      </c>
      <c r="BY1987" s="6">
        <v>1</v>
      </c>
      <c r="BZ1987" s="6">
        <v>1</v>
      </c>
      <c r="CA1987" s="6">
        <v>0</v>
      </c>
      <c r="CB1987" s="6">
        <v>0</v>
      </c>
      <c r="CC1987" s="11">
        <v>0</v>
      </c>
      <c r="CD1987" s="11">
        <v>-51.107700000000001</v>
      </c>
      <c r="CE1987" s="11">
        <v>-6.6143200000000002</v>
      </c>
      <c r="CF1987" s="11">
        <v>7.9301899999999996</v>
      </c>
      <c r="CG1987" s="11">
        <v>1</v>
      </c>
      <c r="CH1987" s="20">
        <v>5.3178200000000002</v>
      </c>
      <c r="CI1987" s="20">
        <v>3.1559599999999999</v>
      </c>
      <c r="CJ1987" s="20">
        <v>1.8079799999999999</v>
      </c>
      <c r="CK1987" s="20">
        <v>1.7423200000000001</v>
      </c>
      <c r="CL1987" s="20">
        <v>1.7908599999999999</v>
      </c>
      <c r="CM1987" s="20">
        <v>1.3464700000000001</v>
      </c>
      <c r="CN1987" s="20">
        <v>0.95916299999999999</v>
      </c>
      <c r="CO1987" s="20">
        <v>1.1643300000000001</v>
      </c>
      <c r="CP1987" s="20">
        <v>1.2922100000000001</v>
      </c>
      <c r="CQ1987" s="20">
        <v>1.4486399999999999</v>
      </c>
      <c r="CR1987" s="20">
        <v>1.58118</v>
      </c>
      <c r="CS1987" s="20">
        <v>1.8368199999999999</v>
      </c>
      <c r="CT1987" s="20">
        <v>3.1762100000000002</v>
      </c>
      <c r="CU1987" s="20">
        <v>1.9113899999999999</v>
      </c>
      <c r="CV1987" s="20">
        <v>1.9826299999999999</v>
      </c>
      <c r="CW1987" s="20">
        <v>2.0646100000000001</v>
      </c>
      <c r="CX1987" s="20">
        <v>2.1349300000000002</v>
      </c>
      <c r="CY1987" s="6" t="s">
        <v>697</v>
      </c>
      <c r="CZ1987" s="6" t="s">
        <v>698</v>
      </c>
      <c r="DA1987" s="6" t="s">
        <v>137</v>
      </c>
      <c r="DB1987" s="6"/>
      <c r="DC1987" s="6">
        <v>28860</v>
      </c>
      <c r="DD1987" s="6"/>
      <c r="DE1987" s="6" t="s">
        <v>362</v>
      </c>
      <c r="DF1987" s="6" t="s">
        <v>363</v>
      </c>
      <c r="DG1987" s="6" t="s">
        <v>376</v>
      </c>
      <c r="DH1987" s="6" t="s">
        <v>468</v>
      </c>
      <c r="DI1987" s="6"/>
      <c r="DJ1987" s="6">
        <v>29</v>
      </c>
      <c r="DK1987" s="6">
        <v>197</v>
      </c>
      <c r="DL1987" s="6">
        <v>8</v>
      </c>
      <c r="DM1987" s="6" t="s">
        <v>368</v>
      </c>
      <c r="DN1987" s="6">
        <v>9</v>
      </c>
      <c r="DO1987" s="6" t="s">
        <v>384</v>
      </c>
      <c r="DP1987" s="6"/>
      <c r="DQ1987" s="6"/>
    </row>
    <row r="1988" spans="1:121" x14ac:dyDescent="0.2">
      <c r="A1988" s="6" t="s">
        <v>310</v>
      </c>
      <c r="B1988" s="6" t="s">
        <v>310</v>
      </c>
      <c r="C1988" s="6" t="s">
        <v>173</v>
      </c>
      <c r="D1988" s="6" t="s">
        <v>137</v>
      </c>
      <c r="E1988" s="6" t="s">
        <v>278</v>
      </c>
      <c r="F1988" s="11">
        <v>0</v>
      </c>
      <c r="G1988" s="13">
        <v>0</v>
      </c>
      <c r="H1988" s="11">
        <v>0</v>
      </c>
      <c r="I1988" s="13"/>
      <c r="J1988" s="11">
        <v>0</v>
      </c>
      <c r="K1988" s="13"/>
      <c r="L1988" s="11">
        <v>0</v>
      </c>
      <c r="M1988" s="13"/>
      <c r="N1988" s="11">
        <v>0</v>
      </c>
      <c r="O1988" s="13"/>
      <c r="P1988" s="7">
        <v>0</v>
      </c>
      <c r="Q1988" s="7">
        <v>0</v>
      </c>
      <c r="R1988" s="7">
        <v>0</v>
      </c>
      <c r="S1988" s="7">
        <v>0</v>
      </c>
      <c r="T1988" s="7">
        <v>0</v>
      </c>
      <c r="U1988" s="7">
        <v>0</v>
      </c>
      <c r="V1988" s="7">
        <v>0</v>
      </c>
      <c r="W1988" s="7">
        <v>0</v>
      </c>
      <c r="X1988" s="7">
        <v>0</v>
      </c>
      <c r="Y1988" s="7">
        <v>0</v>
      </c>
      <c r="Z1988" s="7">
        <v>0</v>
      </c>
      <c r="AA1988" s="7">
        <v>0</v>
      </c>
      <c r="AB1988" s="7">
        <v>0</v>
      </c>
      <c r="AC1988" s="7">
        <v>0</v>
      </c>
      <c r="AD1988" s="7">
        <v>0</v>
      </c>
      <c r="AE1988" s="7">
        <v>0</v>
      </c>
      <c r="AF1988" s="7">
        <v>0</v>
      </c>
      <c r="AG1988" s="9">
        <v>0</v>
      </c>
      <c r="AH1988" s="13"/>
      <c r="AI1988" s="9">
        <v>0</v>
      </c>
      <c r="AJ1988" s="13"/>
      <c r="AK1988" s="9">
        <v>0</v>
      </c>
      <c r="AL1988" s="13"/>
      <c r="AM1988" s="9">
        <v>0</v>
      </c>
      <c r="AN1988" s="13"/>
      <c r="AO1988" s="9">
        <v>0</v>
      </c>
      <c r="AP1988" s="13"/>
      <c r="AQ1988" s="9">
        <v>0</v>
      </c>
      <c r="AR1988" s="9">
        <v>0</v>
      </c>
      <c r="AS1988" s="9">
        <v>0</v>
      </c>
      <c r="AT1988" s="9">
        <v>0</v>
      </c>
      <c r="AU1988" s="9">
        <v>0</v>
      </c>
      <c r="AV1988" s="9">
        <v>0</v>
      </c>
      <c r="AW1988" s="9">
        <v>0</v>
      </c>
      <c r="AX1988" s="9">
        <v>0</v>
      </c>
      <c r="AY1988" s="9">
        <v>0</v>
      </c>
      <c r="AZ1988" s="9">
        <v>0</v>
      </c>
      <c r="BA1988" s="9">
        <v>0</v>
      </c>
      <c r="BB1988" s="9">
        <v>0</v>
      </c>
      <c r="BC1988" s="9">
        <v>0</v>
      </c>
      <c r="BD1988" s="9">
        <v>0</v>
      </c>
      <c r="BE1988" s="9">
        <v>0</v>
      </c>
      <c r="BF1988" s="9">
        <v>0</v>
      </c>
      <c r="BG1988" s="11">
        <v>0</v>
      </c>
      <c r="BH1988" s="13" t="e">
        <v>#DIV/0!</v>
      </c>
      <c r="BI1988" s="6">
        <v>0</v>
      </c>
      <c r="BJ1988" s="13" t="e">
        <v>#DIV/0!</v>
      </c>
      <c r="BK1988" s="6">
        <v>0</v>
      </c>
      <c r="BL1988" s="13" t="e">
        <v>#DIV/0!</v>
      </c>
      <c r="BM1988" s="11">
        <v>0</v>
      </c>
      <c r="BN1988" s="13" t="e">
        <v>#DIV/0!</v>
      </c>
      <c r="BO1988" s="11">
        <v>0</v>
      </c>
      <c r="BP1988" s="13" t="e">
        <v>#DIV/0!</v>
      </c>
      <c r="BQ1988" s="6">
        <v>0</v>
      </c>
      <c r="BR1988" s="6">
        <v>0</v>
      </c>
      <c r="BS1988" s="6">
        <v>0</v>
      </c>
      <c r="BT1988" s="6">
        <v>0</v>
      </c>
      <c r="BU1988" s="6">
        <v>0</v>
      </c>
      <c r="BV1988" s="6">
        <v>0</v>
      </c>
      <c r="BW1988" s="6">
        <v>0</v>
      </c>
      <c r="BX1988" s="6">
        <v>0</v>
      </c>
      <c r="BY1988" s="6">
        <v>0</v>
      </c>
      <c r="BZ1988" s="6">
        <v>0</v>
      </c>
      <c r="CA1988" s="6">
        <v>0</v>
      </c>
      <c r="CB1988" s="6">
        <v>0</v>
      </c>
      <c r="CC1988" s="11">
        <v>0</v>
      </c>
      <c r="CD1988" s="11">
        <v>0</v>
      </c>
      <c r="CE1988" s="11">
        <v>0</v>
      </c>
      <c r="CF1988" s="11">
        <v>0</v>
      </c>
      <c r="CG1988" s="11">
        <v>0</v>
      </c>
      <c r="CH1988" s="20">
        <v>0</v>
      </c>
      <c r="CI1988" s="20">
        <v>0</v>
      </c>
      <c r="CJ1988" s="20">
        <v>0</v>
      </c>
      <c r="CK1988" s="20">
        <v>0</v>
      </c>
      <c r="CL1988" s="20">
        <v>0</v>
      </c>
      <c r="CM1988" s="20">
        <v>0</v>
      </c>
      <c r="CN1988" s="20">
        <v>0</v>
      </c>
      <c r="CO1988" s="20">
        <v>0</v>
      </c>
      <c r="CP1988" s="20">
        <v>0</v>
      </c>
      <c r="CQ1988" s="20">
        <v>0</v>
      </c>
      <c r="CR1988" s="20">
        <v>0</v>
      </c>
      <c r="CS1988" s="20">
        <v>0</v>
      </c>
      <c r="CT1988" s="20">
        <v>0</v>
      </c>
      <c r="CU1988" s="20">
        <v>0</v>
      </c>
      <c r="CV1988" s="20">
        <v>0</v>
      </c>
      <c r="CW1988" s="20">
        <v>0</v>
      </c>
      <c r="CX1988" s="20">
        <v>0</v>
      </c>
      <c r="CY1988" s="6" t="s">
        <v>697</v>
      </c>
      <c r="CZ1988" s="6" t="s">
        <v>698</v>
      </c>
      <c r="DA1988" s="6" t="s">
        <v>137</v>
      </c>
      <c r="DB1988" s="6"/>
      <c r="DC1988" s="6">
        <v>28860</v>
      </c>
      <c r="DD1988" s="6"/>
      <c r="DE1988" s="6" t="s">
        <v>362</v>
      </c>
      <c r="DF1988" s="6" t="s">
        <v>363</v>
      </c>
      <c r="DG1988" s="6" t="s">
        <v>376</v>
      </c>
      <c r="DH1988" s="6" t="s">
        <v>468</v>
      </c>
      <c r="DI1988" s="6"/>
      <c r="DJ1988" s="6">
        <v>29</v>
      </c>
      <c r="DK1988" s="6">
        <v>197</v>
      </c>
      <c r="DL1988" s="6">
        <v>8</v>
      </c>
      <c r="DM1988" s="6" t="s">
        <v>368</v>
      </c>
      <c r="DN1988" s="6">
        <v>9</v>
      </c>
      <c r="DO1988" s="6" t="s">
        <v>384</v>
      </c>
      <c r="DP1988" s="6"/>
      <c r="DQ1988" s="6"/>
    </row>
    <row r="1989" spans="1:121" x14ac:dyDescent="0.2">
      <c r="A1989" s="6" t="s">
        <v>311</v>
      </c>
      <c r="B1989" s="6" t="s">
        <v>311</v>
      </c>
      <c r="C1989" s="6" t="s">
        <v>174</v>
      </c>
      <c r="D1989" s="6" t="s">
        <v>137</v>
      </c>
      <c r="E1989" s="6" t="s">
        <v>278</v>
      </c>
      <c r="F1989" s="11">
        <v>-10</v>
      </c>
      <c r="G1989" s="13">
        <v>-0.277777777778</v>
      </c>
      <c r="H1989" s="11">
        <v>-8.9546879999999973</v>
      </c>
      <c r="I1989" s="13">
        <v>-0.24786530162078543</v>
      </c>
      <c r="J1989" s="11">
        <v>10.544339000000001</v>
      </c>
      <c r="K1989" s="13">
        <v>0.38805118268817423</v>
      </c>
      <c r="L1989" s="11">
        <v>-12.214773641500003</v>
      </c>
      <c r="M1989" s="13">
        <v>-0.32385424505883126</v>
      </c>
      <c r="N1989" s="11">
        <v>-1.6704346415000018</v>
      </c>
      <c r="O1989" s="13">
        <v>-6.1475085184322313E-2</v>
      </c>
      <c r="P1989" s="7">
        <v>36.127234999999999</v>
      </c>
      <c r="Q1989" s="7">
        <v>37.016362000000001</v>
      </c>
      <c r="R1989" s="7">
        <v>29.482372999999999</v>
      </c>
      <c r="S1989" s="7">
        <v>39.931390999999998</v>
      </c>
      <c r="T1989" s="7">
        <v>35.466734000000002</v>
      </c>
      <c r="U1989" s="7">
        <v>30.964979</v>
      </c>
      <c r="V1989" s="7">
        <v>27.172547000000002</v>
      </c>
      <c r="W1989" s="7">
        <v>27.827915999999998</v>
      </c>
      <c r="X1989" s="7">
        <v>31.862144000000001</v>
      </c>
      <c r="Y1989" s="7">
        <v>37.716886000000002</v>
      </c>
      <c r="Z1989" s="7">
        <v>30.887985</v>
      </c>
      <c r="AA1989" s="7">
        <v>27.451350000000001</v>
      </c>
      <c r="AB1989" s="7">
        <v>26.186354000000001</v>
      </c>
      <c r="AC1989" s="7">
        <v>29.329865000000002</v>
      </c>
      <c r="AD1989" s="7">
        <v>27.408805000000001</v>
      </c>
      <c r="AE1989" s="7">
        <v>26.402279499999999</v>
      </c>
      <c r="AF1989" s="7">
        <v>25.5021123585</v>
      </c>
      <c r="AG1989" s="9">
        <v>42922.209291899992</v>
      </c>
      <c r="AH1989" s="13">
        <v>0.84023084262640768</v>
      </c>
      <c r="AI1989" s="9">
        <v>22820.409764799995</v>
      </c>
      <c r="AJ1989" s="13">
        <v>0.44672472461421681</v>
      </c>
      <c r="AK1989" s="9">
        <v>-3815.1276149999903</v>
      </c>
      <c r="AL1989" s="13">
        <v>-5.1622581349766931E-2</v>
      </c>
      <c r="AM1989" s="9">
        <v>23916.927142099987</v>
      </c>
      <c r="AN1989" s="13">
        <v>0.34123598521046233</v>
      </c>
      <c r="AO1989" s="9">
        <v>20101.799527099996</v>
      </c>
      <c r="AP1989" s="13">
        <v>0.27199792145470042</v>
      </c>
      <c r="AQ1989" s="9">
        <v>51083.829722000002</v>
      </c>
      <c r="AR1989" s="9">
        <v>51560.558019199998</v>
      </c>
      <c r="AS1989" s="9">
        <v>60795.3392227</v>
      </c>
      <c r="AT1989" s="9">
        <v>54271.114986200002</v>
      </c>
      <c r="AU1989" s="9">
        <v>62015.4207866</v>
      </c>
      <c r="AV1989" s="9">
        <v>66929.188746200001</v>
      </c>
      <c r="AW1989" s="9">
        <v>73904.239486799997</v>
      </c>
      <c r="AX1989" s="9">
        <v>66532.867516300001</v>
      </c>
      <c r="AY1989" s="9">
        <v>70946.2592516</v>
      </c>
      <c r="AZ1989" s="9">
        <v>70089.111871800007</v>
      </c>
      <c r="BA1989" s="9">
        <v>75566.8562103</v>
      </c>
      <c r="BB1989" s="9">
        <v>85702.596736599997</v>
      </c>
      <c r="BC1989" s="9">
        <v>94688.331026</v>
      </c>
      <c r="BD1989" s="9">
        <v>89509.371559099993</v>
      </c>
      <c r="BE1989" s="9">
        <v>95669.152336600004</v>
      </c>
      <c r="BF1989" s="9">
        <v>94006.039013899994</v>
      </c>
      <c r="BG1989" s="11">
        <v>0</v>
      </c>
      <c r="BH1989" s="13">
        <v>0</v>
      </c>
      <c r="BI1989" s="6">
        <v>0</v>
      </c>
      <c r="BJ1989" s="13">
        <v>0</v>
      </c>
      <c r="BK1989" s="6">
        <v>0</v>
      </c>
      <c r="BL1989" s="13">
        <v>0</v>
      </c>
      <c r="BM1989" s="11">
        <v>0</v>
      </c>
      <c r="BN1989" s="13">
        <v>0</v>
      </c>
      <c r="BO1989" s="11">
        <v>0</v>
      </c>
      <c r="BP1989" s="13">
        <v>0</v>
      </c>
      <c r="BQ1989" s="6">
        <v>1</v>
      </c>
      <c r="BR1989" s="6">
        <v>1</v>
      </c>
      <c r="BS1989" s="6">
        <v>1</v>
      </c>
      <c r="BT1989" s="6">
        <v>1</v>
      </c>
      <c r="BU1989" s="6">
        <v>1</v>
      </c>
      <c r="BV1989" s="6">
        <v>1</v>
      </c>
      <c r="BW1989" s="6">
        <v>1</v>
      </c>
      <c r="BX1989" s="6">
        <v>1</v>
      </c>
      <c r="BY1989" s="6">
        <v>1</v>
      </c>
      <c r="BZ1989" s="6">
        <v>1</v>
      </c>
      <c r="CA1989" s="6">
        <v>1</v>
      </c>
      <c r="CB1989" s="6">
        <v>1</v>
      </c>
      <c r="CC1989" s="11">
        <v>1</v>
      </c>
      <c r="CD1989" s="11">
        <v>-8.6911699999999996</v>
      </c>
      <c r="CE1989" s="11">
        <v>-5.8830999999999998</v>
      </c>
      <c r="CF1989" s="11">
        <v>3.9491399999999999</v>
      </c>
      <c r="CG1989" s="11">
        <v>-2</v>
      </c>
      <c r="CH1989" s="20">
        <v>8.5190199999999994</v>
      </c>
      <c r="CI1989" s="20">
        <v>8.9098000000000006</v>
      </c>
      <c r="CJ1989" s="20">
        <v>7.3083299999999998</v>
      </c>
      <c r="CK1989" s="20">
        <v>10.2302</v>
      </c>
      <c r="CL1989" s="20">
        <v>9.9537399999999998</v>
      </c>
      <c r="CM1989" s="20">
        <v>9.4369499999999995</v>
      </c>
      <c r="CN1989" s="20">
        <v>8.1933199999999999</v>
      </c>
      <c r="CO1989" s="20">
        <v>8.0637799999999995</v>
      </c>
      <c r="CP1989" s="20">
        <v>9.0740300000000005</v>
      </c>
      <c r="CQ1989" s="20">
        <v>10.777100000000001</v>
      </c>
      <c r="CR1989" s="20">
        <v>8.9567899999999998</v>
      </c>
      <c r="CS1989" s="20">
        <v>8.2997999999999994</v>
      </c>
      <c r="CT1989" s="20">
        <v>8.3081300000000002</v>
      </c>
      <c r="CU1989" s="20">
        <v>9.6336600000000008</v>
      </c>
      <c r="CV1989" s="20">
        <v>8.8134700000000006</v>
      </c>
      <c r="CW1989" s="20">
        <v>8.6311599999999995</v>
      </c>
      <c r="CX1989" s="20">
        <v>8.2799399999999999</v>
      </c>
      <c r="CY1989" s="6" t="s">
        <v>697</v>
      </c>
      <c r="CZ1989" s="6" t="s">
        <v>698</v>
      </c>
      <c r="DA1989" s="6" t="s">
        <v>137</v>
      </c>
      <c r="DB1989" s="6"/>
      <c r="DC1989" s="6">
        <v>28860</v>
      </c>
      <c r="DD1989" s="6"/>
      <c r="DE1989" s="6" t="s">
        <v>362</v>
      </c>
      <c r="DF1989" s="6" t="s">
        <v>363</v>
      </c>
      <c r="DG1989" s="6" t="s">
        <v>376</v>
      </c>
      <c r="DH1989" s="6" t="s">
        <v>468</v>
      </c>
      <c r="DI1989" s="6"/>
      <c r="DJ1989" s="6">
        <v>29</v>
      </c>
      <c r="DK1989" s="6">
        <v>197</v>
      </c>
      <c r="DL1989" s="6">
        <v>8</v>
      </c>
      <c r="DM1989" s="6" t="s">
        <v>368</v>
      </c>
      <c r="DN1989" s="6">
        <v>9</v>
      </c>
      <c r="DO1989" s="6" t="s">
        <v>384</v>
      </c>
      <c r="DP1989" s="6"/>
      <c r="DQ1989" s="6"/>
    </row>
    <row r="1990" spans="1:121" x14ac:dyDescent="0.2">
      <c r="A1990" s="6" t="s">
        <v>312</v>
      </c>
      <c r="B1990" s="6" t="s">
        <v>312</v>
      </c>
      <c r="C1990" s="6" t="s">
        <v>175</v>
      </c>
      <c r="D1990" s="6" t="s">
        <v>137</v>
      </c>
      <c r="E1990" s="6" t="s">
        <v>278</v>
      </c>
      <c r="F1990" s="11">
        <v>0</v>
      </c>
      <c r="G1990" s="13">
        <v>0</v>
      </c>
      <c r="H1990" s="11">
        <v>11.593647738800001</v>
      </c>
      <c r="I1990" s="13">
        <v>0.13360539967577645</v>
      </c>
      <c r="J1990" s="11">
        <v>0.19447134950000589</v>
      </c>
      <c r="K1990" s="13">
        <v>1.9769588603207469E-3</v>
      </c>
      <c r="L1990" s="11">
        <v>-11.120850845199996</v>
      </c>
      <c r="M1990" s="13">
        <v>-0.11282940169738905</v>
      </c>
      <c r="N1990" s="11">
        <v>-10.92637949569999</v>
      </c>
      <c r="O1990" s="13">
        <v>-0.11107550192245864</v>
      </c>
      <c r="P1990" s="7">
        <v>86.775293266099993</v>
      </c>
      <c r="Q1990" s="7">
        <v>112.90966683000001</v>
      </c>
      <c r="R1990" s="7">
        <v>131.67954648599999</v>
      </c>
      <c r="S1990" s="7">
        <v>126.299674654</v>
      </c>
      <c r="T1990" s="7">
        <v>97.535718777300005</v>
      </c>
      <c r="U1990" s="7">
        <v>73.854167925799999</v>
      </c>
      <c r="V1990" s="7">
        <v>98.368941004899995</v>
      </c>
      <c r="W1990" s="7">
        <v>102.94380402100001</v>
      </c>
      <c r="X1990" s="7">
        <v>104.664883785</v>
      </c>
      <c r="Y1990" s="7">
        <v>98.5634123544</v>
      </c>
      <c r="Z1990" s="7">
        <v>94.685300927599997</v>
      </c>
      <c r="AA1990" s="7">
        <v>96.393608573999998</v>
      </c>
      <c r="AB1990" s="7">
        <v>98.942184192599996</v>
      </c>
      <c r="AC1990" s="7">
        <v>92.050323181600007</v>
      </c>
      <c r="AD1990" s="7">
        <v>93.996485020099996</v>
      </c>
      <c r="AE1990" s="7">
        <v>87.196019088</v>
      </c>
      <c r="AF1990" s="7">
        <v>87.442561509200004</v>
      </c>
      <c r="AG1990" s="9">
        <v>2214.759441000002</v>
      </c>
      <c r="AH1990" s="13">
        <v>9.4413780542605311E-2</v>
      </c>
      <c r="AI1990" s="9">
        <v>3277.9505906000013</v>
      </c>
      <c r="AJ1990" s="13">
        <v>0.13973694025689526</v>
      </c>
      <c r="AK1990" s="9">
        <v>3043.8505794999983</v>
      </c>
      <c r="AL1990" s="13">
        <v>0.11384855724635295</v>
      </c>
      <c r="AM1990" s="9">
        <v>-4107.0417290999976</v>
      </c>
      <c r="AN1990" s="13">
        <v>-0.13791362401835874</v>
      </c>
      <c r="AO1990" s="9">
        <v>-1063.1911495999993</v>
      </c>
      <c r="AP1990" s="13">
        <v>-3.9766333891111887E-2</v>
      </c>
      <c r="AQ1990" s="9">
        <v>23458.010348399999</v>
      </c>
      <c r="AR1990" s="9">
        <v>25160.183688900001</v>
      </c>
      <c r="AS1990" s="9">
        <v>30720.023250900002</v>
      </c>
      <c r="AT1990" s="9">
        <v>26411.909079500001</v>
      </c>
      <c r="AU1990" s="9">
        <v>22510.416812399999</v>
      </c>
      <c r="AV1990" s="9">
        <v>22062.0674124</v>
      </c>
      <c r="AW1990" s="9">
        <v>26735.960939000001</v>
      </c>
      <c r="AX1990" s="9">
        <v>26062.617243000001</v>
      </c>
      <c r="AY1990" s="9">
        <v>26547.353975599999</v>
      </c>
      <c r="AZ1990" s="9">
        <v>29779.811518499999</v>
      </c>
      <c r="BA1990" s="9">
        <v>29511.166773299999</v>
      </c>
      <c r="BB1990" s="9">
        <v>30130.914078900001</v>
      </c>
      <c r="BC1990" s="9">
        <v>27279.410222800001</v>
      </c>
      <c r="BD1990" s="9">
        <v>24713.453591099998</v>
      </c>
      <c r="BE1990" s="9">
        <v>27732.261047600001</v>
      </c>
      <c r="BF1990" s="9">
        <v>25672.769789400001</v>
      </c>
      <c r="BG1990" s="11">
        <v>-2.75</v>
      </c>
      <c r="BH1990" s="13">
        <v>-0.21153846153846154</v>
      </c>
      <c r="BI1990" s="6">
        <v>1</v>
      </c>
      <c r="BJ1990" s="13">
        <v>7.6923076923076927E-2</v>
      </c>
      <c r="BK1990" s="6">
        <v>-3</v>
      </c>
      <c r="BL1990" s="13">
        <v>-0.21428571428571427</v>
      </c>
      <c r="BM1990" s="11">
        <v>-0.75</v>
      </c>
      <c r="BN1990" s="13">
        <v>-6.8181818181818177E-2</v>
      </c>
      <c r="BO1990" s="11">
        <v>-3.75</v>
      </c>
      <c r="BP1990" s="13">
        <v>-0.26785714285714285</v>
      </c>
      <c r="BQ1990" s="6">
        <v>13</v>
      </c>
      <c r="BR1990" s="6">
        <v>12</v>
      </c>
      <c r="BS1990" s="6">
        <v>13</v>
      </c>
      <c r="BT1990" s="6">
        <v>14</v>
      </c>
      <c r="BU1990" s="6">
        <v>13</v>
      </c>
      <c r="BV1990" s="6">
        <v>12</v>
      </c>
      <c r="BW1990" s="6">
        <v>11</v>
      </c>
      <c r="BX1990" s="6">
        <v>13</v>
      </c>
      <c r="BY1990" s="6">
        <v>12</v>
      </c>
      <c r="BZ1990" s="6">
        <v>12</v>
      </c>
      <c r="CA1990" s="6">
        <v>11</v>
      </c>
      <c r="CB1990" s="6">
        <v>10</v>
      </c>
      <c r="CC1990" s="11">
        <v>10.25</v>
      </c>
      <c r="CD1990" s="11">
        <v>1.69238</v>
      </c>
      <c r="CE1990" s="11">
        <v>-10.5107</v>
      </c>
      <c r="CF1990" s="11">
        <v>9.4855800000000006</v>
      </c>
      <c r="CG1990" s="11">
        <v>-2</v>
      </c>
      <c r="CH1990" s="20">
        <v>1.41076</v>
      </c>
      <c r="CI1990" s="20">
        <v>1.8607800000000001</v>
      </c>
      <c r="CJ1990" s="20">
        <v>2.1357400000000002</v>
      </c>
      <c r="CK1990" s="20">
        <v>1.98502</v>
      </c>
      <c r="CL1990" s="20">
        <v>1.5656000000000001</v>
      </c>
      <c r="CM1990" s="20">
        <v>1.22601</v>
      </c>
      <c r="CN1990" s="20">
        <v>1.6374</v>
      </c>
      <c r="CO1990" s="20">
        <v>1.7673099999999999</v>
      </c>
      <c r="CP1990" s="20">
        <v>2.03701</v>
      </c>
      <c r="CQ1990" s="20">
        <v>2.05905</v>
      </c>
      <c r="CR1990" s="20">
        <v>2.0285099999999998</v>
      </c>
      <c r="CS1990" s="20">
        <v>2.1329199999999999</v>
      </c>
      <c r="CT1990" s="20">
        <v>2.2417600000000002</v>
      </c>
      <c r="CU1990" s="20">
        <v>2.0936300000000001</v>
      </c>
      <c r="CV1990" s="20">
        <v>2.0350000000000001</v>
      </c>
      <c r="CW1990" s="20">
        <v>1.8796200000000001</v>
      </c>
      <c r="CX1990" s="20">
        <v>1.8747499999999999</v>
      </c>
      <c r="CY1990" s="6" t="s">
        <v>697</v>
      </c>
      <c r="CZ1990" s="6" t="s">
        <v>698</v>
      </c>
      <c r="DA1990" s="6" t="s">
        <v>137</v>
      </c>
      <c r="DB1990" s="6"/>
      <c r="DC1990" s="6">
        <v>28860</v>
      </c>
      <c r="DD1990" s="6"/>
      <c r="DE1990" s="6" t="s">
        <v>362</v>
      </c>
      <c r="DF1990" s="6" t="s">
        <v>363</v>
      </c>
      <c r="DG1990" s="6" t="s">
        <v>376</v>
      </c>
      <c r="DH1990" s="6" t="s">
        <v>468</v>
      </c>
      <c r="DI1990" s="6"/>
      <c r="DJ1990" s="6">
        <v>29</v>
      </c>
      <c r="DK1990" s="6">
        <v>197</v>
      </c>
      <c r="DL1990" s="6">
        <v>8</v>
      </c>
      <c r="DM1990" s="6" t="s">
        <v>368</v>
      </c>
      <c r="DN1990" s="6">
        <v>9</v>
      </c>
      <c r="DO1990" s="6" t="s">
        <v>384</v>
      </c>
      <c r="DP1990" s="6"/>
      <c r="DQ1990" s="6"/>
    </row>
    <row r="1991" spans="1:121" x14ac:dyDescent="0.2">
      <c r="A1991" s="6" t="s">
        <v>792</v>
      </c>
      <c r="B1991" s="6" t="s">
        <v>176</v>
      </c>
      <c r="C1991" s="6" t="s">
        <v>177</v>
      </c>
      <c r="D1991" s="6" t="s">
        <v>137</v>
      </c>
      <c r="E1991" s="6" t="s">
        <v>278</v>
      </c>
      <c r="F1991" s="11">
        <v>1</v>
      </c>
      <c r="G1991" s="13">
        <v>1</v>
      </c>
      <c r="H1991" s="11">
        <v>11.143498991000001</v>
      </c>
      <c r="I1991" s="13">
        <v>2.2286997982000001</v>
      </c>
      <c r="J1991" s="11">
        <v>4.4698230047999985</v>
      </c>
      <c r="K1991" s="13">
        <v>0.27688068164726398</v>
      </c>
      <c r="L1991" s="11">
        <v>35.546004893300001</v>
      </c>
      <c r="M1991" s="13">
        <v>1.7244190383550289</v>
      </c>
      <c r="N1991" s="11">
        <v>40.0158278981</v>
      </c>
      <c r="O1991" s="13">
        <v>2.4787580387875527</v>
      </c>
      <c r="P1991" s="7">
        <v>5</v>
      </c>
      <c r="Q1991" s="7">
        <v>11.178077787599999</v>
      </c>
      <c r="R1991" s="7">
        <v>15.641046492499999</v>
      </c>
      <c r="S1991" s="7">
        <v>14.8913414828</v>
      </c>
      <c r="T1991" s="7">
        <v>16.285634588600001</v>
      </c>
      <c r="U1991" s="7">
        <v>15.3795393068</v>
      </c>
      <c r="V1991" s="7">
        <v>16.143498991000001</v>
      </c>
      <c r="W1991" s="7">
        <v>18.4064720513</v>
      </c>
      <c r="X1991" s="7">
        <v>17.795188356499999</v>
      </c>
      <c r="Y1991" s="7">
        <v>20.6133219958</v>
      </c>
      <c r="Z1991" s="7">
        <v>24.3903293023</v>
      </c>
      <c r="AA1991" s="7">
        <v>24.9020239058</v>
      </c>
      <c r="AB1991" s="7">
        <v>24.627000331600001</v>
      </c>
      <c r="AC1991" s="7">
        <v>23.022068981</v>
      </c>
      <c r="AD1991" s="7">
        <v>55.221839572199997</v>
      </c>
      <c r="AE1991" s="7">
        <v>50.332823130400001</v>
      </c>
      <c r="AF1991" s="7">
        <v>56.159326889100001</v>
      </c>
      <c r="AG1991" s="9">
        <v>37000.6680633</v>
      </c>
      <c r="AH1991" s="13">
        <v>37000.6680633</v>
      </c>
      <c r="AI1991" s="9">
        <v>37226.417687300003</v>
      </c>
      <c r="AJ1991" s="13">
        <v>37226.417687300003</v>
      </c>
      <c r="AK1991" s="9">
        <v>-1374.6166764000009</v>
      </c>
      <c r="AL1991" s="13">
        <v>-3.6924846304043975E-2</v>
      </c>
      <c r="AM1991" s="9">
        <v>1148.8670523999972</v>
      </c>
      <c r="AN1991" s="13">
        <v>3.2043997121751169E-2</v>
      </c>
      <c r="AO1991" s="9">
        <v>-225.74962400000368</v>
      </c>
      <c r="AP1991" s="13">
        <v>-6.0640688509806936E-3</v>
      </c>
      <c r="AQ1991" s="9">
        <v>1</v>
      </c>
      <c r="AR1991" s="9">
        <v>41955.5839299</v>
      </c>
      <c r="AS1991" s="9">
        <v>29970.069170700001</v>
      </c>
      <c r="AT1991" s="9">
        <v>30007.2531561</v>
      </c>
      <c r="AU1991" s="9">
        <v>31800.0460198</v>
      </c>
      <c r="AV1991" s="9">
        <v>36260.407034000003</v>
      </c>
      <c r="AW1991" s="9">
        <v>37227.417687300003</v>
      </c>
      <c r="AX1991" s="9">
        <v>40411.4314294</v>
      </c>
      <c r="AY1991" s="9">
        <v>38003.323579999997</v>
      </c>
      <c r="AZ1991" s="9">
        <v>35852.801010900002</v>
      </c>
      <c r="BA1991" s="9">
        <v>38081.247818600001</v>
      </c>
      <c r="BB1991" s="9">
        <v>40013.528970500003</v>
      </c>
      <c r="BC1991" s="9">
        <v>126469.85855200001</v>
      </c>
      <c r="BD1991" s="9">
        <v>46191.075024899998</v>
      </c>
      <c r="BE1991" s="9">
        <v>36014.418745499999</v>
      </c>
      <c r="BF1991" s="9">
        <v>37001.6680633</v>
      </c>
      <c r="BG1991" s="11">
        <v>-2.5</v>
      </c>
      <c r="BH1991" s="13">
        <v>-0.5</v>
      </c>
      <c r="BI1991" s="6">
        <v>0</v>
      </c>
      <c r="BJ1991" s="13">
        <v>0</v>
      </c>
      <c r="BK1991" s="6">
        <v>0</v>
      </c>
      <c r="BL1991" s="13">
        <v>0</v>
      </c>
      <c r="BM1991" s="11">
        <v>-2.5</v>
      </c>
      <c r="BN1991" s="13">
        <v>-0.5</v>
      </c>
      <c r="BO1991" s="11">
        <v>-2.5</v>
      </c>
      <c r="BP1991" s="13">
        <v>-0.5</v>
      </c>
      <c r="BQ1991" s="6">
        <v>5</v>
      </c>
      <c r="BR1991" s="6">
        <v>6</v>
      </c>
      <c r="BS1991" s="6">
        <v>5</v>
      </c>
      <c r="BT1991" s="6">
        <v>5</v>
      </c>
      <c r="BU1991" s="6">
        <v>5</v>
      </c>
      <c r="BV1991" s="6">
        <v>5</v>
      </c>
      <c r="BW1991" s="6">
        <v>5</v>
      </c>
      <c r="BX1991" s="6">
        <v>7</v>
      </c>
      <c r="BY1991" s="6">
        <v>6</v>
      </c>
      <c r="BZ1991" s="6">
        <v>4</v>
      </c>
      <c r="CA1991" s="6">
        <v>2</v>
      </c>
      <c r="CB1991" s="6">
        <v>3</v>
      </c>
      <c r="CC1991" s="11">
        <v>2.5</v>
      </c>
      <c r="CD1991" s="11">
        <v>50.640500000000003</v>
      </c>
      <c r="CE1991" s="11">
        <v>-2.5756199999999998</v>
      </c>
      <c r="CF1991" s="11">
        <v>0.79763300000000004</v>
      </c>
      <c r="CG1991" s="11">
        <v>-2</v>
      </c>
      <c r="CH1991" s="20">
        <v>6.1964999999999999E-2</v>
      </c>
      <c r="CI1991" s="20">
        <v>0.10283</v>
      </c>
      <c r="CJ1991" s="20">
        <v>0.15137200000000001</v>
      </c>
      <c r="CK1991" s="20">
        <v>0.14791399999999999</v>
      </c>
      <c r="CL1991" s="20">
        <v>0.17396900000000001</v>
      </c>
      <c r="CM1991" s="20">
        <v>0.178089</v>
      </c>
      <c r="CN1991" s="20">
        <v>0.18976999999999999</v>
      </c>
      <c r="CO1991" s="20">
        <v>0.218338</v>
      </c>
      <c r="CP1991" s="20">
        <v>0.235767</v>
      </c>
      <c r="CQ1991" s="20">
        <v>0.27731800000000001</v>
      </c>
      <c r="CR1991" s="20">
        <v>0.32648500000000003</v>
      </c>
      <c r="CS1991" s="20">
        <v>0.34181</v>
      </c>
      <c r="CT1991" s="20">
        <v>0.35158200000000001</v>
      </c>
      <c r="CU1991" s="20">
        <v>0.33801999999999999</v>
      </c>
      <c r="CV1991" s="20">
        <v>0.79339199999999999</v>
      </c>
      <c r="CW1991" s="20">
        <v>0.73573100000000002</v>
      </c>
      <c r="CX1991" s="20">
        <v>0.821716</v>
      </c>
      <c r="CY1991" s="6" t="s">
        <v>697</v>
      </c>
      <c r="CZ1991" s="6" t="s">
        <v>698</v>
      </c>
      <c r="DA1991" s="6" t="s">
        <v>137</v>
      </c>
      <c r="DB1991" s="6"/>
      <c r="DC1991" s="6">
        <v>28860</v>
      </c>
      <c r="DD1991" s="6"/>
      <c r="DE1991" s="6" t="s">
        <v>362</v>
      </c>
      <c r="DF1991" s="6" t="s">
        <v>363</v>
      </c>
      <c r="DG1991" s="6" t="s">
        <v>376</v>
      </c>
      <c r="DH1991" s="6" t="s">
        <v>468</v>
      </c>
      <c r="DI1991" s="6"/>
      <c r="DJ1991" s="6">
        <v>29</v>
      </c>
      <c r="DK1991" s="6">
        <v>197</v>
      </c>
      <c r="DL1991" s="6">
        <v>8</v>
      </c>
      <c r="DM1991" s="6" t="s">
        <v>368</v>
      </c>
      <c r="DN1991" s="6">
        <v>9</v>
      </c>
      <c r="DO1991" s="6" t="s">
        <v>384</v>
      </c>
      <c r="DP1991" s="6"/>
      <c r="DQ1991" s="6"/>
    </row>
    <row r="1992" spans="1:121" x14ac:dyDescent="0.2">
      <c r="A1992" s="6" t="s">
        <v>313</v>
      </c>
      <c r="B1992" s="6" t="s">
        <v>313</v>
      </c>
      <c r="C1992" s="6" t="s">
        <v>178</v>
      </c>
      <c r="D1992" s="6" t="s">
        <v>137</v>
      </c>
      <c r="E1992" s="6" t="s">
        <v>278</v>
      </c>
      <c r="F1992" s="11">
        <v>1</v>
      </c>
      <c r="G1992" s="13">
        <v>1</v>
      </c>
      <c r="H1992" s="11">
        <v>16.945399653399999</v>
      </c>
      <c r="I1992" s="13">
        <v>3.3890799306799999</v>
      </c>
      <c r="J1992" s="11">
        <v>-16.945399653399999</v>
      </c>
      <c r="K1992" s="13">
        <v>-0.77216181619069535</v>
      </c>
      <c r="L1992" s="11">
        <v>13.882560382000001</v>
      </c>
      <c r="M1992" s="13">
        <v>2.7765120764000004</v>
      </c>
      <c r="N1992" s="11">
        <v>-3.0628392713999979</v>
      </c>
      <c r="O1992" s="13">
        <v>-0.13956634737911791</v>
      </c>
      <c r="P1992" s="7">
        <v>5</v>
      </c>
      <c r="Q1992" s="7">
        <v>5</v>
      </c>
      <c r="R1992" s="7">
        <v>10.8473922219</v>
      </c>
      <c r="S1992" s="7">
        <v>5</v>
      </c>
      <c r="T1992" s="7">
        <v>19.999033713599999</v>
      </c>
      <c r="U1992" s="7">
        <v>20.231873930500001</v>
      </c>
      <c r="V1992" s="7">
        <v>21.945399653399999</v>
      </c>
      <c r="W1992" s="7">
        <v>15.4166681145</v>
      </c>
      <c r="X1992" s="7">
        <v>11.0648366083</v>
      </c>
      <c r="Y1992" s="7">
        <v>5</v>
      </c>
      <c r="Z1992" s="7">
        <v>12.2873791963</v>
      </c>
      <c r="AA1992" s="7">
        <v>12.2076166426</v>
      </c>
      <c r="AB1992" s="7">
        <v>5</v>
      </c>
      <c r="AC1992" s="7">
        <v>10.228720566</v>
      </c>
      <c r="AD1992" s="7">
        <v>16.7956007248</v>
      </c>
      <c r="AE1992" s="7">
        <v>16.968300814900001</v>
      </c>
      <c r="AF1992" s="7">
        <v>18.882560382000001</v>
      </c>
      <c r="AG1992" s="9">
        <v>35559.394198399998</v>
      </c>
      <c r="AH1992" s="13">
        <v>35559.394198399998</v>
      </c>
      <c r="AI1992" s="9">
        <v>36047.0178419</v>
      </c>
      <c r="AJ1992" s="13">
        <v>36047.0178419</v>
      </c>
      <c r="AK1992" s="9">
        <v>-36047.0178419</v>
      </c>
      <c r="AL1992" s="13">
        <v>-0.99997225922367239</v>
      </c>
      <c r="AM1992" s="9">
        <v>35559.394198399998</v>
      </c>
      <c r="AN1992" s="13">
        <v>35559.394198399998</v>
      </c>
      <c r="AO1992" s="9">
        <v>-487.6236435000028</v>
      </c>
      <c r="AP1992" s="13">
        <v>-1.3527058426308783E-2</v>
      </c>
      <c r="AQ1992" s="9">
        <v>1</v>
      </c>
      <c r="AR1992" s="9">
        <v>1</v>
      </c>
      <c r="AS1992" s="9">
        <v>24613.9145212</v>
      </c>
      <c r="AT1992" s="9">
        <v>1</v>
      </c>
      <c r="AU1992" s="9">
        <v>26499.964644299998</v>
      </c>
      <c r="AV1992" s="9">
        <v>28291.1520088</v>
      </c>
      <c r="AW1992" s="9">
        <v>36048.0178419</v>
      </c>
      <c r="AX1992" s="9">
        <v>45596.671018599998</v>
      </c>
      <c r="AY1992" s="9">
        <v>44973.886516799997</v>
      </c>
      <c r="AZ1992" s="9">
        <v>1</v>
      </c>
      <c r="BA1992" s="9">
        <v>29459.631691300001</v>
      </c>
      <c r="BB1992" s="9">
        <v>25764.7955654</v>
      </c>
      <c r="BC1992" s="9">
        <v>1</v>
      </c>
      <c r="BD1992" s="9">
        <v>31653.371928</v>
      </c>
      <c r="BE1992" s="9">
        <v>34844.340221099999</v>
      </c>
      <c r="BF1992" s="9">
        <v>35560.394198399998</v>
      </c>
      <c r="BG1992" s="11">
        <v>-0.25</v>
      </c>
      <c r="BH1992" s="13">
        <v>-6.25E-2</v>
      </c>
      <c r="BI1992" s="6">
        <v>0</v>
      </c>
      <c r="BJ1992" s="13">
        <v>0</v>
      </c>
      <c r="BK1992" s="6">
        <v>-1</v>
      </c>
      <c r="BL1992" s="13">
        <v>-0.25</v>
      </c>
      <c r="BM1992" s="11">
        <v>0.75</v>
      </c>
      <c r="BN1992" s="13">
        <v>0.25</v>
      </c>
      <c r="BO1992" s="11">
        <v>-0.25</v>
      </c>
      <c r="BP1992" s="13">
        <v>-6.25E-2</v>
      </c>
      <c r="BQ1992" s="6">
        <v>4</v>
      </c>
      <c r="BR1992" s="6">
        <v>4</v>
      </c>
      <c r="BS1992" s="6">
        <v>4</v>
      </c>
      <c r="BT1992" s="6">
        <v>4</v>
      </c>
      <c r="BU1992" s="6">
        <v>4</v>
      </c>
      <c r="BV1992" s="6">
        <v>4</v>
      </c>
      <c r="BW1992" s="6">
        <v>3</v>
      </c>
      <c r="BX1992" s="6">
        <v>3</v>
      </c>
      <c r="BY1992" s="6">
        <v>4</v>
      </c>
      <c r="BZ1992" s="6">
        <v>3</v>
      </c>
      <c r="CA1992" s="6">
        <v>3</v>
      </c>
      <c r="CB1992" s="6">
        <v>3</v>
      </c>
      <c r="CC1992" s="11">
        <v>3.75</v>
      </c>
      <c r="CD1992" s="11">
        <v>13.2415</v>
      </c>
      <c r="CE1992" s="11">
        <v>-0.44889000000000001</v>
      </c>
      <c r="CF1992" s="11">
        <v>0.600105</v>
      </c>
      <c r="CG1992" s="11">
        <v>1</v>
      </c>
      <c r="CH1992" s="20">
        <v>0.13092599999999999</v>
      </c>
      <c r="CI1992" s="20">
        <v>0.108149</v>
      </c>
      <c r="CJ1992" s="20">
        <v>0.26766400000000001</v>
      </c>
      <c r="CK1992" s="20">
        <v>0.156227</v>
      </c>
      <c r="CL1992" s="20">
        <v>0.51919999999999999</v>
      </c>
      <c r="CM1992" s="20">
        <v>0.55397099999999999</v>
      </c>
      <c r="CN1992" s="20">
        <v>0.58840499999999996</v>
      </c>
      <c r="CO1992" s="20">
        <v>0.40642400000000001</v>
      </c>
      <c r="CP1992" s="20">
        <v>0.30797799999999997</v>
      </c>
      <c r="CQ1992" s="20">
        <v>8.8150199999999998E-2</v>
      </c>
      <c r="CR1992" s="20">
        <v>0.34359899999999999</v>
      </c>
      <c r="CS1992" s="20">
        <v>0.34963899999999998</v>
      </c>
      <c r="CT1992" s="20">
        <v>0.265069</v>
      </c>
      <c r="CU1992" s="20">
        <v>0.31198399999999998</v>
      </c>
      <c r="CV1992" s="20">
        <v>0.50161199999999995</v>
      </c>
      <c r="CW1992" s="20">
        <v>0.51691699999999996</v>
      </c>
      <c r="CX1992" s="20">
        <v>0.57111999999999996</v>
      </c>
      <c r="CY1992" s="6" t="s">
        <v>697</v>
      </c>
      <c r="CZ1992" s="6" t="s">
        <v>698</v>
      </c>
      <c r="DA1992" s="6" t="s">
        <v>137</v>
      </c>
      <c r="DB1992" s="6"/>
      <c r="DC1992" s="6">
        <v>28860</v>
      </c>
      <c r="DD1992" s="6"/>
      <c r="DE1992" s="6" t="s">
        <v>362</v>
      </c>
      <c r="DF1992" s="6" t="s">
        <v>363</v>
      </c>
      <c r="DG1992" s="6" t="s">
        <v>376</v>
      </c>
      <c r="DH1992" s="6" t="s">
        <v>468</v>
      </c>
      <c r="DI1992" s="6"/>
      <c r="DJ1992" s="6">
        <v>29</v>
      </c>
      <c r="DK1992" s="6">
        <v>197</v>
      </c>
      <c r="DL1992" s="6">
        <v>8</v>
      </c>
      <c r="DM1992" s="6" t="s">
        <v>368</v>
      </c>
      <c r="DN1992" s="6">
        <v>9</v>
      </c>
      <c r="DO1992" s="6" t="s">
        <v>384</v>
      </c>
      <c r="DP1992" s="6"/>
      <c r="DQ1992" s="6"/>
    </row>
    <row r="1993" spans="1:121" x14ac:dyDescent="0.2">
      <c r="A1993" s="6" t="s">
        <v>793</v>
      </c>
      <c r="B1993" s="6" t="s">
        <v>179</v>
      </c>
      <c r="C1993" s="6" t="s">
        <v>180</v>
      </c>
      <c r="D1993" s="6" t="s">
        <v>137</v>
      </c>
      <c r="E1993" s="6" t="s">
        <v>278</v>
      </c>
      <c r="F1993" s="11">
        <v>-112</v>
      </c>
      <c r="G1993" s="13">
        <v>-0.54</v>
      </c>
      <c r="H1993" s="11">
        <v>-60</v>
      </c>
      <c r="I1993" s="13">
        <v>-0.28846153846153844</v>
      </c>
      <c r="J1993" s="11">
        <v>-2</v>
      </c>
      <c r="K1993" s="13">
        <v>-1.3513513513513514E-2</v>
      </c>
      <c r="L1993" s="11">
        <v>-50</v>
      </c>
      <c r="M1993" s="13">
        <v>-0.34246575342465752</v>
      </c>
      <c r="N1993" s="11">
        <v>-52</v>
      </c>
      <c r="O1993" s="13">
        <v>-0.35135135135135137</v>
      </c>
      <c r="P1993" s="7">
        <v>208</v>
      </c>
      <c r="Q1993" s="7">
        <v>199</v>
      </c>
      <c r="R1993" s="7">
        <v>192</v>
      </c>
      <c r="S1993" s="7">
        <v>191</v>
      </c>
      <c r="T1993" s="7">
        <v>168</v>
      </c>
      <c r="U1993" s="7">
        <v>153</v>
      </c>
      <c r="V1993" s="7">
        <v>148</v>
      </c>
      <c r="W1993" s="7">
        <v>150</v>
      </c>
      <c r="X1993" s="7">
        <v>145</v>
      </c>
      <c r="Y1993" s="7">
        <v>146</v>
      </c>
      <c r="Z1993" s="7">
        <v>153</v>
      </c>
      <c r="AA1993" s="7">
        <v>161</v>
      </c>
      <c r="AB1993" s="7">
        <v>116</v>
      </c>
      <c r="AC1993" s="7">
        <v>100</v>
      </c>
      <c r="AD1993" s="7">
        <v>99</v>
      </c>
      <c r="AE1993" s="7">
        <v>100</v>
      </c>
      <c r="AF1993" s="7">
        <v>96</v>
      </c>
      <c r="AG1993" s="9">
        <v>6969</v>
      </c>
      <c r="AH1993" s="13">
        <v>0.47795075783553942</v>
      </c>
      <c r="AI1993" s="9">
        <v>3063</v>
      </c>
      <c r="AJ1993" s="13">
        <v>0.21006789657773817</v>
      </c>
      <c r="AK1993" s="9">
        <v>2182</v>
      </c>
      <c r="AL1993" s="13">
        <v>0.12366810247109498</v>
      </c>
      <c r="AM1993" s="9">
        <v>1724</v>
      </c>
      <c r="AN1993" s="13">
        <v>8.6956521739130432E-2</v>
      </c>
      <c r="AO1993" s="9">
        <v>3906</v>
      </c>
      <c r="AP1993" s="13">
        <v>0.2213783722511902</v>
      </c>
      <c r="AQ1993" s="9">
        <v>14581</v>
      </c>
      <c r="AR1993" s="9">
        <v>15233</v>
      </c>
      <c r="AS1993" s="9">
        <v>17537</v>
      </c>
      <c r="AT1993" s="9">
        <v>16807</v>
      </c>
      <c r="AU1993" s="9">
        <v>16939</v>
      </c>
      <c r="AV1993" s="9">
        <v>17223</v>
      </c>
      <c r="AW1993" s="9">
        <v>17644</v>
      </c>
      <c r="AX1993" s="9">
        <v>18085</v>
      </c>
      <c r="AY1993" s="9">
        <v>20227</v>
      </c>
      <c r="AZ1993" s="9">
        <v>19826</v>
      </c>
      <c r="BA1993" s="9">
        <v>19384</v>
      </c>
      <c r="BB1993" s="9">
        <v>19376</v>
      </c>
      <c r="BC1993" s="9">
        <v>22408</v>
      </c>
      <c r="BD1993" s="9">
        <v>21625</v>
      </c>
      <c r="BE1993" s="9">
        <v>21250</v>
      </c>
      <c r="BF1993" s="9">
        <v>21550</v>
      </c>
      <c r="BG1993" s="11">
        <v>-6</v>
      </c>
      <c r="BH1993" s="13">
        <v>-0.2857142857142857</v>
      </c>
      <c r="BI1993" s="6">
        <v>0</v>
      </c>
      <c r="BJ1993" s="13">
        <v>0</v>
      </c>
      <c r="BK1993" s="6">
        <v>0</v>
      </c>
      <c r="BL1993" s="13">
        <v>0</v>
      </c>
      <c r="BM1993" s="11">
        <v>-6</v>
      </c>
      <c r="BN1993" s="13">
        <v>-0.2857142857142857</v>
      </c>
      <c r="BO1993" s="11">
        <v>-6</v>
      </c>
      <c r="BP1993" s="13">
        <v>-0.2857142857142857</v>
      </c>
      <c r="BQ1993" s="6">
        <v>21</v>
      </c>
      <c r="BR1993" s="6">
        <v>22</v>
      </c>
      <c r="BS1993" s="6">
        <v>21</v>
      </c>
      <c r="BT1993" s="6">
        <v>21</v>
      </c>
      <c r="BU1993" s="6">
        <v>20</v>
      </c>
      <c r="BV1993" s="6">
        <v>18</v>
      </c>
      <c r="BW1993" s="6">
        <v>21</v>
      </c>
      <c r="BX1993" s="6">
        <v>22</v>
      </c>
      <c r="BY1993" s="6">
        <v>20</v>
      </c>
      <c r="BZ1993" s="6">
        <v>16</v>
      </c>
      <c r="CA1993" s="6">
        <v>15</v>
      </c>
      <c r="CB1993" s="6">
        <v>15</v>
      </c>
      <c r="CC1993" s="11">
        <v>15</v>
      </c>
      <c r="CD1993" s="11">
        <v>-120</v>
      </c>
      <c r="CE1993" s="11">
        <v>-13</v>
      </c>
      <c r="CF1993" s="11">
        <v>23</v>
      </c>
      <c r="CG1993" s="11">
        <v>10</v>
      </c>
      <c r="CH1993" s="20">
        <v>1.84</v>
      </c>
      <c r="CI1993" s="20">
        <v>1.79</v>
      </c>
      <c r="CJ1993" s="20">
        <v>1.75</v>
      </c>
      <c r="CK1993" s="20">
        <v>1.74</v>
      </c>
      <c r="CL1993" s="20">
        <v>1.62</v>
      </c>
      <c r="CM1993" s="20">
        <v>1.57</v>
      </c>
      <c r="CN1993" s="20">
        <v>1.5</v>
      </c>
      <c r="CO1993" s="20">
        <v>1.51</v>
      </c>
      <c r="CP1993" s="20">
        <v>1.52</v>
      </c>
      <c r="CQ1993" s="20">
        <v>1.52</v>
      </c>
      <c r="CR1993" s="20">
        <v>1.59</v>
      </c>
      <c r="CS1993" s="20">
        <v>1.72</v>
      </c>
      <c r="CT1993" s="20">
        <v>1.29</v>
      </c>
      <c r="CU1993" s="20">
        <v>1.1299999999999999</v>
      </c>
      <c r="CV1993" s="20">
        <v>1.1000000000000001</v>
      </c>
      <c r="CW1993" s="20">
        <v>1.1100000000000001</v>
      </c>
      <c r="CX1993" s="20">
        <v>1.07</v>
      </c>
      <c r="CY1993" s="6" t="s">
        <v>697</v>
      </c>
      <c r="CZ1993" s="6" t="s">
        <v>698</v>
      </c>
      <c r="DA1993" s="6" t="s">
        <v>137</v>
      </c>
      <c r="DB1993" s="6"/>
      <c r="DC1993" s="6">
        <v>28860</v>
      </c>
      <c r="DD1993" s="6"/>
      <c r="DE1993" s="6" t="s">
        <v>362</v>
      </c>
      <c r="DF1993" s="6" t="s">
        <v>363</v>
      </c>
      <c r="DG1993" s="6" t="s">
        <v>376</v>
      </c>
      <c r="DH1993" s="6" t="s">
        <v>468</v>
      </c>
      <c r="DI1993" s="6"/>
      <c r="DJ1993" s="6">
        <v>29</v>
      </c>
      <c r="DK1993" s="6">
        <v>197</v>
      </c>
      <c r="DL1993" s="6">
        <v>8</v>
      </c>
      <c r="DM1993" s="6" t="s">
        <v>368</v>
      </c>
      <c r="DN1993" s="6">
        <v>9</v>
      </c>
      <c r="DO1993" s="6" t="s">
        <v>384</v>
      </c>
      <c r="DP1993" s="6"/>
      <c r="DQ1993" s="6"/>
    </row>
    <row r="1994" spans="1:121" x14ac:dyDescent="0.2">
      <c r="A1994" s="6" t="s">
        <v>794</v>
      </c>
      <c r="B1994" s="6" t="s">
        <v>181</v>
      </c>
      <c r="C1994" s="6" t="s">
        <v>182</v>
      </c>
      <c r="D1994" s="6" t="s">
        <v>137</v>
      </c>
      <c r="E1994" s="6" t="s">
        <v>278</v>
      </c>
      <c r="F1994" s="11">
        <v>-34</v>
      </c>
      <c r="G1994" s="13">
        <v>-0.68</v>
      </c>
      <c r="H1994" s="11">
        <v>-8.886852038699999</v>
      </c>
      <c r="I1994" s="13">
        <v>-0.17861919864513909</v>
      </c>
      <c r="J1994" s="11">
        <v>-6.5891279475000033</v>
      </c>
      <c r="K1994" s="13">
        <v>-0.16123658095778981</v>
      </c>
      <c r="L1994" s="11">
        <v>-17.938676617199999</v>
      </c>
      <c r="M1994" s="13">
        <v>-0.52334316806227232</v>
      </c>
      <c r="N1994" s="11">
        <v>-24.527804564700002</v>
      </c>
      <c r="O1994" s="13">
        <v>-0.6001976859340834</v>
      </c>
      <c r="P1994" s="7">
        <v>49.7530618551</v>
      </c>
      <c r="Q1994" s="7">
        <v>51.6705702848</v>
      </c>
      <c r="R1994" s="7">
        <v>50.934769660900002</v>
      </c>
      <c r="S1994" s="7">
        <v>51.750159000499998</v>
      </c>
      <c r="T1994" s="7">
        <v>42.619420970699998</v>
      </c>
      <c r="U1994" s="7">
        <v>38.805417872900001</v>
      </c>
      <c r="V1994" s="7">
        <v>40.866209816400001</v>
      </c>
      <c r="W1994" s="7">
        <v>48.395082248900003</v>
      </c>
      <c r="X1994" s="7">
        <v>42.900773800099998</v>
      </c>
      <c r="Y1994" s="7">
        <v>34.277081868899998</v>
      </c>
      <c r="Z1994" s="7">
        <v>24.339011889799998</v>
      </c>
      <c r="AA1994" s="7">
        <v>19.169512365900001</v>
      </c>
      <c r="AB1994" s="7">
        <v>19.9801020849</v>
      </c>
      <c r="AC1994" s="7">
        <v>18.9835554016</v>
      </c>
      <c r="AD1994" s="7">
        <v>18.203267024700001</v>
      </c>
      <c r="AE1994" s="7">
        <v>17.320073801500001</v>
      </c>
      <c r="AF1994" s="7">
        <v>16.338405251699999</v>
      </c>
      <c r="AG1994" s="9">
        <v>25054.799475900003</v>
      </c>
      <c r="AH1994" s="13">
        <v>0.92679310801004944</v>
      </c>
      <c r="AI1994" s="9">
        <v>11763.2892846</v>
      </c>
      <c r="AJ1994" s="13">
        <v>0.43513161807510831</v>
      </c>
      <c r="AK1994" s="9">
        <v>1617.9087558000028</v>
      </c>
      <c r="AL1994" s="13">
        <v>4.1701738146418942E-2</v>
      </c>
      <c r="AM1994" s="9">
        <v>11673.601435500001</v>
      </c>
      <c r="AN1994" s="13">
        <v>0.28884283847069464</v>
      </c>
      <c r="AO1994" s="9">
        <v>13291.510191300003</v>
      </c>
      <c r="AP1994" s="13">
        <v>0.34258982503248686</v>
      </c>
      <c r="AQ1994" s="9">
        <v>27033.864688199999</v>
      </c>
      <c r="AR1994" s="9">
        <v>28505.092306099999</v>
      </c>
      <c r="AS1994" s="9">
        <v>28162.9908153</v>
      </c>
      <c r="AT1994" s="9">
        <v>29023.898797400001</v>
      </c>
      <c r="AU1994" s="9">
        <v>30368.355780099999</v>
      </c>
      <c r="AV1994" s="9">
        <v>35733.0028743</v>
      </c>
      <c r="AW1994" s="9">
        <v>38797.153972799999</v>
      </c>
      <c r="AX1994" s="9">
        <v>41685.819228400003</v>
      </c>
      <c r="AY1994" s="9">
        <v>38653.444137500002</v>
      </c>
      <c r="AZ1994" s="9">
        <v>40415.062728600002</v>
      </c>
      <c r="BA1994" s="9">
        <v>50736.187263200001</v>
      </c>
      <c r="BB1994" s="9">
        <v>52803.1636382</v>
      </c>
      <c r="BC1994" s="9">
        <v>50203.7077861</v>
      </c>
      <c r="BD1994" s="9">
        <v>49335.6393684</v>
      </c>
      <c r="BE1994" s="9">
        <v>51211.0998894</v>
      </c>
      <c r="BF1994" s="9">
        <v>52088.664164100002</v>
      </c>
      <c r="BG1994" s="11">
        <v>-5.25</v>
      </c>
      <c r="BH1994" s="13">
        <v>-0.875</v>
      </c>
      <c r="BI1994" s="6">
        <v>-1</v>
      </c>
      <c r="BJ1994" s="13">
        <v>-0.16666666666666666</v>
      </c>
      <c r="BK1994" s="6">
        <v>0</v>
      </c>
      <c r="BL1994" s="13">
        <v>0</v>
      </c>
      <c r="BM1994" s="11">
        <v>-4.25</v>
      </c>
      <c r="BN1994" s="13">
        <v>-0.85</v>
      </c>
      <c r="BO1994" s="11">
        <v>-4.25</v>
      </c>
      <c r="BP1994" s="13">
        <v>-0.85</v>
      </c>
      <c r="BQ1994" s="6">
        <v>6</v>
      </c>
      <c r="BR1994" s="6">
        <v>5</v>
      </c>
      <c r="BS1994" s="6">
        <v>6</v>
      </c>
      <c r="BT1994" s="6">
        <v>5</v>
      </c>
      <c r="BU1994" s="6">
        <v>5</v>
      </c>
      <c r="BV1994" s="6">
        <v>6</v>
      </c>
      <c r="BW1994" s="6">
        <v>5</v>
      </c>
      <c r="BX1994" s="6">
        <v>2</v>
      </c>
      <c r="BY1994" s="6">
        <v>3</v>
      </c>
      <c r="BZ1994" s="6">
        <v>1</v>
      </c>
      <c r="CA1994" s="6">
        <v>1</v>
      </c>
      <c r="CB1994" s="6">
        <v>1</v>
      </c>
      <c r="CC1994" s="11">
        <v>0.75</v>
      </c>
      <c r="CD1994" s="11">
        <v>-41.989199999999997</v>
      </c>
      <c r="CE1994" s="11">
        <v>3.1359499999999998</v>
      </c>
      <c r="CF1994" s="11">
        <v>5.4386099999999997</v>
      </c>
      <c r="CG1994" s="11">
        <v>8</v>
      </c>
      <c r="CH1994" s="20">
        <v>1.49891</v>
      </c>
      <c r="CI1994" s="20">
        <v>1.6151800000000001</v>
      </c>
      <c r="CJ1994" s="20">
        <v>1.6045499999999999</v>
      </c>
      <c r="CK1994" s="20">
        <v>1.6178600000000001</v>
      </c>
      <c r="CL1994" s="20">
        <v>1.3905799999999999</v>
      </c>
      <c r="CM1994" s="20">
        <v>1.3315399999999999</v>
      </c>
      <c r="CN1994" s="20">
        <v>1.37016</v>
      </c>
      <c r="CO1994" s="20">
        <v>1.5955600000000001</v>
      </c>
      <c r="CP1994" s="20">
        <v>1.4890000000000001</v>
      </c>
      <c r="CQ1994" s="20">
        <v>1.18879</v>
      </c>
      <c r="CR1994" s="20">
        <v>0.83263799999999999</v>
      </c>
      <c r="CS1994" s="20">
        <v>0.66905499999999996</v>
      </c>
      <c r="CT1994" s="20">
        <v>0.71685399999999999</v>
      </c>
      <c r="CU1994" s="20">
        <v>0.685724</v>
      </c>
      <c r="CV1994" s="20">
        <v>0.62180199999999997</v>
      </c>
      <c r="CW1994" s="20">
        <v>0.58805300000000005</v>
      </c>
      <c r="CX1994" s="20">
        <v>0.54715999999999998</v>
      </c>
      <c r="CY1994" s="6" t="s">
        <v>697</v>
      </c>
      <c r="CZ1994" s="6" t="s">
        <v>698</v>
      </c>
      <c r="DA1994" s="6" t="s">
        <v>137</v>
      </c>
      <c r="DB1994" s="6"/>
      <c r="DC1994" s="6">
        <v>28860</v>
      </c>
      <c r="DD1994" s="6"/>
      <c r="DE1994" s="6" t="s">
        <v>362</v>
      </c>
      <c r="DF1994" s="6" t="s">
        <v>363</v>
      </c>
      <c r="DG1994" s="6" t="s">
        <v>376</v>
      </c>
      <c r="DH1994" s="6" t="s">
        <v>468</v>
      </c>
      <c r="DI1994" s="6"/>
      <c r="DJ1994" s="6">
        <v>29</v>
      </c>
      <c r="DK1994" s="6">
        <v>197</v>
      </c>
      <c r="DL1994" s="6">
        <v>8</v>
      </c>
      <c r="DM1994" s="6" t="s">
        <v>368</v>
      </c>
      <c r="DN1994" s="6">
        <v>9</v>
      </c>
      <c r="DO1994" s="6" t="s">
        <v>384</v>
      </c>
      <c r="DP1994" s="6"/>
      <c r="DQ1994" s="6"/>
    </row>
    <row r="1995" spans="1:121" x14ac:dyDescent="0.2">
      <c r="A1995" s="6" t="s">
        <v>314</v>
      </c>
      <c r="B1995" s="6" t="s">
        <v>314</v>
      </c>
      <c r="C1995" s="6" t="s">
        <v>183</v>
      </c>
      <c r="D1995" s="6" t="s">
        <v>137</v>
      </c>
      <c r="E1995" s="6" t="s">
        <v>278</v>
      </c>
      <c r="F1995" s="11">
        <v>1</v>
      </c>
      <c r="G1995" s="13">
        <v>1</v>
      </c>
      <c r="H1995" s="11">
        <v>-2.1495363291</v>
      </c>
      <c r="I1995" s="13">
        <v>-0.1525506960154247</v>
      </c>
      <c r="J1995" s="11">
        <v>-6.9410996708999999</v>
      </c>
      <c r="K1995" s="13">
        <v>-0.58127809516699647</v>
      </c>
      <c r="L1995" s="11">
        <v>0</v>
      </c>
      <c r="M1995" s="13">
        <v>0</v>
      </c>
      <c r="N1995" s="11">
        <v>-6.9410996708999999</v>
      </c>
      <c r="O1995" s="13">
        <v>-0.58127809516699647</v>
      </c>
      <c r="P1995" s="7">
        <v>14.090636</v>
      </c>
      <c r="Q1995" s="7">
        <v>5</v>
      </c>
      <c r="R1995" s="7">
        <v>18.365950460499999</v>
      </c>
      <c r="S1995" s="7">
        <v>11.5210607892</v>
      </c>
      <c r="T1995" s="7">
        <v>5</v>
      </c>
      <c r="U1995" s="7">
        <v>11.1249595993</v>
      </c>
      <c r="V1995" s="7">
        <v>11.9410996709</v>
      </c>
      <c r="W1995" s="7">
        <v>5</v>
      </c>
      <c r="X1995" s="7">
        <v>0</v>
      </c>
      <c r="Y1995" s="7">
        <v>5</v>
      </c>
      <c r="Z1995" s="7">
        <v>0</v>
      </c>
      <c r="AA1995" s="7">
        <v>5</v>
      </c>
      <c r="AB1995" s="7">
        <v>0</v>
      </c>
      <c r="AC1995" s="7">
        <v>5</v>
      </c>
      <c r="AD1995" s="7">
        <v>5</v>
      </c>
      <c r="AE1995" s="7">
        <v>5</v>
      </c>
      <c r="AF1995" s="7">
        <v>5</v>
      </c>
      <c r="AG1995" s="9">
        <v>-19513.321098600001</v>
      </c>
      <c r="AH1995" s="13">
        <v>-0.99994875558340224</v>
      </c>
      <c r="AI1995" s="9">
        <v>-5760.009892600001</v>
      </c>
      <c r="AJ1995" s="13">
        <v>-0.29516834654387419</v>
      </c>
      <c r="AK1995" s="9">
        <v>-13753.311206</v>
      </c>
      <c r="AL1995" s="13">
        <v>-0.99992729552319826</v>
      </c>
      <c r="AM1995" s="9">
        <v>0</v>
      </c>
      <c r="AN1995" s="13">
        <v>0</v>
      </c>
      <c r="AO1995" s="9">
        <v>-13753.311206</v>
      </c>
      <c r="AP1995" s="13">
        <v>-0.99992729552319826</v>
      </c>
      <c r="AQ1995" s="9">
        <v>19514.321098600001</v>
      </c>
      <c r="AR1995" s="9">
        <v>1</v>
      </c>
      <c r="AS1995" s="9">
        <v>15406.348152299999</v>
      </c>
      <c r="AT1995" s="9">
        <v>18156.3385906</v>
      </c>
      <c r="AU1995" s="9">
        <v>1</v>
      </c>
      <c r="AV1995" s="9">
        <v>10384.6996189</v>
      </c>
      <c r="AW1995" s="9">
        <v>13754.311206</v>
      </c>
      <c r="AX1995" s="9">
        <v>1</v>
      </c>
      <c r="AY1995" s="9">
        <v>0</v>
      </c>
      <c r="AZ1995" s="9">
        <v>1</v>
      </c>
      <c r="BA1995" s="9">
        <v>0</v>
      </c>
      <c r="BB1995" s="9">
        <v>1</v>
      </c>
      <c r="BC1995" s="9">
        <v>0</v>
      </c>
      <c r="BD1995" s="9">
        <v>1</v>
      </c>
      <c r="BE1995" s="9">
        <v>1</v>
      </c>
      <c r="BF1995" s="9">
        <v>1</v>
      </c>
      <c r="BG1995" s="11">
        <v>-2</v>
      </c>
      <c r="BH1995" s="13">
        <v>-1</v>
      </c>
      <c r="BI1995" s="6">
        <v>-1</v>
      </c>
      <c r="BJ1995" s="13">
        <v>-0.5</v>
      </c>
      <c r="BK1995" s="6">
        <v>-1</v>
      </c>
      <c r="BL1995" s="13">
        <v>-1</v>
      </c>
      <c r="BM1995" s="11">
        <v>0</v>
      </c>
      <c r="BN1995" s="13" t="e">
        <v>#DIV/0!</v>
      </c>
      <c r="BO1995" s="11">
        <v>-1</v>
      </c>
      <c r="BP1995" s="13">
        <v>-1</v>
      </c>
      <c r="BQ1995" s="6">
        <v>2</v>
      </c>
      <c r="BR1995" s="6">
        <v>1</v>
      </c>
      <c r="BS1995" s="6">
        <v>1</v>
      </c>
      <c r="BT1995" s="6">
        <v>1</v>
      </c>
      <c r="BU1995" s="6">
        <v>0</v>
      </c>
      <c r="BV1995" s="6">
        <v>0</v>
      </c>
      <c r="BW1995" s="6">
        <v>0</v>
      </c>
      <c r="BX1995" s="6">
        <v>0</v>
      </c>
      <c r="BY1995" s="6">
        <v>0</v>
      </c>
      <c r="BZ1995" s="6">
        <v>0</v>
      </c>
      <c r="CA1995" s="6">
        <v>0</v>
      </c>
      <c r="CB1995" s="6">
        <v>0</v>
      </c>
      <c r="CC1995" s="11">
        <v>0</v>
      </c>
      <c r="CD1995" s="11">
        <v>-10.733599999999999</v>
      </c>
      <c r="CE1995" s="11">
        <v>-4.3158300000000001</v>
      </c>
      <c r="CF1995" s="11">
        <v>1.5402800000000001</v>
      </c>
      <c r="CG1995" s="11">
        <v>-2</v>
      </c>
      <c r="CH1995" s="20">
        <v>0.53907300000000002</v>
      </c>
      <c r="CI1995" s="20">
        <v>0.33823900000000001</v>
      </c>
      <c r="CJ1995" s="20">
        <v>0.78879299999999997</v>
      </c>
      <c r="CK1995" s="20">
        <v>0.51183199999999995</v>
      </c>
      <c r="CL1995" s="20">
        <v>0.40370099999999998</v>
      </c>
      <c r="CM1995" s="20">
        <v>0.57980299999999996</v>
      </c>
      <c r="CN1995" s="20">
        <v>0.62202000000000002</v>
      </c>
      <c r="CO1995" s="20">
        <v>3.4768800000000002E-2</v>
      </c>
      <c r="CP1995" s="20">
        <v>0</v>
      </c>
      <c r="CQ1995" s="20">
        <v>3.29968E-2</v>
      </c>
      <c r="CR1995" s="20">
        <v>0</v>
      </c>
      <c r="CS1995" s="20">
        <v>3.9389199999999999E-2</v>
      </c>
      <c r="CT1995" s="20">
        <v>0</v>
      </c>
      <c r="CU1995" s="20">
        <v>4.0822200000000003E-2</v>
      </c>
      <c r="CV1995" s="20">
        <v>3.3254499999999999E-2</v>
      </c>
      <c r="CW1995" s="20">
        <v>3.4911600000000001E-2</v>
      </c>
      <c r="CX1995" s="20">
        <v>3.6103000000000003E-2</v>
      </c>
      <c r="CY1995" s="6" t="s">
        <v>697</v>
      </c>
      <c r="CZ1995" s="6" t="s">
        <v>698</v>
      </c>
      <c r="DA1995" s="6" t="s">
        <v>137</v>
      </c>
      <c r="DB1995" s="6"/>
      <c r="DC1995" s="6">
        <v>28860</v>
      </c>
      <c r="DD1995" s="6"/>
      <c r="DE1995" s="6" t="s">
        <v>362</v>
      </c>
      <c r="DF1995" s="6" t="s">
        <v>363</v>
      </c>
      <c r="DG1995" s="6" t="s">
        <v>376</v>
      </c>
      <c r="DH1995" s="6" t="s">
        <v>468</v>
      </c>
      <c r="DI1995" s="6"/>
      <c r="DJ1995" s="6">
        <v>29</v>
      </c>
      <c r="DK1995" s="6">
        <v>197</v>
      </c>
      <c r="DL1995" s="6">
        <v>8</v>
      </c>
      <c r="DM1995" s="6" t="s">
        <v>368</v>
      </c>
      <c r="DN1995" s="6">
        <v>9</v>
      </c>
      <c r="DO1995" s="6" t="s">
        <v>384</v>
      </c>
      <c r="DP1995" s="6"/>
      <c r="DQ1995" s="6"/>
    </row>
    <row r="1996" spans="1:121" x14ac:dyDescent="0.2">
      <c r="A1996" s="6" t="s">
        <v>315</v>
      </c>
      <c r="B1996" s="6" t="s">
        <v>315</v>
      </c>
      <c r="C1996" s="6" t="s">
        <v>184</v>
      </c>
      <c r="D1996" s="6" t="s">
        <v>137</v>
      </c>
      <c r="E1996" s="6" t="s">
        <v>278</v>
      </c>
      <c r="F1996" s="11">
        <v>1</v>
      </c>
      <c r="G1996" s="13">
        <v>0.06</v>
      </c>
      <c r="H1996" s="11">
        <v>7</v>
      </c>
      <c r="I1996" s="13">
        <v>0.3888888888888889</v>
      </c>
      <c r="J1996" s="11">
        <v>-1</v>
      </c>
      <c r="K1996" s="13">
        <v>-0.04</v>
      </c>
      <c r="L1996" s="11">
        <v>-5</v>
      </c>
      <c r="M1996" s="13">
        <v>-0.20833333333333337</v>
      </c>
      <c r="N1996" s="11">
        <v>-6</v>
      </c>
      <c r="O1996" s="13">
        <v>-0.24</v>
      </c>
      <c r="P1996" s="7">
        <v>18</v>
      </c>
      <c r="Q1996" s="7">
        <v>30</v>
      </c>
      <c r="R1996" s="7">
        <v>35</v>
      </c>
      <c r="S1996" s="7">
        <v>29</v>
      </c>
      <c r="T1996" s="7">
        <v>22</v>
      </c>
      <c r="U1996" s="7">
        <v>21</v>
      </c>
      <c r="V1996" s="7">
        <v>25</v>
      </c>
      <c r="W1996" s="7">
        <v>30</v>
      </c>
      <c r="X1996" s="7">
        <v>21</v>
      </c>
      <c r="Y1996" s="7">
        <v>24</v>
      </c>
      <c r="Z1996" s="7">
        <v>23</v>
      </c>
      <c r="AA1996" s="7">
        <v>22</v>
      </c>
      <c r="AB1996" s="7">
        <v>19</v>
      </c>
      <c r="AC1996" s="7">
        <v>20</v>
      </c>
      <c r="AD1996" s="7">
        <v>20</v>
      </c>
      <c r="AE1996" s="7">
        <v>19</v>
      </c>
      <c r="AF1996" s="7">
        <v>19</v>
      </c>
      <c r="AG1996" s="9">
        <v>1750</v>
      </c>
      <c r="AH1996" s="13">
        <v>4.1626031730929325E-2</v>
      </c>
      <c r="AI1996" s="9">
        <v>-15322</v>
      </c>
      <c r="AJ1996" s="13">
        <v>-0.36445374753217097</v>
      </c>
      <c r="AK1996" s="9">
        <v>4152</v>
      </c>
      <c r="AL1996" s="13">
        <v>0.15539503723941764</v>
      </c>
      <c r="AM1996" s="9">
        <v>12920</v>
      </c>
      <c r="AN1996" s="13">
        <v>0.41851575912668848</v>
      </c>
      <c r="AO1996" s="9">
        <v>17072</v>
      </c>
      <c r="AP1996" s="13">
        <v>0.63894606834088097</v>
      </c>
      <c r="AQ1996" s="9">
        <v>42041</v>
      </c>
      <c r="AR1996" s="9">
        <v>31814</v>
      </c>
      <c r="AS1996" s="9">
        <v>28911</v>
      </c>
      <c r="AT1996" s="9">
        <v>28300</v>
      </c>
      <c r="AU1996" s="9">
        <v>29150</v>
      </c>
      <c r="AV1996" s="9">
        <v>27696</v>
      </c>
      <c r="AW1996" s="9">
        <v>26719</v>
      </c>
      <c r="AX1996" s="9">
        <v>27323</v>
      </c>
      <c r="AY1996" s="9">
        <v>30275</v>
      </c>
      <c r="AZ1996" s="9">
        <v>30871</v>
      </c>
      <c r="BA1996" s="9">
        <v>32828</v>
      </c>
      <c r="BB1996" s="9">
        <v>31556</v>
      </c>
      <c r="BC1996" s="9">
        <v>34739</v>
      </c>
      <c r="BD1996" s="9">
        <v>36625</v>
      </c>
      <c r="BE1996" s="9">
        <v>40459</v>
      </c>
      <c r="BF1996" s="9">
        <v>43791</v>
      </c>
      <c r="BG1996" s="11">
        <v>0</v>
      </c>
      <c r="BH1996" s="13">
        <v>0</v>
      </c>
      <c r="BI1996" s="6">
        <v>-1</v>
      </c>
      <c r="BJ1996" s="13">
        <v>-0.16666666666666666</v>
      </c>
      <c r="BK1996" s="6">
        <v>1</v>
      </c>
      <c r="BL1996" s="13">
        <v>0.2</v>
      </c>
      <c r="BM1996" s="11">
        <v>0</v>
      </c>
      <c r="BN1996" s="13">
        <v>0</v>
      </c>
      <c r="BO1996" s="11">
        <v>1</v>
      </c>
      <c r="BP1996" s="13">
        <v>0.2</v>
      </c>
      <c r="BQ1996" s="6">
        <v>6</v>
      </c>
      <c r="BR1996" s="6">
        <v>5</v>
      </c>
      <c r="BS1996" s="6">
        <v>5</v>
      </c>
      <c r="BT1996" s="6">
        <v>5</v>
      </c>
      <c r="BU1996" s="6">
        <v>6</v>
      </c>
      <c r="BV1996" s="6">
        <v>6</v>
      </c>
      <c r="BW1996" s="6">
        <v>6</v>
      </c>
      <c r="BX1996" s="6">
        <v>6</v>
      </c>
      <c r="BY1996" s="6">
        <v>5</v>
      </c>
      <c r="BZ1996" s="6">
        <v>5</v>
      </c>
      <c r="CA1996" s="6">
        <v>6</v>
      </c>
      <c r="CB1996" s="6">
        <v>6</v>
      </c>
      <c r="CC1996" s="11">
        <v>6</v>
      </c>
      <c r="CD1996" s="11">
        <v>0</v>
      </c>
      <c r="CE1996" s="11">
        <v>-1</v>
      </c>
      <c r="CF1996" s="11">
        <v>2</v>
      </c>
      <c r="CG1996" s="11">
        <v>1</v>
      </c>
      <c r="CH1996" s="20">
        <v>0.43</v>
      </c>
      <c r="CI1996" s="20">
        <v>0.71</v>
      </c>
      <c r="CJ1996" s="20">
        <v>0.82</v>
      </c>
      <c r="CK1996" s="20">
        <v>0.67</v>
      </c>
      <c r="CL1996" s="20">
        <v>0.54</v>
      </c>
      <c r="CM1996" s="20">
        <v>0.56000000000000005</v>
      </c>
      <c r="CN1996" s="20">
        <v>0.65</v>
      </c>
      <c r="CO1996" s="20">
        <v>0.79</v>
      </c>
      <c r="CP1996" s="20">
        <v>0.56999999999999995</v>
      </c>
      <c r="CQ1996" s="20">
        <v>0.64</v>
      </c>
      <c r="CR1996" s="20">
        <v>0.61</v>
      </c>
      <c r="CS1996" s="20">
        <v>0.61</v>
      </c>
      <c r="CT1996" s="20">
        <v>0.56000000000000005</v>
      </c>
      <c r="CU1996" s="20">
        <v>0.61</v>
      </c>
      <c r="CV1996" s="20">
        <v>0.59</v>
      </c>
      <c r="CW1996" s="20">
        <v>0.56999999999999995</v>
      </c>
      <c r="CX1996" s="20">
        <v>0.56000000000000005</v>
      </c>
      <c r="CY1996" s="6" t="s">
        <v>697</v>
      </c>
      <c r="CZ1996" s="6" t="s">
        <v>698</v>
      </c>
      <c r="DA1996" s="6" t="s">
        <v>137</v>
      </c>
      <c r="DB1996" s="6"/>
      <c r="DC1996" s="6">
        <v>28860</v>
      </c>
      <c r="DD1996" s="6"/>
      <c r="DE1996" s="6" t="s">
        <v>362</v>
      </c>
      <c r="DF1996" s="6" t="s">
        <v>363</v>
      </c>
      <c r="DG1996" s="6" t="s">
        <v>376</v>
      </c>
      <c r="DH1996" s="6" t="s">
        <v>468</v>
      </c>
      <c r="DI1996" s="6"/>
      <c r="DJ1996" s="6">
        <v>29</v>
      </c>
      <c r="DK1996" s="6">
        <v>197</v>
      </c>
      <c r="DL1996" s="6">
        <v>8</v>
      </c>
      <c r="DM1996" s="6" t="s">
        <v>368</v>
      </c>
      <c r="DN1996" s="6">
        <v>9</v>
      </c>
      <c r="DO1996" s="6" t="s">
        <v>384</v>
      </c>
      <c r="DP1996" s="6"/>
      <c r="DQ1996" s="6"/>
    </row>
    <row r="1997" spans="1:121" x14ac:dyDescent="0.2">
      <c r="A1997" s="6" t="s">
        <v>316</v>
      </c>
      <c r="B1997" s="6" t="s">
        <v>316</v>
      </c>
      <c r="C1997" s="6" t="s">
        <v>185</v>
      </c>
      <c r="D1997" s="6" t="s">
        <v>137</v>
      </c>
      <c r="E1997" s="6" t="s">
        <v>278</v>
      </c>
      <c r="F1997" s="11">
        <v>-20</v>
      </c>
      <c r="G1997" s="13">
        <v>-1</v>
      </c>
      <c r="H1997" s="11">
        <v>-15</v>
      </c>
      <c r="I1997" s="13">
        <v>-0.75</v>
      </c>
      <c r="J1997" s="11">
        <v>0</v>
      </c>
      <c r="K1997" s="13">
        <v>0</v>
      </c>
      <c r="L1997" s="11">
        <v>-5</v>
      </c>
      <c r="M1997" s="13">
        <v>-1</v>
      </c>
      <c r="N1997" s="11">
        <v>-5</v>
      </c>
      <c r="O1997" s="13">
        <v>-1</v>
      </c>
      <c r="P1997" s="7">
        <v>20</v>
      </c>
      <c r="Q1997" s="7">
        <v>5</v>
      </c>
      <c r="R1997" s="7">
        <v>5</v>
      </c>
      <c r="S1997" s="7">
        <v>5</v>
      </c>
      <c r="T1997" s="7">
        <v>5</v>
      </c>
      <c r="U1997" s="7">
        <v>5</v>
      </c>
      <c r="V1997" s="7">
        <v>5</v>
      </c>
      <c r="W1997" s="7">
        <v>5</v>
      </c>
      <c r="X1997" s="7">
        <v>5</v>
      </c>
      <c r="Y1997" s="7">
        <v>5</v>
      </c>
      <c r="Z1997" s="7">
        <v>5</v>
      </c>
      <c r="AA1997" s="7">
        <v>5</v>
      </c>
      <c r="AB1997" s="7">
        <v>5</v>
      </c>
      <c r="AC1997" s="7">
        <v>0</v>
      </c>
      <c r="AD1997" s="7">
        <v>0</v>
      </c>
      <c r="AE1997" s="7">
        <v>0</v>
      </c>
      <c r="AF1997" s="7">
        <v>0</v>
      </c>
      <c r="AG1997" s="9">
        <v>-15257</v>
      </c>
      <c r="AH1997" s="13">
        <v>-1</v>
      </c>
      <c r="AI1997" s="9">
        <v>-15256</v>
      </c>
      <c r="AJ1997" s="13">
        <v>-0.999934456315134</v>
      </c>
      <c r="AK1997" s="9">
        <v>0</v>
      </c>
      <c r="AL1997" s="13">
        <v>0</v>
      </c>
      <c r="AM1997" s="9">
        <v>-1</v>
      </c>
      <c r="AN1997" s="13">
        <v>-1</v>
      </c>
      <c r="AO1997" s="9">
        <v>-1</v>
      </c>
      <c r="AP1997" s="13">
        <v>-1</v>
      </c>
      <c r="AQ1997" s="9">
        <v>15257</v>
      </c>
      <c r="AR1997" s="9">
        <v>1</v>
      </c>
      <c r="AS1997" s="9">
        <v>1</v>
      </c>
      <c r="AT1997" s="9">
        <v>1</v>
      </c>
      <c r="AU1997" s="9">
        <v>1</v>
      </c>
      <c r="AV1997" s="9">
        <v>1</v>
      </c>
      <c r="AW1997" s="9">
        <v>1</v>
      </c>
      <c r="AX1997" s="9">
        <v>1</v>
      </c>
      <c r="AY1997" s="9">
        <v>1</v>
      </c>
      <c r="AZ1997" s="9">
        <v>1</v>
      </c>
      <c r="BA1997" s="9">
        <v>1</v>
      </c>
      <c r="BB1997" s="9">
        <v>1</v>
      </c>
      <c r="BC1997" s="9">
        <v>1</v>
      </c>
      <c r="BD1997" s="9">
        <v>0</v>
      </c>
      <c r="BE1997" s="9">
        <v>0</v>
      </c>
      <c r="BF1997" s="9">
        <v>0</v>
      </c>
      <c r="BG1997" s="11">
        <v>0</v>
      </c>
      <c r="BH1997" s="13" t="e">
        <v>#DIV/0!</v>
      </c>
      <c r="BI1997" s="6">
        <v>0</v>
      </c>
      <c r="BJ1997" s="13" t="e">
        <v>#DIV/0!</v>
      </c>
      <c r="BK1997" s="6">
        <v>0</v>
      </c>
      <c r="BL1997" s="13" t="e">
        <v>#DIV/0!</v>
      </c>
      <c r="BM1997" s="11">
        <v>0</v>
      </c>
      <c r="BN1997" s="13" t="e">
        <v>#DIV/0!</v>
      </c>
      <c r="BO1997" s="11">
        <v>0</v>
      </c>
      <c r="BP1997" s="13" t="e">
        <v>#DIV/0!</v>
      </c>
      <c r="BQ1997" s="6">
        <v>0</v>
      </c>
      <c r="BR1997" s="6">
        <v>0</v>
      </c>
      <c r="BS1997" s="6">
        <v>0</v>
      </c>
      <c r="BT1997" s="6">
        <v>0</v>
      </c>
      <c r="BU1997" s="6">
        <v>0</v>
      </c>
      <c r="BV1997" s="6">
        <v>0</v>
      </c>
      <c r="BW1997" s="6">
        <v>0</v>
      </c>
      <c r="BX1997" s="6">
        <v>0</v>
      </c>
      <c r="BY1997" s="6">
        <v>0</v>
      </c>
      <c r="BZ1997" s="6">
        <v>0</v>
      </c>
      <c r="CA1997" s="6">
        <v>0</v>
      </c>
      <c r="CB1997" s="6">
        <v>0</v>
      </c>
      <c r="CC1997" s="11">
        <v>0</v>
      </c>
      <c r="CD1997" s="11">
        <v>-22</v>
      </c>
      <c r="CE1997" s="11">
        <v>-1</v>
      </c>
      <c r="CF1997" s="11">
        <v>2</v>
      </c>
      <c r="CG1997" s="11">
        <v>1</v>
      </c>
      <c r="CH1997" s="20">
        <v>1.17</v>
      </c>
      <c r="CI1997" s="20">
        <v>0.53</v>
      </c>
      <c r="CJ1997" s="20">
        <v>0.26</v>
      </c>
      <c r="CK1997" s="20">
        <v>0.12</v>
      </c>
      <c r="CL1997" s="20">
        <v>0.1</v>
      </c>
      <c r="CM1997" s="20">
        <v>0.12</v>
      </c>
      <c r="CN1997" s="20">
        <v>0.11</v>
      </c>
      <c r="CO1997" s="20">
        <v>0.08</v>
      </c>
      <c r="CP1997" s="20">
        <v>0.05</v>
      </c>
      <c r="CQ1997" s="20">
        <v>0.05</v>
      </c>
      <c r="CR1997" s="20">
        <v>0.05</v>
      </c>
      <c r="CS1997" s="20">
        <v>0.06</v>
      </c>
      <c r="CT1997" s="20">
        <v>0.06</v>
      </c>
      <c r="CU1997" s="20">
        <v>0</v>
      </c>
      <c r="CV1997" s="20">
        <v>0</v>
      </c>
      <c r="CW1997" s="20">
        <v>0</v>
      </c>
      <c r="CX1997" s="20">
        <v>0</v>
      </c>
      <c r="CY1997" s="6" t="s">
        <v>697</v>
      </c>
      <c r="CZ1997" s="6" t="s">
        <v>698</v>
      </c>
      <c r="DA1997" s="6" t="s">
        <v>137</v>
      </c>
      <c r="DB1997" s="6"/>
      <c r="DC1997" s="6">
        <v>28860</v>
      </c>
      <c r="DD1997" s="6"/>
      <c r="DE1997" s="6" t="s">
        <v>362</v>
      </c>
      <c r="DF1997" s="6" t="s">
        <v>363</v>
      </c>
      <c r="DG1997" s="6" t="s">
        <v>376</v>
      </c>
      <c r="DH1997" s="6" t="s">
        <v>468</v>
      </c>
      <c r="DI1997" s="6"/>
      <c r="DJ1997" s="6">
        <v>29</v>
      </c>
      <c r="DK1997" s="6">
        <v>197</v>
      </c>
      <c r="DL1997" s="6">
        <v>8</v>
      </c>
      <c r="DM1997" s="6" t="s">
        <v>368</v>
      </c>
      <c r="DN1997" s="6">
        <v>9</v>
      </c>
      <c r="DO1997" s="6" t="s">
        <v>384</v>
      </c>
      <c r="DP1997" s="6"/>
      <c r="DQ1997" s="6"/>
    </row>
    <row r="1998" spans="1:121" x14ac:dyDescent="0.2">
      <c r="A1998" s="6" t="s">
        <v>317</v>
      </c>
      <c r="B1998" s="6" t="s">
        <v>317</v>
      </c>
      <c r="C1998" s="6" t="s">
        <v>186</v>
      </c>
      <c r="D1998" s="6" t="s">
        <v>137</v>
      </c>
      <c r="E1998" s="6" t="s">
        <v>278</v>
      </c>
      <c r="F1998" s="11">
        <v>1</v>
      </c>
      <c r="G1998" s="13">
        <v>1</v>
      </c>
      <c r="H1998" s="11">
        <v>0</v>
      </c>
      <c r="I1998" s="13">
        <v>0</v>
      </c>
      <c r="J1998" s="11">
        <v>0</v>
      </c>
      <c r="K1998" s="13">
        <v>0</v>
      </c>
      <c r="L1998" s="11">
        <v>19</v>
      </c>
      <c r="M1998" s="13">
        <v>3.8</v>
      </c>
      <c r="N1998" s="11">
        <v>19</v>
      </c>
      <c r="O1998" s="13">
        <v>3.8</v>
      </c>
      <c r="P1998" s="7">
        <v>5</v>
      </c>
      <c r="Q1998" s="7">
        <v>5</v>
      </c>
      <c r="R1998" s="7">
        <v>5</v>
      </c>
      <c r="S1998" s="7">
        <v>5</v>
      </c>
      <c r="T1998" s="7">
        <v>5</v>
      </c>
      <c r="U1998" s="7">
        <v>5</v>
      </c>
      <c r="V1998" s="7">
        <v>5</v>
      </c>
      <c r="W1998" s="7">
        <v>5</v>
      </c>
      <c r="X1998" s="7">
        <v>5</v>
      </c>
      <c r="Y1998" s="7">
        <v>5</v>
      </c>
      <c r="Z1998" s="7">
        <v>5</v>
      </c>
      <c r="AA1998" s="7">
        <v>5</v>
      </c>
      <c r="AB1998" s="7">
        <v>5</v>
      </c>
      <c r="AC1998" s="7">
        <v>11</v>
      </c>
      <c r="AD1998" s="7">
        <v>11</v>
      </c>
      <c r="AE1998" s="7">
        <v>22</v>
      </c>
      <c r="AF1998" s="7">
        <v>24</v>
      </c>
      <c r="AG1998" s="9">
        <v>32083</v>
      </c>
      <c r="AH1998" s="13">
        <v>32083</v>
      </c>
      <c r="AI1998" s="9">
        <v>0</v>
      </c>
      <c r="AJ1998" s="13">
        <v>0</v>
      </c>
      <c r="AK1998" s="9">
        <v>0</v>
      </c>
      <c r="AL1998" s="13">
        <v>0</v>
      </c>
      <c r="AM1998" s="9">
        <v>32083</v>
      </c>
      <c r="AN1998" s="13">
        <v>32083</v>
      </c>
      <c r="AO1998" s="9">
        <v>32083</v>
      </c>
      <c r="AP1998" s="13">
        <v>32083</v>
      </c>
      <c r="AQ1998" s="9">
        <v>1</v>
      </c>
      <c r="AR1998" s="9">
        <v>1</v>
      </c>
      <c r="AS1998" s="9">
        <v>1</v>
      </c>
      <c r="AT1998" s="9">
        <v>1</v>
      </c>
      <c r="AU1998" s="9">
        <v>1</v>
      </c>
      <c r="AV1998" s="9">
        <v>1</v>
      </c>
      <c r="AW1998" s="9">
        <v>1</v>
      </c>
      <c r="AX1998" s="9">
        <v>1</v>
      </c>
      <c r="AY1998" s="9">
        <v>1</v>
      </c>
      <c r="AZ1998" s="9">
        <v>1</v>
      </c>
      <c r="BA1998" s="9">
        <v>1</v>
      </c>
      <c r="BB1998" s="9">
        <v>1</v>
      </c>
      <c r="BC1998" s="9">
        <v>1</v>
      </c>
      <c r="BD1998" s="9">
        <v>40813</v>
      </c>
      <c r="BE1998" s="9">
        <v>40311</v>
      </c>
      <c r="BF1998" s="9">
        <v>32084</v>
      </c>
      <c r="BG1998" s="11">
        <v>2</v>
      </c>
      <c r="BH1998" s="13">
        <v>2</v>
      </c>
      <c r="BI1998" s="6">
        <v>0</v>
      </c>
      <c r="BJ1998" s="13">
        <v>0</v>
      </c>
      <c r="BK1998" s="6">
        <v>0</v>
      </c>
      <c r="BL1998" s="13">
        <v>0</v>
      </c>
      <c r="BM1998" s="11">
        <v>2</v>
      </c>
      <c r="BN1998" s="13">
        <v>2</v>
      </c>
      <c r="BO1998" s="11">
        <v>2</v>
      </c>
      <c r="BP1998" s="13">
        <v>2</v>
      </c>
      <c r="BQ1998" s="6">
        <v>1</v>
      </c>
      <c r="BR1998" s="6">
        <v>1</v>
      </c>
      <c r="BS1998" s="6">
        <v>1</v>
      </c>
      <c r="BT1998" s="6">
        <v>1</v>
      </c>
      <c r="BU1998" s="6">
        <v>1</v>
      </c>
      <c r="BV1998" s="6">
        <v>1</v>
      </c>
      <c r="BW1998" s="6">
        <v>1</v>
      </c>
      <c r="BX1998" s="6">
        <v>1</v>
      </c>
      <c r="BY1998" s="6">
        <v>1</v>
      </c>
      <c r="BZ1998" s="6">
        <v>1</v>
      </c>
      <c r="CA1998" s="6">
        <v>2</v>
      </c>
      <c r="CB1998" s="6">
        <v>2</v>
      </c>
      <c r="CC1998" s="11">
        <v>3</v>
      </c>
      <c r="CD1998" s="11">
        <v>20</v>
      </c>
      <c r="CE1998" s="11">
        <v>1</v>
      </c>
      <c r="CF1998" s="11">
        <v>0</v>
      </c>
      <c r="CG1998" s="11">
        <v>1</v>
      </c>
      <c r="CH1998" s="20">
        <v>0.05</v>
      </c>
      <c r="CI1998" s="20">
        <v>0.08</v>
      </c>
      <c r="CJ1998" s="20">
        <v>0.05</v>
      </c>
      <c r="CK1998" s="20">
        <v>0.08</v>
      </c>
      <c r="CL1998" s="20">
        <v>0.15</v>
      </c>
      <c r="CM1998" s="20">
        <v>0.1</v>
      </c>
      <c r="CN1998" s="20">
        <v>0.1</v>
      </c>
      <c r="CO1998" s="20">
        <v>0.08</v>
      </c>
      <c r="CP1998" s="20">
        <v>0.09</v>
      </c>
      <c r="CQ1998" s="20">
        <v>0.11</v>
      </c>
      <c r="CR1998" s="20">
        <v>0.13</v>
      </c>
      <c r="CS1998" s="20">
        <v>0.14000000000000001</v>
      </c>
      <c r="CT1998" s="20">
        <v>0.11</v>
      </c>
      <c r="CU1998" s="20">
        <v>0.21</v>
      </c>
      <c r="CV1998" s="20">
        <v>0.2</v>
      </c>
      <c r="CW1998" s="20">
        <v>0.39</v>
      </c>
      <c r="CX1998" s="20">
        <v>0.42</v>
      </c>
      <c r="CY1998" s="6" t="s">
        <v>697</v>
      </c>
      <c r="CZ1998" s="6" t="s">
        <v>698</v>
      </c>
      <c r="DA1998" s="6" t="s">
        <v>137</v>
      </c>
      <c r="DB1998" s="6"/>
      <c r="DC1998" s="6">
        <v>28860</v>
      </c>
      <c r="DD1998" s="6"/>
      <c r="DE1998" s="6" t="s">
        <v>362</v>
      </c>
      <c r="DF1998" s="6" t="s">
        <v>363</v>
      </c>
      <c r="DG1998" s="6" t="s">
        <v>376</v>
      </c>
      <c r="DH1998" s="6" t="s">
        <v>468</v>
      </c>
      <c r="DI1998" s="6"/>
      <c r="DJ1998" s="6">
        <v>29</v>
      </c>
      <c r="DK1998" s="6">
        <v>197</v>
      </c>
      <c r="DL1998" s="6">
        <v>8</v>
      </c>
      <c r="DM1998" s="6" t="s">
        <v>368</v>
      </c>
      <c r="DN1998" s="6">
        <v>9</v>
      </c>
      <c r="DO1998" s="6" t="s">
        <v>384</v>
      </c>
      <c r="DP1998" s="6"/>
      <c r="DQ1998" s="6"/>
    </row>
    <row r="1999" spans="1:121" x14ac:dyDescent="0.2">
      <c r="A1999" s="6" t="s">
        <v>318</v>
      </c>
      <c r="B1999" s="6" t="s">
        <v>318</v>
      </c>
      <c r="C1999" s="6" t="s">
        <v>187</v>
      </c>
      <c r="D1999" s="6" t="s">
        <v>137</v>
      </c>
      <c r="E1999" s="6" t="s">
        <v>278</v>
      </c>
      <c r="F1999" s="11">
        <v>0</v>
      </c>
      <c r="G1999" s="13">
        <v>0</v>
      </c>
      <c r="H1999" s="11">
        <v>0</v>
      </c>
      <c r="I1999" s="13"/>
      <c r="J1999" s="11">
        <v>0</v>
      </c>
      <c r="K1999" s="13"/>
      <c r="L1999" s="11">
        <v>0</v>
      </c>
      <c r="M1999" s="13"/>
      <c r="N1999" s="11">
        <v>0</v>
      </c>
      <c r="O1999" s="13"/>
      <c r="P1999" s="7">
        <v>0</v>
      </c>
      <c r="Q1999" s="7">
        <v>0</v>
      </c>
      <c r="R1999" s="7">
        <v>0</v>
      </c>
      <c r="S1999" s="7">
        <v>0</v>
      </c>
      <c r="T1999" s="7">
        <v>0</v>
      </c>
      <c r="U1999" s="7">
        <v>0</v>
      </c>
      <c r="V1999" s="7">
        <v>0</v>
      </c>
      <c r="W1999" s="7">
        <v>0</v>
      </c>
      <c r="X1999" s="7">
        <v>0</v>
      </c>
      <c r="Y1999" s="7">
        <v>0</v>
      </c>
      <c r="Z1999" s="7">
        <v>0</v>
      </c>
      <c r="AA1999" s="7">
        <v>0</v>
      </c>
      <c r="AB1999" s="7">
        <v>0</v>
      </c>
      <c r="AC1999" s="7">
        <v>0</v>
      </c>
      <c r="AD1999" s="7">
        <v>0</v>
      </c>
      <c r="AE1999" s="7">
        <v>0</v>
      </c>
      <c r="AF1999" s="7">
        <v>0</v>
      </c>
      <c r="AG1999" s="9">
        <v>0</v>
      </c>
      <c r="AH1999" s="13"/>
      <c r="AI1999" s="9">
        <v>0</v>
      </c>
      <c r="AJ1999" s="13"/>
      <c r="AK1999" s="9">
        <v>0</v>
      </c>
      <c r="AL1999" s="13"/>
      <c r="AM1999" s="9">
        <v>0</v>
      </c>
      <c r="AN1999" s="13"/>
      <c r="AO1999" s="9">
        <v>0</v>
      </c>
      <c r="AP1999" s="13"/>
      <c r="AQ1999" s="9">
        <v>0</v>
      </c>
      <c r="AR1999" s="9">
        <v>0</v>
      </c>
      <c r="AS1999" s="9">
        <v>0</v>
      </c>
      <c r="AT1999" s="9">
        <v>0</v>
      </c>
      <c r="AU1999" s="9">
        <v>0</v>
      </c>
      <c r="AV1999" s="9">
        <v>0</v>
      </c>
      <c r="AW1999" s="9">
        <v>0</v>
      </c>
      <c r="AX1999" s="9">
        <v>0</v>
      </c>
      <c r="AY1999" s="9">
        <v>0</v>
      </c>
      <c r="AZ1999" s="9">
        <v>0</v>
      </c>
      <c r="BA1999" s="9">
        <v>0</v>
      </c>
      <c r="BB1999" s="9">
        <v>0</v>
      </c>
      <c r="BC1999" s="9">
        <v>0</v>
      </c>
      <c r="BD1999" s="9">
        <v>0</v>
      </c>
      <c r="BE1999" s="9">
        <v>0</v>
      </c>
      <c r="BF1999" s="9">
        <v>0</v>
      </c>
      <c r="BG1999" s="11">
        <v>0</v>
      </c>
      <c r="BH1999" s="13" t="e">
        <v>#DIV/0!</v>
      </c>
      <c r="BI1999" s="6">
        <v>0</v>
      </c>
      <c r="BJ1999" s="13" t="e">
        <v>#DIV/0!</v>
      </c>
      <c r="BK1999" s="6">
        <v>0</v>
      </c>
      <c r="BL1999" s="13" t="e">
        <v>#DIV/0!</v>
      </c>
      <c r="BM1999" s="11">
        <v>0</v>
      </c>
      <c r="BN1999" s="13" t="e">
        <v>#DIV/0!</v>
      </c>
      <c r="BO1999" s="11">
        <v>0</v>
      </c>
      <c r="BP1999" s="13" t="e">
        <v>#DIV/0!</v>
      </c>
      <c r="BQ1999" s="6">
        <v>0</v>
      </c>
      <c r="BR1999" s="6">
        <v>0</v>
      </c>
      <c r="BS1999" s="6">
        <v>0</v>
      </c>
      <c r="BT1999" s="6">
        <v>0</v>
      </c>
      <c r="BU1999" s="6">
        <v>0</v>
      </c>
      <c r="BV1999" s="6">
        <v>0</v>
      </c>
      <c r="BW1999" s="6">
        <v>0</v>
      </c>
      <c r="BX1999" s="6">
        <v>0</v>
      </c>
      <c r="BY1999" s="6">
        <v>0</v>
      </c>
      <c r="BZ1999" s="6">
        <v>0</v>
      </c>
      <c r="CA1999" s="6">
        <v>0</v>
      </c>
      <c r="CB1999" s="6">
        <v>0</v>
      </c>
      <c r="CC1999" s="11">
        <v>0</v>
      </c>
      <c r="CD1999" s="11">
        <v>0</v>
      </c>
      <c r="CE1999" s="11">
        <v>0</v>
      </c>
      <c r="CF1999" s="11">
        <v>0</v>
      </c>
      <c r="CG1999" s="11">
        <v>0</v>
      </c>
      <c r="CH1999" s="20">
        <v>0</v>
      </c>
      <c r="CI1999" s="20">
        <v>0</v>
      </c>
      <c r="CJ1999" s="20">
        <v>0</v>
      </c>
      <c r="CK1999" s="20">
        <v>0</v>
      </c>
      <c r="CL1999" s="20">
        <v>0</v>
      </c>
      <c r="CM1999" s="20">
        <v>0</v>
      </c>
      <c r="CN1999" s="20">
        <v>0</v>
      </c>
      <c r="CO1999" s="20">
        <v>0</v>
      </c>
      <c r="CP1999" s="20">
        <v>0</v>
      </c>
      <c r="CQ1999" s="20">
        <v>0</v>
      </c>
      <c r="CR1999" s="20">
        <v>0</v>
      </c>
      <c r="CS1999" s="20">
        <v>0</v>
      </c>
      <c r="CT1999" s="20">
        <v>0</v>
      </c>
      <c r="CU1999" s="20">
        <v>0</v>
      </c>
      <c r="CV1999" s="20">
        <v>0</v>
      </c>
      <c r="CW1999" s="20">
        <v>0</v>
      </c>
      <c r="CX1999" s="20">
        <v>0</v>
      </c>
      <c r="CY1999" s="6" t="s">
        <v>697</v>
      </c>
      <c r="CZ1999" s="6" t="s">
        <v>698</v>
      </c>
      <c r="DA1999" s="6" t="s">
        <v>137</v>
      </c>
      <c r="DB1999" s="6"/>
      <c r="DC1999" s="6">
        <v>28860</v>
      </c>
      <c r="DD1999" s="6"/>
      <c r="DE1999" s="6" t="s">
        <v>362</v>
      </c>
      <c r="DF1999" s="6" t="s">
        <v>363</v>
      </c>
      <c r="DG1999" s="6" t="s">
        <v>376</v>
      </c>
      <c r="DH1999" s="6" t="s">
        <v>468</v>
      </c>
      <c r="DI1999" s="6"/>
      <c r="DJ1999" s="6">
        <v>29</v>
      </c>
      <c r="DK1999" s="6">
        <v>197</v>
      </c>
      <c r="DL1999" s="6">
        <v>8</v>
      </c>
      <c r="DM1999" s="6" t="s">
        <v>368</v>
      </c>
      <c r="DN1999" s="6">
        <v>9</v>
      </c>
      <c r="DO1999" s="6" t="s">
        <v>384</v>
      </c>
      <c r="DP1999" s="6"/>
      <c r="DQ1999" s="6"/>
    </row>
    <row r="2000" spans="1:121" x14ac:dyDescent="0.2">
      <c r="A2000" s="6" t="s">
        <v>319</v>
      </c>
      <c r="B2000" s="6" t="s">
        <v>319</v>
      </c>
      <c r="C2000" s="6" t="s">
        <v>188</v>
      </c>
      <c r="D2000" s="6" t="s">
        <v>137</v>
      </c>
      <c r="E2000" s="6" t="s">
        <v>278</v>
      </c>
      <c r="F2000" s="11">
        <v>3</v>
      </c>
      <c r="G2000" s="13">
        <v>0.1875</v>
      </c>
      <c r="H2000" s="11">
        <v>-2.9019868012999996</v>
      </c>
      <c r="I2000" s="13">
        <v>-0.17905254391251238</v>
      </c>
      <c r="J2000" s="11">
        <v>7.361867151100002</v>
      </c>
      <c r="K2000" s="13">
        <v>0.55329618722650786</v>
      </c>
      <c r="L2000" s="11">
        <v>-1.7093994992000034</v>
      </c>
      <c r="M2000" s="13">
        <v>-8.2710186017660794E-2</v>
      </c>
      <c r="N2000" s="11">
        <v>5.6524676518999986</v>
      </c>
      <c r="O2000" s="13">
        <v>0.42482277064048007</v>
      </c>
      <c r="P2000" s="7">
        <v>16.207459206599999</v>
      </c>
      <c r="Q2000" s="7">
        <v>20.4810480031</v>
      </c>
      <c r="R2000" s="7">
        <v>13.134752710900001</v>
      </c>
      <c r="S2000" s="7">
        <v>21.541956512300001</v>
      </c>
      <c r="T2000" s="7">
        <v>15.0357954278</v>
      </c>
      <c r="U2000" s="7">
        <v>10.104699305500001</v>
      </c>
      <c r="V2000" s="7">
        <v>13.3054724053</v>
      </c>
      <c r="W2000" s="7">
        <v>19.8839141037</v>
      </c>
      <c r="X2000" s="7">
        <v>14.3104430503</v>
      </c>
      <c r="Y2000" s="7">
        <v>20.667339556400002</v>
      </c>
      <c r="Z2000" s="7">
        <v>18.313379193199999</v>
      </c>
      <c r="AA2000" s="7">
        <v>16.727042125299999</v>
      </c>
      <c r="AB2000" s="7">
        <v>17.225421867200001</v>
      </c>
      <c r="AC2000" s="7">
        <v>17.042477188300001</v>
      </c>
      <c r="AD2000" s="7">
        <v>14.834524613499999</v>
      </c>
      <c r="AE2000" s="7">
        <v>18.357393263599999</v>
      </c>
      <c r="AF2000" s="7">
        <v>18.957940057199998</v>
      </c>
      <c r="AG2000" s="9">
        <v>5432.4746132999971</v>
      </c>
      <c r="AH2000" s="13">
        <v>0.30938683918561088</v>
      </c>
      <c r="AI2000" s="9">
        <v>-2947.2053770000002</v>
      </c>
      <c r="AJ2000" s="13">
        <v>-0.16784736624235616</v>
      </c>
      <c r="AK2000" s="9">
        <v>534.9754396999997</v>
      </c>
      <c r="AL2000" s="13">
        <v>3.6612971908796282E-2</v>
      </c>
      <c r="AM2000" s="9">
        <v>7844.7045505999977</v>
      </c>
      <c r="AN2000" s="13">
        <v>0.51791810205609901</v>
      </c>
      <c r="AO2000" s="9">
        <v>8379.6799902999974</v>
      </c>
      <c r="AP2000" s="13">
        <v>0.57349359488653229</v>
      </c>
      <c r="AQ2000" s="9">
        <v>17558.841958500001</v>
      </c>
      <c r="AR2000" s="9">
        <v>15015.154855799999</v>
      </c>
      <c r="AS2000" s="9">
        <v>13512.340200099999</v>
      </c>
      <c r="AT2000" s="9">
        <v>12767.2505726</v>
      </c>
      <c r="AU2000" s="9">
        <v>12774.390781399999</v>
      </c>
      <c r="AV2000" s="9">
        <v>13667.927045099999</v>
      </c>
      <c r="AW2000" s="9">
        <v>14611.636581500001</v>
      </c>
      <c r="AX2000" s="9">
        <v>14311.155708</v>
      </c>
      <c r="AY2000" s="9">
        <v>14279.6787331</v>
      </c>
      <c r="AZ2000" s="9">
        <v>15146.612021200001</v>
      </c>
      <c r="BA2000" s="9">
        <v>14580.1785654</v>
      </c>
      <c r="BB2000" s="9">
        <v>13738.383249</v>
      </c>
      <c r="BC2000" s="9">
        <v>15383.924697599999</v>
      </c>
      <c r="BD2000" s="9">
        <v>15677.5892798</v>
      </c>
      <c r="BE2000" s="9">
        <v>14864.4834433</v>
      </c>
      <c r="BF2000" s="9">
        <v>22991.316571799998</v>
      </c>
      <c r="BG2000" s="11">
        <v>0.5</v>
      </c>
      <c r="BH2000" s="13">
        <v>0.5</v>
      </c>
      <c r="BI2000" s="6">
        <v>1</v>
      </c>
      <c r="BJ2000" s="13">
        <v>1</v>
      </c>
      <c r="BK2000" s="6">
        <v>-1</v>
      </c>
      <c r="BL2000" s="13">
        <v>-0.5</v>
      </c>
      <c r="BM2000" s="11">
        <v>0.5</v>
      </c>
      <c r="BN2000" s="13">
        <v>0.5</v>
      </c>
      <c r="BO2000" s="11">
        <v>-0.5</v>
      </c>
      <c r="BP2000" s="13">
        <v>-0.25</v>
      </c>
      <c r="BQ2000" s="6">
        <v>1</v>
      </c>
      <c r="BR2000" s="6">
        <v>1</v>
      </c>
      <c r="BS2000" s="6">
        <v>1</v>
      </c>
      <c r="BT2000" s="6">
        <v>2</v>
      </c>
      <c r="BU2000" s="6">
        <v>2</v>
      </c>
      <c r="BV2000" s="6">
        <v>1</v>
      </c>
      <c r="BW2000" s="6">
        <v>1</v>
      </c>
      <c r="BX2000" s="6">
        <v>0</v>
      </c>
      <c r="BY2000" s="6">
        <v>0</v>
      </c>
      <c r="BZ2000" s="6">
        <v>0</v>
      </c>
      <c r="CA2000" s="6">
        <v>0</v>
      </c>
      <c r="CB2000" s="6">
        <v>0</v>
      </c>
      <c r="CC2000" s="11">
        <v>1.5</v>
      </c>
      <c r="CD2000" s="11">
        <v>-0.47941600000000001</v>
      </c>
      <c r="CE2000" s="11">
        <v>1.4582299999999999</v>
      </c>
      <c r="CF2000" s="11">
        <v>1.7716700000000001</v>
      </c>
      <c r="CG2000" s="11">
        <v>3</v>
      </c>
      <c r="CH2000" s="20">
        <v>0.27235700000000002</v>
      </c>
      <c r="CI2000" s="20">
        <v>0.34755999999999998</v>
      </c>
      <c r="CJ2000" s="20">
        <v>0.22395499999999999</v>
      </c>
      <c r="CK2000" s="20">
        <v>0.35950599999999999</v>
      </c>
      <c r="CL2000" s="20">
        <v>0.259351</v>
      </c>
      <c r="CM2000" s="20">
        <v>0.18260899999999999</v>
      </c>
      <c r="CN2000" s="20">
        <v>0.23702100000000001</v>
      </c>
      <c r="CO2000" s="20">
        <v>0.36146800000000001</v>
      </c>
      <c r="CP2000" s="20">
        <v>0.28259200000000001</v>
      </c>
      <c r="CQ2000" s="20">
        <v>0.391542</v>
      </c>
      <c r="CR2000" s="20">
        <v>0.33851599999999998</v>
      </c>
      <c r="CS2000" s="20">
        <v>0.31218800000000002</v>
      </c>
      <c r="CT2000" s="20">
        <v>0.32693299999999997</v>
      </c>
      <c r="CU2000" s="20">
        <v>0.32629000000000002</v>
      </c>
      <c r="CV2000" s="20">
        <v>0.27457300000000001</v>
      </c>
      <c r="CW2000" s="20">
        <v>0.34069899999999997</v>
      </c>
      <c r="CX2000" s="20">
        <v>0.34617399999999998</v>
      </c>
      <c r="CY2000" s="6" t="s">
        <v>697</v>
      </c>
      <c r="CZ2000" s="6" t="s">
        <v>698</v>
      </c>
      <c r="DA2000" s="6" t="s">
        <v>137</v>
      </c>
      <c r="DB2000" s="6"/>
      <c r="DC2000" s="6">
        <v>28860</v>
      </c>
      <c r="DD2000" s="6"/>
      <c r="DE2000" s="6" t="s">
        <v>362</v>
      </c>
      <c r="DF2000" s="6" t="s">
        <v>363</v>
      </c>
      <c r="DG2000" s="6" t="s">
        <v>376</v>
      </c>
      <c r="DH2000" s="6" t="s">
        <v>468</v>
      </c>
      <c r="DI2000" s="6"/>
      <c r="DJ2000" s="6">
        <v>29</v>
      </c>
      <c r="DK2000" s="6">
        <v>197</v>
      </c>
      <c r="DL2000" s="6">
        <v>8</v>
      </c>
      <c r="DM2000" s="6" t="s">
        <v>368</v>
      </c>
      <c r="DN2000" s="6">
        <v>9</v>
      </c>
      <c r="DO2000" s="6" t="s">
        <v>384</v>
      </c>
      <c r="DP2000" s="6"/>
      <c r="DQ2000" s="6"/>
    </row>
    <row r="2001" spans="1:121" x14ac:dyDescent="0.2">
      <c r="A2001" s="6" t="s">
        <v>320</v>
      </c>
      <c r="B2001" s="6" t="s">
        <v>320</v>
      </c>
      <c r="C2001" s="6" t="s">
        <v>189</v>
      </c>
      <c r="D2001" s="6" t="s">
        <v>137</v>
      </c>
      <c r="E2001" s="6" t="s">
        <v>278</v>
      </c>
      <c r="F2001" s="11">
        <v>0</v>
      </c>
      <c r="G2001" s="13">
        <v>0</v>
      </c>
      <c r="H2001" s="11">
        <v>0</v>
      </c>
      <c r="I2001" s="13"/>
      <c r="J2001" s="11">
        <v>0</v>
      </c>
      <c r="K2001" s="13"/>
      <c r="L2001" s="11">
        <v>0</v>
      </c>
      <c r="M2001" s="13"/>
      <c r="N2001" s="11">
        <v>0</v>
      </c>
      <c r="O2001" s="13"/>
      <c r="P2001" s="7">
        <v>0</v>
      </c>
      <c r="Q2001" s="7">
        <v>0</v>
      </c>
      <c r="R2001" s="7">
        <v>0</v>
      </c>
      <c r="S2001" s="7">
        <v>0</v>
      </c>
      <c r="T2001" s="7">
        <v>5</v>
      </c>
      <c r="U2001" s="7">
        <v>0</v>
      </c>
      <c r="V2001" s="7">
        <v>0</v>
      </c>
      <c r="W2001" s="7">
        <v>0</v>
      </c>
      <c r="X2001" s="7">
        <v>0</v>
      </c>
      <c r="Y2001" s="7">
        <v>0</v>
      </c>
      <c r="Z2001" s="7">
        <v>0</v>
      </c>
      <c r="AA2001" s="7">
        <v>0</v>
      </c>
      <c r="AB2001" s="7">
        <v>0</v>
      </c>
      <c r="AC2001" s="7">
        <v>0</v>
      </c>
      <c r="AD2001" s="7">
        <v>0</v>
      </c>
      <c r="AE2001" s="7">
        <v>0</v>
      </c>
      <c r="AF2001" s="7">
        <v>0</v>
      </c>
      <c r="AG2001" s="9">
        <v>0</v>
      </c>
      <c r="AH2001" s="13"/>
      <c r="AI2001" s="9">
        <v>0</v>
      </c>
      <c r="AJ2001" s="13"/>
      <c r="AK2001" s="9">
        <v>0</v>
      </c>
      <c r="AL2001" s="13"/>
      <c r="AM2001" s="9">
        <v>0</v>
      </c>
      <c r="AN2001" s="13"/>
      <c r="AO2001" s="9">
        <v>0</v>
      </c>
      <c r="AP2001" s="13"/>
      <c r="AQ2001" s="9">
        <v>0</v>
      </c>
      <c r="AR2001" s="9">
        <v>0</v>
      </c>
      <c r="AS2001" s="9">
        <v>0</v>
      </c>
      <c r="AT2001" s="9">
        <v>0</v>
      </c>
      <c r="AU2001" s="9">
        <v>1</v>
      </c>
      <c r="AV2001" s="9">
        <v>0</v>
      </c>
      <c r="AW2001" s="9">
        <v>0</v>
      </c>
      <c r="AX2001" s="9">
        <v>0</v>
      </c>
      <c r="AY2001" s="9">
        <v>0</v>
      </c>
      <c r="AZ2001" s="9">
        <v>0</v>
      </c>
      <c r="BA2001" s="9">
        <v>0</v>
      </c>
      <c r="BB2001" s="9">
        <v>0</v>
      </c>
      <c r="BC2001" s="9">
        <v>0</v>
      </c>
      <c r="BD2001" s="9">
        <v>0</v>
      </c>
      <c r="BE2001" s="9">
        <v>0</v>
      </c>
      <c r="BF2001" s="9">
        <v>0</v>
      </c>
      <c r="BG2001" s="11">
        <v>0</v>
      </c>
      <c r="BH2001" s="13" t="e">
        <v>#DIV/0!</v>
      </c>
      <c r="BI2001" s="6">
        <v>0</v>
      </c>
      <c r="BJ2001" s="13" t="e">
        <v>#DIV/0!</v>
      </c>
      <c r="BK2001" s="6">
        <v>0</v>
      </c>
      <c r="BL2001" s="13" t="e">
        <v>#DIV/0!</v>
      </c>
      <c r="BM2001" s="11">
        <v>0</v>
      </c>
      <c r="BN2001" s="13" t="e">
        <v>#DIV/0!</v>
      </c>
      <c r="BO2001" s="11">
        <v>0</v>
      </c>
      <c r="BP2001" s="13" t="e">
        <v>#DIV/0!</v>
      </c>
      <c r="BQ2001" s="6">
        <v>0</v>
      </c>
      <c r="BR2001" s="6">
        <v>0</v>
      </c>
      <c r="BS2001" s="6">
        <v>0</v>
      </c>
      <c r="BT2001" s="6">
        <v>0</v>
      </c>
      <c r="BU2001" s="6">
        <v>0</v>
      </c>
      <c r="BV2001" s="6">
        <v>0</v>
      </c>
      <c r="BW2001" s="6">
        <v>0</v>
      </c>
      <c r="BX2001" s="6">
        <v>0</v>
      </c>
      <c r="BY2001" s="6">
        <v>0</v>
      </c>
      <c r="BZ2001" s="6">
        <v>0</v>
      </c>
      <c r="CA2001" s="6">
        <v>0</v>
      </c>
      <c r="CB2001" s="6">
        <v>0</v>
      </c>
      <c r="CC2001" s="11">
        <v>0</v>
      </c>
      <c r="CD2001" s="11">
        <v>0</v>
      </c>
      <c r="CE2001" s="11">
        <v>0</v>
      </c>
      <c r="CF2001" s="11">
        <v>0</v>
      </c>
      <c r="CG2001" s="11">
        <v>0</v>
      </c>
      <c r="CH2001" s="20">
        <v>0</v>
      </c>
      <c r="CI2001" s="20">
        <v>0</v>
      </c>
      <c r="CJ2001" s="20">
        <v>0</v>
      </c>
      <c r="CK2001" s="20">
        <v>0</v>
      </c>
      <c r="CL2001" s="20">
        <v>7.9107999999999998E-2</v>
      </c>
      <c r="CM2001" s="20">
        <v>0</v>
      </c>
      <c r="CN2001" s="20">
        <v>0</v>
      </c>
      <c r="CO2001" s="20">
        <v>0</v>
      </c>
      <c r="CP2001" s="20">
        <v>0</v>
      </c>
      <c r="CQ2001" s="20">
        <v>0</v>
      </c>
      <c r="CR2001" s="20">
        <v>0</v>
      </c>
      <c r="CS2001" s="20">
        <v>0</v>
      </c>
      <c r="CT2001" s="20">
        <v>0</v>
      </c>
      <c r="CU2001" s="20">
        <v>0</v>
      </c>
      <c r="CV2001" s="20">
        <v>0</v>
      </c>
      <c r="CW2001" s="20">
        <v>0</v>
      </c>
      <c r="CX2001" s="20">
        <v>0</v>
      </c>
      <c r="CY2001" s="6" t="s">
        <v>697</v>
      </c>
      <c r="CZ2001" s="6" t="s">
        <v>698</v>
      </c>
      <c r="DA2001" s="6" t="s">
        <v>137</v>
      </c>
      <c r="DB2001" s="6"/>
      <c r="DC2001" s="6">
        <v>28860</v>
      </c>
      <c r="DD2001" s="6"/>
      <c r="DE2001" s="6" t="s">
        <v>362</v>
      </c>
      <c r="DF2001" s="6" t="s">
        <v>363</v>
      </c>
      <c r="DG2001" s="6" t="s">
        <v>376</v>
      </c>
      <c r="DH2001" s="6" t="s">
        <v>468</v>
      </c>
      <c r="DI2001" s="6"/>
      <c r="DJ2001" s="6">
        <v>29</v>
      </c>
      <c r="DK2001" s="6">
        <v>197</v>
      </c>
      <c r="DL2001" s="6">
        <v>8</v>
      </c>
      <c r="DM2001" s="6" t="s">
        <v>368</v>
      </c>
      <c r="DN2001" s="6">
        <v>9</v>
      </c>
      <c r="DO2001" s="6" t="s">
        <v>384</v>
      </c>
      <c r="DP2001" s="6"/>
      <c r="DQ2001" s="6"/>
    </row>
    <row r="2002" spans="1:121" x14ac:dyDescent="0.2">
      <c r="A2002" s="6" t="s">
        <v>321</v>
      </c>
      <c r="B2002" s="6" t="s">
        <v>321</v>
      </c>
      <c r="C2002" s="6" t="s">
        <v>190</v>
      </c>
      <c r="D2002" s="6" t="s">
        <v>137</v>
      </c>
      <c r="E2002" s="6" t="s">
        <v>278</v>
      </c>
      <c r="F2002" s="11">
        <v>7</v>
      </c>
      <c r="G2002" s="13">
        <v>0.17499999999999999</v>
      </c>
      <c r="H2002" s="11">
        <v>4.9546211735000014</v>
      </c>
      <c r="I2002" s="13">
        <v>0.12492753841338557</v>
      </c>
      <c r="J2002" s="11">
        <v>-2.4131190642000035</v>
      </c>
      <c r="K2002" s="13">
        <v>-5.4088125495558061E-2</v>
      </c>
      <c r="L2002" s="11">
        <v>4.4532026647000009</v>
      </c>
      <c r="M2002" s="13">
        <v>0.1055224735008804</v>
      </c>
      <c r="N2002" s="11">
        <v>2.0400836004999974</v>
      </c>
      <c r="O2002" s="13">
        <v>4.5726835216005027E-2</v>
      </c>
      <c r="P2002" s="7">
        <v>39.659959977</v>
      </c>
      <c r="Q2002" s="7">
        <v>36.142233881199999</v>
      </c>
      <c r="R2002" s="7">
        <v>39.754435654300003</v>
      </c>
      <c r="S2002" s="7">
        <v>38.536338644700002</v>
      </c>
      <c r="T2002" s="7">
        <v>46.109220434100003</v>
      </c>
      <c r="U2002" s="7">
        <v>50.960442522500003</v>
      </c>
      <c r="V2002" s="7">
        <v>44.614581150500001</v>
      </c>
      <c r="W2002" s="7">
        <v>45.493665261399997</v>
      </c>
      <c r="X2002" s="7">
        <v>45.6430428476</v>
      </c>
      <c r="Y2002" s="7">
        <v>42.201462086299998</v>
      </c>
      <c r="Z2002" s="7">
        <v>42.056414129799997</v>
      </c>
      <c r="AA2002" s="7">
        <v>39.899405700800003</v>
      </c>
      <c r="AB2002" s="7">
        <v>47.600494134100003</v>
      </c>
      <c r="AC2002" s="7">
        <v>49.401201199699997</v>
      </c>
      <c r="AD2002" s="7">
        <v>45.883475828900004</v>
      </c>
      <c r="AE2002" s="7">
        <v>44.032427983200002</v>
      </c>
      <c r="AF2002" s="7">
        <v>46.654664750999999</v>
      </c>
      <c r="AG2002" s="9">
        <v>-13473.575688999998</v>
      </c>
      <c r="AH2002" s="13">
        <v>-0.37164303589242931</v>
      </c>
      <c r="AI2002" s="9">
        <v>-7972.1514655999963</v>
      </c>
      <c r="AJ2002" s="13">
        <v>-0.21989668085575284</v>
      </c>
      <c r="AK2002" s="9">
        <v>3013.6382103999968</v>
      </c>
      <c r="AL2002" s="13">
        <v>0.10655703332251168</v>
      </c>
      <c r="AM2002" s="9">
        <v>-8515.062433799998</v>
      </c>
      <c r="AN2002" s="13">
        <v>-0.27208527618609074</v>
      </c>
      <c r="AO2002" s="9">
        <v>-5501.4242234000012</v>
      </c>
      <c r="AP2002" s="13">
        <v>-0.19452084270470513</v>
      </c>
      <c r="AQ2002" s="9">
        <v>36254.078208799998</v>
      </c>
      <c r="AR2002" s="9">
        <v>28804.572231800001</v>
      </c>
      <c r="AS2002" s="9">
        <v>28996.661596000002</v>
      </c>
      <c r="AT2002" s="9">
        <v>29862.518683300001</v>
      </c>
      <c r="AU2002" s="9">
        <v>29590.967116100001</v>
      </c>
      <c r="AV2002" s="9">
        <v>25317.595358999999</v>
      </c>
      <c r="AW2002" s="9">
        <v>28281.926743200002</v>
      </c>
      <c r="AX2002" s="9">
        <v>28936.8349347</v>
      </c>
      <c r="AY2002" s="9">
        <v>27919.109506199999</v>
      </c>
      <c r="AZ2002" s="9">
        <v>31295.564953599998</v>
      </c>
      <c r="BA2002" s="9">
        <v>29741.208418300001</v>
      </c>
      <c r="BB2002" s="9">
        <v>32627.233790900002</v>
      </c>
      <c r="BC2002" s="9">
        <v>28798.3176537</v>
      </c>
      <c r="BD2002" s="9">
        <v>26482.296904999999</v>
      </c>
      <c r="BE2002" s="9">
        <v>26024.380345500002</v>
      </c>
      <c r="BF2002" s="9">
        <v>22780.5025198</v>
      </c>
      <c r="BG2002" s="11">
        <v>8</v>
      </c>
      <c r="BH2002" s="13">
        <v>1.3333333333333333</v>
      </c>
      <c r="BI2002" s="6">
        <v>1</v>
      </c>
      <c r="BJ2002" s="13">
        <v>0.16666666666666666</v>
      </c>
      <c r="BK2002" s="6">
        <v>-1</v>
      </c>
      <c r="BL2002" s="13">
        <v>-0.14285714285714285</v>
      </c>
      <c r="BM2002" s="11">
        <v>8</v>
      </c>
      <c r="BN2002" s="13">
        <v>1.3333333333333333</v>
      </c>
      <c r="BO2002" s="11">
        <v>7</v>
      </c>
      <c r="BP2002" s="13">
        <v>1</v>
      </c>
      <c r="BQ2002" s="6">
        <v>6</v>
      </c>
      <c r="BR2002" s="6">
        <v>7</v>
      </c>
      <c r="BS2002" s="6">
        <v>7</v>
      </c>
      <c r="BT2002" s="6">
        <v>7</v>
      </c>
      <c r="BU2002" s="6">
        <v>7</v>
      </c>
      <c r="BV2002" s="6">
        <v>6</v>
      </c>
      <c r="BW2002" s="6">
        <v>6</v>
      </c>
      <c r="BX2002" s="6">
        <v>6</v>
      </c>
      <c r="BY2002" s="6">
        <v>5</v>
      </c>
      <c r="BZ2002" s="6">
        <v>15</v>
      </c>
      <c r="CA2002" s="6">
        <v>14</v>
      </c>
      <c r="CB2002" s="6">
        <v>14</v>
      </c>
      <c r="CC2002" s="11">
        <v>14</v>
      </c>
      <c r="CD2002" s="11">
        <v>-11.7834</v>
      </c>
      <c r="CE2002" s="11">
        <v>14.4428</v>
      </c>
      <c r="CF2002" s="11">
        <v>4.3353099999999998</v>
      </c>
      <c r="CG2002" s="11">
        <v>18</v>
      </c>
      <c r="CH2002" s="20">
        <v>0.40448200000000001</v>
      </c>
      <c r="CI2002" s="20">
        <v>0.35830099999999998</v>
      </c>
      <c r="CJ2002" s="20">
        <v>0.38389000000000001</v>
      </c>
      <c r="CK2002" s="20">
        <v>0.36872899999999997</v>
      </c>
      <c r="CL2002" s="20">
        <v>0.46116699999999999</v>
      </c>
      <c r="CM2002" s="20">
        <v>0.53491999999999995</v>
      </c>
      <c r="CN2002" s="20">
        <v>0.45341999999999999</v>
      </c>
      <c r="CO2002" s="20">
        <v>0.44000600000000001</v>
      </c>
      <c r="CP2002" s="20">
        <v>0.42779800000000001</v>
      </c>
      <c r="CQ2002" s="20">
        <v>0.38472400000000001</v>
      </c>
      <c r="CR2002" s="20">
        <v>0.38355</v>
      </c>
      <c r="CS2002" s="20">
        <v>0.36484</v>
      </c>
      <c r="CT2002" s="20">
        <v>0.44605299999999998</v>
      </c>
      <c r="CU2002" s="20">
        <v>0.47354200000000002</v>
      </c>
      <c r="CV2002" s="20">
        <v>0.425508</v>
      </c>
      <c r="CW2002" s="20">
        <v>0.40751799999999999</v>
      </c>
      <c r="CX2002" s="20">
        <v>0.42082399999999998</v>
      </c>
      <c r="CY2002" s="6" t="s">
        <v>697</v>
      </c>
      <c r="CZ2002" s="6" t="s">
        <v>698</v>
      </c>
      <c r="DA2002" s="6" t="s">
        <v>137</v>
      </c>
      <c r="DB2002" s="6"/>
      <c r="DC2002" s="6">
        <v>28860</v>
      </c>
      <c r="DD2002" s="6"/>
      <c r="DE2002" s="6" t="s">
        <v>362</v>
      </c>
      <c r="DF2002" s="6" t="s">
        <v>363</v>
      </c>
      <c r="DG2002" s="6" t="s">
        <v>376</v>
      </c>
      <c r="DH2002" s="6" t="s">
        <v>468</v>
      </c>
      <c r="DI2002" s="6"/>
      <c r="DJ2002" s="6">
        <v>29</v>
      </c>
      <c r="DK2002" s="6">
        <v>197</v>
      </c>
      <c r="DL2002" s="6">
        <v>8</v>
      </c>
      <c r="DM2002" s="6" t="s">
        <v>368</v>
      </c>
      <c r="DN2002" s="6">
        <v>9</v>
      </c>
      <c r="DO2002" s="6" t="s">
        <v>384</v>
      </c>
      <c r="DP2002" s="6"/>
      <c r="DQ2002" s="6"/>
    </row>
    <row r="2003" spans="1:121" x14ac:dyDescent="0.2">
      <c r="A2003" s="6" t="s">
        <v>322</v>
      </c>
      <c r="B2003" s="6" t="s">
        <v>322</v>
      </c>
      <c r="C2003" s="6" t="s">
        <v>191</v>
      </c>
      <c r="D2003" s="6" t="s">
        <v>137</v>
      </c>
      <c r="E2003" s="6" t="s">
        <v>278</v>
      </c>
      <c r="F2003" s="11">
        <v>1</v>
      </c>
      <c r="G2003" s="13">
        <v>1</v>
      </c>
      <c r="H2003" s="11">
        <v>7</v>
      </c>
      <c r="I2003" s="13">
        <v>1.4</v>
      </c>
      <c r="J2003" s="11">
        <v>-7</v>
      </c>
      <c r="K2003" s="13">
        <v>-0.58333333333333337</v>
      </c>
      <c r="L2003" s="11">
        <v>0</v>
      </c>
      <c r="M2003" s="13">
        <v>0</v>
      </c>
      <c r="N2003" s="11">
        <v>-7</v>
      </c>
      <c r="O2003" s="13">
        <v>-0.58333333333333337</v>
      </c>
      <c r="P2003" s="7">
        <v>5</v>
      </c>
      <c r="Q2003" s="7">
        <v>5</v>
      </c>
      <c r="R2003" s="7">
        <v>5</v>
      </c>
      <c r="S2003" s="7">
        <v>5</v>
      </c>
      <c r="T2003" s="7">
        <v>11</v>
      </c>
      <c r="U2003" s="7">
        <v>5</v>
      </c>
      <c r="V2003" s="7">
        <v>12</v>
      </c>
      <c r="W2003" s="7">
        <v>14</v>
      </c>
      <c r="X2003" s="7">
        <v>13</v>
      </c>
      <c r="Y2003" s="7">
        <v>5</v>
      </c>
      <c r="Z2003" s="7">
        <v>5</v>
      </c>
      <c r="AA2003" s="7">
        <v>10</v>
      </c>
      <c r="AB2003" s="7">
        <v>5</v>
      </c>
      <c r="AC2003" s="7">
        <v>5</v>
      </c>
      <c r="AD2003" s="7">
        <v>5</v>
      </c>
      <c r="AE2003" s="7">
        <v>5</v>
      </c>
      <c r="AF2003" s="7">
        <v>5</v>
      </c>
      <c r="AG2003" s="9">
        <v>0</v>
      </c>
      <c r="AH2003" s="13">
        <v>0</v>
      </c>
      <c r="AI2003" s="9">
        <v>11174</v>
      </c>
      <c r="AJ2003" s="13">
        <v>11174</v>
      </c>
      <c r="AK2003" s="9">
        <v>-11174</v>
      </c>
      <c r="AL2003" s="13">
        <v>-0.99991051454138702</v>
      </c>
      <c r="AM2003" s="9">
        <v>0</v>
      </c>
      <c r="AN2003" s="13">
        <v>0</v>
      </c>
      <c r="AO2003" s="9">
        <v>-11174</v>
      </c>
      <c r="AP2003" s="13">
        <v>-0.99991051454138702</v>
      </c>
      <c r="AQ2003" s="9">
        <v>1</v>
      </c>
      <c r="AR2003" s="9">
        <v>1</v>
      </c>
      <c r="AS2003" s="9">
        <v>1</v>
      </c>
      <c r="AT2003" s="9">
        <v>1</v>
      </c>
      <c r="AU2003" s="9">
        <v>12436</v>
      </c>
      <c r="AV2003" s="9">
        <v>1</v>
      </c>
      <c r="AW2003" s="9">
        <v>11175</v>
      </c>
      <c r="AX2003" s="9">
        <v>15654</v>
      </c>
      <c r="AY2003" s="9">
        <v>20096</v>
      </c>
      <c r="AZ2003" s="9">
        <v>1</v>
      </c>
      <c r="BA2003" s="9">
        <v>1</v>
      </c>
      <c r="BB2003" s="9">
        <v>13092</v>
      </c>
      <c r="BC2003" s="9">
        <v>1</v>
      </c>
      <c r="BD2003" s="9">
        <v>1</v>
      </c>
      <c r="BE2003" s="9">
        <v>1</v>
      </c>
      <c r="BF2003" s="9">
        <v>1</v>
      </c>
      <c r="BG2003" s="11">
        <v>0</v>
      </c>
      <c r="BH2003" s="13">
        <v>0</v>
      </c>
      <c r="BI2003" s="6">
        <v>0</v>
      </c>
      <c r="BJ2003" s="13">
        <v>0</v>
      </c>
      <c r="BK2003" s="6">
        <v>0</v>
      </c>
      <c r="BL2003" s="13">
        <v>0</v>
      </c>
      <c r="BM2003" s="11">
        <v>0</v>
      </c>
      <c r="BN2003" s="13">
        <v>0</v>
      </c>
      <c r="BO2003" s="11">
        <v>0</v>
      </c>
      <c r="BP2003" s="13">
        <v>0</v>
      </c>
      <c r="BQ2003" s="6">
        <v>1</v>
      </c>
      <c r="BR2003" s="6">
        <v>1</v>
      </c>
      <c r="BS2003" s="6">
        <v>1</v>
      </c>
      <c r="BT2003" s="6">
        <v>1</v>
      </c>
      <c r="BU2003" s="6">
        <v>1</v>
      </c>
      <c r="BV2003" s="6">
        <v>1</v>
      </c>
      <c r="BW2003" s="6">
        <v>1</v>
      </c>
      <c r="BX2003" s="6">
        <v>1</v>
      </c>
      <c r="BY2003" s="6">
        <v>1</v>
      </c>
      <c r="BZ2003" s="6">
        <v>1</v>
      </c>
      <c r="CA2003" s="6">
        <v>1</v>
      </c>
      <c r="CB2003" s="6">
        <v>1</v>
      </c>
      <c r="CC2003" s="11">
        <v>1</v>
      </c>
      <c r="CD2003" s="11">
        <v>1</v>
      </c>
      <c r="CE2003" s="11">
        <v>1</v>
      </c>
      <c r="CF2003" s="11">
        <v>1</v>
      </c>
      <c r="CG2003" s="11">
        <v>2</v>
      </c>
      <c r="CH2003" s="20">
        <v>0.34</v>
      </c>
      <c r="CI2003" s="20">
        <v>0.44</v>
      </c>
      <c r="CJ2003" s="20">
        <v>0.43</v>
      </c>
      <c r="CK2003" s="20">
        <v>0.37</v>
      </c>
      <c r="CL2003" s="20">
        <v>0.78</v>
      </c>
      <c r="CM2003" s="20">
        <v>0.64</v>
      </c>
      <c r="CN2003" s="20">
        <v>0.86</v>
      </c>
      <c r="CO2003" s="20">
        <v>0.92</v>
      </c>
      <c r="CP2003" s="20">
        <v>0.86</v>
      </c>
      <c r="CQ2003" s="20">
        <v>0.27</v>
      </c>
      <c r="CR2003" s="20">
        <v>0.35</v>
      </c>
      <c r="CS2003" s="20">
        <v>0.71</v>
      </c>
      <c r="CT2003" s="20">
        <v>0.48</v>
      </c>
      <c r="CU2003" s="20">
        <v>0.55000000000000004</v>
      </c>
      <c r="CV2003" s="20">
        <v>0.52</v>
      </c>
      <c r="CW2003" s="20">
        <v>0.51</v>
      </c>
      <c r="CX2003" s="20">
        <v>0.48</v>
      </c>
      <c r="CY2003" s="6" t="s">
        <v>697</v>
      </c>
      <c r="CZ2003" s="6" t="s">
        <v>698</v>
      </c>
      <c r="DA2003" s="6" t="s">
        <v>137</v>
      </c>
      <c r="DB2003" s="6"/>
      <c r="DC2003" s="6">
        <v>28860</v>
      </c>
      <c r="DD2003" s="6"/>
      <c r="DE2003" s="6" t="s">
        <v>362</v>
      </c>
      <c r="DF2003" s="6" t="s">
        <v>363</v>
      </c>
      <c r="DG2003" s="6" t="s">
        <v>376</v>
      </c>
      <c r="DH2003" s="6" t="s">
        <v>468</v>
      </c>
      <c r="DI2003" s="6"/>
      <c r="DJ2003" s="6">
        <v>29</v>
      </c>
      <c r="DK2003" s="6">
        <v>197</v>
      </c>
      <c r="DL2003" s="6">
        <v>8</v>
      </c>
      <c r="DM2003" s="6" t="s">
        <v>368</v>
      </c>
      <c r="DN2003" s="6">
        <v>9</v>
      </c>
      <c r="DO2003" s="6" t="s">
        <v>384</v>
      </c>
      <c r="DP2003" s="6"/>
      <c r="DQ2003" s="6"/>
    </row>
    <row r="2004" spans="1:121" x14ac:dyDescent="0.2">
      <c r="A2004" s="6" t="s">
        <v>323</v>
      </c>
      <c r="B2004" s="6" t="s">
        <v>323</v>
      </c>
      <c r="C2004" s="6" t="s">
        <v>192</v>
      </c>
      <c r="D2004" s="6" t="s">
        <v>137</v>
      </c>
      <c r="E2004" s="6" t="s">
        <v>278</v>
      </c>
      <c r="F2004" s="11">
        <v>-15</v>
      </c>
      <c r="G2004" s="13">
        <v>-0.45454545454500001</v>
      </c>
      <c r="H2004" s="11">
        <v>-15.476760036099996</v>
      </c>
      <c r="I2004" s="13">
        <v>-0.4645309509689477</v>
      </c>
      <c r="J2004" s="11">
        <v>-1.3769199981</v>
      </c>
      <c r="K2004" s="13">
        <v>-7.7180740539985526E-2</v>
      </c>
      <c r="L2004" s="11">
        <v>1.6005826060999979</v>
      </c>
      <c r="M2004" s="13">
        <v>9.7221356622824356E-2</v>
      </c>
      <c r="N2004" s="11">
        <v>0.22366260799999793</v>
      </c>
      <c r="O2004" s="13">
        <v>1.2536999782387237E-2</v>
      </c>
      <c r="P2004" s="7">
        <v>33.316961988899997</v>
      </c>
      <c r="Q2004" s="7">
        <v>20.014447000000001</v>
      </c>
      <c r="R2004" s="7">
        <v>27.032106017699999</v>
      </c>
      <c r="S2004" s="7">
        <v>27.210855691900001</v>
      </c>
      <c r="T2004" s="7">
        <v>12.526621237500001</v>
      </c>
      <c r="U2004" s="7">
        <v>20.723134479599999</v>
      </c>
      <c r="V2004" s="7">
        <v>17.840201952800001</v>
      </c>
      <c r="W2004" s="7">
        <v>15.9958831765</v>
      </c>
      <c r="X2004" s="7">
        <v>11.204500959100001</v>
      </c>
      <c r="Y2004" s="7">
        <v>16.463281954700001</v>
      </c>
      <c r="Z2004" s="7">
        <v>16.457168376999999</v>
      </c>
      <c r="AA2004" s="7">
        <v>10.669111167600001</v>
      </c>
      <c r="AB2004" s="7">
        <v>14.524528606100001</v>
      </c>
      <c r="AC2004" s="7">
        <v>15.1809166298</v>
      </c>
      <c r="AD2004" s="7">
        <v>15.2009026565</v>
      </c>
      <c r="AE2004" s="7">
        <v>16.995193548500001</v>
      </c>
      <c r="AF2004" s="7">
        <v>18.063864560799999</v>
      </c>
      <c r="AG2004" s="9">
        <v>976.23907762999988</v>
      </c>
      <c r="AH2004" s="13">
        <v>9.9930761134520804E-2</v>
      </c>
      <c r="AI2004" s="9">
        <v>241.81271492999986</v>
      </c>
      <c r="AJ2004" s="13">
        <v>2.4752675045157616E-2</v>
      </c>
      <c r="AK2004" s="9">
        <v>933.35605699999905</v>
      </c>
      <c r="AL2004" s="13">
        <v>9.3233351618843857E-2</v>
      </c>
      <c r="AM2004" s="9">
        <v>-198.92969429999903</v>
      </c>
      <c r="AN2004" s="13">
        <v>-1.8176517943636436E-2</v>
      </c>
      <c r="AO2004" s="9">
        <v>734.42636270000003</v>
      </c>
      <c r="AP2004" s="13">
        <v>7.3362175986562139E-2</v>
      </c>
      <c r="AQ2004" s="9">
        <v>9769.1548282700005</v>
      </c>
      <c r="AR2004" s="9">
        <v>7028.9261392199996</v>
      </c>
      <c r="AS2004" s="9">
        <v>7026.2413657300003</v>
      </c>
      <c r="AT2004" s="9">
        <v>5685.6537202600002</v>
      </c>
      <c r="AU2004" s="9">
        <v>7091.8207018200001</v>
      </c>
      <c r="AV2004" s="9">
        <v>8886.2005772299999</v>
      </c>
      <c r="AW2004" s="9">
        <v>10010.9675432</v>
      </c>
      <c r="AX2004" s="9">
        <v>6801.7748367100003</v>
      </c>
      <c r="AY2004" s="9">
        <v>11108.3381114</v>
      </c>
      <c r="AZ2004" s="9">
        <v>10944.323600199999</v>
      </c>
      <c r="BA2004" s="9">
        <v>9976.3359579200005</v>
      </c>
      <c r="BB2004" s="9">
        <v>13506.604875700001</v>
      </c>
      <c r="BC2004" s="9">
        <v>11126.791963</v>
      </c>
      <c r="BD2004" s="9">
        <v>12569.497084799999</v>
      </c>
      <c r="BE2004" s="9">
        <v>13838.289457999999</v>
      </c>
      <c r="BF2004" s="9">
        <v>10745.3939059</v>
      </c>
      <c r="BG2004" s="11">
        <v>-2</v>
      </c>
      <c r="BH2004" s="13">
        <v>-0.4</v>
      </c>
      <c r="BI2004" s="6">
        <v>0</v>
      </c>
      <c r="BJ2004" s="13">
        <v>0</v>
      </c>
      <c r="BK2004" s="6">
        <v>0</v>
      </c>
      <c r="BL2004" s="13">
        <v>0</v>
      </c>
      <c r="BM2004" s="11">
        <v>-2</v>
      </c>
      <c r="BN2004" s="13">
        <v>-0.4</v>
      </c>
      <c r="BO2004" s="11">
        <v>-2</v>
      </c>
      <c r="BP2004" s="13">
        <v>-0.4</v>
      </c>
      <c r="BQ2004" s="6">
        <v>5</v>
      </c>
      <c r="BR2004" s="6">
        <v>4</v>
      </c>
      <c r="BS2004" s="6">
        <v>5</v>
      </c>
      <c r="BT2004" s="6">
        <v>5</v>
      </c>
      <c r="BU2004" s="6">
        <v>5</v>
      </c>
      <c r="BV2004" s="6">
        <v>6</v>
      </c>
      <c r="BW2004" s="6">
        <v>5</v>
      </c>
      <c r="BX2004" s="6">
        <v>4</v>
      </c>
      <c r="BY2004" s="6">
        <v>3</v>
      </c>
      <c r="BZ2004" s="6">
        <v>3</v>
      </c>
      <c r="CA2004" s="6">
        <v>3</v>
      </c>
      <c r="CB2004" s="6">
        <v>3</v>
      </c>
      <c r="CC2004" s="11">
        <v>3</v>
      </c>
      <c r="CD2004" s="11">
        <v>-26.471499999999999</v>
      </c>
      <c r="CE2004" s="11">
        <v>7.57646</v>
      </c>
      <c r="CF2004" s="11">
        <v>3.64195</v>
      </c>
      <c r="CG2004" s="11">
        <v>12</v>
      </c>
      <c r="CH2004" s="20">
        <v>0.45786399999999999</v>
      </c>
      <c r="CI2004" s="20">
        <v>0.27416200000000002</v>
      </c>
      <c r="CJ2004" s="20">
        <v>0.36510300000000001</v>
      </c>
      <c r="CK2004" s="20">
        <v>0.362259</v>
      </c>
      <c r="CL2004" s="20">
        <v>0.17418800000000001</v>
      </c>
      <c r="CM2004" s="20">
        <v>0.30362699999999998</v>
      </c>
      <c r="CN2004" s="20">
        <v>0.254496</v>
      </c>
      <c r="CO2004" s="20">
        <v>0.22212899999999999</v>
      </c>
      <c r="CP2004" s="20">
        <v>0.15825500000000001</v>
      </c>
      <c r="CQ2004" s="20">
        <v>0.229131</v>
      </c>
      <c r="CR2004" s="20">
        <v>0.226627</v>
      </c>
      <c r="CS2004" s="20">
        <v>0.14822299999999999</v>
      </c>
      <c r="CT2004" s="20">
        <v>0.20458200000000001</v>
      </c>
      <c r="CU2004" s="20">
        <v>0.21642700000000001</v>
      </c>
      <c r="CV2004" s="20">
        <v>0.207651</v>
      </c>
      <c r="CW2004" s="20">
        <v>0.23114799999999999</v>
      </c>
      <c r="CX2004" s="20">
        <v>0.24201600000000001</v>
      </c>
      <c r="CY2004" s="6" t="s">
        <v>697</v>
      </c>
      <c r="CZ2004" s="6" t="s">
        <v>698</v>
      </c>
      <c r="DA2004" s="6" t="s">
        <v>137</v>
      </c>
      <c r="DB2004" s="6"/>
      <c r="DC2004" s="6">
        <v>28860</v>
      </c>
      <c r="DD2004" s="6"/>
      <c r="DE2004" s="6" t="s">
        <v>362</v>
      </c>
      <c r="DF2004" s="6" t="s">
        <v>363</v>
      </c>
      <c r="DG2004" s="6" t="s">
        <v>376</v>
      </c>
      <c r="DH2004" s="6" t="s">
        <v>468</v>
      </c>
      <c r="DI2004" s="6"/>
      <c r="DJ2004" s="6">
        <v>29</v>
      </c>
      <c r="DK2004" s="6">
        <v>197</v>
      </c>
      <c r="DL2004" s="6">
        <v>8</v>
      </c>
      <c r="DM2004" s="6" t="s">
        <v>368</v>
      </c>
      <c r="DN2004" s="6">
        <v>9</v>
      </c>
      <c r="DO2004" s="6" t="s">
        <v>384</v>
      </c>
      <c r="DP2004" s="6"/>
      <c r="DQ2004" s="6"/>
    </row>
    <row r="2005" spans="1:121" x14ac:dyDescent="0.2">
      <c r="A2005" s="6" t="s">
        <v>325</v>
      </c>
      <c r="B2005" s="6" t="s">
        <v>325</v>
      </c>
      <c r="C2005" s="6" t="s">
        <v>193</v>
      </c>
      <c r="D2005" s="6" t="s">
        <v>137</v>
      </c>
      <c r="E2005" s="6" t="s">
        <v>278</v>
      </c>
      <c r="F2005" s="11">
        <v>22</v>
      </c>
      <c r="G2005" s="13">
        <v>0.39285714285700002</v>
      </c>
      <c r="H2005" s="11">
        <v>18.102157095100004</v>
      </c>
      <c r="I2005" s="13">
        <v>0.32145149508818965</v>
      </c>
      <c r="J2005" s="11">
        <v>4.8327550542999944</v>
      </c>
      <c r="K2005" s="13">
        <v>6.4942451335901097E-2</v>
      </c>
      <c r="L2005" s="11">
        <v>-1.3552857305000003</v>
      </c>
      <c r="M2005" s="13">
        <v>-1.7101673871254757E-2</v>
      </c>
      <c r="N2005" s="11">
        <v>3.4774693237999941</v>
      </c>
      <c r="O2005" s="13">
        <v>4.6730152841499922E-2</v>
      </c>
      <c r="P2005" s="7">
        <v>56.313805882700002</v>
      </c>
      <c r="Q2005" s="7">
        <v>59.515336664499998</v>
      </c>
      <c r="R2005" s="7">
        <v>56.167436221999999</v>
      </c>
      <c r="S2005" s="7">
        <v>71.575768327299997</v>
      </c>
      <c r="T2005" s="7">
        <v>80.175949835599994</v>
      </c>
      <c r="U2005" s="7">
        <v>74.169464621100005</v>
      </c>
      <c r="V2005" s="7">
        <v>74.415962977800007</v>
      </c>
      <c r="W2005" s="7">
        <v>71.732708935999995</v>
      </c>
      <c r="X2005" s="7">
        <v>68.051847613899994</v>
      </c>
      <c r="Y2005" s="7">
        <v>79.248718032100001</v>
      </c>
      <c r="Z2005" s="7">
        <v>71.122854388700006</v>
      </c>
      <c r="AA2005" s="7">
        <v>65.204403686299997</v>
      </c>
      <c r="AB2005" s="7">
        <v>63.909545346900003</v>
      </c>
      <c r="AC2005" s="7">
        <v>88.727338806500001</v>
      </c>
      <c r="AD2005" s="7">
        <v>79.652919376699998</v>
      </c>
      <c r="AE2005" s="7">
        <v>75.361736809500002</v>
      </c>
      <c r="AF2005" s="7">
        <v>77.893432301600001</v>
      </c>
      <c r="AG2005" s="9">
        <v>-173.0121792000009</v>
      </c>
      <c r="AH2005" s="13">
        <v>-1.1371412230416217E-2</v>
      </c>
      <c r="AI2005" s="9">
        <v>-2185.6062849999998</v>
      </c>
      <c r="AJ2005" s="13">
        <v>-0.14365133226484103</v>
      </c>
      <c r="AK2005" s="9">
        <v>6323.3720086000012</v>
      </c>
      <c r="AL2005" s="13">
        <v>0.48532854255183111</v>
      </c>
      <c r="AM2005" s="9">
        <v>-4310.7779028000023</v>
      </c>
      <c r="AN2005" s="13">
        <v>-0.22275128709617376</v>
      </c>
      <c r="AO2005" s="9">
        <v>2012.5941057999989</v>
      </c>
      <c r="AP2005" s="13">
        <v>0.15446969793772686</v>
      </c>
      <c r="AQ2005" s="9">
        <v>15214.6607382</v>
      </c>
      <c r="AR2005" s="9">
        <v>19940.9609289</v>
      </c>
      <c r="AS2005" s="9">
        <v>14953.850450100001</v>
      </c>
      <c r="AT2005" s="9">
        <v>14154.1562546</v>
      </c>
      <c r="AU2005" s="9">
        <v>14839.293346099999</v>
      </c>
      <c r="AV2005" s="9">
        <v>12226.255299300001</v>
      </c>
      <c r="AW2005" s="9">
        <v>13029.0544532</v>
      </c>
      <c r="AX2005" s="9">
        <v>12831.3584243</v>
      </c>
      <c r="AY2005" s="9">
        <v>21690.4759749</v>
      </c>
      <c r="AZ2005" s="9">
        <v>19352.426461800002</v>
      </c>
      <c r="BA2005" s="9">
        <v>19145.1368177</v>
      </c>
      <c r="BB2005" s="9">
        <v>14663.2797458</v>
      </c>
      <c r="BC2005" s="9">
        <v>14206.8245628</v>
      </c>
      <c r="BD2005" s="9">
        <v>13993.4004872</v>
      </c>
      <c r="BE2005" s="9">
        <v>16175.791055600001</v>
      </c>
      <c r="BF2005" s="9">
        <v>15041.648558999999</v>
      </c>
      <c r="BG2005" s="11">
        <v>-14</v>
      </c>
      <c r="BH2005" s="13">
        <v>-0.66666666666666663</v>
      </c>
      <c r="BI2005" s="6">
        <v>-2</v>
      </c>
      <c r="BJ2005" s="13">
        <v>-9.5238095238095233E-2</v>
      </c>
      <c r="BK2005" s="6">
        <v>-1</v>
      </c>
      <c r="BL2005" s="13">
        <v>-5.2631578947368418E-2</v>
      </c>
      <c r="BM2005" s="11">
        <v>-11</v>
      </c>
      <c r="BN2005" s="13">
        <v>-0.61111111111111116</v>
      </c>
      <c r="BO2005" s="11">
        <v>-12</v>
      </c>
      <c r="BP2005" s="13">
        <v>-0.63157894736842102</v>
      </c>
      <c r="BQ2005" s="6">
        <v>21</v>
      </c>
      <c r="BR2005" s="6">
        <v>22</v>
      </c>
      <c r="BS2005" s="6">
        <v>21</v>
      </c>
      <c r="BT2005" s="6">
        <v>19</v>
      </c>
      <c r="BU2005" s="6">
        <v>16</v>
      </c>
      <c r="BV2005" s="6">
        <v>17</v>
      </c>
      <c r="BW2005" s="6">
        <v>18</v>
      </c>
      <c r="BX2005" s="6">
        <v>16</v>
      </c>
      <c r="BY2005" s="6">
        <v>15</v>
      </c>
      <c r="BZ2005" s="6">
        <v>7</v>
      </c>
      <c r="CA2005" s="6">
        <v>7</v>
      </c>
      <c r="CB2005" s="6">
        <v>7</v>
      </c>
      <c r="CC2005" s="11">
        <v>7</v>
      </c>
      <c r="CD2005" s="11">
        <v>15.942399999999999</v>
      </c>
      <c r="CE2005" s="11">
        <v>-0.51859699999999997</v>
      </c>
      <c r="CF2005" s="11">
        <v>6.15578</v>
      </c>
      <c r="CG2005" s="11">
        <v>5</v>
      </c>
      <c r="CH2005" s="20">
        <v>1.13934</v>
      </c>
      <c r="CI2005" s="20">
        <v>1.1952400000000001</v>
      </c>
      <c r="CJ2005" s="20">
        <v>1.1185799999999999</v>
      </c>
      <c r="CK2005" s="20">
        <v>1.43049</v>
      </c>
      <c r="CL2005" s="20">
        <v>1.7014199999999999</v>
      </c>
      <c r="CM2005" s="20">
        <v>1.6739200000000001</v>
      </c>
      <c r="CN2005" s="20">
        <v>1.6433</v>
      </c>
      <c r="CO2005" s="20">
        <v>1.54053</v>
      </c>
      <c r="CP2005" s="20">
        <v>1.4561900000000001</v>
      </c>
      <c r="CQ2005" s="20">
        <v>1.68337</v>
      </c>
      <c r="CR2005" s="20">
        <v>1.5166200000000001</v>
      </c>
      <c r="CS2005" s="20">
        <v>1.4135800000000001</v>
      </c>
      <c r="CT2005" s="20">
        <v>1.5323199999999999</v>
      </c>
      <c r="CU2005" s="20">
        <v>2.1761400000000002</v>
      </c>
      <c r="CV2005" s="20">
        <v>1.9089499999999999</v>
      </c>
      <c r="CW2005" s="20">
        <v>1.81732</v>
      </c>
      <c r="CX2005" s="20">
        <v>1.8668400000000001</v>
      </c>
      <c r="CY2005" s="6" t="s">
        <v>697</v>
      </c>
      <c r="CZ2005" s="6" t="s">
        <v>698</v>
      </c>
      <c r="DA2005" s="6" t="s">
        <v>137</v>
      </c>
      <c r="DB2005" s="6"/>
      <c r="DC2005" s="6">
        <v>28860</v>
      </c>
      <c r="DD2005" s="6"/>
      <c r="DE2005" s="6" t="s">
        <v>362</v>
      </c>
      <c r="DF2005" s="6" t="s">
        <v>363</v>
      </c>
      <c r="DG2005" s="6" t="s">
        <v>376</v>
      </c>
      <c r="DH2005" s="6" t="s">
        <v>468</v>
      </c>
      <c r="DI2005" s="6"/>
      <c r="DJ2005" s="6">
        <v>29</v>
      </c>
      <c r="DK2005" s="6">
        <v>197</v>
      </c>
      <c r="DL2005" s="6">
        <v>8</v>
      </c>
      <c r="DM2005" s="6" t="s">
        <v>368</v>
      </c>
      <c r="DN2005" s="6">
        <v>9</v>
      </c>
      <c r="DO2005" s="6" t="s">
        <v>384</v>
      </c>
      <c r="DP2005" s="6"/>
      <c r="DQ2005" s="6"/>
    </row>
    <row r="2006" spans="1:121" x14ac:dyDescent="0.2">
      <c r="A2006" s="6" t="s">
        <v>327</v>
      </c>
      <c r="B2006" s="6" t="s">
        <v>327</v>
      </c>
      <c r="C2006" s="6" t="s">
        <v>194</v>
      </c>
      <c r="D2006" s="6" t="s">
        <v>137</v>
      </c>
      <c r="E2006" s="6" t="s">
        <v>278</v>
      </c>
      <c r="F2006" s="11">
        <v>-16</v>
      </c>
      <c r="G2006" s="13">
        <v>-4.5454545454499999E-2</v>
      </c>
      <c r="H2006" s="11">
        <v>-1.558811999999989</v>
      </c>
      <c r="I2006" s="13">
        <v>-4.4300586555655564E-3</v>
      </c>
      <c r="J2006" s="11">
        <v>13.946135999999967</v>
      </c>
      <c r="K2006" s="13">
        <v>3.9810520555103639E-2</v>
      </c>
      <c r="L2006" s="11">
        <v>-28.26115753199997</v>
      </c>
      <c r="M2006" s="13">
        <v>-7.7585345599306438E-2</v>
      </c>
      <c r="N2006" s="11">
        <v>-14.315021532000003</v>
      </c>
      <c r="O2006" s="13">
        <v>-4.0863538039958784E-2</v>
      </c>
      <c r="P2006" s="7">
        <v>351.87163900000002</v>
      </c>
      <c r="Q2006" s="7">
        <v>357.84667999999999</v>
      </c>
      <c r="R2006" s="7">
        <v>349.92439300000001</v>
      </c>
      <c r="S2006" s="7">
        <v>345.37375600000001</v>
      </c>
      <c r="T2006" s="7">
        <v>351.45492899999999</v>
      </c>
      <c r="U2006" s="7">
        <v>354.57078200000001</v>
      </c>
      <c r="V2006" s="7">
        <v>350.31282700000003</v>
      </c>
      <c r="W2006" s="7">
        <v>356.978452</v>
      </c>
      <c r="X2006" s="7">
        <v>363.363921</v>
      </c>
      <c r="Y2006" s="7">
        <v>364.25896299999999</v>
      </c>
      <c r="Z2006" s="7">
        <v>371.77816300000001</v>
      </c>
      <c r="AA2006" s="7">
        <v>356.85639200000003</v>
      </c>
      <c r="AB2006" s="7">
        <v>356.40593799999999</v>
      </c>
      <c r="AC2006" s="7">
        <v>338.97233</v>
      </c>
      <c r="AD2006" s="7">
        <v>340.25093199999998</v>
      </c>
      <c r="AE2006" s="7">
        <v>338.95708050000002</v>
      </c>
      <c r="AF2006" s="7">
        <v>335.99780546800002</v>
      </c>
      <c r="AG2006" s="9">
        <v>7020.6169559000009</v>
      </c>
      <c r="AH2006" s="13">
        <v>0.26769816910794092</v>
      </c>
      <c r="AI2006" s="9">
        <v>4829.4711783999992</v>
      </c>
      <c r="AJ2006" s="13">
        <v>0.18414914249534289</v>
      </c>
      <c r="AK2006" s="9">
        <v>3151.4939191000012</v>
      </c>
      <c r="AL2006" s="13">
        <v>0.10147993746464019</v>
      </c>
      <c r="AM2006" s="9">
        <v>-960.34814159999951</v>
      </c>
      <c r="AN2006" s="13">
        <v>-2.807474540036688E-2</v>
      </c>
      <c r="AO2006" s="9">
        <v>2191.1457775000017</v>
      </c>
      <c r="AP2006" s="13">
        <v>7.0556168656708398E-2</v>
      </c>
      <c r="AQ2006" s="9">
        <v>26225.8684073</v>
      </c>
      <c r="AR2006" s="9">
        <v>26256.582299099999</v>
      </c>
      <c r="AS2006" s="9">
        <v>27139.711057799999</v>
      </c>
      <c r="AT2006" s="9">
        <v>28421.4844017</v>
      </c>
      <c r="AU2006" s="9">
        <v>28211.058513600001</v>
      </c>
      <c r="AV2006" s="9">
        <v>29207.1124103</v>
      </c>
      <c r="AW2006" s="9">
        <v>31055.3395857</v>
      </c>
      <c r="AX2006" s="9">
        <v>32183.1490538</v>
      </c>
      <c r="AY2006" s="9">
        <v>33082.127673499999</v>
      </c>
      <c r="AZ2006" s="9">
        <v>34206.833504800001</v>
      </c>
      <c r="BA2006" s="9">
        <v>32263.038193699998</v>
      </c>
      <c r="BB2006" s="9">
        <v>32095.239288199999</v>
      </c>
      <c r="BC2006" s="9">
        <v>33081.206189800003</v>
      </c>
      <c r="BD2006" s="9">
        <v>33008.3953129</v>
      </c>
      <c r="BE2006" s="9">
        <v>32678.553760399998</v>
      </c>
      <c r="BF2006" s="9">
        <v>33246.485363200001</v>
      </c>
      <c r="BG2006" s="11">
        <v>-3</v>
      </c>
      <c r="BH2006" s="13">
        <v>-0.1</v>
      </c>
      <c r="BI2006" s="6">
        <v>0</v>
      </c>
      <c r="BJ2006" s="13">
        <v>0</v>
      </c>
      <c r="BK2006" s="6">
        <v>0</v>
      </c>
      <c r="BL2006" s="13">
        <v>0</v>
      </c>
      <c r="BM2006" s="11">
        <v>-3</v>
      </c>
      <c r="BN2006" s="13">
        <v>-0.1</v>
      </c>
      <c r="BO2006" s="11">
        <v>-3</v>
      </c>
      <c r="BP2006" s="13">
        <v>-0.1</v>
      </c>
      <c r="BQ2006" s="6">
        <v>30</v>
      </c>
      <c r="BR2006" s="6">
        <v>31</v>
      </c>
      <c r="BS2006" s="6">
        <v>30</v>
      </c>
      <c r="BT2006" s="6">
        <v>30</v>
      </c>
      <c r="BU2006" s="6">
        <v>29</v>
      </c>
      <c r="BV2006" s="6">
        <v>30</v>
      </c>
      <c r="BW2006" s="6">
        <v>30</v>
      </c>
      <c r="BX2006" s="6">
        <v>29</v>
      </c>
      <c r="BY2006" s="6">
        <v>27</v>
      </c>
      <c r="BZ2006" s="6">
        <v>28</v>
      </c>
      <c r="CA2006" s="6">
        <v>28</v>
      </c>
      <c r="CB2006" s="6">
        <v>27</v>
      </c>
      <c r="CC2006" s="11">
        <v>27</v>
      </c>
      <c r="CD2006" s="11">
        <v>-33.709299999999999</v>
      </c>
      <c r="CE2006" s="11">
        <v>-20.628299999999999</v>
      </c>
      <c r="CF2006" s="11">
        <v>38.463799999999999</v>
      </c>
      <c r="CG2006" s="11">
        <v>17</v>
      </c>
      <c r="CH2006" s="20">
        <v>2.1431399999999998</v>
      </c>
      <c r="CI2006" s="20">
        <v>2.1591999999999998</v>
      </c>
      <c r="CJ2006" s="20">
        <v>2.10921</v>
      </c>
      <c r="CK2006" s="20">
        <v>2.1042900000000002</v>
      </c>
      <c r="CL2006" s="20">
        <v>2.27894</v>
      </c>
      <c r="CM2006" s="20">
        <v>2.4613100000000001</v>
      </c>
      <c r="CN2006" s="20">
        <v>2.3964300000000001</v>
      </c>
      <c r="CO2006" s="20">
        <v>2.3511799999999998</v>
      </c>
      <c r="CP2006" s="20">
        <v>2.3578999999999999</v>
      </c>
      <c r="CQ2006" s="20">
        <v>2.33297</v>
      </c>
      <c r="CR2006" s="20">
        <v>2.4464700000000001</v>
      </c>
      <c r="CS2006" s="20">
        <v>2.4683700000000002</v>
      </c>
      <c r="CT2006" s="20">
        <v>2.5897100000000002</v>
      </c>
      <c r="CU2006" s="20">
        <v>2.5671499999999998</v>
      </c>
      <c r="CV2006" s="20">
        <v>2.5396000000000001</v>
      </c>
      <c r="CW2006" s="20">
        <v>2.5585200000000001</v>
      </c>
      <c r="CX2006" s="20">
        <v>2.53823</v>
      </c>
      <c r="CY2006" s="6" t="s">
        <v>697</v>
      </c>
      <c r="CZ2006" s="6" t="s">
        <v>698</v>
      </c>
      <c r="DA2006" s="6" t="s">
        <v>137</v>
      </c>
      <c r="DB2006" s="6"/>
      <c r="DC2006" s="6">
        <v>28860</v>
      </c>
      <c r="DD2006" s="6"/>
      <c r="DE2006" s="6" t="s">
        <v>362</v>
      </c>
      <c r="DF2006" s="6" t="s">
        <v>363</v>
      </c>
      <c r="DG2006" s="6" t="s">
        <v>376</v>
      </c>
      <c r="DH2006" s="6" t="s">
        <v>468</v>
      </c>
      <c r="DI2006" s="6"/>
      <c r="DJ2006" s="6">
        <v>29</v>
      </c>
      <c r="DK2006" s="6">
        <v>197</v>
      </c>
      <c r="DL2006" s="6">
        <v>8</v>
      </c>
      <c r="DM2006" s="6" t="s">
        <v>368</v>
      </c>
      <c r="DN2006" s="6">
        <v>9</v>
      </c>
      <c r="DO2006" s="6" t="s">
        <v>384</v>
      </c>
      <c r="DP2006" s="6"/>
      <c r="DQ2006" s="6"/>
    </row>
    <row r="2007" spans="1:121" x14ac:dyDescent="0.2">
      <c r="A2007" s="6" t="s">
        <v>1</v>
      </c>
      <c r="B2007" s="6" t="s">
        <v>1</v>
      </c>
      <c r="C2007" s="6" t="s">
        <v>2</v>
      </c>
      <c r="D2007" s="6" t="s">
        <v>105</v>
      </c>
      <c r="E2007" s="6" t="s">
        <v>246</v>
      </c>
      <c r="F2007" s="11">
        <v>18</v>
      </c>
      <c r="G2007" s="13">
        <v>0.85714285714299998</v>
      </c>
      <c r="H2007" s="11">
        <v>21.254574329099999</v>
      </c>
      <c r="I2007" s="13">
        <v>1.0221024165152006</v>
      </c>
      <c r="J2007" s="11">
        <v>5.1055442022000008</v>
      </c>
      <c r="K2007" s="13">
        <v>0.12141739076934584</v>
      </c>
      <c r="L2007" s="11">
        <v>-8.2614457877999996</v>
      </c>
      <c r="M2007" s="13">
        <v>-0.17519738749263755</v>
      </c>
      <c r="N2007" s="11">
        <v>-3.1559015855999988</v>
      </c>
      <c r="O2007" s="13">
        <v>-7.5052006382253775E-2</v>
      </c>
      <c r="P2007" s="7">
        <v>20.7949555599</v>
      </c>
      <c r="Q2007" s="7">
        <v>22.5775118699</v>
      </c>
      <c r="R2007" s="7">
        <v>23.903238331800001</v>
      </c>
      <c r="S2007" s="7">
        <v>41.475237823699999</v>
      </c>
      <c r="T2007" s="7">
        <v>47.2391527156</v>
      </c>
      <c r="U2007" s="7">
        <v>52.835549540099997</v>
      </c>
      <c r="V2007" s="7">
        <v>42.049529888999999</v>
      </c>
      <c r="W2007" s="7">
        <v>41.896336013800003</v>
      </c>
      <c r="X2007" s="7">
        <v>36.711230448499997</v>
      </c>
      <c r="Y2007" s="7">
        <v>47.155074091199999</v>
      </c>
      <c r="Z2007" s="7">
        <v>49.619003650099998</v>
      </c>
      <c r="AA2007" s="7">
        <v>54.842805009999999</v>
      </c>
      <c r="AB2007" s="7">
        <v>60.0053716997</v>
      </c>
      <c r="AC2007" s="7">
        <v>58.694760071399998</v>
      </c>
      <c r="AD2007" s="7">
        <v>39.017566380600002</v>
      </c>
      <c r="AE2007" s="7">
        <v>38.660001071899998</v>
      </c>
      <c r="AF2007" s="7">
        <v>38.8936283034</v>
      </c>
      <c r="AG2007" s="9">
        <v>4802.5065558999995</v>
      </c>
      <c r="AH2007" s="13">
        <v>0.20787564228490929</v>
      </c>
      <c r="AI2007" s="9">
        <v>-3768.3256518000017</v>
      </c>
      <c r="AJ2007" s="13">
        <v>-0.16311130575017499</v>
      </c>
      <c r="AK2007" s="9">
        <v>3411.6966261000016</v>
      </c>
      <c r="AL2007" s="13">
        <v>0.17645677711216567</v>
      </c>
      <c r="AM2007" s="9">
        <v>5159.1355815999996</v>
      </c>
      <c r="AN2007" s="13">
        <v>0.22681350096995759</v>
      </c>
      <c r="AO2007" s="9">
        <v>8570.8322077000012</v>
      </c>
      <c r="AP2007" s="13">
        <v>0.44329305746880904</v>
      </c>
      <c r="AQ2007" s="9">
        <v>23102.786373200001</v>
      </c>
      <c r="AR2007" s="9">
        <v>19380.5796902</v>
      </c>
      <c r="AS2007" s="9">
        <v>16850.4486923</v>
      </c>
      <c r="AT2007" s="9">
        <v>19175.301206700002</v>
      </c>
      <c r="AU2007" s="9">
        <v>17664.8708267</v>
      </c>
      <c r="AV2007" s="9">
        <v>17028.389371099998</v>
      </c>
      <c r="AW2007" s="9">
        <v>19334.460721399999</v>
      </c>
      <c r="AX2007" s="9">
        <v>17311.151678300001</v>
      </c>
      <c r="AY2007" s="9">
        <v>16829.1444787</v>
      </c>
      <c r="AZ2007" s="9">
        <v>22746.1573475</v>
      </c>
      <c r="BA2007" s="9">
        <v>26016.092835399999</v>
      </c>
      <c r="BB2007" s="9">
        <v>29921.610110900001</v>
      </c>
      <c r="BC2007" s="9">
        <v>36145.172210700002</v>
      </c>
      <c r="BD2007" s="9">
        <v>40012.820507999997</v>
      </c>
      <c r="BE2007" s="9">
        <v>27536.277744499999</v>
      </c>
      <c r="BF2007" s="9">
        <v>27905.2929291</v>
      </c>
      <c r="BG2007" s="11">
        <v>0</v>
      </c>
      <c r="BH2007" s="13">
        <v>0</v>
      </c>
      <c r="BI2007" s="6">
        <v>0</v>
      </c>
      <c r="BJ2007" s="13">
        <v>0</v>
      </c>
      <c r="BK2007" s="6">
        <v>1</v>
      </c>
      <c r="BL2007" s="13">
        <v>0.5</v>
      </c>
      <c r="BM2007" s="11">
        <v>-1</v>
      </c>
      <c r="BN2007" s="13">
        <v>-0.33333333333333331</v>
      </c>
      <c r="BO2007" s="11">
        <v>0</v>
      </c>
      <c r="BP2007" s="13">
        <v>0</v>
      </c>
      <c r="BQ2007" s="6">
        <v>2</v>
      </c>
      <c r="BR2007" s="6">
        <v>2</v>
      </c>
      <c r="BS2007" s="6">
        <v>2</v>
      </c>
      <c r="BT2007" s="6">
        <v>2</v>
      </c>
      <c r="BU2007" s="6">
        <v>2</v>
      </c>
      <c r="BV2007" s="6">
        <v>3</v>
      </c>
      <c r="BW2007" s="6">
        <v>3</v>
      </c>
      <c r="BX2007" s="6">
        <v>2</v>
      </c>
      <c r="BY2007" s="6">
        <v>3</v>
      </c>
      <c r="BZ2007" s="6">
        <v>3</v>
      </c>
      <c r="CA2007" s="6">
        <v>3</v>
      </c>
      <c r="CB2007" s="6">
        <v>2</v>
      </c>
      <c r="CC2007" s="11">
        <v>2</v>
      </c>
      <c r="CD2007" s="11">
        <v>17.721499999999999</v>
      </c>
      <c r="CE2007" s="11">
        <v>-1.89595</v>
      </c>
      <c r="CF2007" s="11">
        <v>2.2731400000000002</v>
      </c>
      <c r="CG2007" s="11">
        <v>0</v>
      </c>
      <c r="CH2007" s="20">
        <v>0.998502</v>
      </c>
      <c r="CI2007" s="20">
        <v>1.09863</v>
      </c>
      <c r="CJ2007" s="20">
        <v>1.18912</v>
      </c>
      <c r="CK2007" s="20">
        <v>2.0152399999999999</v>
      </c>
      <c r="CL2007" s="20">
        <v>2.3083800000000001</v>
      </c>
      <c r="CM2007" s="20">
        <v>2.73882</v>
      </c>
      <c r="CN2007" s="20">
        <v>2.20011</v>
      </c>
      <c r="CO2007" s="20">
        <v>2.2171799999999999</v>
      </c>
      <c r="CP2007" s="20">
        <v>1.9019900000000001</v>
      </c>
      <c r="CQ2007" s="20">
        <v>2.4829500000000002</v>
      </c>
      <c r="CR2007" s="20">
        <v>2.6017000000000001</v>
      </c>
      <c r="CS2007" s="20">
        <v>2.8820299999999999</v>
      </c>
      <c r="CT2007" s="20">
        <v>3.17808</v>
      </c>
      <c r="CU2007" s="20">
        <v>3.1108799999999999</v>
      </c>
      <c r="CV2007" s="20">
        <v>2.07992</v>
      </c>
      <c r="CW2007" s="20">
        <v>2.07944</v>
      </c>
      <c r="CX2007" s="20">
        <v>2.0867399999999998</v>
      </c>
      <c r="CY2007" s="6" t="s">
        <v>700</v>
      </c>
      <c r="CZ2007" s="6" t="s">
        <v>701</v>
      </c>
      <c r="DA2007" s="6" t="s">
        <v>105</v>
      </c>
      <c r="DB2007" s="6"/>
      <c r="DC2007" s="6"/>
      <c r="DD2007" s="6"/>
      <c r="DE2007" s="6"/>
      <c r="DF2007" s="6"/>
      <c r="DG2007" s="6"/>
      <c r="DH2007" s="6" t="s">
        <v>333</v>
      </c>
      <c r="DI2007" s="6"/>
      <c r="DJ2007" s="6"/>
      <c r="DK2007" s="6"/>
      <c r="DL2007" s="6">
        <v>10</v>
      </c>
      <c r="DM2007" s="6" t="s">
        <v>383</v>
      </c>
      <c r="DN2007" s="6">
        <v>9</v>
      </c>
      <c r="DO2007" s="6" t="s">
        <v>384</v>
      </c>
      <c r="DP2007" s="6"/>
      <c r="DQ2007" s="6"/>
    </row>
    <row r="2008" spans="1:121" x14ac:dyDescent="0.2">
      <c r="A2008" s="6" t="s">
        <v>310</v>
      </c>
      <c r="B2008" s="6" t="s">
        <v>310</v>
      </c>
      <c r="C2008" s="6" t="s">
        <v>173</v>
      </c>
      <c r="D2008" s="6" t="s">
        <v>105</v>
      </c>
      <c r="E2008" s="6" t="s">
        <v>246</v>
      </c>
      <c r="F2008" s="11">
        <v>1</v>
      </c>
      <c r="G2008" s="13">
        <v>1</v>
      </c>
      <c r="H2008" s="11">
        <v>0</v>
      </c>
      <c r="I2008" s="13">
        <v>0</v>
      </c>
      <c r="J2008" s="11">
        <v>0</v>
      </c>
      <c r="K2008" s="13">
        <v>0</v>
      </c>
      <c r="L2008" s="11">
        <v>0</v>
      </c>
      <c r="M2008" s="13">
        <v>0</v>
      </c>
      <c r="N2008" s="11">
        <v>0</v>
      </c>
      <c r="O2008" s="13">
        <v>0</v>
      </c>
      <c r="P2008" s="7">
        <v>5</v>
      </c>
      <c r="Q2008" s="7">
        <v>5</v>
      </c>
      <c r="R2008" s="7">
        <v>5</v>
      </c>
      <c r="S2008" s="7">
        <v>5</v>
      </c>
      <c r="T2008" s="7">
        <v>5</v>
      </c>
      <c r="U2008" s="7">
        <v>0</v>
      </c>
      <c r="V2008" s="7">
        <v>5</v>
      </c>
      <c r="W2008" s="7">
        <v>5</v>
      </c>
      <c r="X2008" s="7">
        <v>5</v>
      </c>
      <c r="Y2008" s="7">
        <v>5</v>
      </c>
      <c r="Z2008" s="7">
        <v>5</v>
      </c>
      <c r="AA2008" s="7">
        <v>0</v>
      </c>
      <c r="AB2008" s="7">
        <v>5</v>
      </c>
      <c r="AC2008" s="7">
        <v>5</v>
      </c>
      <c r="AD2008" s="7">
        <v>5</v>
      </c>
      <c r="AE2008" s="7">
        <v>5</v>
      </c>
      <c r="AF2008" s="7">
        <v>5</v>
      </c>
      <c r="AG2008" s="9">
        <v>0</v>
      </c>
      <c r="AH2008" s="13">
        <v>0</v>
      </c>
      <c r="AI2008" s="9">
        <v>0</v>
      </c>
      <c r="AJ2008" s="13">
        <v>0</v>
      </c>
      <c r="AK2008" s="9">
        <v>0</v>
      </c>
      <c r="AL2008" s="13">
        <v>0</v>
      </c>
      <c r="AM2008" s="9">
        <v>0</v>
      </c>
      <c r="AN2008" s="13">
        <v>0</v>
      </c>
      <c r="AO2008" s="9">
        <v>0</v>
      </c>
      <c r="AP2008" s="13">
        <v>0</v>
      </c>
      <c r="AQ2008" s="9">
        <v>1</v>
      </c>
      <c r="AR2008" s="9">
        <v>1</v>
      </c>
      <c r="AS2008" s="9">
        <v>1</v>
      </c>
      <c r="AT2008" s="9">
        <v>1</v>
      </c>
      <c r="AU2008" s="9">
        <v>1</v>
      </c>
      <c r="AV2008" s="9">
        <v>0</v>
      </c>
      <c r="AW2008" s="9">
        <v>1</v>
      </c>
      <c r="AX2008" s="9">
        <v>1</v>
      </c>
      <c r="AY2008" s="9">
        <v>1</v>
      </c>
      <c r="AZ2008" s="9">
        <v>1</v>
      </c>
      <c r="BA2008" s="9">
        <v>1</v>
      </c>
      <c r="BB2008" s="9">
        <v>0</v>
      </c>
      <c r="BC2008" s="9">
        <v>1</v>
      </c>
      <c r="BD2008" s="9">
        <v>1</v>
      </c>
      <c r="BE2008" s="9">
        <v>1</v>
      </c>
      <c r="BF2008" s="9">
        <v>1</v>
      </c>
      <c r="BG2008" s="11">
        <v>-1</v>
      </c>
      <c r="BH2008" s="13">
        <v>-0.5</v>
      </c>
      <c r="BI2008" s="6">
        <v>-1</v>
      </c>
      <c r="BJ2008" s="13">
        <v>-0.5</v>
      </c>
      <c r="BK2008" s="6">
        <v>0</v>
      </c>
      <c r="BL2008" s="13">
        <v>0</v>
      </c>
      <c r="BM2008" s="11">
        <v>0</v>
      </c>
      <c r="BN2008" s="13">
        <v>0</v>
      </c>
      <c r="BO2008" s="11">
        <v>0</v>
      </c>
      <c r="BP2008" s="13">
        <v>0</v>
      </c>
      <c r="BQ2008" s="6">
        <v>2</v>
      </c>
      <c r="BR2008" s="6">
        <v>2</v>
      </c>
      <c r="BS2008" s="6">
        <v>0</v>
      </c>
      <c r="BT2008" s="6">
        <v>1</v>
      </c>
      <c r="BU2008" s="6">
        <v>0</v>
      </c>
      <c r="BV2008" s="6">
        <v>1</v>
      </c>
      <c r="BW2008" s="6">
        <v>1</v>
      </c>
      <c r="BX2008" s="6">
        <v>1</v>
      </c>
      <c r="BY2008" s="6">
        <v>0</v>
      </c>
      <c r="BZ2008" s="6">
        <v>1</v>
      </c>
      <c r="CA2008" s="6">
        <v>1</v>
      </c>
      <c r="CB2008" s="6">
        <v>1</v>
      </c>
      <c r="CC2008" s="11">
        <v>1</v>
      </c>
      <c r="CD2008" s="11">
        <v>-1.0787100000000001</v>
      </c>
      <c r="CE2008" s="11">
        <v>0.50678299999999998</v>
      </c>
      <c r="CF2008" s="11">
        <v>0.53396299999999997</v>
      </c>
      <c r="CG2008" s="11">
        <v>2</v>
      </c>
      <c r="CH2008" s="20">
        <v>0.82668699999999995</v>
      </c>
      <c r="CI2008" s="20">
        <v>1.3148599999999999</v>
      </c>
      <c r="CJ2008" s="20">
        <v>1.48593</v>
      </c>
      <c r="CK2008" s="20">
        <v>0.65349000000000002</v>
      </c>
      <c r="CL2008" s="20">
        <v>0.86236199999999996</v>
      </c>
      <c r="CM2008" s="20">
        <v>0</v>
      </c>
      <c r="CN2008" s="20">
        <v>6.2350200000000001E-2</v>
      </c>
      <c r="CO2008" s="20">
        <v>0.35931800000000003</v>
      </c>
      <c r="CP2008" s="20">
        <v>0.79754899999999995</v>
      </c>
      <c r="CQ2008" s="20">
        <v>0.11912</v>
      </c>
      <c r="CR2008" s="20">
        <v>0.10782899999999999</v>
      </c>
      <c r="CS2008" s="20">
        <v>0</v>
      </c>
      <c r="CT2008" s="20">
        <v>9.1587399999999999E-2</v>
      </c>
      <c r="CU2008" s="20">
        <v>0.16977200000000001</v>
      </c>
      <c r="CV2008" s="20">
        <v>0.30236099999999999</v>
      </c>
      <c r="CW2008" s="20">
        <v>0.68924099999999999</v>
      </c>
      <c r="CX2008" s="20">
        <v>0.76926399999999995</v>
      </c>
      <c r="CY2008" s="6" t="s">
        <v>700</v>
      </c>
      <c r="CZ2008" s="6" t="s">
        <v>701</v>
      </c>
      <c r="DA2008" s="6" t="s">
        <v>105</v>
      </c>
      <c r="DB2008" s="6"/>
      <c r="DC2008" s="6"/>
      <c r="DD2008" s="6"/>
      <c r="DE2008" s="6"/>
      <c r="DF2008" s="6"/>
      <c r="DG2008" s="6"/>
      <c r="DH2008" s="6" t="s">
        <v>333</v>
      </c>
      <c r="DI2008" s="6"/>
      <c r="DJ2008" s="6"/>
      <c r="DK2008" s="6"/>
      <c r="DL2008" s="6">
        <v>10</v>
      </c>
      <c r="DM2008" s="6" t="s">
        <v>383</v>
      </c>
      <c r="DN2008" s="6">
        <v>9</v>
      </c>
      <c r="DO2008" s="6" t="s">
        <v>384</v>
      </c>
      <c r="DP2008" s="6"/>
      <c r="DQ2008" s="6"/>
    </row>
    <row r="2009" spans="1:121" x14ac:dyDescent="0.2">
      <c r="A2009" s="6" t="s">
        <v>311</v>
      </c>
      <c r="B2009" s="6" t="s">
        <v>311</v>
      </c>
      <c r="C2009" s="6" t="s">
        <v>174</v>
      </c>
      <c r="D2009" s="6" t="s">
        <v>105</v>
      </c>
      <c r="E2009" s="6" t="s">
        <v>246</v>
      </c>
      <c r="F2009" s="11">
        <v>1</v>
      </c>
      <c r="G2009" s="13">
        <v>1</v>
      </c>
      <c r="H2009" s="11">
        <v>0</v>
      </c>
      <c r="I2009" s="13"/>
      <c r="J2009" s="11">
        <v>0</v>
      </c>
      <c r="K2009" s="13"/>
      <c r="L2009" s="11">
        <v>5</v>
      </c>
      <c r="M2009" s="13"/>
      <c r="N2009" s="11">
        <v>5</v>
      </c>
      <c r="O2009" s="13"/>
      <c r="P2009" s="7">
        <v>0</v>
      </c>
      <c r="Q2009" s="7">
        <v>0</v>
      </c>
      <c r="R2009" s="7">
        <v>0</v>
      </c>
      <c r="S2009" s="7">
        <v>0</v>
      </c>
      <c r="T2009" s="7">
        <v>0</v>
      </c>
      <c r="U2009" s="7">
        <v>0</v>
      </c>
      <c r="V2009" s="7">
        <v>0</v>
      </c>
      <c r="W2009" s="7">
        <v>0</v>
      </c>
      <c r="X2009" s="7">
        <v>0</v>
      </c>
      <c r="Y2009" s="7">
        <v>0</v>
      </c>
      <c r="Z2009" s="7">
        <v>0</v>
      </c>
      <c r="AA2009" s="7">
        <v>0</v>
      </c>
      <c r="AB2009" s="7">
        <v>0</v>
      </c>
      <c r="AC2009" s="7">
        <v>0</v>
      </c>
      <c r="AD2009" s="7">
        <v>5</v>
      </c>
      <c r="AE2009" s="7">
        <v>5</v>
      </c>
      <c r="AF2009" s="7">
        <v>5</v>
      </c>
      <c r="AG2009" s="9">
        <v>1</v>
      </c>
      <c r="AH2009" s="13"/>
      <c r="AI2009" s="9">
        <v>0</v>
      </c>
      <c r="AJ2009" s="13"/>
      <c r="AK2009" s="9">
        <v>0</v>
      </c>
      <c r="AL2009" s="13"/>
      <c r="AM2009" s="9">
        <v>1</v>
      </c>
      <c r="AN2009" s="13"/>
      <c r="AO2009" s="9">
        <v>1</v>
      </c>
      <c r="AP2009" s="13"/>
      <c r="AQ2009" s="9">
        <v>0</v>
      </c>
      <c r="AR2009" s="9">
        <v>0</v>
      </c>
      <c r="AS2009" s="9">
        <v>0</v>
      </c>
      <c r="AT2009" s="9">
        <v>0</v>
      </c>
      <c r="AU2009" s="9">
        <v>0</v>
      </c>
      <c r="AV2009" s="9">
        <v>0</v>
      </c>
      <c r="AW2009" s="9">
        <v>0</v>
      </c>
      <c r="AX2009" s="9">
        <v>0</v>
      </c>
      <c r="AY2009" s="9">
        <v>0</v>
      </c>
      <c r="AZ2009" s="9">
        <v>0</v>
      </c>
      <c r="BA2009" s="9">
        <v>0</v>
      </c>
      <c r="BB2009" s="9">
        <v>0</v>
      </c>
      <c r="BC2009" s="9">
        <v>0</v>
      </c>
      <c r="BD2009" s="9">
        <v>0</v>
      </c>
      <c r="BE2009" s="9">
        <v>1</v>
      </c>
      <c r="BF2009" s="9">
        <v>1</v>
      </c>
      <c r="BG2009" s="11">
        <v>0</v>
      </c>
      <c r="BH2009" s="13" t="e">
        <v>#DIV/0!</v>
      </c>
      <c r="BI2009" s="6">
        <v>0</v>
      </c>
      <c r="BJ2009" s="13" t="e">
        <v>#DIV/0!</v>
      </c>
      <c r="BK2009" s="6">
        <v>0</v>
      </c>
      <c r="BL2009" s="13" t="e">
        <v>#DIV/0!</v>
      </c>
      <c r="BM2009" s="11">
        <v>0</v>
      </c>
      <c r="BN2009" s="13" t="e">
        <v>#DIV/0!</v>
      </c>
      <c r="BO2009" s="11">
        <v>0</v>
      </c>
      <c r="BP2009" s="13" t="e">
        <v>#DIV/0!</v>
      </c>
      <c r="BQ2009" s="6">
        <v>0</v>
      </c>
      <c r="BR2009" s="6">
        <v>0</v>
      </c>
      <c r="BS2009" s="6">
        <v>0</v>
      </c>
      <c r="BT2009" s="6">
        <v>0</v>
      </c>
      <c r="BU2009" s="6">
        <v>0</v>
      </c>
      <c r="BV2009" s="6">
        <v>0</v>
      </c>
      <c r="BW2009" s="6">
        <v>0</v>
      </c>
      <c r="BX2009" s="6">
        <v>0</v>
      </c>
      <c r="BY2009" s="6">
        <v>0</v>
      </c>
      <c r="BZ2009" s="6">
        <v>0</v>
      </c>
      <c r="CA2009" s="6">
        <v>0</v>
      </c>
      <c r="CB2009" s="6">
        <v>0</v>
      </c>
      <c r="CC2009" s="11">
        <v>0</v>
      </c>
      <c r="CD2009" s="11">
        <v>1.3630599999999999</v>
      </c>
      <c r="CE2009" s="11">
        <v>-0.16284399999999999</v>
      </c>
      <c r="CF2009" s="11">
        <v>0.10931200000000001</v>
      </c>
      <c r="CG2009" s="11">
        <v>0</v>
      </c>
      <c r="CH2009" s="20">
        <v>0</v>
      </c>
      <c r="CI2009" s="20">
        <v>0</v>
      </c>
      <c r="CJ2009" s="20">
        <v>0</v>
      </c>
      <c r="CK2009" s="20">
        <v>0</v>
      </c>
      <c r="CL2009" s="20">
        <v>0</v>
      </c>
      <c r="CM2009" s="20">
        <v>0</v>
      </c>
      <c r="CN2009" s="20">
        <v>0</v>
      </c>
      <c r="CO2009" s="20">
        <v>0</v>
      </c>
      <c r="CP2009" s="20">
        <v>0</v>
      </c>
      <c r="CQ2009" s="20">
        <v>0</v>
      </c>
      <c r="CR2009" s="20">
        <v>0</v>
      </c>
      <c r="CS2009" s="20">
        <v>0</v>
      </c>
      <c r="CT2009" s="20">
        <v>0</v>
      </c>
      <c r="CU2009" s="20">
        <v>0</v>
      </c>
      <c r="CV2009" s="20">
        <v>0.20019899999999999</v>
      </c>
      <c r="CW2009" s="20">
        <v>0.22558900000000001</v>
      </c>
      <c r="CX2009" s="20">
        <v>0.24313100000000001</v>
      </c>
      <c r="CY2009" s="6" t="s">
        <v>700</v>
      </c>
      <c r="CZ2009" s="6" t="s">
        <v>701</v>
      </c>
      <c r="DA2009" s="6" t="s">
        <v>105</v>
      </c>
      <c r="DB2009" s="6"/>
      <c r="DC2009" s="6"/>
      <c r="DD2009" s="6"/>
      <c r="DE2009" s="6"/>
      <c r="DF2009" s="6"/>
      <c r="DG2009" s="6"/>
      <c r="DH2009" s="6" t="s">
        <v>333</v>
      </c>
      <c r="DI2009" s="6"/>
      <c r="DJ2009" s="6"/>
      <c r="DK2009" s="6"/>
      <c r="DL2009" s="6">
        <v>10</v>
      </c>
      <c r="DM2009" s="6" t="s">
        <v>383</v>
      </c>
      <c r="DN2009" s="6">
        <v>9</v>
      </c>
      <c r="DO2009" s="6" t="s">
        <v>384</v>
      </c>
      <c r="DP2009" s="6"/>
      <c r="DQ2009" s="6"/>
    </row>
    <row r="2010" spans="1:121" x14ac:dyDescent="0.2">
      <c r="A2010" s="6" t="s">
        <v>312</v>
      </c>
      <c r="B2010" s="6" t="s">
        <v>312</v>
      </c>
      <c r="C2010" s="6" t="s">
        <v>175</v>
      </c>
      <c r="D2010" s="6" t="s">
        <v>105</v>
      </c>
      <c r="E2010" s="6" t="s">
        <v>246</v>
      </c>
      <c r="F2010" s="11">
        <v>31</v>
      </c>
      <c r="G2010" s="13">
        <v>0.36904761904799999</v>
      </c>
      <c r="H2010" s="11">
        <v>4.5216671668000004</v>
      </c>
      <c r="I2010" s="13">
        <v>5.3833075731140927E-2</v>
      </c>
      <c r="J2010" s="11">
        <v>5.9940695120999976</v>
      </c>
      <c r="K2010" s="13">
        <v>6.7717443202196317E-2</v>
      </c>
      <c r="L2010" s="11">
        <v>20.316393849700006</v>
      </c>
      <c r="M2010" s="13">
        <v>0.21496564723026279</v>
      </c>
      <c r="N2010" s="11">
        <v>26.310463361800004</v>
      </c>
      <c r="O2010" s="13">
        <v>0.29724001443919784</v>
      </c>
      <c r="P2010" s="7">
        <v>83.994219267399998</v>
      </c>
      <c r="Q2010" s="7">
        <v>76.690788508099999</v>
      </c>
      <c r="R2010" s="7">
        <v>67.551289544699998</v>
      </c>
      <c r="S2010" s="7">
        <v>71.931082856100005</v>
      </c>
      <c r="T2010" s="7">
        <v>84.297088560500001</v>
      </c>
      <c r="U2010" s="7">
        <v>69.469233169899994</v>
      </c>
      <c r="V2010" s="7">
        <v>88.515886434199999</v>
      </c>
      <c r="W2010" s="7">
        <v>95.471934526799998</v>
      </c>
      <c r="X2010" s="7">
        <v>100.81068692700001</v>
      </c>
      <c r="Y2010" s="7">
        <v>94.509955946299996</v>
      </c>
      <c r="Z2010" s="7">
        <v>101.035133188</v>
      </c>
      <c r="AA2010" s="7">
        <v>113.65469934799999</v>
      </c>
      <c r="AB2010" s="7">
        <v>102.256247475</v>
      </c>
      <c r="AC2010" s="7">
        <v>108.12179260800001</v>
      </c>
      <c r="AD2010" s="7">
        <v>110.87311012399999</v>
      </c>
      <c r="AE2010" s="7">
        <v>110.975093333</v>
      </c>
      <c r="AF2010" s="7">
        <v>114.826349796</v>
      </c>
      <c r="AG2010" s="9">
        <v>2266.4040311999997</v>
      </c>
      <c r="AH2010" s="13">
        <v>0.1022617964407872</v>
      </c>
      <c r="AI2010" s="9">
        <v>176.89038449999862</v>
      </c>
      <c r="AJ2010" s="13">
        <v>7.9814226603249251E-3</v>
      </c>
      <c r="AK2010" s="9">
        <v>-342.52221559999816</v>
      </c>
      <c r="AL2010" s="13">
        <v>-1.5332476238561267E-2</v>
      </c>
      <c r="AM2010" s="9">
        <v>2432.0358622999993</v>
      </c>
      <c r="AN2010" s="13">
        <v>0.11056149845154008</v>
      </c>
      <c r="AO2010" s="9">
        <v>2089.5136467000011</v>
      </c>
      <c r="AP2010" s="13">
        <v>9.3533840665070853E-2</v>
      </c>
      <c r="AQ2010" s="9">
        <v>22162.763711200001</v>
      </c>
      <c r="AR2010" s="9">
        <v>22224.2161247</v>
      </c>
      <c r="AS2010" s="9">
        <v>22246.9711909</v>
      </c>
      <c r="AT2010" s="9">
        <v>22015.5773467</v>
      </c>
      <c r="AU2010" s="9">
        <v>23055.731706300001</v>
      </c>
      <c r="AV2010" s="9">
        <v>22769.697490099999</v>
      </c>
      <c r="AW2010" s="9">
        <v>22339.6540957</v>
      </c>
      <c r="AX2010" s="9">
        <v>23027.556439299999</v>
      </c>
      <c r="AY2010" s="9">
        <v>21627.467236799999</v>
      </c>
      <c r="AZ2010" s="9">
        <v>21997.131880100002</v>
      </c>
      <c r="BA2010" s="9">
        <v>21212.231143199999</v>
      </c>
      <c r="BB2010" s="9">
        <v>21750.684923100001</v>
      </c>
      <c r="BC2010" s="9">
        <v>22570.999387899999</v>
      </c>
      <c r="BD2010" s="9">
        <v>23380.812332900001</v>
      </c>
      <c r="BE2010" s="9">
        <v>24137.6979569</v>
      </c>
      <c r="BF2010" s="9">
        <v>24429.167742400001</v>
      </c>
      <c r="BG2010" s="11">
        <v>0.5</v>
      </c>
      <c r="BH2010" s="13">
        <v>0.05</v>
      </c>
      <c r="BI2010" s="6">
        <v>-3</v>
      </c>
      <c r="BJ2010" s="13">
        <v>-0.3</v>
      </c>
      <c r="BK2010" s="6">
        <v>-1</v>
      </c>
      <c r="BL2010" s="13">
        <v>-0.14285714285714285</v>
      </c>
      <c r="BM2010" s="11">
        <v>4.5</v>
      </c>
      <c r="BN2010" s="13">
        <v>0.75</v>
      </c>
      <c r="BO2010" s="11">
        <v>3.5</v>
      </c>
      <c r="BP2010" s="13">
        <v>0.5</v>
      </c>
      <c r="BQ2010" s="6">
        <v>10</v>
      </c>
      <c r="BR2010" s="6">
        <v>8</v>
      </c>
      <c r="BS2010" s="6">
        <v>9</v>
      </c>
      <c r="BT2010" s="6">
        <v>7</v>
      </c>
      <c r="BU2010" s="6">
        <v>7</v>
      </c>
      <c r="BV2010" s="6">
        <v>6</v>
      </c>
      <c r="BW2010" s="6">
        <v>6</v>
      </c>
      <c r="BX2010" s="6">
        <v>10</v>
      </c>
      <c r="BY2010" s="6">
        <v>10</v>
      </c>
      <c r="BZ2010" s="6">
        <v>11</v>
      </c>
      <c r="CA2010" s="6">
        <v>12</v>
      </c>
      <c r="CB2010" s="6">
        <v>12</v>
      </c>
      <c r="CC2010" s="11">
        <v>10.5</v>
      </c>
      <c r="CD2010" s="11">
        <v>31.824400000000001</v>
      </c>
      <c r="CE2010" s="11">
        <v>-10.1738</v>
      </c>
      <c r="CF2010" s="11">
        <v>9.1815800000000003</v>
      </c>
      <c r="CG2010" s="11">
        <v>-1</v>
      </c>
      <c r="CH2010" s="20">
        <v>0.89449699999999999</v>
      </c>
      <c r="CI2010" s="20">
        <v>0.82469099999999995</v>
      </c>
      <c r="CJ2010" s="20">
        <v>0.73280299999999998</v>
      </c>
      <c r="CK2010" s="20">
        <v>0.73403399999999996</v>
      </c>
      <c r="CL2010" s="20">
        <v>0.83130099999999996</v>
      </c>
      <c r="CM2010" s="20">
        <v>0.69573700000000005</v>
      </c>
      <c r="CN2010" s="20">
        <v>0.89461199999999996</v>
      </c>
      <c r="CO2010" s="20">
        <v>1.00309</v>
      </c>
      <c r="CP2010" s="20">
        <v>1.17967</v>
      </c>
      <c r="CQ2010" s="20">
        <v>1.21512</v>
      </c>
      <c r="CR2010" s="20">
        <v>1.3183800000000001</v>
      </c>
      <c r="CS2010" s="20">
        <v>1.4917100000000001</v>
      </c>
      <c r="CT2010" s="20">
        <v>1.3362400000000001</v>
      </c>
      <c r="CU2010" s="20">
        <v>1.38124</v>
      </c>
      <c r="CV2010" s="20">
        <v>1.3871599999999999</v>
      </c>
      <c r="CW2010" s="20">
        <v>1.37032</v>
      </c>
      <c r="CX2010" s="20">
        <v>1.4077900000000001</v>
      </c>
      <c r="CY2010" s="6" t="s">
        <v>700</v>
      </c>
      <c r="CZ2010" s="6" t="s">
        <v>701</v>
      </c>
      <c r="DA2010" s="6" t="s">
        <v>105</v>
      </c>
      <c r="DB2010" s="6"/>
      <c r="DC2010" s="6"/>
      <c r="DD2010" s="6"/>
      <c r="DE2010" s="6"/>
      <c r="DF2010" s="6"/>
      <c r="DG2010" s="6"/>
      <c r="DH2010" s="6" t="s">
        <v>333</v>
      </c>
      <c r="DI2010" s="6"/>
      <c r="DJ2010" s="6"/>
      <c r="DK2010" s="6"/>
      <c r="DL2010" s="6">
        <v>10</v>
      </c>
      <c r="DM2010" s="6" t="s">
        <v>383</v>
      </c>
      <c r="DN2010" s="6">
        <v>9</v>
      </c>
      <c r="DO2010" s="6" t="s">
        <v>384</v>
      </c>
      <c r="DP2010" s="6"/>
      <c r="DQ2010" s="6"/>
    </row>
    <row r="2011" spans="1:121" x14ac:dyDescent="0.2">
      <c r="A2011" s="6" t="s">
        <v>792</v>
      </c>
      <c r="B2011" s="6" t="s">
        <v>176</v>
      </c>
      <c r="C2011" s="6" t="s">
        <v>177</v>
      </c>
      <c r="D2011" s="6" t="s">
        <v>105</v>
      </c>
      <c r="E2011" s="6" t="s">
        <v>246</v>
      </c>
      <c r="F2011" s="11">
        <v>-70</v>
      </c>
      <c r="G2011" s="13">
        <v>-0.38674033149199999</v>
      </c>
      <c r="H2011" s="11">
        <v>-96.117096394299992</v>
      </c>
      <c r="I2011" s="13">
        <v>-0.53049694223154875</v>
      </c>
      <c r="J2011" s="11">
        <v>-29.442931344099996</v>
      </c>
      <c r="K2011" s="13">
        <v>-0.34611854028865091</v>
      </c>
      <c r="L2011" s="11">
        <v>55.774517714399998</v>
      </c>
      <c r="M2011" s="13">
        <v>1.0027221702839992</v>
      </c>
      <c r="N2011" s="11">
        <v>26.331586370300002</v>
      </c>
      <c r="O2011" s="13">
        <v>0.30954289610158253</v>
      </c>
      <c r="P2011" s="7">
        <v>181.18312989699999</v>
      </c>
      <c r="Q2011" s="7">
        <v>167.39033791099999</v>
      </c>
      <c r="R2011" s="7">
        <v>159.610308962</v>
      </c>
      <c r="S2011" s="7">
        <v>168.40842042200001</v>
      </c>
      <c r="T2011" s="7">
        <v>150.17127547699999</v>
      </c>
      <c r="U2011" s="7">
        <v>102.03703296899999</v>
      </c>
      <c r="V2011" s="7">
        <v>85.066033502699995</v>
      </c>
      <c r="W2011" s="7">
        <v>79.423309992100002</v>
      </c>
      <c r="X2011" s="7">
        <v>65.906289018999999</v>
      </c>
      <c r="Y2011" s="7">
        <v>55.623102158599998</v>
      </c>
      <c r="Z2011" s="7">
        <v>72.049196964900005</v>
      </c>
      <c r="AA2011" s="7">
        <v>78.372627510100003</v>
      </c>
      <c r="AB2011" s="7">
        <v>75.054312431</v>
      </c>
      <c r="AC2011" s="7">
        <v>75.309242145599995</v>
      </c>
      <c r="AD2011" s="7">
        <v>82.0185899831</v>
      </c>
      <c r="AE2011" s="7">
        <v>107.737434252</v>
      </c>
      <c r="AF2011" s="7">
        <v>111.397619873</v>
      </c>
      <c r="AG2011" s="9">
        <v>6895.9814571999996</v>
      </c>
      <c r="AH2011" s="13">
        <v>0.29724425075044481</v>
      </c>
      <c r="AI2011" s="9">
        <v>-503.34269029999996</v>
      </c>
      <c r="AJ2011" s="13">
        <v>-2.1696073543342399E-2</v>
      </c>
      <c r="AK2011" s="9">
        <v>2788.207193299997</v>
      </c>
      <c r="AL2011" s="13">
        <v>0.12284815121181428</v>
      </c>
      <c r="AM2011" s="9">
        <v>4611.1169542000025</v>
      </c>
      <c r="AN2011" s="13">
        <v>0.18093754401168999</v>
      </c>
      <c r="AO2011" s="9">
        <v>7399.3241474999995</v>
      </c>
      <c r="AP2011" s="13">
        <v>0.32601353799014665</v>
      </c>
      <c r="AQ2011" s="9">
        <v>23199.713500900001</v>
      </c>
      <c r="AR2011" s="9">
        <v>26147.673679700001</v>
      </c>
      <c r="AS2011" s="9">
        <v>26900.992095500002</v>
      </c>
      <c r="AT2011" s="9">
        <v>26625.537512300001</v>
      </c>
      <c r="AU2011" s="9">
        <v>28523.629166499999</v>
      </c>
      <c r="AV2011" s="9">
        <v>22113.843440100001</v>
      </c>
      <c r="AW2011" s="9">
        <v>22696.370810600001</v>
      </c>
      <c r="AX2011" s="9">
        <v>25109.320453299999</v>
      </c>
      <c r="AY2011" s="9">
        <v>25874.588377200002</v>
      </c>
      <c r="AZ2011" s="9">
        <v>25484.578003899998</v>
      </c>
      <c r="BA2011" s="9">
        <v>28015.716506799999</v>
      </c>
      <c r="BB2011" s="9">
        <v>28346.384357700001</v>
      </c>
      <c r="BC2011" s="9">
        <v>28864.017677</v>
      </c>
      <c r="BD2011" s="9">
        <v>27832.3658932</v>
      </c>
      <c r="BE2011" s="9">
        <v>28490.0601642</v>
      </c>
      <c r="BF2011" s="9">
        <v>30095.694958100001</v>
      </c>
      <c r="BG2011" s="11">
        <v>-2.25</v>
      </c>
      <c r="BH2011" s="13">
        <v>-0.20454545454545456</v>
      </c>
      <c r="BI2011" s="6">
        <v>-1</v>
      </c>
      <c r="BJ2011" s="13">
        <v>-9.0909090909090912E-2</v>
      </c>
      <c r="BK2011" s="6">
        <v>0</v>
      </c>
      <c r="BL2011" s="13">
        <v>0</v>
      </c>
      <c r="BM2011" s="11">
        <v>-1.25</v>
      </c>
      <c r="BN2011" s="13">
        <v>-0.125</v>
      </c>
      <c r="BO2011" s="11">
        <v>-1.25</v>
      </c>
      <c r="BP2011" s="13">
        <v>-0.125</v>
      </c>
      <c r="BQ2011" s="6">
        <v>11</v>
      </c>
      <c r="BR2011" s="6">
        <v>11</v>
      </c>
      <c r="BS2011" s="6">
        <v>8</v>
      </c>
      <c r="BT2011" s="6">
        <v>10</v>
      </c>
      <c r="BU2011" s="6">
        <v>9</v>
      </c>
      <c r="BV2011" s="6">
        <v>10</v>
      </c>
      <c r="BW2011" s="6">
        <v>10</v>
      </c>
      <c r="BX2011" s="6">
        <v>11</v>
      </c>
      <c r="BY2011" s="6">
        <v>9</v>
      </c>
      <c r="BZ2011" s="6">
        <v>8</v>
      </c>
      <c r="CA2011" s="6">
        <v>8</v>
      </c>
      <c r="CB2011" s="6">
        <v>9</v>
      </c>
      <c r="CC2011" s="11">
        <v>8.75</v>
      </c>
      <c r="CD2011" s="11">
        <v>-25.6374</v>
      </c>
      <c r="CE2011" s="11">
        <v>-63.953600000000002</v>
      </c>
      <c r="CF2011" s="11">
        <v>19.805499999999999</v>
      </c>
      <c r="CG2011" s="11">
        <v>-44</v>
      </c>
      <c r="CH2011" s="20">
        <v>1.00786</v>
      </c>
      <c r="CI2011" s="20">
        <v>1.0047699999999999</v>
      </c>
      <c r="CJ2011" s="20">
        <v>1.03315</v>
      </c>
      <c r="CK2011" s="20">
        <v>1.08612</v>
      </c>
      <c r="CL2011" s="20">
        <v>0.98555899999999996</v>
      </c>
      <c r="CM2011" s="20">
        <v>0.71283099999999999</v>
      </c>
      <c r="CN2011" s="20">
        <v>0.607159</v>
      </c>
      <c r="CO2011" s="20">
        <v>0.57657899999999995</v>
      </c>
      <c r="CP2011" s="20">
        <v>0.52501299999999995</v>
      </c>
      <c r="CQ2011" s="20">
        <v>0.46055099999999999</v>
      </c>
      <c r="CR2011" s="20">
        <v>0.58741600000000005</v>
      </c>
      <c r="CS2011" s="20">
        <v>0.63809499999999997</v>
      </c>
      <c r="CT2011" s="20">
        <v>0.61798600000000004</v>
      </c>
      <c r="CU2011" s="20">
        <v>0.62105399999999999</v>
      </c>
      <c r="CV2011" s="20">
        <v>0.68098400000000003</v>
      </c>
      <c r="CW2011" s="20">
        <v>0.90210400000000002</v>
      </c>
      <c r="CX2011" s="20">
        <v>0.93207700000000004</v>
      </c>
      <c r="CY2011" s="6" t="s">
        <v>700</v>
      </c>
      <c r="CZ2011" s="6" t="s">
        <v>701</v>
      </c>
      <c r="DA2011" s="6" t="s">
        <v>105</v>
      </c>
      <c r="DB2011" s="6"/>
      <c r="DC2011" s="6"/>
      <c r="DD2011" s="6"/>
      <c r="DE2011" s="6"/>
      <c r="DF2011" s="6"/>
      <c r="DG2011" s="6"/>
      <c r="DH2011" s="6" t="s">
        <v>333</v>
      </c>
      <c r="DI2011" s="6"/>
      <c r="DJ2011" s="6"/>
      <c r="DK2011" s="6"/>
      <c r="DL2011" s="6">
        <v>10</v>
      </c>
      <c r="DM2011" s="6" t="s">
        <v>383</v>
      </c>
      <c r="DN2011" s="6">
        <v>9</v>
      </c>
      <c r="DO2011" s="6" t="s">
        <v>384</v>
      </c>
      <c r="DP2011" s="6"/>
      <c r="DQ2011" s="6"/>
    </row>
    <row r="2012" spans="1:121" x14ac:dyDescent="0.2">
      <c r="A2012" s="6" t="s">
        <v>313</v>
      </c>
      <c r="B2012" s="6" t="s">
        <v>313</v>
      </c>
      <c r="C2012" s="6" t="s">
        <v>178</v>
      </c>
      <c r="D2012" s="6" t="s">
        <v>105</v>
      </c>
      <c r="E2012" s="6" t="s">
        <v>246</v>
      </c>
      <c r="F2012" s="11">
        <v>34</v>
      </c>
      <c r="G2012" s="13">
        <v>0.53968253968299995</v>
      </c>
      <c r="H2012" s="11">
        <v>44.385609364300002</v>
      </c>
      <c r="I2012" s="13">
        <v>0.70989034767947001</v>
      </c>
      <c r="J2012" s="11">
        <v>-5.857050147999999</v>
      </c>
      <c r="K2012" s="13">
        <v>-5.4784760355400731E-2</v>
      </c>
      <c r="L2012" s="11">
        <v>-4.4953005785999949</v>
      </c>
      <c r="M2012" s="13">
        <v>-4.4484513451492069E-2</v>
      </c>
      <c r="N2012" s="11">
        <v>-10.352350726599994</v>
      </c>
      <c r="O2012" s="13">
        <v>-9.6832200397926185E-2</v>
      </c>
      <c r="P2012" s="7">
        <v>62.524599058699998</v>
      </c>
      <c r="Q2012" s="7">
        <v>74.293962522499996</v>
      </c>
      <c r="R2012" s="7">
        <v>69.233187684300006</v>
      </c>
      <c r="S2012" s="7">
        <v>62.0495691036</v>
      </c>
      <c r="T2012" s="7">
        <v>59.384373589600003</v>
      </c>
      <c r="U2012" s="7">
        <v>89.7194491634</v>
      </c>
      <c r="V2012" s="7">
        <v>106.910208423</v>
      </c>
      <c r="W2012" s="7">
        <v>104.105599302</v>
      </c>
      <c r="X2012" s="7">
        <v>101.353426</v>
      </c>
      <c r="Y2012" s="7">
        <v>101.053158275</v>
      </c>
      <c r="Z2012" s="7">
        <v>103.583254411</v>
      </c>
      <c r="AA2012" s="7">
        <v>112.186771913</v>
      </c>
      <c r="AB2012" s="7">
        <v>94.649371079800005</v>
      </c>
      <c r="AC2012" s="7">
        <v>95.095114452100006</v>
      </c>
      <c r="AD2012" s="7">
        <v>103.66168432800001</v>
      </c>
      <c r="AE2012" s="7">
        <v>95.863396730100007</v>
      </c>
      <c r="AF2012" s="7">
        <v>96.557857696400006</v>
      </c>
      <c r="AG2012" s="9">
        <v>20723.375731700002</v>
      </c>
      <c r="AH2012" s="13">
        <v>1.1357204752585313</v>
      </c>
      <c r="AI2012" s="9">
        <v>8701.1885225000005</v>
      </c>
      <c r="AJ2012" s="13">
        <v>0.47685850471607111</v>
      </c>
      <c r="AK2012" s="9">
        <v>568.39583359999961</v>
      </c>
      <c r="AL2012" s="13">
        <v>2.1092252021407708E-2</v>
      </c>
      <c r="AM2012" s="9">
        <v>11453.791375600002</v>
      </c>
      <c r="AN2012" s="13">
        <v>0.41625201957972119</v>
      </c>
      <c r="AO2012" s="9">
        <v>12022.187209200001</v>
      </c>
      <c r="AP2012" s="13">
        <v>0.44612396410252431</v>
      </c>
      <c r="AQ2012" s="9">
        <v>18246.898055599999</v>
      </c>
      <c r="AR2012" s="9">
        <v>20476.737433499999</v>
      </c>
      <c r="AS2012" s="9">
        <v>17704.414158</v>
      </c>
      <c r="AT2012" s="9">
        <v>18327.9016954</v>
      </c>
      <c r="AU2012" s="9">
        <v>19759.2318443</v>
      </c>
      <c r="AV2012" s="9">
        <v>29928.009821200001</v>
      </c>
      <c r="AW2012" s="9">
        <v>26948.086578099999</v>
      </c>
      <c r="AX2012" s="9">
        <v>25857.914601699998</v>
      </c>
      <c r="AY2012" s="9">
        <v>26210.498749300001</v>
      </c>
      <c r="AZ2012" s="9">
        <v>27516.482411699999</v>
      </c>
      <c r="BA2012" s="9">
        <v>25929.854550299999</v>
      </c>
      <c r="BB2012" s="9">
        <v>26194.826125899999</v>
      </c>
      <c r="BC2012" s="9">
        <v>31099.213473</v>
      </c>
      <c r="BD2012" s="9">
        <v>34515.595695299999</v>
      </c>
      <c r="BE2012" s="9">
        <v>36704.768725299997</v>
      </c>
      <c r="BF2012" s="9">
        <v>38970.273787300001</v>
      </c>
      <c r="BG2012" s="11">
        <v>3</v>
      </c>
      <c r="BH2012" s="13">
        <v>0.42857142857142855</v>
      </c>
      <c r="BI2012" s="6">
        <v>2</v>
      </c>
      <c r="BJ2012" s="13">
        <v>0.2857142857142857</v>
      </c>
      <c r="BK2012" s="6">
        <v>-1</v>
      </c>
      <c r="BL2012" s="13">
        <v>-0.1111111111111111</v>
      </c>
      <c r="BM2012" s="11">
        <v>2</v>
      </c>
      <c r="BN2012" s="13">
        <v>0.25</v>
      </c>
      <c r="BO2012" s="11">
        <v>1</v>
      </c>
      <c r="BP2012" s="13">
        <v>0.1111111111111111</v>
      </c>
      <c r="BQ2012" s="6">
        <v>7</v>
      </c>
      <c r="BR2012" s="6">
        <v>8</v>
      </c>
      <c r="BS2012" s="6">
        <v>9</v>
      </c>
      <c r="BT2012" s="6">
        <v>9</v>
      </c>
      <c r="BU2012" s="6">
        <v>9</v>
      </c>
      <c r="BV2012" s="6">
        <v>8</v>
      </c>
      <c r="BW2012" s="6">
        <v>8</v>
      </c>
      <c r="BX2012" s="6">
        <v>8</v>
      </c>
      <c r="BY2012" s="6">
        <v>9</v>
      </c>
      <c r="BZ2012" s="6">
        <v>9</v>
      </c>
      <c r="CA2012" s="6">
        <v>9</v>
      </c>
      <c r="CB2012" s="6">
        <v>10</v>
      </c>
      <c r="CC2012" s="11">
        <v>10</v>
      </c>
      <c r="CD2012" s="11">
        <v>32.311</v>
      </c>
      <c r="CE2012" s="11">
        <v>-5.1124799999999997</v>
      </c>
      <c r="CF2012" s="11">
        <v>6.8346900000000002</v>
      </c>
      <c r="CG2012" s="11">
        <v>2</v>
      </c>
      <c r="CH2012" s="20">
        <v>0.97676200000000002</v>
      </c>
      <c r="CI2012" s="20">
        <v>1.1894800000000001</v>
      </c>
      <c r="CJ2012" s="20">
        <v>1.14262</v>
      </c>
      <c r="CK2012" s="20">
        <v>0.996174</v>
      </c>
      <c r="CL2012" s="20">
        <v>0.94716800000000001</v>
      </c>
      <c r="CM2012" s="20">
        <v>1.4820800000000001</v>
      </c>
      <c r="CN2012" s="20">
        <v>1.74048</v>
      </c>
      <c r="CO2012" s="20">
        <v>1.67964</v>
      </c>
      <c r="CP2012" s="20">
        <v>1.6961900000000001</v>
      </c>
      <c r="CQ2012" s="20">
        <v>1.74028</v>
      </c>
      <c r="CR2012" s="20">
        <v>1.76423</v>
      </c>
      <c r="CS2012" s="20">
        <v>1.90591</v>
      </c>
      <c r="CT2012" s="20">
        <v>1.61693</v>
      </c>
      <c r="CU2012" s="20">
        <v>1.6291199999999999</v>
      </c>
      <c r="CV2012" s="20">
        <v>1.78912</v>
      </c>
      <c r="CW2012" s="20">
        <v>1.6728499999999999</v>
      </c>
      <c r="CX2012" s="20">
        <v>1.67005</v>
      </c>
      <c r="CY2012" s="6" t="s">
        <v>700</v>
      </c>
      <c r="CZ2012" s="6" t="s">
        <v>701</v>
      </c>
      <c r="DA2012" s="6" t="s">
        <v>105</v>
      </c>
      <c r="DB2012" s="6"/>
      <c r="DC2012" s="6"/>
      <c r="DD2012" s="6"/>
      <c r="DE2012" s="6"/>
      <c r="DF2012" s="6"/>
      <c r="DG2012" s="6"/>
      <c r="DH2012" s="6" t="s">
        <v>333</v>
      </c>
      <c r="DI2012" s="6"/>
      <c r="DJ2012" s="6"/>
      <c r="DK2012" s="6"/>
      <c r="DL2012" s="6">
        <v>10</v>
      </c>
      <c r="DM2012" s="6" t="s">
        <v>383</v>
      </c>
      <c r="DN2012" s="6">
        <v>9</v>
      </c>
      <c r="DO2012" s="6" t="s">
        <v>384</v>
      </c>
      <c r="DP2012" s="6"/>
      <c r="DQ2012" s="6"/>
    </row>
    <row r="2013" spans="1:121" x14ac:dyDescent="0.2">
      <c r="A2013" s="6" t="s">
        <v>793</v>
      </c>
      <c r="B2013" s="6" t="s">
        <v>179</v>
      </c>
      <c r="C2013" s="6" t="s">
        <v>180</v>
      </c>
      <c r="D2013" s="6" t="s">
        <v>105</v>
      </c>
      <c r="E2013" s="6" t="s">
        <v>246</v>
      </c>
      <c r="F2013" s="11">
        <v>27</v>
      </c>
      <c r="G2013" s="13">
        <v>0.17</v>
      </c>
      <c r="H2013" s="11">
        <v>2</v>
      </c>
      <c r="I2013" s="13">
        <v>1.2269938650306749E-2</v>
      </c>
      <c r="J2013" s="11">
        <v>-22</v>
      </c>
      <c r="K2013" s="13">
        <v>-0.13333333333333333</v>
      </c>
      <c r="L2013" s="11">
        <v>47</v>
      </c>
      <c r="M2013" s="13">
        <v>0.32867132867132864</v>
      </c>
      <c r="N2013" s="11">
        <v>25</v>
      </c>
      <c r="O2013" s="13">
        <v>0.15151515151515152</v>
      </c>
      <c r="P2013" s="7">
        <v>163</v>
      </c>
      <c r="Q2013" s="7">
        <v>162</v>
      </c>
      <c r="R2013" s="7">
        <v>152</v>
      </c>
      <c r="S2013" s="7">
        <v>167</v>
      </c>
      <c r="T2013" s="7">
        <v>181</v>
      </c>
      <c r="U2013" s="7">
        <v>169</v>
      </c>
      <c r="V2013" s="7">
        <v>165</v>
      </c>
      <c r="W2013" s="7">
        <v>167</v>
      </c>
      <c r="X2013" s="7">
        <v>149</v>
      </c>
      <c r="Y2013" s="7">
        <v>143</v>
      </c>
      <c r="Z2013" s="7">
        <v>153</v>
      </c>
      <c r="AA2013" s="7">
        <v>172</v>
      </c>
      <c r="AB2013" s="7">
        <v>178</v>
      </c>
      <c r="AC2013" s="7">
        <v>177</v>
      </c>
      <c r="AD2013" s="7">
        <v>181</v>
      </c>
      <c r="AE2013" s="7">
        <v>184</v>
      </c>
      <c r="AF2013" s="7">
        <v>190</v>
      </c>
      <c r="AG2013" s="9">
        <v>7315</v>
      </c>
      <c r="AH2013" s="13">
        <v>0.42735292399369046</v>
      </c>
      <c r="AI2013" s="9">
        <v>5793</v>
      </c>
      <c r="AJ2013" s="13">
        <v>0.33843547350587133</v>
      </c>
      <c r="AK2013" s="9">
        <v>1858</v>
      </c>
      <c r="AL2013" s="13">
        <v>8.109995635093846E-2</v>
      </c>
      <c r="AM2013" s="9">
        <v>-336</v>
      </c>
      <c r="AN2013" s="13">
        <v>-1.3565891472868217E-2</v>
      </c>
      <c r="AO2013" s="9">
        <v>1522</v>
      </c>
      <c r="AP2013" s="13">
        <v>6.6433871671759057E-2</v>
      </c>
      <c r="AQ2013" s="9">
        <v>17117</v>
      </c>
      <c r="AR2013" s="9">
        <v>18952</v>
      </c>
      <c r="AS2013" s="9">
        <v>19159</v>
      </c>
      <c r="AT2013" s="9">
        <v>18990</v>
      </c>
      <c r="AU2013" s="9">
        <v>21021</v>
      </c>
      <c r="AV2013" s="9">
        <v>21313</v>
      </c>
      <c r="AW2013" s="9">
        <v>22910</v>
      </c>
      <c r="AX2013" s="9">
        <v>24204</v>
      </c>
      <c r="AY2013" s="9">
        <v>25055</v>
      </c>
      <c r="AZ2013" s="9">
        <v>24768</v>
      </c>
      <c r="BA2013" s="9">
        <v>25379</v>
      </c>
      <c r="BB2013" s="9">
        <v>22616</v>
      </c>
      <c r="BC2013" s="9">
        <v>23862</v>
      </c>
      <c r="BD2013" s="9">
        <v>24706</v>
      </c>
      <c r="BE2013" s="9">
        <v>24279</v>
      </c>
      <c r="BF2013" s="9">
        <v>24432</v>
      </c>
      <c r="BG2013" s="11">
        <v>-3</v>
      </c>
      <c r="BH2013" s="13">
        <v>-0.1111111111111111</v>
      </c>
      <c r="BI2013" s="6">
        <v>-1</v>
      </c>
      <c r="BJ2013" s="13">
        <v>-3.7037037037037035E-2</v>
      </c>
      <c r="BK2013" s="6">
        <v>-4</v>
      </c>
      <c r="BL2013" s="13">
        <v>-0.15384615384615385</v>
      </c>
      <c r="BM2013" s="11">
        <v>2</v>
      </c>
      <c r="BN2013" s="13">
        <v>9.0909090909090912E-2</v>
      </c>
      <c r="BO2013" s="11">
        <v>-2</v>
      </c>
      <c r="BP2013" s="13">
        <v>-7.6923076923076927E-2</v>
      </c>
      <c r="BQ2013" s="6">
        <v>27</v>
      </c>
      <c r="BR2013" s="6">
        <v>26</v>
      </c>
      <c r="BS2013" s="6">
        <v>28</v>
      </c>
      <c r="BT2013" s="6">
        <v>26</v>
      </c>
      <c r="BU2013" s="6">
        <v>24</v>
      </c>
      <c r="BV2013" s="6">
        <v>23</v>
      </c>
      <c r="BW2013" s="6">
        <v>22</v>
      </c>
      <c r="BX2013" s="6">
        <v>22</v>
      </c>
      <c r="BY2013" s="6">
        <v>22</v>
      </c>
      <c r="BZ2013" s="6">
        <v>23</v>
      </c>
      <c r="CA2013" s="6">
        <v>24</v>
      </c>
      <c r="CB2013" s="6">
        <v>24</v>
      </c>
      <c r="CC2013" s="11">
        <v>24</v>
      </c>
      <c r="CD2013" s="11">
        <v>20</v>
      </c>
      <c r="CE2013" s="11">
        <v>-10</v>
      </c>
      <c r="CF2013" s="11">
        <v>18</v>
      </c>
      <c r="CG2013" s="11">
        <v>8</v>
      </c>
      <c r="CH2013" s="20">
        <v>0.95</v>
      </c>
      <c r="CI2013" s="20">
        <v>0.95</v>
      </c>
      <c r="CJ2013" s="20">
        <v>0.92</v>
      </c>
      <c r="CK2013" s="20">
        <v>0.99</v>
      </c>
      <c r="CL2013" s="20">
        <v>1.07</v>
      </c>
      <c r="CM2013" s="20">
        <v>1.05</v>
      </c>
      <c r="CN2013" s="20">
        <v>1.02</v>
      </c>
      <c r="CO2013" s="20">
        <v>1.03</v>
      </c>
      <c r="CP2013" s="20">
        <v>0.94</v>
      </c>
      <c r="CQ2013" s="20">
        <v>0.91</v>
      </c>
      <c r="CR2013" s="20">
        <v>0.97</v>
      </c>
      <c r="CS2013" s="20">
        <v>1.0900000000000001</v>
      </c>
      <c r="CT2013" s="20">
        <v>1.1399999999999999</v>
      </c>
      <c r="CU2013" s="20">
        <v>1.1299999999999999</v>
      </c>
      <c r="CV2013" s="20">
        <v>1.1599999999999999</v>
      </c>
      <c r="CW2013" s="20">
        <v>1.18</v>
      </c>
      <c r="CX2013" s="20">
        <v>1.2</v>
      </c>
      <c r="CY2013" s="6" t="s">
        <v>700</v>
      </c>
      <c r="CZ2013" s="6" t="s">
        <v>701</v>
      </c>
      <c r="DA2013" s="6" t="s">
        <v>105</v>
      </c>
      <c r="DB2013" s="6"/>
      <c r="DC2013" s="6"/>
      <c r="DD2013" s="6"/>
      <c r="DE2013" s="6"/>
      <c r="DF2013" s="6"/>
      <c r="DG2013" s="6"/>
      <c r="DH2013" s="6" t="s">
        <v>333</v>
      </c>
      <c r="DI2013" s="6"/>
      <c r="DJ2013" s="6"/>
      <c r="DK2013" s="6"/>
      <c r="DL2013" s="6">
        <v>10</v>
      </c>
      <c r="DM2013" s="6" t="s">
        <v>383</v>
      </c>
      <c r="DN2013" s="6">
        <v>9</v>
      </c>
      <c r="DO2013" s="6" t="s">
        <v>384</v>
      </c>
      <c r="DP2013" s="6"/>
      <c r="DQ2013" s="6"/>
    </row>
    <row r="2014" spans="1:121" x14ac:dyDescent="0.2">
      <c r="A2014" s="6" t="s">
        <v>794</v>
      </c>
      <c r="B2014" s="6" t="s">
        <v>181</v>
      </c>
      <c r="C2014" s="6" t="s">
        <v>182</v>
      </c>
      <c r="D2014" s="6" t="s">
        <v>105</v>
      </c>
      <c r="E2014" s="6" t="s">
        <v>246</v>
      </c>
      <c r="F2014" s="11">
        <v>-14</v>
      </c>
      <c r="G2014" s="13">
        <v>-0.33333333333300003</v>
      </c>
      <c r="H2014" s="11">
        <v>8.5238406499000021</v>
      </c>
      <c r="I2014" s="13">
        <v>0.2014177557911091</v>
      </c>
      <c r="J2014" s="11">
        <v>-16.729612851500001</v>
      </c>
      <c r="K2014" s="13">
        <v>-0.3290442267782428</v>
      </c>
      <c r="L2014" s="11">
        <v>-5.7937098989999996</v>
      </c>
      <c r="M2014" s="13">
        <v>-0.16983658001465127</v>
      </c>
      <c r="N2014" s="11">
        <v>-22.5233227505</v>
      </c>
      <c r="O2014" s="13">
        <v>-0.44299706064331201</v>
      </c>
      <c r="P2014" s="7">
        <v>42.3192117121</v>
      </c>
      <c r="Q2014" s="7">
        <v>39.296714872899997</v>
      </c>
      <c r="R2014" s="7">
        <v>42.550630288599997</v>
      </c>
      <c r="S2014" s="7">
        <v>45.5577484664</v>
      </c>
      <c r="T2014" s="7">
        <v>41.754032758699999</v>
      </c>
      <c r="U2014" s="7">
        <v>45.146308190500001</v>
      </c>
      <c r="V2014" s="7">
        <v>50.843052362000002</v>
      </c>
      <c r="W2014" s="7">
        <v>54.034413536300001</v>
      </c>
      <c r="X2014" s="7">
        <v>43.289932076100001</v>
      </c>
      <c r="Y2014" s="7">
        <v>34.113439510500001</v>
      </c>
      <c r="Z2014" s="7">
        <v>31.5029723888</v>
      </c>
      <c r="AA2014" s="7">
        <v>15.383517619899999</v>
      </c>
      <c r="AB2014" s="7">
        <v>17.120059463800001</v>
      </c>
      <c r="AC2014" s="7">
        <v>23.567059755399999</v>
      </c>
      <c r="AD2014" s="7">
        <v>25.686132780600001</v>
      </c>
      <c r="AE2014" s="7">
        <v>28.181050881800001</v>
      </c>
      <c r="AF2014" s="7">
        <v>28.319729611500001</v>
      </c>
      <c r="AG2014" s="9">
        <v>5072.533749000002</v>
      </c>
      <c r="AH2014" s="13">
        <v>0.16601006699661153</v>
      </c>
      <c r="AI2014" s="9">
        <v>3164.3793407999983</v>
      </c>
      <c r="AJ2014" s="13">
        <v>0.10356142558390316</v>
      </c>
      <c r="AK2014" s="9">
        <v>577.49998549999873</v>
      </c>
      <c r="AL2014" s="13">
        <v>1.7126355150051269E-2</v>
      </c>
      <c r="AM2014" s="9">
        <v>1330.6544227000049</v>
      </c>
      <c r="AN2014" s="13">
        <v>3.8797464305979829E-2</v>
      </c>
      <c r="AO2014" s="9">
        <v>1908.1544082000037</v>
      </c>
      <c r="AP2014" s="13">
        <v>5.6588278608656749E-2</v>
      </c>
      <c r="AQ2014" s="9">
        <v>30555.5791933</v>
      </c>
      <c r="AR2014" s="9">
        <v>29456.6214779</v>
      </c>
      <c r="AS2014" s="9">
        <v>29764.1562333</v>
      </c>
      <c r="AT2014" s="9">
        <v>30765.254464199999</v>
      </c>
      <c r="AU2014" s="9">
        <v>34583.244253199999</v>
      </c>
      <c r="AV2014" s="9">
        <v>36998.941807499999</v>
      </c>
      <c r="AW2014" s="9">
        <v>33719.958534099998</v>
      </c>
      <c r="AX2014" s="9">
        <v>36263.104912199997</v>
      </c>
      <c r="AY2014" s="9">
        <v>34141.143310400003</v>
      </c>
      <c r="AZ2014" s="9">
        <v>34297.458519599997</v>
      </c>
      <c r="BA2014" s="9">
        <v>35548.798511399997</v>
      </c>
      <c r="BB2014" s="9">
        <v>31325.658237600001</v>
      </c>
      <c r="BC2014" s="9">
        <v>31997.243931699999</v>
      </c>
      <c r="BD2014" s="9">
        <v>33031.254659400001</v>
      </c>
      <c r="BE2014" s="9">
        <v>33714.645007300001</v>
      </c>
      <c r="BF2014" s="9">
        <v>35628.112942300002</v>
      </c>
      <c r="BG2014" s="11">
        <v>-3</v>
      </c>
      <c r="BH2014" s="13">
        <v>-0.33333333333333331</v>
      </c>
      <c r="BI2014" s="6">
        <v>1</v>
      </c>
      <c r="BJ2014" s="13">
        <v>0.1111111111111111</v>
      </c>
      <c r="BK2014" s="6">
        <v>-6</v>
      </c>
      <c r="BL2014" s="13">
        <v>-0.6</v>
      </c>
      <c r="BM2014" s="11">
        <v>2</v>
      </c>
      <c r="BN2014" s="13">
        <v>0.5</v>
      </c>
      <c r="BO2014" s="11">
        <v>-4</v>
      </c>
      <c r="BP2014" s="13">
        <v>-0.4</v>
      </c>
      <c r="BQ2014" s="6">
        <v>9</v>
      </c>
      <c r="BR2014" s="6">
        <v>11</v>
      </c>
      <c r="BS2014" s="6">
        <v>10</v>
      </c>
      <c r="BT2014" s="6">
        <v>10</v>
      </c>
      <c r="BU2014" s="6">
        <v>10</v>
      </c>
      <c r="BV2014" s="6">
        <v>5</v>
      </c>
      <c r="BW2014" s="6">
        <v>4</v>
      </c>
      <c r="BX2014" s="6">
        <v>3</v>
      </c>
      <c r="BY2014" s="6">
        <v>2</v>
      </c>
      <c r="BZ2014" s="6">
        <v>3</v>
      </c>
      <c r="CA2014" s="6">
        <v>5</v>
      </c>
      <c r="CB2014" s="6">
        <v>6</v>
      </c>
      <c r="CC2014" s="11">
        <v>6</v>
      </c>
      <c r="CD2014" s="11">
        <v>-21.292899999999999</v>
      </c>
      <c r="CE2014" s="11">
        <v>2.6674000000000002</v>
      </c>
      <c r="CF2014" s="11">
        <v>4.6260000000000003</v>
      </c>
      <c r="CG2014" s="11">
        <v>8</v>
      </c>
      <c r="CH2014" s="20">
        <v>0.83515499999999998</v>
      </c>
      <c r="CI2014" s="20">
        <v>0.80152999999999996</v>
      </c>
      <c r="CJ2014" s="20">
        <v>0.89653400000000005</v>
      </c>
      <c r="CK2014" s="20">
        <v>0.92476100000000006</v>
      </c>
      <c r="CL2014" s="20">
        <v>0.83697999999999995</v>
      </c>
      <c r="CM2014" s="20">
        <v>0.93458300000000005</v>
      </c>
      <c r="CN2014" s="20">
        <v>1.03504</v>
      </c>
      <c r="CO2014" s="20">
        <v>1.0902700000000001</v>
      </c>
      <c r="CP2014" s="20">
        <v>0.90339599999999998</v>
      </c>
      <c r="CQ2014" s="20">
        <v>0.72814699999999999</v>
      </c>
      <c r="CR2014" s="20">
        <v>0.656412</v>
      </c>
      <c r="CS2014" s="20">
        <v>0.31847700000000001</v>
      </c>
      <c r="CT2014" s="20">
        <v>0.35426299999999999</v>
      </c>
      <c r="CU2014" s="20">
        <v>0.47814499999999999</v>
      </c>
      <c r="CV2014" s="20">
        <v>0.50704899999999997</v>
      </c>
      <c r="CW2014" s="20">
        <v>0.54808299999999999</v>
      </c>
      <c r="CX2014" s="20">
        <v>0.54233699999999996</v>
      </c>
      <c r="CY2014" s="6" t="s">
        <v>700</v>
      </c>
      <c r="CZ2014" s="6" t="s">
        <v>701</v>
      </c>
      <c r="DA2014" s="6" t="s">
        <v>105</v>
      </c>
      <c r="DB2014" s="6"/>
      <c r="DC2014" s="6"/>
      <c r="DD2014" s="6"/>
      <c r="DE2014" s="6"/>
      <c r="DF2014" s="6"/>
      <c r="DG2014" s="6"/>
      <c r="DH2014" s="6" t="s">
        <v>333</v>
      </c>
      <c r="DI2014" s="6"/>
      <c r="DJ2014" s="6"/>
      <c r="DK2014" s="6"/>
      <c r="DL2014" s="6">
        <v>10</v>
      </c>
      <c r="DM2014" s="6" t="s">
        <v>383</v>
      </c>
      <c r="DN2014" s="6">
        <v>9</v>
      </c>
      <c r="DO2014" s="6" t="s">
        <v>384</v>
      </c>
      <c r="DP2014" s="6"/>
      <c r="DQ2014" s="6"/>
    </row>
    <row r="2015" spans="1:121" x14ac:dyDescent="0.2">
      <c r="A2015" s="6" t="s">
        <v>314</v>
      </c>
      <c r="B2015" s="6" t="s">
        <v>314</v>
      </c>
      <c r="C2015" s="6" t="s">
        <v>183</v>
      </c>
      <c r="D2015" s="6" t="s">
        <v>105</v>
      </c>
      <c r="E2015" s="6" t="s">
        <v>246</v>
      </c>
      <c r="F2015" s="11">
        <v>6</v>
      </c>
      <c r="G2015" s="13">
        <v>0.5</v>
      </c>
      <c r="H2015" s="11">
        <v>1.8060369999999999</v>
      </c>
      <c r="I2015" s="13">
        <v>0.15063573064714569</v>
      </c>
      <c r="J2015" s="11">
        <v>5.1888265580000006</v>
      </c>
      <c r="K2015" s="13">
        <v>0.37612539174091209</v>
      </c>
      <c r="L2015" s="11">
        <v>-0.53203582869999977</v>
      </c>
      <c r="M2015" s="13">
        <v>-2.802504833795379E-2</v>
      </c>
      <c r="N2015" s="11">
        <v>4.6567907293000008</v>
      </c>
      <c r="O2015" s="13">
        <v>0.33755941111828747</v>
      </c>
      <c r="P2015" s="7">
        <v>11.989433</v>
      </c>
      <c r="Q2015" s="7">
        <v>13.714164999999999</v>
      </c>
      <c r="R2015" s="7">
        <v>13.415133727300001</v>
      </c>
      <c r="S2015" s="7">
        <v>13.169926999999999</v>
      </c>
      <c r="T2015" s="7">
        <v>15.438579136</v>
      </c>
      <c r="U2015" s="7">
        <v>19.078980000000001</v>
      </c>
      <c r="V2015" s="7">
        <v>13.79547</v>
      </c>
      <c r="W2015" s="7">
        <v>5</v>
      </c>
      <c r="X2015" s="7">
        <v>16.583615000000002</v>
      </c>
      <c r="Y2015" s="7">
        <v>18.984296558</v>
      </c>
      <c r="Z2015" s="7">
        <v>15.7591388358</v>
      </c>
      <c r="AA2015" s="7">
        <v>16.372543960800002</v>
      </c>
      <c r="AB2015" s="7">
        <v>17.033241883300001</v>
      </c>
      <c r="AC2015" s="7">
        <v>18.881305029100002</v>
      </c>
      <c r="AD2015" s="7">
        <v>17.320077211899999</v>
      </c>
      <c r="AE2015" s="7">
        <v>17.853832138600001</v>
      </c>
      <c r="AF2015" s="7">
        <v>18.452260729300001</v>
      </c>
      <c r="AG2015" s="9">
        <v>-11508.516013799999</v>
      </c>
      <c r="AH2015" s="13">
        <v>-0.45960163789742242</v>
      </c>
      <c r="AI2015" s="9">
        <v>-9334.7718761999986</v>
      </c>
      <c r="AJ2015" s="13">
        <v>-0.37279145621866383</v>
      </c>
      <c r="AK2015" s="9">
        <v>8431.6893982999991</v>
      </c>
      <c r="AL2015" s="13">
        <v>0.53686473274639368</v>
      </c>
      <c r="AM2015" s="9">
        <v>-10605.4335359</v>
      </c>
      <c r="AN2015" s="13">
        <v>-0.43938280555741094</v>
      </c>
      <c r="AO2015" s="9">
        <v>-2173.7441376000006</v>
      </c>
      <c r="AP2015" s="13">
        <v>-0.13840720528995729</v>
      </c>
      <c r="AQ2015" s="9">
        <v>25040.197999399999</v>
      </c>
      <c r="AR2015" s="9">
        <v>15673.055659199999</v>
      </c>
      <c r="AS2015" s="9">
        <v>32354.0390625</v>
      </c>
      <c r="AT2015" s="9">
        <v>15720.7859572</v>
      </c>
      <c r="AU2015" s="9">
        <v>20303.947184699999</v>
      </c>
      <c r="AV2015" s="9">
        <v>29606.876876999999</v>
      </c>
      <c r="AW2015" s="9">
        <v>15705.426123200001</v>
      </c>
      <c r="AX2015" s="9">
        <v>1</v>
      </c>
      <c r="AY2015" s="9">
        <v>34949.663583000001</v>
      </c>
      <c r="AZ2015" s="9">
        <v>24137.1155215</v>
      </c>
      <c r="BA2015" s="9">
        <v>16204.5765882</v>
      </c>
      <c r="BB2015" s="9">
        <v>19365.441934300001</v>
      </c>
      <c r="BC2015" s="9">
        <v>8687.1310460099994</v>
      </c>
      <c r="BD2015" s="9">
        <v>17042.888699800002</v>
      </c>
      <c r="BE2015" s="9">
        <v>15354.698734699999</v>
      </c>
      <c r="BF2015" s="9">
        <v>13531.6819856</v>
      </c>
      <c r="BG2015" s="11">
        <v>-1</v>
      </c>
      <c r="BH2015" s="13">
        <v>-0.33333333333333331</v>
      </c>
      <c r="BI2015" s="6">
        <v>-1</v>
      </c>
      <c r="BJ2015" s="13">
        <v>-0.33333333333333331</v>
      </c>
      <c r="BK2015" s="6">
        <v>0</v>
      </c>
      <c r="BL2015" s="13">
        <v>0</v>
      </c>
      <c r="BM2015" s="11">
        <v>0</v>
      </c>
      <c r="BN2015" s="13">
        <v>0</v>
      </c>
      <c r="BO2015" s="11">
        <v>0</v>
      </c>
      <c r="BP2015" s="13">
        <v>0</v>
      </c>
      <c r="BQ2015" s="6">
        <v>3</v>
      </c>
      <c r="BR2015" s="6">
        <v>2</v>
      </c>
      <c r="BS2015" s="6">
        <v>2</v>
      </c>
      <c r="BT2015" s="6">
        <v>2</v>
      </c>
      <c r="BU2015" s="6">
        <v>2</v>
      </c>
      <c r="BV2015" s="6">
        <v>2</v>
      </c>
      <c r="BW2015" s="6">
        <v>2</v>
      </c>
      <c r="BX2015" s="6">
        <v>2</v>
      </c>
      <c r="BY2015" s="6">
        <v>2</v>
      </c>
      <c r="BZ2015" s="6">
        <v>2</v>
      </c>
      <c r="CA2015" s="6">
        <v>2</v>
      </c>
      <c r="CB2015" s="6">
        <v>2</v>
      </c>
      <c r="CC2015" s="11">
        <v>2</v>
      </c>
      <c r="CD2015" s="11">
        <v>8.8244900000000008</v>
      </c>
      <c r="CE2015" s="11">
        <v>-3.67225</v>
      </c>
      <c r="CF2015" s="11">
        <v>1.3105899999999999</v>
      </c>
      <c r="CG2015" s="11">
        <v>-3</v>
      </c>
      <c r="CH2015" s="20">
        <v>0.30046099999999998</v>
      </c>
      <c r="CI2015" s="20">
        <v>0.36523699999999998</v>
      </c>
      <c r="CJ2015" s="20">
        <v>0.38536100000000001</v>
      </c>
      <c r="CK2015" s="20">
        <v>0.379888</v>
      </c>
      <c r="CL2015" s="20">
        <v>0.45644699999999999</v>
      </c>
      <c r="CM2015" s="20">
        <v>0.59988900000000001</v>
      </c>
      <c r="CN2015" s="20">
        <v>0.43632799999999999</v>
      </c>
      <c r="CO2015" s="20">
        <v>4.0563500000000002E-2</v>
      </c>
      <c r="CP2015" s="20">
        <v>0.53978499999999996</v>
      </c>
      <c r="CQ2015" s="20">
        <v>0.64829400000000004</v>
      </c>
      <c r="CR2015" s="20">
        <v>0.54489299999999996</v>
      </c>
      <c r="CS2015" s="20">
        <v>0.57382200000000005</v>
      </c>
      <c r="CT2015" s="20">
        <v>0.60289499999999996</v>
      </c>
      <c r="CU2015" s="20">
        <v>0.66932000000000003</v>
      </c>
      <c r="CV2015" s="20">
        <v>0.61919299999999999</v>
      </c>
      <c r="CW2015" s="20">
        <v>0.63570300000000002</v>
      </c>
      <c r="CX2015" s="20">
        <v>0.65511399999999997</v>
      </c>
      <c r="CY2015" s="6" t="s">
        <v>700</v>
      </c>
      <c r="CZ2015" s="6" t="s">
        <v>701</v>
      </c>
      <c r="DA2015" s="6" t="s">
        <v>105</v>
      </c>
      <c r="DB2015" s="6"/>
      <c r="DC2015" s="6"/>
      <c r="DD2015" s="6"/>
      <c r="DE2015" s="6"/>
      <c r="DF2015" s="6"/>
      <c r="DG2015" s="6"/>
      <c r="DH2015" s="6" t="s">
        <v>333</v>
      </c>
      <c r="DI2015" s="6"/>
      <c r="DJ2015" s="6"/>
      <c r="DK2015" s="6"/>
      <c r="DL2015" s="6">
        <v>10</v>
      </c>
      <c r="DM2015" s="6" t="s">
        <v>383</v>
      </c>
      <c r="DN2015" s="6">
        <v>9</v>
      </c>
      <c r="DO2015" s="6" t="s">
        <v>384</v>
      </c>
      <c r="DP2015" s="6"/>
      <c r="DQ2015" s="6"/>
    </row>
    <row r="2016" spans="1:121" x14ac:dyDescent="0.2">
      <c r="A2016" s="6" t="s">
        <v>315</v>
      </c>
      <c r="B2016" s="6" t="s">
        <v>315</v>
      </c>
      <c r="C2016" s="6" t="s">
        <v>184</v>
      </c>
      <c r="D2016" s="6" t="s">
        <v>105</v>
      </c>
      <c r="E2016" s="6" t="s">
        <v>246</v>
      </c>
      <c r="F2016" s="11">
        <v>-13</v>
      </c>
      <c r="G2016" s="13">
        <v>-0.2</v>
      </c>
      <c r="H2016" s="11">
        <v>-3</v>
      </c>
      <c r="I2016" s="13">
        <v>-4.6875E-2</v>
      </c>
      <c r="J2016" s="11">
        <v>-3</v>
      </c>
      <c r="K2016" s="13">
        <v>-4.9180327868852458E-2</v>
      </c>
      <c r="L2016" s="11">
        <v>-7</v>
      </c>
      <c r="M2016" s="13">
        <v>-0.1206896551724138</v>
      </c>
      <c r="N2016" s="11">
        <v>-10</v>
      </c>
      <c r="O2016" s="13">
        <v>-0.16393442622950818</v>
      </c>
      <c r="P2016" s="7">
        <v>64</v>
      </c>
      <c r="Q2016" s="7">
        <v>67</v>
      </c>
      <c r="R2016" s="7">
        <v>65</v>
      </c>
      <c r="S2016" s="7">
        <v>62</v>
      </c>
      <c r="T2016" s="7">
        <v>60</v>
      </c>
      <c r="U2016" s="7">
        <v>63</v>
      </c>
      <c r="V2016" s="7">
        <v>61</v>
      </c>
      <c r="W2016" s="7">
        <v>65</v>
      </c>
      <c r="X2016" s="7">
        <v>59</v>
      </c>
      <c r="Y2016" s="7">
        <v>58</v>
      </c>
      <c r="Z2016" s="7">
        <v>58</v>
      </c>
      <c r="AA2016" s="7">
        <v>54</v>
      </c>
      <c r="AB2016" s="7">
        <v>52</v>
      </c>
      <c r="AC2016" s="7">
        <v>52</v>
      </c>
      <c r="AD2016" s="7">
        <v>53</v>
      </c>
      <c r="AE2016" s="7">
        <v>51</v>
      </c>
      <c r="AF2016" s="7">
        <v>51</v>
      </c>
      <c r="AG2016" s="9">
        <v>14218</v>
      </c>
      <c r="AH2016" s="13">
        <v>0.56016074383421322</v>
      </c>
      <c r="AI2016" s="9">
        <v>8473</v>
      </c>
      <c r="AJ2016" s="13">
        <v>0.33381924198250729</v>
      </c>
      <c r="AK2016" s="9">
        <v>597</v>
      </c>
      <c r="AL2016" s="13">
        <v>1.7634027470093044E-2</v>
      </c>
      <c r="AM2016" s="9">
        <v>5148</v>
      </c>
      <c r="AN2016" s="13">
        <v>0.14942528735632185</v>
      </c>
      <c r="AO2016" s="9">
        <v>5745</v>
      </c>
      <c r="AP2016" s="13">
        <v>0.1696942844483828</v>
      </c>
      <c r="AQ2016" s="9">
        <v>25382</v>
      </c>
      <c r="AR2016" s="9">
        <v>27444</v>
      </c>
      <c r="AS2016" s="9">
        <v>26938</v>
      </c>
      <c r="AT2016" s="9">
        <v>29413</v>
      </c>
      <c r="AU2016" s="9">
        <v>30354</v>
      </c>
      <c r="AV2016" s="9">
        <v>32908</v>
      </c>
      <c r="AW2016" s="9">
        <v>33855</v>
      </c>
      <c r="AX2016" s="9">
        <v>34403</v>
      </c>
      <c r="AY2016" s="9">
        <v>36002</v>
      </c>
      <c r="AZ2016" s="9">
        <v>34452</v>
      </c>
      <c r="BA2016" s="9">
        <v>36746</v>
      </c>
      <c r="BB2016" s="9">
        <v>38095</v>
      </c>
      <c r="BC2016" s="9">
        <v>38161</v>
      </c>
      <c r="BD2016" s="9">
        <v>39675</v>
      </c>
      <c r="BE2016" s="9">
        <v>40252</v>
      </c>
      <c r="BF2016" s="9">
        <v>39600</v>
      </c>
      <c r="BG2016" s="11">
        <v>-2</v>
      </c>
      <c r="BH2016" s="13">
        <v>-0.14285714285714285</v>
      </c>
      <c r="BI2016" s="6">
        <v>-2</v>
      </c>
      <c r="BJ2016" s="13">
        <v>-0.14285714285714285</v>
      </c>
      <c r="BK2016" s="6">
        <v>2</v>
      </c>
      <c r="BL2016" s="13">
        <v>0.16666666666666666</v>
      </c>
      <c r="BM2016" s="11">
        <v>-2</v>
      </c>
      <c r="BN2016" s="13">
        <v>-0.14285714285714285</v>
      </c>
      <c r="BO2016" s="11">
        <v>0</v>
      </c>
      <c r="BP2016" s="13">
        <v>0</v>
      </c>
      <c r="BQ2016" s="6">
        <v>14</v>
      </c>
      <c r="BR2016" s="6">
        <v>13</v>
      </c>
      <c r="BS2016" s="6">
        <v>12</v>
      </c>
      <c r="BT2016" s="6">
        <v>12</v>
      </c>
      <c r="BU2016" s="6">
        <v>13</v>
      </c>
      <c r="BV2016" s="6">
        <v>14</v>
      </c>
      <c r="BW2016" s="6">
        <v>14</v>
      </c>
      <c r="BX2016" s="6">
        <v>14</v>
      </c>
      <c r="BY2016" s="6">
        <v>14</v>
      </c>
      <c r="BZ2016" s="6">
        <v>13</v>
      </c>
      <c r="CA2016" s="6">
        <v>13</v>
      </c>
      <c r="CB2016" s="6">
        <v>13</v>
      </c>
      <c r="CC2016" s="11">
        <v>12</v>
      </c>
      <c r="CD2016" s="11">
        <v>-15</v>
      </c>
      <c r="CE2016" s="11">
        <v>-5</v>
      </c>
      <c r="CF2016" s="11">
        <v>7</v>
      </c>
      <c r="CG2016" s="11">
        <v>2</v>
      </c>
      <c r="CH2016" s="20">
        <v>0.99</v>
      </c>
      <c r="CI2016" s="20">
        <v>1.04</v>
      </c>
      <c r="CJ2016" s="20">
        <v>1.01</v>
      </c>
      <c r="CK2016" s="20">
        <v>0.94</v>
      </c>
      <c r="CL2016" s="20">
        <v>0.91</v>
      </c>
      <c r="CM2016" s="20">
        <v>0.99</v>
      </c>
      <c r="CN2016" s="20">
        <v>0.96</v>
      </c>
      <c r="CO2016" s="20">
        <v>1.03</v>
      </c>
      <c r="CP2016" s="20">
        <v>0.95</v>
      </c>
      <c r="CQ2016" s="20">
        <v>0.97</v>
      </c>
      <c r="CR2016" s="20">
        <v>0.96</v>
      </c>
      <c r="CS2016" s="20">
        <v>0.91</v>
      </c>
      <c r="CT2016" s="20">
        <v>0.89</v>
      </c>
      <c r="CU2016" s="20">
        <v>0.89</v>
      </c>
      <c r="CV2016" s="20">
        <v>0.9</v>
      </c>
      <c r="CW2016" s="20">
        <v>0.88</v>
      </c>
      <c r="CX2016" s="20">
        <v>0.86</v>
      </c>
      <c r="CY2016" s="6" t="s">
        <v>700</v>
      </c>
      <c r="CZ2016" s="6" t="s">
        <v>701</v>
      </c>
      <c r="DA2016" s="6" t="s">
        <v>105</v>
      </c>
      <c r="DB2016" s="6"/>
      <c r="DC2016" s="6"/>
      <c r="DD2016" s="6"/>
      <c r="DE2016" s="6"/>
      <c r="DF2016" s="6"/>
      <c r="DG2016" s="6"/>
      <c r="DH2016" s="6" t="s">
        <v>333</v>
      </c>
      <c r="DI2016" s="6"/>
      <c r="DJ2016" s="6"/>
      <c r="DK2016" s="6"/>
      <c r="DL2016" s="6">
        <v>10</v>
      </c>
      <c r="DM2016" s="6" t="s">
        <v>383</v>
      </c>
      <c r="DN2016" s="6">
        <v>9</v>
      </c>
      <c r="DO2016" s="6" t="s">
        <v>384</v>
      </c>
      <c r="DP2016" s="6"/>
      <c r="DQ2016" s="6"/>
    </row>
    <row r="2017" spans="1:121" x14ac:dyDescent="0.2">
      <c r="A2017" s="6" t="s">
        <v>316</v>
      </c>
      <c r="B2017" s="6" t="s">
        <v>316</v>
      </c>
      <c r="C2017" s="6" t="s">
        <v>185</v>
      </c>
      <c r="D2017" s="6" t="s">
        <v>105</v>
      </c>
      <c r="E2017" s="6" t="s">
        <v>246</v>
      </c>
      <c r="F2017" s="11">
        <v>1</v>
      </c>
      <c r="G2017" s="13">
        <v>1</v>
      </c>
      <c r="H2017" s="11">
        <v>0</v>
      </c>
      <c r="I2017" s="13">
        <v>0</v>
      </c>
      <c r="J2017" s="11">
        <v>0</v>
      </c>
      <c r="K2017" s="13">
        <v>0</v>
      </c>
      <c r="L2017" s="11">
        <v>0</v>
      </c>
      <c r="M2017" s="13">
        <v>0</v>
      </c>
      <c r="N2017" s="11">
        <v>0</v>
      </c>
      <c r="O2017" s="13">
        <v>0</v>
      </c>
      <c r="P2017" s="7">
        <v>5</v>
      </c>
      <c r="Q2017" s="7">
        <v>5</v>
      </c>
      <c r="R2017" s="7">
        <v>5</v>
      </c>
      <c r="S2017" s="7">
        <v>5</v>
      </c>
      <c r="T2017" s="7">
        <v>5</v>
      </c>
      <c r="U2017" s="7">
        <v>5</v>
      </c>
      <c r="V2017" s="7">
        <v>5</v>
      </c>
      <c r="W2017" s="7">
        <v>5</v>
      </c>
      <c r="X2017" s="7">
        <v>5</v>
      </c>
      <c r="Y2017" s="7">
        <v>5</v>
      </c>
      <c r="Z2017" s="7">
        <v>5</v>
      </c>
      <c r="AA2017" s="7">
        <v>5</v>
      </c>
      <c r="AB2017" s="7">
        <v>5</v>
      </c>
      <c r="AC2017" s="7">
        <v>5</v>
      </c>
      <c r="AD2017" s="7">
        <v>5</v>
      </c>
      <c r="AE2017" s="7">
        <v>5</v>
      </c>
      <c r="AF2017" s="7">
        <v>5</v>
      </c>
      <c r="AG2017" s="9">
        <v>0</v>
      </c>
      <c r="AH2017" s="13">
        <v>0</v>
      </c>
      <c r="AI2017" s="9">
        <v>0</v>
      </c>
      <c r="AJ2017" s="13">
        <v>0</v>
      </c>
      <c r="AK2017" s="9">
        <v>0</v>
      </c>
      <c r="AL2017" s="13">
        <v>0</v>
      </c>
      <c r="AM2017" s="9">
        <v>0</v>
      </c>
      <c r="AN2017" s="13">
        <v>0</v>
      </c>
      <c r="AO2017" s="9">
        <v>0</v>
      </c>
      <c r="AP2017" s="13">
        <v>0</v>
      </c>
      <c r="AQ2017" s="9">
        <v>1</v>
      </c>
      <c r="AR2017" s="9">
        <v>1</v>
      </c>
      <c r="AS2017" s="9">
        <v>1</v>
      </c>
      <c r="AT2017" s="9">
        <v>1</v>
      </c>
      <c r="AU2017" s="9">
        <v>1</v>
      </c>
      <c r="AV2017" s="9">
        <v>1</v>
      </c>
      <c r="AW2017" s="9">
        <v>1</v>
      </c>
      <c r="AX2017" s="9">
        <v>1</v>
      </c>
      <c r="AY2017" s="9">
        <v>1</v>
      </c>
      <c r="AZ2017" s="9">
        <v>1</v>
      </c>
      <c r="BA2017" s="9">
        <v>1</v>
      </c>
      <c r="BB2017" s="9">
        <v>1</v>
      </c>
      <c r="BC2017" s="9">
        <v>1</v>
      </c>
      <c r="BD2017" s="9">
        <v>1</v>
      </c>
      <c r="BE2017" s="9">
        <v>1</v>
      </c>
      <c r="BF2017" s="9">
        <v>1</v>
      </c>
      <c r="BG2017" s="11">
        <v>-1</v>
      </c>
      <c r="BH2017" s="13">
        <v>-0.33333333333333331</v>
      </c>
      <c r="BI2017" s="6">
        <v>-1</v>
      </c>
      <c r="BJ2017" s="13">
        <v>-0.33333333333333331</v>
      </c>
      <c r="BK2017" s="6">
        <v>0</v>
      </c>
      <c r="BL2017" s="13">
        <v>0</v>
      </c>
      <c r="BM2017" s="11">
        <v>0</v>
      </c>
      <c r="BN2017" s="13">
        <v>0</v>
      </c>
      <c r="BO2017" s="11">
        <v>0</v>
      </c>
      <c r="BP2017" s="13">
        <v>0</v>
      </c>
      <c r="BQ2017" s="6">
        <v>3</v>
      </c>
      <c r="BR2017" s="6">
        <v>4</v>
      </c>
      <c r="BS2017" s="6">
        <v>3</v>
      </c>
      <c r="BT2017" s="6">
        <v>2</v>
      </c>
      <c r="BU2017" s="6">
        <v>2</v>
      </c>
      <c r="BV2017" s="6">
        <v>2</v>
      </c>
      <c r="BW2017" s="6">
        <v>2</v>
      </c>
      <c r="BX2017" s="6">
        <v>2</v>
      </c>
      <c r="BY2017" s="6">
        <v>2</v>
      </c>
      <c r="BZ2017" s="6">
        <v>3</v>
      </c>
      <c r="CA2017" s="6">
        <v>3</v>
      </c>
      <c r="CB2017" s="6">
        <v>2</v>
      </c>
      <c r="CC2017" s="11">
        <v>2</v>
      </c>
      <c r="CD2017" s="11">
        <v>-3</v>
      </c>
      <c r="CE2017" s="11">
        <v>0</v>
      </c>
      <c r="CF2017" s="11">
        <v>1</v>
      </c>
      <c r="CG2017" s="11">
        <v>1</v>
      </c>
      <c r="CH2017" s="20">
        <v>0.27</v>
      </c>
      <c r="CI2017" s="20">
        <v>0.19</v>
      </c>
      <c r="CJ2017" s="20">
        <v>0.26</v>
      </c>
      <c r="CK2017" s="20">
        <v>0.13</v>
      </c>
      <c r="CL2017" s="20">
        <v>0.13</v>
      </c>
      <c r="CM2017" s="20">
        <v>0.13</v>
      </c>
      <c r="CN2017" s="20">
        <v>0.2</v>
      </c>
      <c r="CO2017" s="20">
        <v>0.21</v>
      </c>
      <c r="CP2017" s="20">
        <v>0.34</v>
      </c>
      <c r="CQ2017" s="20">
        <v>0.32</v>
      </c>
      <c r="CR2017" s="20">
        <v>0.28999999999999998</v>
      </c>
      <c r="CS2017" s="20">
        <v>0.19</v>
      </c>
      <c r="CT2017" s="20">
        <v>0.32</v>
      </c>
      <c r="CU2017" s="20">
        <v>0.26</v>
      </c>
      <c r="CV2017" s="20">
        <v>0.17</v>
      </c>
      <c r="CW2017" s="20">
        <v>0.16</v>
      </c>
      <c r="CX2017" s="20">
        <v>0.17</v>
      </c>
      <c r="CY2017" s="6" t="s">
        <v>700</v>
      </c>
      <c r="CZ2017" s="6" t="s">
        <v>701</v>
      </c>
      <c r="DA2017" s="6" t="s">
        <v>105</v>
      </c>
      <c r="DB2017" s="6"/>
      <c r="DC2017" s="6"/>
      <c r="DD2017" s="6"/>
      <c r="DE2017" s="6"/>
      <c r="DF2017" s="6"/>
      <c r="DG2017" s="6"/>
      <c r="DH2017" s="6" t="s">
        <v>333</v>
      </c>
      <c r="DI2017" s="6"/>
      <c r="DJ2017" s="6"/>
      <c r="DK2017" s="6"/>
      <c r="DL2017" s="6">
        <v>10</v>
      </c>
      <c r="DM2017" s="6" t="s">
        <v>383</v>
      </c>
      <c r="DN2017" s="6">
        <v>9</v>
      </c>
      <c r="DO2017" s="6" t="s">
        <v>384</v>
      </c>
      <c r="DP2017" s="6"/>
      <c r="DQ2017" s="6"/>
    </row>
    <row r="2018" spans="1:121" x14ac:dyDescent="0.2">
      <c r="A2018" s="6" t="s">
        <v>317</v>
      </c>
      <c r="B2018" s="6" t="s">
        <v>317</v>
      </c>
      <c r="C2018" s="6" t="s">
        <v>186</v>
      </c>
      <c r="D2018" s="6" t="s">
        <v>105</v>
      </c>
      <c r="E2018" s="6" t="s">
        <v>246</v>
      </c>
      <c r="F2018" s="11">
        <v>10</v>
      </c>
      <c r="G2018" s="13">
        <v>0.56000000000000005</v>
      </c>
      <c r="H2018" s="11">
        <v>1</v>
      </c>
      <c r="I2018" s="13">
        <v>5.5555555555555552E-2</v>
      </c>
      <c r="J2018" s="11">
        <v>-4</v>
      </c>
      <c r="K2018" s="13">
        <v>-0.21052631578947367</v>
      </c>
      <c r="L2018" s="11">
        <v>13</v>
      </c>
      <c r="M2018" s="13">
        <v>0.8666666666666667</v>
      </c>
      <c r="N2018" s="11">
        <v>9</v>
      </c>
      <c r="O2018" s="13">
        <v>0.47368421052631576</v>
      </c>
      <c r="P2018" s="7">
        <v>18</v>
      </c>
      <c r="Q2018" s="7">
        <v>10</v>
      </c>
      <c r="R2018" s="7">
        <v>14</v>
      </c>
      <c r="S2018" s="7">
        <v>22</v>
      </c>
      <c r="T2018" s="7">
        <v>18</v>
      </c>
      <c r="U2018" s="7">
        <v>18</v>
      </c>
      <c r="V2018" s="7">
        <v>19</v>
      </c>
      <c r="W2018" s="7">
        <v>18</v>
      </c>
      <c r="X2018" s="7">
        <v>16</v>
      </c>
      <c r="Y2018" s="7">
        <v>15</v>
      </c>
      <c r="Z2018" s="7">
        <v>17</v>
      </c>
      <c r="AA2018" s="7">
        <v>26</v>
      </c>
      <c r="AB2018" s="7">
        <v>23</v>
      </c>
      <c r="AC2018" s="7">
        <v>29</v>
      </c>
      <c r="AD2018" s="7">
        <v>26</v>
      </c>
      <c r="AE2018" s="7">
        <v>27</v>
      </c>
      <c r="AF2018" s="7">
        <v>28</v>
      </c>
      <c r="AG2018" s="9">
        <v>2982</v>
      </c>
      <c r="AH2018" s="13">
        <v>0.12384749563917268</v>
      </c>
      <c r="AI2018" s="9">
        <v>-3296</v>
      </c>
      <c r="AJ2018" s="13">
        <v>-0.13688844588420965</v>
      </c>
      <c r="AK2018" s="9">
        <v>13799</v>
      </c>
      <c r="AL2018" s="13">
        <v>0.66398806659609277</v>
      </c>
      <c r="AM2018" s="9">
        <v>-7521</v>
      </c>
      <c r="AN2018" s="13">
        <v>-0.21748937277695848</v>
      </c>
      <c r="AO2018" s="9">
        <v>6278</v>
      </c>
      <c r="AP2018" s="13">
        <v>0.3020883456837648</v>
      </c>
      <c r="AQ2018" s="9">
        <v>24078</v>
      </c>
      <c r="AR2018" s="9">
        <v>27354</v>
      </c>
      <c r="AS2018" s="9">
        <v>21176</v>
      </c>
      <c r="AT2018" s="9">
        <v>28378</v>
      </c>
      <c r="AU2018" s="9">
        <v>32218</v>
      </c>
      <c r="AV2018" s="9">
        <v>28781</v>
      </c>
      <c r="AW2018" s="9">
        <v>20782</v>
      </c>
      <c r="AX2018" s="9">
        <v>23442</v>
      </c>
      <c r="AY2018" s="9">
        <v>31720</v>
      </c>
      <c r="AZ2018" s="9">
        <v>34581</v>
      </c>
      <c r="BA2018" s="9">
        <v>27814</v>
      </c>
      <c r="BB2018" s="9">
        <v>33026</v>
      </c>
      <c r="BC2018" s="9">
        <v>35557</v>
      </c>
      <c r="BD2018" s="9">
        <v>33548</v>
      </c>
      <c r="BE2018" s="9">
        <v>26135</v>
      </c>
      <c r="BF2018" s="9">
        <v>27060</v>
      </c>
      <c r="BG2018" s="11">
        <v>-2</v>
      </c>
      <c r="BH2018" s="13">
        <v>-0.18181818181818182</v>
      </c>
      <c r="BI2018" s="6">
        <v>-1</v>
      </c>
      <c r="BJ2018" s="13">
        <v>-9.0909090909090912E-2</v>
      </c>
      <c r="BK2018" s="6">
        <v>-3</v>
      </c>
      <c r="BL2018" s="13">
        <v>-0.3</v>
      </c>
      <c r="BM2018" s="11">
        <v>2</v>
      </c>
      <c r="BN2018" s="13">
        <v>0.2857142857142857</v>
      </c>
      <c r="BO2018" s="11">
        <v>-1</v>
      </c>
      <c r="BP2018" s="13">
        <v>-0.1</v>
      </c>
      <c r="BQ2018" s="6">
        <v>11</v>
      </c>
      <c r="BR2018" s="6">
        <v>10</v>
      </c>
      <c r="BS2018" s="6">
        <v>10</v>
      </c>
      <c r="BT2018" s="6">
        <v>10</v>
      </c>
      <c r="BU2018" s="6">
        <v>8</v>
      </c>
      <c r="BV2018" s="6">
        <v>8</v>
      </c>
      <c r="BW2018" s="6">
        <v>7</v>
      </c>
      <c r="BX2018" s="6">
        <v>6</v>
      </c>
      <c r="BY2018" s="6">
        <v>6</v>
      </c>
      <c r="BZ2018" s="6">
        <v>6</v>
      </c>
      <c r="CA2018" s="6">
        <v>8</v>
      </c>
      <c r="CB2018" s="6">
        <v>9</v>
      </c>
      <c r="CC2018" s="11">
        <v>9</v>
      </c>
      <c r="CD2018" s="11">
        <v>4</v>
      </c>
      <c r="CE2018" s="11">
        <v>4</v>
      </c>
      <c r="CF2018" s="11">
        <v>2</v>
      </c>
      <c r="CG2018" s="11">
        <v>6</v>
      </c>
      <c r="CH2018" s="20">
        <v>0.22</v>
      </c>
      <c r="CI2018" s="20">
        <v>0.13</v>
      </c>
      <c r="CJ2018" s="20">
        <v>0.17</v>
      </c>
      <c r="CK2018" s="20">
        <v>0.27</v>
      </c>
      <c r="CL2018" s="20">
        <v>0.2</v>
      </c>
      <c r="CM2018" s="20">
        <v>0.21</v>
      </c>
      <c r="CN2018" s="20">
        <v>0.22</v>
      </c>
      <c r="CO2018" s="20">
        <v>0.2</v>
      </c>
      <c r="CP2018" s="20">
        <v>0.18</v>
      </c>
      <c r="CQ2018" s="20">
        <v>0.16</v>
      </c>
      <c r="CR2018" s="20">
        <v>0.18</v>
      </c>
      <c r="CS2018" s="20">
        <v>0.28000000000000003</v>
      </c>
      <c r="CT2018" s="20">
        <v>0.24</v>
      </c>
      <c r="CU2018" s="20">
        <v>0.3</v>
      </c>
      <c r="CV2018" s="20">
        <v>0.27</v>
      </c>
      <c r="CW2018" s="20">
        <v>0.28000000000000003</v>
      </c>
      <c r="CX2018" s="20">
        <v>0.28999999999999998</v>
      </c>
      <c r="CY2018" s="6" t="s">
        <v>700</v>
      </c>
      <c r="CZ2018" s="6" t="s">
        <v>701</v>
      </c>
      <c r="DA2018" s="6" t="s">
        <v>105</v>
      </c>
      <c r="DB2018" s="6"/>
      <c r="DC2018" s="6"/>
      <c r="DD2018" s="6"/>
      <c r="DE2018" s="6"/>
      <c r="DF2018" s="6"/>
      <c r="DG2018" s="6"/>
      <c r="DH2018" s="6" t="s">
        <v>333</v>
      </c>
      <c r="DI2018" s="6"/>
      <c r="DJ2018" s="6"/>
      <c r="DK2018" s="6"/>
      <c r="DL2018" s="6">
        <v>10</v>
      </c>
      <c r="DM2018" s="6" t="s">
        <v>383</v>
      </c>
      <c r="DN2018" s="6">
        <v>9</v>
      </c>
      <c r="DO2018" s="6" t="s">
        <v>384</v>
      </c>
      <c r="DP2018" s="6"/>
      <c r="DQ2018" s="6"/>
    </row>
    <row r="2019" spans="1:121" x14ac:dyDescent="0.2">
      <c r="A2019" s="6" t="s">
        <v>318</v>
      </c>
      <c r="B2019" s="6" t="s">
        <v>318</v>
      </c>
      <c r="C2019" s="6" t="s">
        <v>187</v>
      </c>
      <c r="D2019" s="6" t="s">
        <v>105</v>
      </c>
      <c r="E2019" s="6" t="s">
        <v>246</v>
      </c>
      <c r="F2019" s="11">
        <v>0</v>
      </c>
      <c r="G2019" s="13">
        <v>0</v>
      </c>
      <c r="H2019" s="11">
        <v>0</v>
      </c>
      <c r="I2019" s="13"/>
      <c r="J2019" s="11">
        <v>0</v>
      </c>
      <c r="K2019" s="13"/>
      <c r="L2019" s="11">
        <v>0</v>
      </c>
      <c r="M2019" s="13"/>
      <c r="N2019" s="11">
        <v>0</v>
      </c>
      <c r="O2019" s="13"/>
      <c r="P2019" s="7">
        <v>0</v>
      </c>
      <c r="Q2019" s="7">
        <v>0</v>
      </c>
      <c r="R2019" s="7">
        <v>0</v>
      </c>
      <c r="S2019" s="7">
        <v>0</v>
      </c>
      <c r="T2019" s="7">
        <v>0</v>
      </c>
      <c r="U2019" s="7">
        <v>0</v>
      </c>
      <c r="V2019" s="7">
        <v>0</v>
      </c>
      <c r="W2019" s="7">
        <v>0</v>
      </c>
      <c r="X2019" s="7">
        <v>0</v>
      </c>
      <c r="Y2019" s="7">
        <v>0</v>
      </c>
      <c r="Z2019" s="7">
        <v>0</v>
      </c>
      <c r="AA2019" s="7">
        <v>0</v>
      </c>
      <c r="AB2019" s="7">
        <v>0</v>
      </c>
      <c r="AC2019" s="7">
        <v>0</v>
      </c>
      <c r="AD2019" s="7">
        <v>0</v>
      </c>
      <c r="AE2019" s="7">
        <v>0</v>
      </c>
      <c r="AF2019" s="7">
        <v>0</v>
      </c>
      <c r="AG2019" s="9">
        <v>0</v>
      </c>
      <c r="AH2019" s="13"/>
      <c r="AI2019" s="9">
        <v>0</v>
      </c>
      <c r="AJ2019" s="13"/>
      <c r="AK2019" s="9">
        <v>0</v>
      </c>
      <c r="AL2019" s="13"/>
      <c r="AM2019" s="9">
        <v>0</v>
      </c>
      <c r="AN2019" s="13"/>
      <c r="AO2019" s="9">
        <v>0</v>
      </c>
      <c r="AP2019" s="13"/>
      <c r="AQ2019" s="9">
        <v>0</v>
      </c>
      <c r="AR2019" s="9">
        <v>0</v>
      </c>
      <c r="AS2019" s="9">
        <v>0</v>
      </c>
      <c r="AT2019" s="9">
        <v>0</v>
      </c>
      <c r="AU2019" s="9">
        <v>0</v>
      </c>
      <c r="AV2019" s="9">
        <v>0</v>
      </c>
      <c r="AW2019" s="9">
        <v>0</v>
      </c>
      <c r="AX2019" s="9">
        <v>0</v>
      </c>
      <c r="AY2019" s="9">
        <v>0</v>
      </c>
      <c r="AZ2019" s="9">
        <v>0</v>
      </c>
      <c r="BA2019" s="9">
        <v>0</v>
      </c>
      <c r="BB2019" s="9">
        <v>0</v>
      </c>
      <c r="BC2019" s="9">
        <v>0</v>
      </c>
      <c r="BD2019" s="9">
        <v>0</v>
      </c>
      <c r="BE2019" s="9">
        <v>0</v>
      </c>
      <c r="BF2019" s="9">
        <v>0</v>
      </c>
      <c r="BG2019" s="11">
        <v>0</v>
      </c>
      <c r="BH2019" s="13" t="e">
        <v>#DIV/0!</v>
      </c>
      <c r="BI2019" s="6">
        <v>0</v>
      </c>
      <c r="BJ2019" s="13" t="e">
        <v>#DIV/0!</v>
      </c>
      <c r="BK2019" s="6">
        <v>0</v>
      </c>
      <c r="BL2019" s="13" t="e">
        <v>#DIV/0!</v>
      </c>
      <c r="BM2019" s="11">
        <v>0</v>
      </c>
      <c r="BN2019" s="13" t="e">
        <v>#DIV/0!</v>
      </c>
      <c r="BO2019" s="11">
        <v>0</v>
      </c>
      <c r="BP2019" s="13" t="e">
        <v>#DIV/0!</v>
      </c>
      <c r="BQ2019" s="6">
        <v>0</v>
      </c>
      <c r="BR2019" s="6">
        <v>0</v>
      </c>
      <c r="BS2019" s="6">
        <v>0</v>
      </c>
      <c r="BT2019" s="6">
        <v>0</v>
      </c>
      <c r="BU2019" s="6">
        <v>0</v>
      </c>
      <c r="BV2019" s="6">
        <v>0</v>
      </c>
      <c r="BW2019" s="6">
        <v>0</v>
      </c>
      <c r="BX2019" s="6">
        <v>0</v>
      </c>
      <c r="BY2019" s="6">
        <v>0</v>
      </c>
      <c r="BZ2019" s="6">
        <v>0</v>
      </c>
      <c r="CA2019" s="6">
        <v>0</v>
      </c>
      <c r="CB2019" s="6">
        <v>0</v>
      </c>
      <c r="CC2019" s="11">
        <v>0</v>
      </c>
      <c r="CD2019" s="11">
        <v>0</v>
      </c>
      <c r="CE2019" s="11">
        <v>0</v>
      </c>
      <c r="CF2019" s="11">
        <v>0</v>
      </c>
      <c r="CG2019" s="11">
        <v>0</v>
      </c>
      <c r="CH2019" s="20">
        <v>0</v>
      </c>
      <c r="CI2019" s="20">
        <v>0</v>
      </c>
      <c r="CJ2019" s="20">
        <v>0</v>
      </c>
      <c r="CK2019" s="20">
        <v>0</v>
      </c>
      <c r="CL2019" s="20">
        <v>0</v>
      </c>
      <c r="CM2019" s="20">
        <v>0</v>
      </c>
      <c r="CN2019" s="20">
        <v>0</v>
      </c>
      <c r="CO2019" s="20">
        <v>0</v>
      </c>
      <c r="CP2019" s="20">
        <v>0</v>
      </c>
      <c r="CQ2019" s="20">
        <v>0</v>
      </c>
      <c r="CR2019" s="20">
        <v>0</v>
      </c>
      <c r="CS2019" s="20">
        <v>0</v>
      </c>
      <c r="CT2019" s="20">
        <v>0</v>
      </c>
      <c r="CU2019" s="20">
        <v>0</v>
      </c>
      <c r="CV2019" s="20">
        <v>0</v>
      </c>
      <c r="CW2019" s="20">
        <v>0</v>
      </c>
      <c r="CX2019" s="20">
        <v>0</v>
      </c>
      <c r="CY2019" s="6" t="s">
        <v>700</v>
      </c>
      <c r="CZ2019" s="6" t="s">
        <v>701</v>
      </c>
      <c r="DA2019" s="6" t="s">
        <v>105</v>
      </c>
      <c r="DB2019" s="6"/>
      <c r="DC2019" s="6"/>
      <c r="DD2019" s="6"/>
      <c r="DE2019" s="6"/>
      <c r="DF2019" s="6"/>
      <c r="DG2019" s="6"/>
      <c r="DH2019" s="6" t="s">
        <v>333</v>
      </c>
      <c r="DI2019" s="6"/>
      <c r="DJ2019" s="6"/>
      <c r="DK2019" s="6"/>
      <c r="DL2019" s="6">
        <v>10</v>
      </c>
      <c r="DM2019" s="6" t="s">
        <v>383</v>
      </c>
      <c r="DN2019" s="6">
        <v>9</v>
      </c>
      <c r="DO2019" s="6" t="s">
        <v>384</v>
      </c>
      <c r="DP2019" s="6"/>
      <c r="DQ2019" s="6"/>
    </row>
    <row r="2020" spans="1:121" x14ac:dyDescent="0.2">
      <c r="A2020" s="6" t="s">
        <v>319</v>
      </c>
      <c r="B2020" s="6" t="s">
        <v>319</v>
      </c>
      <c r="C2020" s="6" t="s">
        <v>188</v>
      </c>
      <c r="D2020" s="6" t="s">
        <v>105</v>
      </c>
      <c r="E2020" s="6" t="s">
        <v>246</v>
      </c>
      <c r="F2020" s="11">
        <v>19</v>
      </c>
      <c r="G2020" s="13">
        <v>1.11764705882</v>
      </c>
      <c r="H2020" s="11">
        <v>11.429925855300002</v>
      </c>
      <c r="I2020" s="13">
        <v>0.68403153217283608</v>
      </c>
      <c r="J2020" s="11">
        <v>19.521112214299997</v>
      </c>
      <c r="K2020" s="13">
        <v>0.6937245242835347</v>
      </c>
      <c r="L2020" s="11">
        <v>-11.6394353357</v>
      </c>
      <c r="M2020" s="13">
        <v>-0.24421460099124903</v>
      </c>
      <c r="N2020" s="11">
        <v>7.8816768785999969</v>
      </c>
      <c r="O2020" s="13">
        <v>0.28009226539653814</v>
      </c>
      <c r="P2020" s="7">
        <v>16.709647607899999</v>
      </c>
      <c r="Q2020" s="7">
        <v>35.490536202800001</v>
      </c>
      <c r="R2020" s="7">
        <v>28.279402512099999</v>
      </c>
      <c r="S2020" s="7">
        <v>21.679161509699998</v>
      </c>
      <c r="T2020" s="7">
        <v>24.553016598199999</v>
      </c>
      <c r="U2020" s="7">
        <v>30.902883726999999</v>
      </c>
      <c r="V2020" s="7">
        <v>28.139573463200001</v>
      </c>
      <c r="W2020" s="7">
        <v>28.368862762100001</v>
      </c>
      <c r="X2020" s="7">
        <v>39.284118610299998</v>
      </c>
      <c r="Y2020" s="7">
        <v>47.660685677499998</v>
      </c>
      <c r="Z2020" s="7">
        <v>56.479069797500003</v>
      </c>
      <c r="AA2020" s="7">
        <v>28.9129356537</v>
      </c>
      <c r="AB2020" s="7">
        <v>43.162139765399999</v>
      </c>
      <c r="AC2020" s="7">
        <v>40.8645965559</v>
      </c>
      <c r="AD2020" s="7">
        <v>34.2694091352</v>
      </c>
      <c r="AE2020" s="7">
        <v>34.1634663675</v>
      </c>
      <c r="AF2020" s="7">
        <v>36.021250341799998</v>
      </c>
      <c r="AG2020" s="9">
        <v>541.98038420000012</v>
      </c>
      <c r="AH2020" s="13">
        <v>3.5043267220152115E-2</v>
      </c>
      <c r="AI2020" s="9">
        <v>10379.327861599999</v>
      </c>
      <c r="AJ2020" s="13">
        <v>0.67110465696374311</v>
      </c>
      <c r="AK2020" s="9">
        <v>1364.6114247000005</v>
      </c>
      <c r="AL2020" s="13">
        <v>5.2799082443030478E-2</v>
      </c>
      <c r="AM2020" s="9">
        <v>-11201.958902099999</v>
      </c>
      <c r="AN2020" s="13">
        <v>-0.41168576414723979</v>
      </c>
      <c r="AO2020" s="9">
        <v>-9837.3474773999988</v>
      </c>
      <c r="AP2020" s="13">
        <v>-0.38062331230604146</v>
      </c>
      <c r="AQ2020" s="9">
        <v>15466.034625</v>
      </c>
      <c r="AR2020" s="9">
        <v>19094.5516064</v>
      </c>
      <c r="AS2020" s="9">
        <v>13691.339151800001</v>
      </c>
      <c r="AT2020" s="9">
        <v>16424.258663000001</v>
      </c>
      <c r="AU2020" s="9">
        <v>17715.473086900001</v>
      </c>
      <c r="AV2020" s="9">
        <v>18715.8718233</v>
      </c>
      <c r="AW2020" s="9">
        <v>25845.362486599999</v>
      </c>
      <c r="AX2020" s="9">
        <v>26196.192918299999</v>
      </c>
      <c r="AY2020" s="9">
        <v>25024.594921100001</v>
      </c>
      <c r="AZ2020" s="9">
        <v>27209.9739113</v>
      </c>
      <c r="BA2020" s="9">
        <v>24503.0428374</v>
      </c>
      <c r="BB2020" s="9">
        <v>17923.469024400001</v>
      </c>
      <c r="BC2020" s="9">
        <v>20330.990403299998</v>
      </c>
      <c r="BD2020" s="9">
        <v>17583.119758199999</v>
      </c>
      <c r="BE2020" s="9">
        <v>14593.7754341</v>
      </c>
      <c r="BF2020" s="9">
        <v>16008.0150092</v>
      </c>
      <c r="BG2020" s="11">
        <v>-1</v>
      </c>
      <c r="BH2020" s="13">
        <v>-0.33333333333333331</v>
      </c>
      <c r="BI2020" s="6">
        <v>1</v>
      </c>
      <c r="BJ2020" s="13">
        <v>0.33333333333333331</v>
      </c>
      <c r="BK2020" s="6">
        <v>-2</v>
      </c>
      <c r="BL2020" s="13">
        <v>-0.5</v>
      </c>
      <c r="BM2020" s="11">
        <v>0</v>
      </c>
      <c r="BN2020" s="13">
        <v>0</v>
      </c>
      <c r="BO2020" s="11">
        <v>-2</v>
      </c>
      <c r="BP2020" s="13">
        <v>-0.5</v>
      </c>
      <c r="BQ2020" s="6">
        <v>3</v>
      </c>
      <c r="BR2020" s="6">
        <v>3</v>
      </c>
      <c r="BS2020" s="6">
        <v>3</v>
      </c>
      <c r="BT2020" s="6">
        <v>4</v>
      </c>
      <c r="BU2020" s="6">
        <v>4</v>
      </c>
      <c r="BV2020" s="6">
        <v>2</v>
      </c>
      <c r="BW2020" s="6">
        <v>2</v>
      </c>
      <c r="BX2020" s="6">
        <v>2</v>
      </c>
      <c r="BY2020" s="6">
        <v>2</v>
      </c>
      <c r="BZ2020" s="6">
        <v>3</v>
      </c>
      <c r="CA2020" s="6">
        <v>3</v>
      </c>
      <c r="CB2020" s="6">
        <v>2</v>
      </c>
      <c r="CC2020" s="11">
        <v>2</v>
      </c>
      <c r="CD2020" s="11">
        <v>15.9816</v>
      </c>
      <c r="CE2020" s="11">
        <v>1.5034099999999999</v>
      </c>
      <c r="CF2020" s="11">
        <v>1.82657</v>
      </c>
      <c r="CG2020" s="11">
        <v>4</v>
      </c>
      <c r="CH2020" s="20">
        <v>0.18393499999999999</v>
      </c>
      <c r="CI2020" s="20">
        <v>0.39298499999999997</v>
      </c>
      <c r="CJ2020" s="20">
        <v>0.32250200000000001</v>
      </c>
      <c r="CK2020" s="20">
        <v>0.23490900000000001</v>
      </c>
      <c r="CL2020" s="20">
        <v>0.26019300000000001</v>
      </c>
      <c r="CM2020" s="20">
        <v>0.336924</v>
      </c>
      <c r="CN2020" s="20">
        <v>0.30436200000000002</v>
      </c>
      <c r="CO2020" s="20">
        <v>0.31561800000000001</v>
      </c>
      <c r="CP2020" s="20">
        <v>0.46642899999999998</v>
      </c>
      <c r="CQ2020" s="20">
        <v>0.55570699999999995</v>
      </c>
      <c r="CR2020" s="20">
        <v>0.63587300000000002</v>
      </c>
      <c r="CS2020" s="20">
        <v>0.320081</v>
      </c>
      <c r="CT2020" s="20">
        <v>0.47247600000000001</v>
      </c>
      <c r="CU2020" s="20">
        <v>0.439442</v>
      </c>
      <c r="CV2020" s="20">
        <v>0.36655500000000002</v>
      </c>
      <c r="CW2020" s="20">
        <v>0.36319899999999999</v>
      </c>
      <c r="CX2020" s="20">
        <v>0.37613000000000002</v>
      </c>
      <c r="CY2020" s="6" t="s">
        <v>700</v>
      </c>
      <c r="CZ2020" s="6" t="s">
        <v>701</v>
      </c>
      <c r="DA2020" s="6" t="s">
        <v>105</v>
      </c>
      <c r="DB2020" s="6"/>
      <c r="DC2020" s="6"/>
      <c r="DD2020" s="6"/>
      <c r="DE2020" s="6"/>
      <c r="DF2020" s="6"/>
      <c r="DG2020" s="6"/>
      <c r="DH2020" s="6" t="s">
        <v>333</v>
      </c>
      <c r="DI2020" s="6"/>
      <c r="DJ2020" s="6"/>
      <c r="DK2020" s="6"/>
      <c r="DL2020" s="6">
        <v>10</v>
      </c>
      <c r="DM2020" s="6" t="s">
        <v>383</v>
      </c>
      <c r="DN2020" s="6">
        <v>9</v>
      </c>
      <c r="DO2020" s="6" t="s">
        <v>384</v>
      </c>
      <c r="DP2020" s="6"/>
      <c r="DQ2020" s="6"/>
    </row>
    <row r="2021" spans="1:121" x14ac:dyDescent="0.2">
      <c r="A2021" s="6" t="s">
        <v>320</v>
      </c>
      <c r="B2021" s="6" t="s">
        <v>320</v>
      </c>
      <c r="C2021" s="6" t="s">
        <v>189</v>
      </c>
      <c r="D2021" s="6" t="s">
        <v>105</v>
      </c>
      <c r="E2021" s="6" t="s">
        <v>246</v>
      </c>
      <c r="F2021" s="11">
        <v>1</v>
      </c>
      <c r="G2021" s="13">
        <v>1</v>
      </c>
      <c r="H2021" s="11">
        <v>5</v>
      </c>
      <c r="I2021" s="13"/>
      <c r="J2021" s="11">
        <v>0</v>
      </c>
      <c r="K2021" s="13">
        <v>0</v>
      </c>
      <c r="L2021" s="11">
        <v>0</v>
      </c>
      <c r="M2021" s="13">
        <v>0</v>
      </c>
      <c r="N2021" s="11">
        <v>0</v>
      </c>
      <c r="O2021" s="13">
        <v>0</v>
      </c>
      <c r="P2021" s="7">
        <v>0</v>
      </c>
      <c r="Q2021" s="7">
        <v>5</v>
      </c>
      <c r="R2021" s="7">
        <v>5</v>
      </c>
      <c r="S2021" s="7">
        <v>5</v>
      </c>
      <c r="T2021" s="7">
        <v>5</v>
      </c>
      <c r="U2021" s="7">
        <v>5</v>
      </c>
      <c r="V2021" s="7">
        <v>5</v>
      </c>
      <c r="W2021" s="7">
        <v>5</v>
      </c>
      <c r="X2021" s="7">
        <v>5</v>
      </c>
      <c r="Y2021" s="7">
        <v>5</v>
      </c>
      <c r="Z2021" s="7">
        <v>5</v>
      </c>
      <c r="AA2021" s="7">
        <v>5</v>
      </c>
      <c r="AB2021" s="7">
        <v>5</v>
      </c>
      <c r="AC2021" s="7">
        <v>5</v>
      </c>
      <c r="AD2021" s="7">
        <v>5</v>
      </c>
      <c r="AE2021" s="7">
        <v>5</v>
      </c>
      <c r="AF2021" s="7">
        <v>5</v>
      </c>
      <c r="AG2021" s="9">
        <v>1</v>
      </c>
      <c r="AH2021" s="13"/>
      <c r="AI2021" s="9">
        <v>1</v>
      </c>
      <c r="AJ2021" s="13"/>
      <c r="AK2021" s="9">
        <v>0</v>
      </c>
      <c r="AL2021" s="13">
        <v>0</v>
      </c>
      <c r="AM2021" s="9">
        <v>0</v>
      </c>
      <c r="AN2021" s="13">
        <v>0</v>
      </c>
      <c r="AO2021" s="9">
        <v>0</v>
      </c>
      <c r="AP2021" s="13">
        <v>0</v>
      </c>
      <c r="AQ2021" s="9">
        <v>0</v>
      </c>
      <c r="AR2021" s="9">
        <v>1</v>
      </c>
      <c r="AS2021" s="9">
        <v>1</v>
      </c>
      <c r="AT2021" s="9">
        <v>1</v>
      </c>
      <c r="AU2021" s="9">
        <v>1</v>
      </c>
      <c r="AV2021" s="9">
        <v>1</v>
      </c>
      <c r="AW2021" s="9">
        <v>1</v>
      </c>
      <c r="AX2021" s="9">
        <v>1</v>
      </c>
      <c r="AY2021" s="9">
        <v>1</v>
      </c>
      <c r="AZ2021" s="9">
        <v>1</v>
      </c>
      <c r="BA2021" s="9">
        <v>1</v>
      </c>
      <c r="BB2021" s="9">
        <v>1</v>
      </c>
      <c r="BC2021" s="9">
        <v>1</v>
      </c>
      <c r="BD2021" s="9">
        <v>1</v>
      </c>
      <c r="BE2021" s="9">
        <v>1</v>
      </c>
      <c r="BF2021" s="9">
        <v>1</v>
      </c>
      <c r="BG2021" s="11">
        <v>0</v>
      </c>
      <c r="BH2021" s="13" t="e">
        <v>#DIV/0!</v>
      </c>
      <c r="BI2021" s="6">
        <v>0</v>
      </c>
      <c r="BJ2021" s="13" t="e">
        <v>#DIV/0!</v>
      </c>
      <c r="BK2021" s="6">
        <v>0</v>
      </c>
      <c r="BL2021" s="13" t="e">
        <v>#DIV/0!</v>
      </c>
      <c r="BM2021" s="11">
        <v>0</v>
      </c>
      <c r="BN2021" s="13" t="e">
        <v>#DIV/0!</v>
      </c>
      <c r="BO2021" s="11">
        <v>0</v>
      </c>
      <c r="BP2021" s="13" t="e">
        <v>#DIV/0!</v>
      </c>
      <c r="BQ2021" s="6">
        <v>0</v>
      </c>
      <c r="BR2021" s="6">
        <v>0</v>
      </c>
      <c r="BS2021" s="6">
        <v>0</v>
      </c>
      <c r="BT2021" s="6">
        <v>0</v>
      </c>
      <c r="BU2021" s="6">
        <v>0</v>
      </c>
      <c r="BV2021" s="6">
        <v>0</v>
      </c>
      <c r="BW2021" s="6">
        <v>0</v>
      </c>
      <c r="BX2021" s="6">
        <v>0</v>
      </c>
      <c r="BY2021" s="6">
        <v>0</v>
      </c>
      <c r="BZ2021" s="6">
        <v>0</v>
      </c>
      <c r="CA2021" s="6">
        <v>0</v>
      </c>
      <c r="CB2021" s="6">
        <v>0</v>
      </c>
      <c r="CC2021" s="11">
        <v>0</v>
      </c>
      <c r="CD2021" s="11">
        <v>1.78504</v>
      </c>
      <c r="CE2021" s="11">
        <v>0.36210500000000001</v>
      </c>
      <c r="CF2021" s="11">
        <v>0.10931200000000001</v>
      </c>
      <c r="CG2021" s="11">
        <v>0</v>
      </c>
      <c r="CH2021" s="20">
        <v>0</v>
      </c>
      <c r="CI2021" s="20">
        <v>0.158723</v>
      </c>
      <c r="CJ2021" s="20">
        <v>0.163302</v>
      </c>
      <c r="CK2021" s="20">
        <v>0.20727000000000001</v>
      </c>
      <c r="CL2021" s="20">
        <v>4.8489299999999999E-2</v>
      </c>
      <c r="CM2021" s="20">
        <v>3.9608999999999998E-2</v>
      </c>
      <c r="CN2021" s="20">
        <v>4.5672299999999999E-2</v>
      </c>
      <c r="CO2021" s="20">
        <v>3.4097299999999997E-2</v>
      </c>
      <c r="CP2021" s="20">
        <v>0.175705</v>
      </c>
      <c r="CQ2021" s="20">
        <v>0.204073</v>
      </c>
      <c r="CR2021" s="20">
        <v>0.22611400000000001</v>
      </c>
      <c r="CS2021" s="20">
        <v>0.14492099999999999</v>
      </c>
      <c r="CT2021" s="20">
        <v>0.1338</v>
      </c>
      <c r="CU2021" s="20">
        <v>7.1929199999999999E-2</v>
      </c>
      <c r="CV2021" s="20">
        <v>6.5783999999999995E-2</v>
      </c>
      <c r="CW2021" s="20">
        <v>6.1821300000000003E-2</v>
      </c>
      <c r="CX2021" s="20">
        <v>5.7561300000000003E-2</v>
      </c>
      <c r="CY2021" s="6" t="s">
        <v>700</v>
      </c>
      <c r="CZ2021" s="6" t="s">
        <v>701</v>
      </c>
      <c r="DA2021" s="6" t="s">
        <v>105</v>
      </c>
      <c r="DB2021" s="6"/>
      <c r="DC2021" s="6"/>
      <c r="DD2021" s="6"/>
      <c r="DE2021" s="6"/>
      <c r="DF2021" s="6"/>
      <c r="DG2021" s="6"/>
      <c r="DH2021" s="6" t="s">
        <v>333</v>
      </c>
      <c r="DI2021" s="6"/>
      <c r="DJ2021" s="6"/>
      <c r="DK2021" s="6"/>
      <c r="DL2021" s="6">
        <v>10</v>
      </c>
      <c r="DM2021" s="6" t="s">
        <v>383</v>
      </c>
      <c r="DN2021" s="6">
        <v>9</v>
      </c>
      <c r="DO2021" s="6" t="s">
        <v>384</v>
      </c>
      <c r="DP2021" s="6"/>
      <c r="DQ2021" s="6"/>
    </row>
    <row r="2022" spans="1:121" x14ac:dyDescent="0.2">
      <c r="A2022" s="6" t="s">
        <v>321</v>
      </c>
      <c r="B2022" s="6" t="s">
        <v>321</v>
      </c>
      <c r="C2022" s="6" t="s">
        <v>190</v>
      </c>
      <c r="D2022" s="6" t="s">
        <v>105</v>
      </c>
      <c r="E2022" s="6" t="s">
        <v>246</v>
      </c>
      <c r="F2022" s="11">
        <v>-16</v>
      </c>
      <c r="G2022" s="13">
        <v>-0.27118644067800002</v>
      </c>
      <c r="H2022" s="11">
        <v>-17.553857214200001</v>
      </c>
      <c r="I2022" s="13">
        <v>-0.29548729473325186</v>
      </c>
      <c r="J2022" s="11">
        <v>-10.741102112099998</v>
      </c>
      <c r="K2022" s="13">
        <v>-0.25664113436667713</v>
      </c>
      <c r="L2022" s="11">
        <v>11.486916312999998</v>
      </c>
      <c r="M2022" s="13">
        <v>0.36921756398188865</v>
      </c>
      <c r="N2022" s="11">
        <v>0.74581420089999995</v>
      </c>
      <c r="O2022" s="13">
        <v>1.7820015166798448E-2</v>
      </c>
      <c r="P2022" s="7">
        <v>59.4064703528</v>
      </c>
      <c r="Q2022" s="7">
        <v>47.139878824999997</v>
      </c>
      <c r="R2022" s="7">
        <v>53.7861790619</v>
      </c>
      <c r="S2022" s="7">
        <v>49.279289634199998</v>
      </c>
      <c r="T2022" s="7">
        <v>35.088757455100001</v>
      </c>
      <c r="U2022" s="7">
        <v>30.093377813099998</v>
      </c>
      <c r="V2022" s="7">
        <v>41.852613138599999</v>
      </c>
      <c r="W2022" s="7">
        <v>50.585559981899998</v>
      </c>
      <c r="X2022" s="7">
        <v>31.400423360000001</v>
      </c>
      <c r="Y2022" s="7">
        <v>31.111511026500001</v>
      </c>
      <c r="Z2022" s="7">
        <v>26.284280907700001</v>
      </c>
      <c r="AA2022" s="7">
        <v>34.151403342499997</v>
      </c>
      <c r="AB2022" s="7">
        <v>40.476005316299997</v>
      </c>
      <c r="AC2022" s="7">
        <v>41.136689680300002</v>
      </c>
      <c r="AD2022" s="7">
        <v>40.074168112999999</v>
      </c>
      <c r="AE2022" s="7">
        <v>40.525160171800003</v>
      </c>
      <c r="AF2022" s="7">
        <v>42.598427339499999</v>
      </c>
      <c r="AG2022" s="9">
        <v>564.54191770000034</v>
      </c>
      <c r="AH2022" s="13">
        <v>2.7907748050675345E-2</v>
      </c>
      <c r="AI2022" s="9">
        <v>5129.9833287000001</v>
      </c>
      <c r="AJ2022" s="13">
        <v>0.25359725779938191</v>
      </c>
      <c r="AK2022" s="9">
        <v>-3114.2854785000018</v>
      </c>
      <c r="AL2022" s="13">
        <v>-0.12280865828463795</v>
      </c>
      <c r="AM2022" s="9">
        <v>-1451.155932499998</v>
      </c>
      <c r="AN2022" s="13">
        <v>-6.5236448703213337E-2</v>
      </c>
      <c r="AO2022" s="9">
        <v>-4565.4414109999998</v>
      </c>
      <c r="AP2022" s="13">
        <v>-0.18003350625135506</v>
      </c>
      <c r="AQ2022" s="9">
        <v>20228.859622600001</v>
      </c>
      <c r="AR2022" s="9">
        <v>19954.436784199999</v>
      </c>
      <c r="AS2022" s="9">
        <v>26107.0580462</v>
      </c>
      <c r="AT2022" s="9">
        <v>25873.000389600002</v>
      </c>
      <c r="AU2022" s="9">
        <v>21423.509189600001</v>
      </c>
      <c r="AV2022" s="9">
        <v>19897.189552200001</v>
      </c>
      <c r="AW2022" s="9">
        <v>25358.842951300001</v>
      </c>
      <c r="AX2022" s="9">
        <v>23845.142545899998</v>
      </c>
      <c r="AY2022" s="9">
        <v>22480.281607699999</v>
      </c>
      <c r="AZ2022" s="9">
        <v>22244.557472799999</v>
      </c>
      <c r="BA2022" s="9">
        <v>21325.3082311</v>
      </c>
      <c r="BB2022" s="9">
        <v>20397.439336700001</v>
      </c>
      <c r="BC2022" s="9">
        <v>19153.526280800001</v>
      </c>
      <c r="BD2022" s="9">
        <v>20936.099817300001</v>
      </c>
      <c r="BE2022" s="9">
        <v>21450.563876799999</v>
      </c>
      <c r="BF2022" s="9">
        <v>20793.401540300001</v>
      </c>
      <c r="BG2022" s="11">
        <v>5.5</v>
      </c>
      <c r="BH2022" s="13">
        <v>0.6875</v>
      </c>
      <c r="BI2022" s="6">
        <v>-1</v>
      </c>
      <c r="BJ2022" s="13">
        <v>-0.125</v>
      </c>
      <c r="BK2022" s="6">
        <v>-1</v>
      </c>
      <c r="BL2022" s="13">
        <v>-0.14285714285714285</v>
      </c>
      <c r="BM2022" s="11">
        <v>7.5</v>
      </c>
      <c r="BN2022" s="13">
        <v>1.25</v>
      </c>
      <c r="BO2022" s="11">
        <v>6.5</v>
      </c>
      <c r="BP2022" s="13">
        <v>0.9285714285714286</v>
      </c>
      <c r="BQ2022" s="6">
        <v>8</v>
      </c>
      <c r="BR2022" s="6">
        <v>7</v>
      </c>
      <c r="BS2022" s="6">
        <v>7</v>
      </c>
      <c r="BT2022" s="6">
        <v>7</v>
      </c>
      <c r="BU2022" s="6">
        <v>7</v>
      </c>
      <c r="BV2022" s="6">
        <v>7</v>
      </c>
      <c r="BW2022" s="6">
        <v>6</v>
      </c>
      <c r="BX2022" s="6">
        <v>4</v>
      </c>
      <c r="BY2022" s="6">
        <v>4</v>
      </c>
      <c r="BZ2022" s="6">
        <v>14</v>
      </c>
      <c r="CA2022" s="6">
        <v>15</v>
      </c>
      <c r="CB2022" s="6">
        <v>14</v>
      </c>
      <c r="CC2022" s="11">
        <v>13.5</v>
      </c>
      <c r="CD2022" s="11">
        <v>-44.935699999999997</v>
      </c>
      <c r="CE2022" s="11">
        <v>21.633800000000001</v>
      </c>
      <c r="CF2022" s="11">
        <v>6.4938399999999996</v>
      </c>
      <c r="CG2022" s="11">
        <v>28</v>
      </c>
      <c r="CH2022" s="20">
        <v>0.39687499999999998</v>
      </c>
      <c r="CI2022" s="20">
        <v>0.30493500000000001</v>
      </c>
      <c r="CJ2022" s="20">
        <v>0.34738799999999997</v>
      </c>
      <c r="CK2022" s="20">
        <v>0.30615300000000001</v>
      </c>
      <c r="CL2022" s="20">
        <v>0.215609</v>
      </c>
      <c r="CM2022" s="20">
        <v>0.19057199999999999</v>
      </c>
      <c r="CN2022" s="20">
        <v>0.25826300000000002</v>
      </c>
      <c r="CO2022" s="20">
        <v>0.29942400000000002</v>
      </c>
      <c r="CP2022" s="20">
        <v>0.176955</v>
      </c>
      <c r="CQ2022" s="20">
        <v>0.17455599999999999</v>
      </c>
      <c r="CR2022" s="20">
        <v>0.14600199999999999</v>
      </c>
      <c r="CS2022" s="20">
        <v>0.18523200000000001</v>
      </c>
      <c r="CT2022" s="20">
        <v>0.21875600000000001</v>
      </c>
      <c r="CU2022" s="20">
        <v>0.22147900000000001</v>
      </c>
      <c r="CV2022" s="20">
        <v>0.21476500000000001</v>
      </c>
      <c r="CW2022" s="20">
        <v>0.21484300000000001</v>
      </c>
      <c r="CX2022" s="20">
        <v>0.219723</v>
      </c>
      <c r="CY2022" s="6" t="s">
        <v>700</v>
      </c>
      <c r="CZ2022" s="6" t="s">
        <v>701</v>
      </c>
      <c r="DA2022" s="6" t="s">
        <v>105</v>
      </c>
      <c r="DB2022" s="6"/>
      <c r="DC2022" s="6"/>
      <c r="DD2022" s="6"/>
      <c r="DE2022" s="6"/>
      <c r="DF2022" s="6"/>
      <c r="DG2022" s="6"/>
      <c r="DH2022" s="6" t="s">
        <v>333</v>
      </c>
      <c r="DI2022" s="6"/>
      <c r="DJ2022" s="6"/>
      <c r="DK2022" s="6"/>
      <c r="DL2022" s="6">
        <v>10</v>
      </c>
      <c r="DM2022" s="6" t="s">
        <v>383</v>
      </c>
      <c r="DN2022" s="6">
        <v>9</v>
      </c>
      <c r="DO2022" s="6" t="s">
        <v>384</v>
      </c>
      <c r="DP2022" s="6"/>
      <c r="DQ2022" s="6"/>
    </row>
    <row r="2023" spans="1:121" x14ac:dyDescent="0.2">
      <c r="A2023" s="6" t="s">
        <v>322</v>
      </c>
      <c r="B2023" s="6" t="s">
        <v>322</v>
      </c>
      <c r="C2023" s="6" t="s">
        <v>191</v>
      </c>
      <c r="D2023" s="6" t="s">
        <v>105</v>
      </c>
      <c r="E2023" s="6" t="s">
        <v>246</v>
      </c>
      <c r="F2023" s="11">
        <v>1</v>
      </c>
      <c r="G2023" s="13">
        <v>1</v>
      </c>
      <c r="H2023" s="11">
        <v>1</v>
      </c>
      <c r="I2023" s="13">
        <v>7.6923076923076927E-2</v>
      </c>
      <c r="J2023" s="11">
        <v>1</v>
      </c>
      <c r="K2023" s="13">
        <v>7.1428571428571425E-2</v>
      </c>
      <c r="L2023" s="11">
        <v>-10</v>
      </c>
      <c r="M2023" s="13">
        <v>-0.66666666666666663</v>
      </c>
      <c r="N2023" s="11">
        <v>-9</v>
      </c>
      <c r="O2023" s="13">
        <v>-0.6428571428571429</v>
      </c>
      <c r="P2023" s="7">
        <v>13</v>
      </c>
      <c r="Q2023" s="7">
        <v>14</v>
      </c>
      <c r="R2023" s="7">
        <v>13</v>
      </c>
      <c r="S2023" s="7">
        <v>12</v>
      </c>
      <c r="T2023" s="7">
        <v>13</v>
      </c>
      <c r="U2023" s="7">
        <v>11</v>
      </c>
      <c r="V2023" s="7">
        <v>14</v>
      </c>
      <c r="W2023" s="7">
        <v>17</v>
      </c>
      <c r="X2023" s="7">
        <v>12</v>
      </c>
      <c r="Y2023" s="7">
        <v>15</v>
      </c>
      <c r="Z2023" s="7">
        <v>15</v>
      </c>
      <c r="AA2023" s="7">
        <v>14</v>
      </c>
      <c r="AB2023" s="7">
        <v>13</v>
      </c>
      <c r="AC2023" s="7">
        <v>12</v>
      </c>
      <c r="AD2023" s="7">
        <v>10</v>
      </c>
      <c r="AE2023" s="7">
        <v>5</v>
      </c>
      <c r="AF2023" s="7">
        <v>5</v>
      </c>
      <c r="AG2023" s="9">
        <v>-11162</v>
      </c>
      <c r="AH2023" s="13">
        <v>-0.99991041834632277</v>
      </c>
      <c r="AI2023" s="9">
        <v>-1822</v>
      </c>
      <c r="AJ2023" s="13">
        <v>-0.16321777300008958</v>
      </c>
      <c r="AK2023" s="9">
        <v>4906</v>
      </c>
      <c r="AL2023" s="13">
        <v>0.52521143346536769</v>
      </c>
      <c r="AM2023" s="9">
        <v>-14246</v>
      </c>
      <c r="AN2023" s="13">
        <v>-0.99992980978451595</v>
      </c>
      <c r="AO2023" s="9">
        <v>-9340</v>
      </c>
      <c r="AP2023" s="13">
        <v>-0.9998929450808266</v>
      </c>
      <c r="AQ2023" s="9">
        <v>11163</v>
      </c>
      <c r="AR2023" s="9">
        <v>10635</v>
      </c>
      <c r="AS2023" s="9">
        <v>11493</v>
      </c>
      <c r="AT2023" s="9">
        <v>14004</v>
      </c>
      <c r="AU2023" s="9">
        <v>13933</v>
      </c>
      <c r="AV2023" s="9">
        <v>11116</v>
      </c>
      <c r="AW2023" s="9">
        <v>9341</v>
      </c>
      <c r="AX2023" s="9">
        <v>15220</v>
      </c>
      <c r="AY2023" s="9">
        <v>15091</v>
      </c>
      <c r="AZ2023" s="9">
        <v>14247</v>
      </c>
      <c r="BA2023" s="9">
        <v>12701</v>
      </c>
      <c r="BB2023" s="9">
        <v>12952</v>
      </c>
      <c r="BC2023" s="9">
        <v>13091</v>
      </c>
      <c r="BD2023" s="9">
        <v>12299</v>
      </c>
      <c r="BE2023" s="9">
        <v>15066</v>
      </c>
      <c r="BF2023" s="9">
        <v>1</v>
      </c>
      <c r="BG2023" s="11">
        <v>0</v>
      </c>
      <c r="BH2023" s="13">
        <v>0</v>
      </c>
      <c r="BI2023" s="6">
        <v>0</v>
      </c>
      <c r="BJ2023" s="13">
        <v>0</v>
      </c>
      <c r="BK2023" s="6">
        <v>0</v>
      </c>
      <c r="BL2023" s="13">
        <v>0</v>
      </c>
      <c r="BM2023" s="11">
        <v>0</v>
      </c>
      <c r="BN2023" s="13">
        <v>0</v>
      </c>
      <c r="BO2023" s="11">
        <v>0</v>
      </c>
      <c r="BP2023" s="13">
        <v>0</v>
      </c>
      <c r="BQ2023" s="6">
        <v>3</v>
      </c>
      <c r="BR2023" s="6">
        <v>3</v>
      </c>
      <c r="BS2023" s="6">
        <v>3</v>
      </c>
      <c r="BT2023" s="6">
        <v>3</v>
      </c>
      <c r="BU2023" s="6">
        <v>2</v>
      </c>
      <c r="BV2023" s="6">
        <v>3</v>
      </c>
      <c r="BW2023" s="6">
        <v>3</v>
      </c>
      <c r="BX2023" s="6">
        <v>3</v>
      </c>
      <c r="BY2023" s="6">
        <v>3</v>
      </c>
      <c r="BZ2023" s="6">
        <v>3</v>
      </c>
      <c r="CA2023" s="6">
        <v>3</v>
      </c>
      <c r="CB2023" s="6">
        <v>3</v>
      </c>
      <c r="CC2023" s="11">
        <v>3</v>
      </c>
      <c r="CD2023" s="11">
        <v>-8</v>
      </c>
      <c r="CE2023" s="11">
        <v>2</v>
      </c>
      <c r="CF2023" s="11">
        <v>1</v>
      </c>
      <c r="CG2023" s="11">
        <v>3</v>
      </c>
      <c r="CH2023" s="20">
        <v>0.56000000000000005</v>
      </c>
      <c r="CI2023" s="20">
        <v>0.6</v>
      </c>
      <c r="CJ2023" s="20">
        <v>0.55000000000000004</v>
      </c>
      <c r="CK2023" s="20">
        <v>0.49</v>
      </c>
      <c r="CL2023" s="20">
        <v>0.53</v>
      </c>
      <c r="CM2023" s="20">
        <v>0.46</v>
      </c>
      <c r="CN2023" s="20">
        <v>0.57999999999999996</v>
      </c>
      <c r="CO2023" s="20">
        <v>0.72</v>
      </c>
      <c r="CP2023" s="20">
        <v>0.51</v>
      </c>
      <c r="CQ2023" s="20">
        <v>0.61</v>
      </c>
      <c r="CR2023" s="20">
        <v>0.63</v>
      </c>
      <c r="CS2023" s="20">
        <v>0.56000000000000005</v>
      </c>
      <c r="CT2023" s="20">
        <v>0.52</v>
      </c>
      <c r="CU2023" s="20">
        <v>0.48</v>
      </c>
      <c r="CV2023" s="20">
        <v>0.41</v>
      </c>
      <c r="CW2023" s="20">
        <v>0.35</v>
      </c>
      <c r="CX2023" s="20">
        <v>0.33</v>
      </c>
      <c r="CY2023" s="6" t="s">
        <v>700</v>
      </c>
      <c r="CZ2023" s="6" t="s">
        <v>701</v>
      </c>
      <c r="DA2023" s="6" t="s">
        <v>105</v>
      </c>
      <c r="DB2023" s="6"/>
      <c r="DC2023" s="6"/>
      <c r="DD2023" s="6"/>
      <c r="DE2023" s="6"/>
      <c r="DF2023" s="6"/>
      <c r="DG2023" s="6"/>
      <c r="DH2023" s="6" t="s">
        <v>333</v>
      </c>
      <c r="DI2023" s="6"/>
      <c r="DJ2023" s="6"/>
      <c r="DK2023" s="6"/>
      <c r="DL2023" s="6">
        <v>10</v>
      </c>
      <c r="DM2023" s="6" t="s">
        <v>383</v>
      </c>
      <c r="DN2023" s="6">
        <v>9</v>
      </c>
      <c r="DO2023" s="6" t="s">
        <v>384</v>
      </c>
      <c r="DP2023" s="6"/>
      <c r="DQ2023" s="6"/>
    </row>
    <row r="2024" spans="1:121" x14ac:dyDescent="0.2">
      <c r="A2024" s="6" t="s">
        <v>323</v>
      </c>
      <c r="B2024" s="6" t="s">
        <v>323</v>
      </c>
      <c r="C2024" s="6" t="s">
        <v>192</v>
      </c>
      <c r="D2024" s="6" t="s">
        <v>105</v>
      </c>
      <c r="E2024" s="6" t="s">
        <v>246</v>
      </c>
      <c r="F2024" s="11">
        <v>-18</v>
      </c>
      <c r="G2024" s="13">
        <v>-0.24657534246599999</v>
      </c>
      <c r="H2024" s="11">
        <v>-17.2357839867</v>
      </c>
      <c r="I2024" s="13">
        <v>-0.23631502419702305</v>
      </c>
      <c r="J2024" s="11">
        <v>19.611228123299995</v>
      </c>
      <c r="K2024" s="13">
        <v>0.35208768582691696</v>
      </c>
      <c r="L2024" s="11">
        <v>-20.537917112399995</v>
      </c>
      <c r="M2024" s="13">
        <v>-0.2727078150377617</v>
      </c>
      <c r="N2024" s="11">
        <v>-0.92668898910000053</v>
      </c>
      <c r="O2024" s="13">
        <v>-1.6637192714405159E-2</v>
      </c>
      <c r="P2024" s="7">
        <v>72.935625000000002</v>
      </c>
      <c r="Q2024" s="7">
        <v>69.982667216899998</v>
      </c>
      <c r="R2024" s="7">
        <v>62.644456255999998</v>
      </c>
      <c r="S2024" s="7">
        <v>66.432205525200004</v>
      </c>
      <c r="T2024" s="7">
        <v>61.025725704999999</v>
      </c>
      <c r="U2024" s="7">
        <v>49.233763332400002</v>
      </c>
      <c r="V2024" s="7">
        <v>55.699841013300002</v>
      </c>
      <c r="W2024" s="7">
        <v>65.328986753799995</v>
      </c>
      <c r="X2024" s="7">
        <v>71.417185471699995</v>
      </c>
      <c r="Y2024" s="7">
        <v>75.311069136599997</v>
      </c>
      <c r="Z2024" s="7">
        <v>67.465883904699993</v>
      </c>
      <c r="AA2024" s="7">
        <v>62.743394407700002</v>
      </c>
      <c r="AB2024" s="7">
        <v>55.937813845500003</v>
      </c>
      <c r="AC2024" s="7">
        <v>53.740381479500002</v>
      </c>
      <c r="AD2024" s="7">
        <v>62.672984216899998</v>
      </c>
      <c r="AE2024" s="7">
        <v>54.816501653000003</v>
      </c>
      <c r="AF2024" s="7">
        <v>54.773152024200002</v>
      </c>
      <c r="AG2024" s="9">
        <v>3220.8211150899988</v>
      </c>
      <c r="AH2024" s="13">
        <v>0.39150333845018315</v>
      </c>
      <c r="AI2024" s="9">
        <v>5693.349627489999</v>
      </c>
      <c r="AJ2024" s="13">
        <v>0.69204879950749987</v>
      </c>
      <c r="AK2024" s="9">
        <v>-2129.0752109000005</v>
      </c>
      <c r="AL2024" s="13">
        <v>-0.15294912061102292</v>
      </c>
      <c r="AM2024" s="9">
        <v>-343.45330149999972</v>
      </c>
      <c r="AN2024" s="13">
        <v>-2.9128235600898444E-2</v>
      </c>
      <c r="AO2024" s="9">
        <v>-2472.5285124000002</v>
      </c>
      <c r="AP2024" s="13">
        <v>-0.17762221819181326</v>
      </c>
      <c r="AQ2024" s="9">
        <v>8226.8037045100009</v>
      </c>
      <c r="AR2024" s="9">
        <v>8825.0858127699994</v>
      </c>
      <c r="AS2024" s="9">
        <v>9451.6100241599997</v>
      </c>
      <c r="AT2024" s="9">
        <v>9454.4825861499994</v>
      </c>
      <c r="AU2024" s="9">
        <v>10610.9325887</v>
      </c>
      <c r="AV2024" s="9">
        <v>12867.334097700001</v>
      </c>
      <c r="AW2024" s="9">
        <v>13920.153332</v>
      </c>
      <c r="AX2024" s="9">
        <v>12635.188890199999</v>
      </c>
      <c r="AY2024" s="9">
        <v>12603.9223955</v>
      </c>
      <c r="AZ2024" s="9">
        <v>11791.078121099999</v>
      </c>
      <c r="BA2024" s="9">
        <v>10549.091200999999</v>
      </c>
      <c r="BB2024" s="9">
        <v>11189.977250899999</v>
      </c>
      <c r="BC2024" s="9">
        <v>11030.543696500001</v>
      </c>
      <c r="BD2024" s="9">
        <v>10726.719838200001</v>
      </c>
      <c r="BE2024" s="9">
        <v>10671.3258353</v>
      </c>
      <c r="BF2024" s="9">
        <v>11447.6248196</v>
      </c>
      <c r="BG2024" s="11">
        <v>1</v>
      </c>
      <c r="BH2024" s="13">
        <v>0.125</v>
      </c>
      <c r="BI2024" s="6">
        <v>0</v>
      </c>
      <c r="BJ2024" s="13">
        <v>0</v>
      </c>
      <c r="BK2024" s="6">
        <v>2</v>
      </c>
      <c r="BL2024" s="13">
        <v>0.25</v>
      </c>
      <c r="BM2024" s="11">
        <v>-1</v>
      </c>
      <c r="BN2024" s="13">
        <v>-0.1</v>
      </c>
      <c r="BO2024" s="11">
        <v>1</v>
      </c>
      <c r="BP2024" s="13">
        <v>0.125</v>
      </c>
      <c r="BQ2024" s="6">
        <v>8</v>
      </c>
      <c r="BR2024" s="6">
        <v>8</v>
      </c>
      <c r="BS2024" s="6">
        <v>8</v>
      </c>
      <c r="BT2024" s="6">
        <v>8</v>
      </c>
      <c r="BU2024" s="6">
        <v>9</v>
      </c>
      <c r="BV2024" s="6">
        <v>9</v>
      </c>
      <c r="BW2024" s="6">
        <v>10</v>
      </c>
      <c r="BX2024" s="6">
        <v>9</v>
      </c>
      <c r="BY2024" s="6">
        <v>9</v>
      </c>
      <c r="BZ2024" s="6">
        <v>9</v>
      </c>
      <c r="CA2024" s="6">
        <v>7</v>
      </c>
      <c r="CB2024" s="6">
        <v>9</v>
      </c>
      <c r="CC2024" s="11">
        <v>9</v>
      </c>
      <c r="CD2024" s="11">
        <v>-42.721200000000003</v>
      </c>
      <c r="CE2024" s="11">
        <v>16.585999999999999</v>
      </c>
      <c r="CF2024" s="11">
        <v>7.9727399999999999</v>
      </c>
      <c r="CG2024" s="11">
        <v>25</v>
      </c>
      <c r="CH2024" s="20">
        <v>0.65657399999999999</v>
      </c>
      <c r="CI2024" s="20">
        <v>0.62551699999999999</v>
      </c>
      <c r="CJ2024" s="20">
        <v>0.56590200000000002</v>
      </c>
      <c r="CK2024" s="20">
        <v>0.57423999999999997</v>
      </c>
      <c r="CL2024" s="20">
        <v>0.52134599999999998</v>
      </c>
      <c r="CM2024" s="20">
        <v>0.43519200000000002</v>
      </c>
      <c r="CN2024" s="20">
        <v>0.48244900000000002</v>
      </c>
      <c r="CO2024" s="20">
        <v>0.55520800000000003</v>
      </c>
      <c r="CP2024" s="20">
        <v>0.60650000000000004</v>
      </c>
      <c r="CQ2024" s="20">
        <v>0.64508699999999997</v>
      </c>
      <c r="CR2024" s="20">
        <v>0.56586400000000003</v>
      </c>
      <c r="CS2024" s="20">
        <v>0.517042</v>
      </c>
      <c r="CT2024" s="20">
        <v>0.45442199999999999</v>
      </c>
      <c r="CU2024" s="20">
        <v>0.43032500000000001</v>
      </c>
      <c r="CV2024" s="20">
        <v>0.49475799999999998</v>
      </c>
      <c r="CW2024" s="20">
        <v>0.42707000000000001</v>
      </c>
      <c r="CX2024" s="20">
        <v>0.41964000000000001</v>
      </c>
      <c r="CY2024" s="6" t="s">
        <v>700</v>
      </c>
      <c r="CZ2024" s="6" t="s">
        <v>701</v>
      </c>
      <c r="DA2024" s="6" t="s">
        <v>105</v>
      </c>
      <c r="DB2024" s="6"/>
      <c r="DC2024" s="6"/>
      <c r="DD2024" s="6"/>
      <c r="DE2024" s="6"/>
      <c r="DF2024" s="6"/>
      <c r="DG2024" s="6"/>
      <c r="DH2024" s="6" t="s">
        <v>333</v>
      </c>
      <c r="DI2024" s="6"/>
      <c r="DJ2024" s="6"/>
      <c r="DK2024" s="6"/>
      <c r="DL2024" s="6">
        <v>10</v>
      </c>
      <c r="DM2024" s="6" t="s">
        <v>383</v>
      </c>
      <c r="DN2024" s="6">
        <v>9</v>
      </c>
      <c r="DO2024" s="6" t="s">
        <v>384</v>
      </c>
      <c r="DP2024" s="6"/>
      <c r="DQ2024" s="6"/>
    </row>
    <row r="2025" spans="1:121" x14ac:dyDescent="0.2">
      <c r="A2025" s="6" t="s">
        <v>325</v>
      </c>
      <c r="B2025" s="6" t="s">
        <v>325</v>
      </c>
      <c r="C2025" s="6" t="s">
        <v>193</v>
      </c>
      <c r="D2025" s="6" t="s">
        <v>105</v>
      </c>
      <c r="E2025" s="6" t="s">
        <v>246</v>
      </c>
      <c r="F2025" s="11">
        <v>-23</v>
      </c>
      <c r="G2025" s="13">
        <v>-0.209090909091</v>
      </c>
      <c r="H2025" s="11">
        <v>1.3811132040000018</v>
      </c>
      <c r="I2025" s="13">
        <v>1.2504547658419131E-2</v>
      </c>
      <c r="J2025" s="11">
        <v>18.832354971000001</v>
      </c>
      <c r="K2025" s="13">
        <v>0.16840165599445783</v>
      </c>
      <c r="L2025" s="11">
        <v>-43.968650897200007</v>
      </c>
      <c r="M2025" s="13">
        <v>-0.33650591511809669</v>
      </c>
      <c r="N2025" s="11">
        <v>-25.136295926200006</v>
      </c>
      <c r="O2025" s="13">
        <v>-0.2247724124814568</v>
      </c>
      <c r="P2025" s="7">
        <v>110.44887362</v>
      </c>
      <c r="Q2025" s="7">
        <v>117.611485992</v>
      </c>
      <c r="R2025" s="7">
        <v>111.12851617</v>
      </c>
      <c r="S2025" s="7">
        <v>118.492521373</v>
      </c>
      <c r="T2025" s="7">
        <v>131.85573336799999</v>
      </c>
      <c r="U2025" s="7">
        <v>114.951796163</v>
      </c>
      <c r="V2025" s="7">
        <v>111.829986824</v>
      </c>
      <c r="W2025" s="7">
        <v>118.342392652</v>
      </c>
      <c r="X2025" s="7">
        <v>134.47116109199999</v>
      </c>
      <c r="Y2025" s="7">
        <v>130.662341795</v>
      </c>
      <c r="Z2025" s="7">
        <v>113.73878465600001</v>
      </c>
      <c r="AA2025" s="7">
        <v>109.44153835199999</v>
      </c>
      <c r="AB2025" s="7">
        <v>88.053407778099995</v>
      </c>
      <c r="AC2025" s="7">
        <v>84.258472342700003</v>
      </c>
      <c r="AD2025" s="7">
        <v>87.378969711600007</v>
      </c>
      <c r="AE2025" s="7">
        <v>86.707197432200005</v>
      </c>
      <c r="AF2025" s="7">
        <v>86.693690897799996</v>
      </c>
      <c r="AG2025" s="9">
        <v>2183.2159524000017</v>
      </c>
      <c r="AH2025" s="13">
        <v>0.12636091772878774</v>
      </c>
      <c r="AI2025" s="9">
        <v>-3.1693186000011337</v>
      </c>
      <c r="AJ2025" s="13">
        <v>-1.8343490318986351E-4</v>
      </c>
      <c r="AK2025" s="9">
        <v>-1807.648939499999</v>
      </c>
      <c r="AL2025" s="13">
        <v>-0.10464291718941308</v>
      </c>
      <c r="AM2025" s="9">
        <v>3994.0342105000018</v>
      </c>
      <c r="AN2025" s="13">
        <v>0.25823271091514804</v>
      </c>
      <c r="AO2025" s="9">
        <v>2186.3852710000028</v>
      </c>
      <c r="AP2025" s="13">
        <v>0.12656756954184353</v>
      </c>
      <c r="AQ2025" s="9">
        <v>17277.620261399999</v>
      </c>
      <c r="AR2025" s="9">
        <v>15994.6084501</v>
      </c>
      <c r="AS2025" s="9">
        <v>16217.4956213</v>
      </c>
      <c r="AT2025" s="9">
        <v>16617.353396099999</v>
      </c>
      <c r="AU2025" s="9">
        <v>16344.0371423</v>
      </c>
      <c r="AV2025" s="9">
        <v>16285.9580148</v>
      </c>
      <c r="AW2025" s="9">
        <v>17274.450942799998</v>
      </c>
      <c r="AX2025" s="9">
        <v>15590.5744452</v>
      </c>
      <c r="AY2025" s="9">
        <v>14288.271849000001</v>
      </c>
      <c r="AZ2025" s="9">
        <v>15466.802003299999</v>
      </c>
      <c r="BA2025" s="9">
        <v>15075.982927999999</v>
      </c>
      <c r="BB2025" s="9">
        <v>15759.745305300001</v>
      </c>
      <c r="BC2025" s="9">
        <v>17211.0513049</v>
      </c>
      <c r="BD2025" s="9">
        <v>18894.601259499999</v>
      </c>
      <c r="BE2025" s="9">
        <v>18608.5866159</v>
      </c>
      <c r="BF2025" s="9">
        <v>19460.836213800001</v>
      </c>
      <c r="BG2025" s="11">
        <v>-10</v>
      </c>
      <c r="BH2025" s="13">
        <v>-0.4</v>
      </c>
      <c r="BI2025" s="6">
        <v>-3</v>
      </c>
      <c r="BJ2025" s="13">
        <v>-0.12</v>
      </c>
      <c r="BK2025" s="6">
        <v>8</v>
      </c>
      <c r="BL2025" s="13">
        <v>0.36363636363636365</v>
      </c>
      <c r="BM2025" s="11">
        <v>-15</v>
      </c>
      <c r="BN2025" s="13">
        <v>-0.5</v>
      </c>
      <c r="BO2025" s="11">
        <v>-7</v>
      </c>
      <c r="BP2025" s="13">
        <v>-0.31818181818181818</v>
      </c>
      <c r="BQ2025" s="6">
        <v>25</v>
      </c>
      <c r="BR2025" s="6">
        <v>24</v>
      </c>
      <c r="BS2025" s="6">
        <v>25</v>
      </c>
      <c r="BT2025" s="6">
        <v>22</v>
      </c>
      <c r="BU2025" s="6">
        <v>24</v>
      </c>
      <c r="BV2025" s="6">
        <v>28</v>
      </c>
      <c r="BW2025" s="6">
        <v>30</v>
      </c>
      <c r="BX2025" s="6">
        <v>26</v>
      </c>
      <c r="BY2025" s="6">
        <v>23</v>
      </c>
      <c r="BZ2025" s="6">
        <v>14</v>
      </c>
      <c r="CA2025" s="6">
        <v>14</v>
      </c>
      <c r="CB2025" s="6">
        <v>14</v>
      </c>
      <c r="CC2025" s="11">
        <v>15</v>
      </c>
      <c r="CD2025" s="11">
        <v>-34.811399999999999</v>
      </c>
      <c r="CE2025" s="11">
        <v>-1.0171300000000001</v>
      </c>
      <c r="CF2025" s="11">
        <v>12.073399999999999</v>
      </c>
      <c r="CG2025" s="11">
        <v>11</v>
      </c>
      <c r="CH2025" s="20">
        <v>1.46377</v>
      </c>
      <c r="CI2025" s="20">
        <v>1.54121</v>
      </c>
      <c r="CJ2025" s="20">
        <v>1.48024</v>
      </c>
      <c r="CK2025" s="20">
        <v>1.5376099999999999</v>
      </c>
      <c r="CL2025" s="20">
        <v>1.7190700000000001</v>
      </c>
      <c r="CM2025" s="20">
        <v>1.5651600000000001</v>
      </c>
      <c r="CN2025" s="20">
        <v>1.49943</v>
      </c>
      <c r="CO2025" s="20">
        <v>1.55541</v>
      </c>
      <c r="CP2025" s="20">
        <v>1.7300899999999999</v>
      </c>
      <c r="CQ2025" s="20">
        <v>1.7081599999999999</v>
      </c>
      <c r="CR2025" s="20">
        <v>1.47723</v>
      </c>
      <c r="CS2025" s="20">
        <v>1.40733</v>
      </c>
      <c r="CT2025" s="20">
        <v>1.2176400000000001</v>
      </c>
      <c r="CU2025" s="20">
        <v>1.16072</v>
      </c>
      <c r="CV2025" s="20">
        <v>1.21017</v>
      </c>
      <c r="CW2025" s="20">
        <v>1.19773</v>
      </c>
      <c r="CX2025" s="20">
        <v>1.18815</v>
      </c>
      <c r="CY2025" s="6" t="s">
        <v>700</v>
      </c>
      <c r="CZ2025" s="6" t="s">
        <v>701</v>
      </c>
      <c r="DA2025" s="6" t="s">
        <v>105</v>
      </c>
      <c r="DB2025" s="6"/>
      <c r="DC2025" s="6"/>
      <c r="DD2025" s="6"/>
      <c r="DE2025" s="6"/>
      <c r="DF2025" s="6"/>
      <c r="DG2025" s="6"/>
      <c r="DH2025" s="6" t="s">
        <v>333</v>
      </c>
      <c r="DI2025" s="6"/>
      <c r="DJ2025" s="6"/>
      <c r="DK2025" s="6"/>
      <c r="DL2025" s="6">
        <v>10</v>
      </c>
      <c r="DM2025" s="6" t="s">
        <v>383</v>
      </c>
      <c r="DN2025" s="6">
        <v>9</v>
      </c>
      <c r="DO2025" s="6" t="s">
        <v>384</v>
      </c>
      <c r="DP2025" s="6"/>
      <c r="DQ2025" s="6"/>
    </row>
    <row r="2026" spans="1:121" x14ac:dyDescent="0.2">
      <c r="A2026" s="6" t="s">
        <v>327</v>
      </c>
      <c r="B2026" s="6" t="s">
        <v>327</v>
      </c>
      <c r="C2026" s="6" t="s">
        <v>194</v>
      </c>
      <c r="D2026" s="6" t="s">
        <v>105</v>
      </c>
      <c r="E2026" s="6" t="s">
        <v>246</v>
      </c>
      <c r="F2026" s="11">
        <v>-25</v>
      </c>
      <c r="G2026" s="13">
        <v>-3.9745627980899999E-2</v>
      </c>
      <c r="H2026" s="11">
        <v>-5.1361930000000484</v>
      </c>
      <c r="I2026" s="13">
        <v>-8.1599054632945922E-3</v>
      </c>
      <c r="J2026" s="11">
        <v>-19.426607999999987</v>
      </c>
      <c r="K2026" s="13">
        <v>-3.111709953704854E-2</v>
      </c>
      <c r="L2026" s="11">
        <v>-0.41770629899997402</v>
      </c>
      <c r="M2026" s="13">
        <v>-6.9056071044101212E-4</v>
      </c>
      <c r="N2026" s="11">
        <v>-19.844314298999961</v>
      </c>
      <c r="O2026" s="13">
        <v>-3.1786172001126385E-2</v>
      </c>
      <c r="P2026" s="7">
        <v>629.44270900000004</v>
      </c>
      <c r="Q2026" s="7">
        <v>612.87090499999999</v>
      </c>
      <c r="R2026" s="7">
        <v>613.54470300000003</v>
      </c>
      <c r="S2026" s="7">
        <v>620.01333699999998</v>
      </c>
      <c r="T2026" s="7">
        <v>631.11927800000001</v>
      </c>
      <c r="U2026" s="7">
        <v>633.85936900000002</v>
      </c>
      <c r="V2026" s="7">
        <v>624.30651599999999</v>
      </c>
      <c r="W2026" s="7">
        <v>615.78313700000001</v>
      </c>
      <c r="X2026" s="7">
        <v>616.14052600000002</v>
      </c>
      <c r="Y2026" s="7">
        <v>604.879908</v>
      </c>
      <c r="Z2026" s="7">
        <v>602.67828999999995</v>
      </c>
      <c r="AA2026" s="7">
        <v>601.11855100000002</v>
      </c>
      <c r="AB2026" s="7">
        <v>620.26045999999997</v>
      </c>
      <c r="AC2026" s="7">
        <v>619.82034099999998</v>
      </c>
      <c r="AD2026" s="7">
        <v>618.03390100000001</v>
      </c>
      <c r="AE2026" s="7">
        <v>606.85948374999998</v>
      </c>
      <c r="AF2026" s="7">
        <v>604.46220170100003</v>
      </c>
      <c r="AG2026" s="9">
        <v>20018.273685499997</v>
      </c>
      <c r="AH2026" s="13">
        <v>0.6864567390478874</v>
      </c>
      <c r="AI2026" s="9">
        <v>11504.994812899997</v>
      </c>
      <c r="AJ2026" s="13">
        <v>0.39452359110000507</v>
      </c>
      <c r="AK2026" s="9">
        <v>3144.2107418000014</v>
      </c>
      <c r="AL2026" s="13">
        <v>7.7316525973950098E-2</v>
      </c>
      <c r="AM2026" s="9">
        <v>5369.0681307999985</v>
      </c>
      <c r="AN2026" s="13">
        <v>0.12255083588557011</v>
      </c>
      <c r="AO2026" s="9">
        <v>8513.2788725999999</v>
      </c>
      <c r="AP2026" s="13">
        <v>0.2093425667453962</v>
      </c>
      <c r="AQ2026" s="9">
        <v>29161.741078200001</v>
      </c>
      <c r="AR2026" s="9">
        <v>30650.930980500001</v>
      </c>
      <c r="AS2026" s="9">
        <v>32382.744456699998</v>
      </c>
      <c r="AT2026" s="9">
        <v>34677.264503799997</v>
      </c>
      <c r="AU2026" s="9">
        <v>36480.924409799998</v>
      </c>
      <c r="AV2026" s="9">
        <v>38248.497589899998</v>
      </c>
      <c r="AW2026" s="9">
        <v>40666.735891099997</v>
      </c>
      <c r="AX2026" s="9">
        <v>40342.428388799999</v>
      </c>
      <c r="AY2026" s="9">
        <v>41626.694601499999</v>
      </c>
      <c r="AZ2026" s="9">
        <v>43810.946632899999</v>
      </c>
      <c r="BA2026" s="9">
        <v>43554.2012665</v>
      </c>
      <c r="BB2026" s="9">
        <v>46060.110145300001</v>
      </c>
      <c r="BC2026" s="9">
        <v>47457.832768799999</v>
      </c>
      <c r="BD2026" s="9">
        <v>47032.652284199998</v>
      </c>
      <c r="BE2026" s="9">
        <v>48253.593194499997</v>
      </c>
      <c r="BF2026" s="9">
        <v>49180.014763699997</v>
      </c>
      <c r="BG2026" s="11">
        <v>-1</v>
      </c>
      <c r="BH2026" s="13">
        <v>-4.5454545454545456E-2</v>
      </c>
      <c r="BI2026" s="6">
        <v>1</v>
      </c>
      <c r="BJ2026" s="13">
        <v>4.5454545454545456E-2</v>
      </c>
      <c r="BK2026" s="6">
        <v>1</v>
      </c>
      <c r="BL2026" s="13">
        <v>4.3478260869565216E-2</v>
      </c>
      <c r="BM2026" s="11">
        <v>-3</v>
      </c>
      <c r="BN2026" s="13">
        <v>-0.125</v>
      </c>
      <c r="BO2026" s="11">
        <v>-2</v>
      </c>
      <c r="BP2026" s="13">
        <v>-8.6956521739130432E-2</v>
      </c>
      <c r="BQ2026" s="6">
        <v>22</v>
      </c>
      <c r="BR2026" s="6">
        <v>21</v>
      </c>
      <c r="BS2026" s="6">
        <v>22</v>
      </c>
      <c r="BT2026" s="6">
        <v>23</v>
      </c>
      <c r="BU2026" s="6">
        <v>23</v>
      </c>
      <c r="BV2026" s="6">
        <v>24</v>
      </c>
      <c r="BW2026" s="6">
        <v>24</v>
      </c>
      <c r="BX2026" s="6">
        <v>22</v>
      </c>
      <c r="BY2026" s="6">
        <v>21</v>
      </c>
      <c r="BZ2026" s="6">
        <v>21</v>
      </c>
      <c r="CA2026" s="6">
        <v>22</v>
      </c>
      <c r="CB2026" s="6">
        <v>22</v>
      </c>
      <c r="CC2026" s="11">
        <v>21</v>
      </c>
      <c r="CD2026" s="11">
        <v>-56.885300000000001</v>
      </c>
      <c r="CE2026" s="11">
        <v>-36.900799999999997</v>
      </c>
      <c r="CF2026" s="11">
        <v>68.805700000000002</v>
      </c>
      <c r="CG2026" s="11">
        <v>32</v>
      </c>
      <c r="CH2026" s="20">
        <v>2.5112800000000002</v>
      </c>
      <c r="CI2026" s="20">
        <v>2.41296</v>
      </c>
      <c r="CJ2026" s="20">
        <v>2.4735200000000002</v>
      </c>
      <c r="CK2026" s="20">
        <v>2.45275</v>
      </c>
      <c r="CL2026" s="20">
        <v>2.51423</v>
      </c>
      <c r="CM2026" s="20">
        <v>2.65455</v>
      </c>
      <c r="CN2026" s="20">
        <v>2.5931199999999999</v>
      </c>
      <c r="CO2026" s="20">
        <v>2.4821300000000002</v>
      </c>
      <c r="CP2026" s="20">
        <v>2.4039600000000001</v>
      </c>
      <c r="CQ2026" s="20">
        <v>2.38429</v>
      </c>
      <c r="CR2026" s="20">
        <v>2.41554</v>
      </c>
      <c r="CS2026" s="20">
        <v>2.4663200000000001</v>
      </c>
      <c r="CT2026" s="20">
        <v>2.59937</v>
      </c>
      <c r="CU2026" s="20">
        <v>2.6365500000000002</v>
      </c>
      <c r="CV2026" s="20">
        <v>2.6657899999999999</v>
      </c>
      <c r="CW2026" s="20">
        <v>2.6239400000000002</v>
      </c>
      <c r="CX2026" s="20">
        <v>2.6111900000000001</v>
      </c>
      <c r="CY2026" s="6" t="s">
        <v>700</v>
      </c>
      <c r="CZ2026" s="6" t="s">
        <v>701</v>
      </c>
      <c r="DA2026" s="6" t="s">
        <v>105</v>
      </c>
      <c r="DB2026" s="6"/>
      <c r="DC2026" s="6"/>
      <c r="DD2026" s="6"/>
      <c r="DE2026" s="6"/>
      <c r="DF2026" s="6"/>
      <c r="DG2026" s="6"/>
      <c r="DH2026" s="6" t="s">
        <v>333</v>
      </c>
      <c r="DI2026" s="6"/>
      <c r="DJ2026" s="6"/>
      <c r="DK2026" s="6"/>
      <c r="DL2026" s="6">
        <v>10</v>
      </c>
      <c r="DM2026" s="6" t="s">
        <v>383</v>
      </c>
      <c r="DN2026" s="6">
        <v>9</v>
      </c>
      <c r="DO2026" s="6" t="s">
        <v>384</v>
      </c>
      <c r="DP2026" s="6"/>
      <c r="DQ2026" s="6"/>
    </row>
    <row r="2027" spans="1:121" x14ac:dyDescent="0.2">
      <c r="A2027" s="6" t="s">
        <v>1</v>
      </c>
      <c r="B2027" s="6" t="s">
        <v>1</v>
      </c>
      <c r="C2027" s="6" t="s">
        <v>2</v>
      </c>
      <c r="D2027" s="6" t="s">
        <v>67</v>
      </c>
      <c r="E2027" s="6" t="s">
        <v>208</v>
      </c>
      <c r="F2027" s="11">
        <v>149</v>
      </c>
      <c r="G2027" s="13">
        <v>0.20810055865900001</v>
      </c>
      <c r="H2027" s="11">
        <v>83.312160553000012</v>
      </c>
      <c r="I2027" s="13">
        <v>0.1163060531527694</v>
      </c>
      <c r="J2027" s="11">
        <v>-37.475886865000007</v>
      </c>
      <c r="K2027" s="13">
        <v>-4.6866504196135465E-2</v>
      </c>
      <c r="L2027" s="11">
        <v>103.20160622200001</v>
      </c>
      <c r="M2027" s="13">
        <v>0.135407701370204</v>
      </c>
      <c r="N2027" s="11">
        <v>65.725719357000003</v>
      </c>
      <c r="O2027" s="13">
        <v>8.2195111569612803E-2</v>
      </c>
      <c r="P2027" s="7">
        <v>716.31835398600003</v>
      </c>
      <c r="Q2027" s="7">
        <v>629.732604681</v>
      </c>
      <c r="R2027" s="7">
        <v>723.09649432399999</v>
      </c>
      <c r="S2027" s="7">
        <v>710.56215502099997</v>
      </c>
      <c r="T2027" s="7">
        <v>766.21161548800001</v>
      </c>
      <c r="U2027" s="7">
        <v>785.08450287599999</v>
      </c>
      <c r="V2027" s="7">
        <v>799.63051453900005</v>
      </c>
      <c r="W2027" s="7">
        <v>882.66359720299999</v>
      </c>
      <c r="X2027" s="7">
        <v>900.87929035299999</v>
      </c>
      <c r="Y2027" s="7">
        <v>762.15462767400004</v>
      </c>
      <c r="Z2027" s="7">
        <v>744.19923696599994</v>
      </c>
      <c r="AA2027" s="7">
        <v>804.47065276499995</v>
      </c>
      <c r="AB2027" s="7">
        <v>693.51829764299998</v>
      </c>
      <c r="AC2027" s="7">
        <v>819.98185786099998</v>
      </c>
      <c r="AD2027" s="7">
        <v>857.58276973299996</v>
      </c>
      <c r="AE2027" s="7">
        <v>855.89192526600004</v>
      </c>
      <c r="AF2027" s="7">
        <v>865.35623389600005</v>
      </c>
      <c r="AG2027" s="9">
        <v>10517.422258399998</v>
      </c>
      <c r="AH2027" s="13">
        <v>0.52808975118858514</v>
      </c>
      <c r="AI2027" s="9">
        <v>753.4433618999974</v>
      </c>
      <c r="AJ2027" s="13">
        <v>3.7831106115633943E-2</v>
      </c>
      <c r="AK2027" s="9">
        <v>4159.6456994</v>
      </c>
      <c r="AL2027" s="13">
        <v>0.20124638418583651</v>
      </c>
      <c r="AM2027" s="9">
        <v>5604.3331971000007</v>
      </c>
      <c r="AN2027" s="13">
        <v>0.22571665180506512</v>
      </c>
      <c r="AO2027" s="9">
        <v>9763.9788965000007</v>
      </c>
      <c r="AP2027" s="13">
        <v>0.47238769601720448</v>
      </c>
      <c r="AQ2027" s="9">
        <v>19915.974954500001</v>
      </c>
      <c r="AR2027" s="9">
        <v>20491.116213500001</v>
      </c>
      <c r="AS2027" s="9">
        <v>19789.589326900001</v>
      </c>
      <c r="AT2027" s="9">
        <v>19787.897599799999</v>
      </c>
      <c r="AU2027" s="9">
        <v>20030.248319800001</v>
      </c>
      <c r="AV2027" s="9">
        <v>20471.814979899998</v>
      </c>
      <c r="AW2027" s="9">
        <v>20669.418316399999</v>
      </c>
      <c r="AX2027" s="9">
        <v>22762.835470999999</v>
      </c>
      <c r="AY2027" s="9">
        <v>23510.7587236</v>
      </c>
      <c r="AZ2027" s="9">
        <v>24829.064015799999</v>
      </c>
      <c r="BA2027" s="9">
        <v>26199.273155899999</v>
      </c>
      <c r="BB2027" s="9">
        <v>27355.582922599999</v>
      </c>
      <c r="BC2027" s="9">
        <v>29423.4191522</v>
      </c>
      <c r="BD2027" s="9">
        <v>29082.654527399998</v>
      </c>
      <c r="BE2027" s="9">
        <v>30242.700058499999</v>
      </c>
      <c r="BF2027" s="9">
        <v>30433.397212899999</v>
      </c>
      <c r="BG2027" s="11">
        <v>15.5</v>
      </c>
      <c r="BH2027" s="13">
        <v>0.40789473684210525</v>
      </c>
      <c r="BI2027" s="6">
        <v>3</v>
      </c>
      <c r="BJ2027" s="13">
        <v>7.8947368421052627E-2</v>
      </c>
      <c r="BK2027" s="6">
        <v>0</v>
      </c>
      <c r="BL2027" s="13">
        <v>0</v>
      </c>
      <c r="BM2027" s="11">
        <v>12.5</v>
      </c>
      <c r="BN2027" s="13">
        <v>0.3048780487804878</v>
      </c>
      <c r="BO2027" s="11">
        <v>12.5</v>
      </c>
      <c r="BP2027" s="13">
        <v>0.3048780487804878</v>
      </c>
      <c r="BQ2027" s="6">
        <v>38</v>
      </c>
      <c r="BR2027" s="6">
        <v>37</v>
      </c>
      <c r="BS2027" s="6">
        <v>40</v>
      </c>
      <c r="BT2027" s="6">
        <v>41</v>
      </c>
      <c r="BU2027" s="6">
        <v>45</v>
      </c>
      <c r="BV2027" s="6">
        <v>44</v>
      </c>
      <c r="BW2027" s="6">
        <v>41</v>
      </c>
      <c r="BX2027" s="6">
        <v>44</v>
      </c>
      <c r="BY2027" s="6">
        <v>48</v>
      </c>
      <c r="BZ2027" s="6">
        <v>48</v>
      </c>
      <c r="CA2027" s="6">
        <v>48</v>
      </c>
      <c r="CB2027" s="6">
        <v>50</v>
      </c>
      <c r="CC2027" s="11">
        <v>53.5</v>
      </c>
      <c r="CD2027" s="11">
        <v>136.04499999999999</v>
      </c>
      <c r="CE2027" s="11">
        <v>-65.309399999999997</v>
      </c>
      <c r="CF2027" s="11">
        <v>78.302199999999999</v>
      </c>
      <c r="CG2027" s="11">
        <v>13</v>
      </c>
      <c r="CH2027" s="20">
        <v>3.2231200000000002</v>
      </c>
      <c r="CI2027" s="20">
        <v>2.7837200000000002</v>
      </c>
      <c r="CJ2027" s="20">
        <v>3.1898499999999999</v>
      </c>
      <c r="CK2027" s="20">
        <v>3.1247099999999999</v>
      </c>
      <c r="CL2027" s="20">
        <v>3.41079</v>
      </c>
      <c r="CM2027" s="20">
        <v>3.53206</v>
      </c>
      <c r="CN2027" s="20">
        <v>3.8167399999999998</v>
      </c>
      <c r="CO2027" s="20">
        <v>4.3952499999999999</v>
      </c>
      <c r="CP2027" s="20">
        <v>4.2643700000000004</v>
      </c>
      <c r="CQ2027" s="20">
        <v>3.7465899999999999</v>
      </c>
      <c r="CR2027" s="20">
        <v>3.48725</v>
      </c>
      <c r="CS2027" s="20">
        <v>3.6431300000000002</v>
      </c>
      <c r="CT2027" s="20">
        <v>3.2429800000000002</v>
      </c>
      <c r="CU2027" s="20">
        <v>3.80185</v>
      </c>
      <c r="CV2027" s="20">
        <v>3.9172699999999998</v>
      </c>
      <c r="CW2027" s="20">
        <v>3.97315</v>
      </c>
      <c r="CX2027" s="20">
        <v>3.9997199999999999</v>
      </c>
      <c r="CY2027" s="6" t="s">
        <v>702</v>
      </c>
      <c r="CZ2027" s="6" t="s">
        <v>703</v>
      </c>
      <c r="DA2027" s="6" t="s">
        <v>67</v>
      </c>
      <c r="DB2027" s="6" t="s">
        <v>345</v>
      </c>
      <c r="DC2027" s="6">
        <v>43460</v>
      </c>
      <c r="DD2027" s="6">
        <v>164</v>
      </c>
      <c r="DE2027" s="6" t="s">
        <v>705</v>
      </c>
      <c r="DF2027" s="6" t="s">
        <v>363</v>
      </c>
      <c r="DG2027" s="6" t="s">
        <v>364</v>
      </c>
      <c r="DH2027" s="6" t="s">
        <v>365</v>
      </c>
      <c r="DI2027" s="6" t="s">
        <v>413</v>
      </c>
      <c r="DJ2027" s="6">
        <v>29</v>
      </c>
      <c r="DK2027" s="6">
        <v>201</v>
      </c>
      <c r="DL2027" s="6">
        <v>5</v>
      </c>
      <c r="DM2027" s="6" t="s">
        <v>392</v>
      </c>
      <c r="DN2027" s="6">
        <v>4</v>
      </c>
      <c r="DO2027" s="6" t="s">
        <v>557</v>
      </c>
      <c r="DP2027" s="6"/>
      <c r="DQ2027" s="6"/>
    </row>
    <row r="2028" spans="1:121" x14ac:dyDescent="0.2">
      <c r="A2028" s="6" t="s">
        <v>310</v>
      </c>
      <c r="B2028" s="6" t="s">
        <v>310</v>
      </c>
      <c r="C2028" s="6" t="s">
        <v>173</v>
      </c>
      <c r="D2028" s="6" t="s">
        <v>67</v>
      </c>
      <c r="E2028" s="6" t="s">
        <v>208</v>
      </c>
      <c r="F2028" s="11">
        <v>15</v>
      </c>
      <c r="G2028" s="13">
        <v>1</v>
      </c>
      <c r="H2028" s="11">
        <v>11.27083</v>
      </c>
      <c r="I2028" s="13"/>
      <c r="J2028" s="11">
        <v>-6.2708300000000001</v>
      </c>
      <c r="K2028" s="13">
        <v>-0.55637694828153739</v>
      </c>
      <c r="L2028" s="11">
        <v>9.5823445252999999</v>
      </c>
      <c r="M2028" s="13">
        <v>1.9164689050599999</v>
      </c>
      <c r="N2028" s="11">
        <v>3.3115145252999998</v>
      </c>
      <c r="O2028" s="13">
        <v>0.2938128359047204</v>
      </c>
      <c r="P2028" s="7">
        <v>0</v>
      </c>
      <c r="Q2028" s="7">
        <v>0</v>
      </c>
      <c r="R2028" s="7">
        <v>0</v>
      </c>
      <c r="S2028" s="7">
        <v>0</v>
      </c>
      <c r="T2028" s="7">
        <v>18.251832</v>
      </c>
      <c r="U2028" s="7">
        <v>16.522666000000001</v>
      </c>
      <c r="V2028" s="7">
        <v>11.27083</v>
      </c>
      <c r="W2028" s="7">
        <v>5</v>
      </c>
      <c r="X2028" s="7">
        <v>5</v>
      </c>
      <c r="Y2028" s="7">
        <v>5</v>
      </c>
      <c r="Z2028" s="7">
        <v>12.53619</v>
      </c>
      <c r="AA2028" s="7">
        <v>10.661129000000001</v>
      </c>
      <c r="AB2028" s="7">
        <v>13.005046999999999</v>
      </c>
      <c r="AC2028" s="7">
        <v>10.27699</v>
      </c>
      <c r="AD2028" s="7">
        <v>5</v>
      </c>
      <c r="AE2028" s="7">
        <v>13.36026</v>
      </c>
      <c r="AF2028" s="7">
        <v>14.5823445253</v>
      </c>
      <c r="AG2028" s="9">
        <v>67361.849942899993</v>
      </c>
      <c r="AH2028" s="13"/>
      <c r="AI2028" s="9">
        <v>66736.265543200003</v>
      </c>
      <c r="AJ2028" s="13"/>
      <c r="AK2028" s="9">
        <v>-66735.265543200003</v>
      </c>
      <c r="AL2028" s="13">
        <v>-0.9999850156434158</v>
      </c>
      <c r="AM2028" s="9">
        <v>67360.849942899993</v>
      </c>
      <c r="AN2028" s="13">
        <v>67360.849942899993</v>
      </c>
      <c r="AO2028" s="9">
        <v>625.58439969999017</v>
      </c>
      <c r="AP2028" s="13">
        <v>9.3739797186438937E-3</v>
      </c>
      <c r="AQ2028" s="9">
        <v>0</v>
      </c>
      <c r="AR2028" s="9">
        <v>0</v>
      </c>
      <c r="AS2028" s="9">
        <v>0</v>
      </c>
      <c r="AT2028" s="9">
        <v>0</v>
      </c>
      <c r="AU2028" s="9">
        <v>23021.506042000001</v>
      </c>
      <c r="AV2028" s="9">
        <v>49732.553486099998</v>
      </c>
      <c r="AW2028" s="9">
        <v>66736.265543200003</v>
      </c>
      <c r="AX2028" s="9">
        <v>1</v>
      </c>
      <c r="AY2028" s="9">
        <v>1</v>
      </c>
      <c r="AZ2028" s="9">
        <v>1</v>
      </c>
      <c r="BA2028" s="9">
        <v>40555.964451</v>
      </c>
      <c r="BB2028" s="9">
        <v>66689.015194699998</v>
      </c>
      <c r="BC2028" s="9">
        <v>49297.175835000002</v>
      </c>
      <c r="BD2028" s="9">
        <v>69149.806733200006</v>
      </c>
      <c r="BE2028" s="9">
        <v>1</v>
      </c>
      <c r="BF2028" s="9">
        <v>67361.849942899993</v>
      </c>
      <c r="BG2028" s="11">
        <v>2.5</v>
      </c>
      <c r="BH2028" s="13" t="e">
        <v>#DIV/0!</v>
      </c>
      <c r="BI2028" s="6">
        <v>1</v>
      </c>
      <c r="BJ2028" s="13" t="e">
        <v>#DIV/0!</v>
      </c>
      <c r="BK2028" s="6">
        <v>0</v>
      </c>
      <c r="BL2028" s="13">
        <v>0</v>
      </c>
      <c r="BM2028" s="11">
        <v>1.5</v>
      </c>
      <c r="BN2028" s="13">
        <v>1.5</v>
      </c>
      <c r="BO2028" s="11">
        <v>1.5</v>
      </c>
      <c r="BP2028" s="13">
        <v>1.5</v>
      </c>
      <c r="BQ2028" s="6">
        <v>0</v>
      </c>
      <c r="BR2028" s="6">
        <v>1</v>
      </c>
      <c r="BS2028" s="6">
        <v>1</v>
      </c>
      <c r="BT2028" s="6">
        <v>1</v>
      </c>
      <c r="BU2028" s="6">
        <v>1</v>
      </c>
      <c r="BV2028" s="6">
        <v>1</v>
      </c>
      <c r="BW2028" s="6">
        <v>1</v>
      </c>
      <c r="BX2028" s="6">
        <v>1</v>
      </c>
      <c r="BY2028" s="6">
        <v>1</v>
      </c>
      <c r="BZ2028" s="6">
        <v>2</v>
      </c>
      <c r="CA2028" s="6">
        <v>2</v>
      </c>
      <c r="CB2028" s="6">
        <v>2</v>
      </c>
      <c r="CC2028" s="11">
        <v>2.5</v>
      </c>
      <c r="CD2028" s="11">
        <v>14.369300000000001</v>
      </c>
      <c r="CE2028" s="11">
        <v>0.10374800000000001</v>
      </c>
      <c r="CF2028" s="11">
        <v>0.10931200000000001</v>
      </c>
      <c r="CG2028" s="11">
        <v>0</v>
      </c>
      <c r="CH2028" s="20">
        <v>0</v>
      </c>
      <c r="CI2028" s="20">
        <v>0</v>
      </c>
      <c r="CJ2028" s="20">
        <v>0</v>
      </c>
      <c r="CK2028" s="20">
        <v>0</v>
      </c>
      <c r="CL2028" s="20">
        <v>0.27387299999999998</v>
      </c>
      <c r="CM2028" s="20">
        <v>0.22745699999999999</v>
      </c>
      <c r="CN2028" s="20">
        <v>0.152756</v>
      </c>
      <c r="CO2028" s="20">
        <v>2.4565400000000001E-2</v>
      </c>
      <c r="CP2028" s="20">
        <v>8.9944499999999997E-2</v>
      </c>
      <c r="CQ2028" s="20">
        <v>8.3946800000000002E-2</v>
      </c>
      <c r="CR2028" s="20">
        <v>0.14593999999999999</v>
      </c>
      <c r="CS2028" s="20">
        <v>0.11130900000000001</v>
      </c>
      <c r="CT2028" s="20">
        <v>0.13914399999999999</v>
      </c>
      <c r="CU2028" s="20">
        <v>0.106992</v>
      </c>
      <c r="CV2028" s="20">
        <v>0.101536</v>
      </c>
      <c r="CW2028" s="20">
        <v>0.185281</v>
      </c>
      <c r="CX2028" s="20">
        <v>0.19938600000000001</v>
      </c>
      <c r="CY2028" s="6" t="s">
        <v>702</v>
      </c>
      <c r="CZ2028" s="6" t="s">
        <v>703</v>
      </c>
      <c r="DA2028" s="6" t="s">
        <v>67</v>
      </c>
      <c r="DB2028" s="6" t="s">
        <v>345</v>
      </c>
      <c r="DC2028" s="6">
        <v>43460</v>
      </c>
      <c r="DD2028" s="6">
        <v>164</v>
      </c>
      <c r="DE2028" s="6" t="s">
        <v>705</v>
      </c>
      <c r="DF2028" s="6" t="s">
        <v>363</v>
      </c>
      <c r="DG2028" s="6" t="s">
        <v>364</v>
      </c>
      <c r="DH2028" s="6" t="s">
        <v>365</v>
      </c>
      <c r="DI2028" s="6" t="s">
        <v>413</v>
      </c>
      <c r="DJ2028" s="6">
        <v>29</v>
      </c>
      <c r="DK2028" s="6">
        <v>201</v>
      </c>
      <c r="DL2028" s="6">
        <v>5</v>
      </c>
      <c r="DM2028" s="6" t="s">
        <v>392</v>
      </c>
      <c r="DN2028" s="6">
        <v>4</v>
      </c>
      <c r="DO2028" s="6" t="s">
        <v>557</v>
      </c>
      <c r="DP2028" s="6"/>
      <c r="DQ2028" s="6"/>
    </row>
    <row r="2029" spans="1:121" x14ac:dyDescent="0.2">
      <c r="A2029" s="6" t="s">
        <v>311</v>
      </c>
      <c r="B2029" s="6" t="s">
        <v>311</v>
      </c>
      <c r="C2029" s="6" t="s">
        <v>174</v>
      </c>
      <c r="D2029" s="6" t="s">
        <v>67</v>
      </c>
      <c r="E2029" s="6" t="s">
        <v>208</v>
      </c>
      <c r="F2029" s="11">
        <v>-54</v>
      </c>
      <c r="G2029" s="13">
        <v>-0.58695652173900004</v>
      </c>
      <c r="H2029" s="11">
        <v>-48.001553000000001</v>
      </c>
      <c r="I2029" s="13">
        <v>-0.52213970977563917</v>
      </c>
      <c r="J2029" s="11">
        <v>-5.7336460000000002</v>
      </c>
      <c r="K2029" s="13">
        <v>-0.13051528265792323</v>
      </c>
      <c r="L2029" s="11">
        <v>-0.33322914530000247</v>
      </c>
      <c r="M2029" s="13">
        <v>-8.7239168746270322E-3</v>
      </c>
      <c r="N2029" s="11">
        <v>-6.0668751453000027</v>
      </c>
      <c r="O2029" s="13">
        <v>-0.13810059505577407</v>
      </c>
      <c r="P2029" s="7">
        <v>91.932393000000005</v>
      </c>
      <c r="Q2029" s="7">
        <v>94.852693000000002</v>
      </c>
      <c r="R2029" s="7">
        <v>62.480497</v>
      </c>
      <c r="S2029" s="7">
        <v>78.019255000000001</v>
      </c>
      <c r="T2029" s="7">
        <v>85.131690000000006</v>
      </c>
      <c r="U2029" s="7">
        <v>49.791603000000002</v>
      </c>
      <c r="V2029" s="7">
        <v>43.930840000000003</v>
      </c>
      <c r="W2029" s="7">
        <v>24.300388000000002</v>
      </c>
      <c r="X2029" s="7">
        <v>41.263862000000003</v>
      </c>
      <c r="Y2029" s="7">
        <v>38.197194000000003</v>
      </c>
      <c r="Z2029" s="7">
        <v>41.171343</v>
      </c>
      <c r="AA2029" s="7">
        <v>44.166083</v>
      </c>
      <c r="AB2029" s="7">
        <v>53.182848</v>
      </c>
      <c r="AC2029" s="7">
        <v>44.074906945499997</v>
      </c>
      <c r="AD2029" s="7">
        <v>43.304339584499999</v>
      </c>
      <c r="AE2029" s="7">
        <v>39.057201663299999</v>
      </c>
      <c r="AF2029" s="7">
        <v>37.863964854700001</v>
      </c>
      <c r="AG2029" s="9">
        <v>4792.9872579000003</v>
      </c>
      <c r="AH2029" s="13">
        <v>8.2081736521080639E-2</v>
      </c>
      <c r="AI2029" s="9">
        <v>868.56377649999922</v>
      </c>
      <c r="AJ2029" s="13">
        <v>1.4874486247990596E-2</v>
      </c>
      <c r="AK2029" s="9">
        <v>3143.9321448000046</v>
      </c>
      <c r="AL2029" s="13">
        <v>5.3051918153164485E-2</v>
      </c>
      <c r="AM2029" s="9">
        <v>780.49133659999643</v>
      </c>
      <c r="AN2029" s="13">
        <v>1.2506800722370669E-2</v>
      </c>
      <c r="AO2029" s="9">
        <v>3924.423481400001</v>
      </c>
      <c r="AP2029" s="13">
        <v>6.6222228643816314E-2</v>
      </c>
      <c r="AQ2029" s="9">
        <v>58392.858887299997</v>
      </c>
      <c r="AR2029" s="9">
        <v>70214.252438199997</v>
      </c>
      <c r="AS2029" s="9">
        <v>70568.418122599993</v>
      </c>
      <c r="AT2029" s="9">
        <v>66438.0447824</v>
      </c>
      <c r="AU2029" s="9">
        <v>68017.461091300007</v>
      </c>
      <c r="AV2029" s="9">
        <v>84658.673207800006</v>
      </c>
      <c r="AW2029" s="9">
        <v>59261.422663799996</v>
      </c>
      <c r="AX2029" s="9">
        <v>89731.128067199999</v>
      </c>
      <c r="AY2029" s="9">
        <v>67979.828050199998</v>
      </c>
      <c r="AZ2029" s="9">
        <v>62405.354808600001</v>
      </c>
      <c r="BA2029" s="9">
        <v>60617.895111999998</v>
      </c>
      <c r="BB2029" s="9">
        <v>54984.306314399997</v>
      </c>
      <c r="BC2029" s="9">
        <v>66257.123194500004</v>
      </c>
      <c r="BD2029" s="9">
        <v>109686.59984900001</v>
      </c>
      <c r="BE2029" s="9">
        <v>71663.310587300002</v>
      </c>
      <c r="BF2029" s="9">
        <v>63185.846145199997</v>
      </c>
      <c r="BG2029" s="11">
        <v>0</v>
      </c>
      <c r="BH2029" s="13">
        <v>0</v>
      </c>
      <c r="BI2029" s="6">
        <v>0</v>
      </c>
      <c r="BJ2029" s="13">
        <v>0</v>
      </c>
      <c r="BK2029" s="6">
        <v>0</v>
      </c>
      <c r="BL2029" s="13">
        <v>0</v>
      </c>
      <c r="BM2029" s="11">
        <v>0</v>
      </c>
      <c r="BN2029" s="13">
        <v>0</v>
      </c>
      <c r="BO2029" s="11">
        <v>0</v>
      </c>
      <c r="BP2029" s="13">
        <v>0</v>
      </c>
      <c r="BQ2029" s="6">
        <v>2</v>
      </c>
      <c r="BR2029" s="6">
        <v>2</v>
      </c>
      <c r="BS2029" s="6">
        <v>3</v>
      </c>
      <c r="BT2029" s="6">
        <v>2</v>
      </c>
      <c r="BU2029" s="6">
        <v>2</v>
      </c>
      <c r="BV2029" s="6">
        <v>2</v>
      </c>
      <c r="BW2029" s="6">
        <v>2</v>
      </c>
      <c r="BX2029" s="6">
        <v>2</v>
      </c>
      <c r="BY2029" s="6">
        <v>2</v>
      </c>
      <c r="BZ2029" s="6">
        <v>2</v>
      </c>
      <c r="CA2029" s="6">
        <v>2</v>
      </c>
      <c r="CB2029" s="6">
        <v>2</v>
      </c>
      <c r="CC2029" s="11">
        <v>2</v>
      </c>
      <c r="CD2029" s="11">
        <v>-49.147100000000002</v>
      </c>
      <c r="CE2029" s="11">
        <v>-14.970599999999999</v>
      </c>
      <c r="CF2029" s="11">
        <v>10.049300000000001</v>
      </c>
      <c r="CG2029" s="11">
        <v>-5</v>
      </c>
      <c r="CH2029" s="20">
        <v>1.3306899999999999</v>
      </c>
      <c r="CI2029" s="20">
        <v>1.3533200000000001</v>
      </c>
      <c r="CJ2029" s="20">
        <v>0.91860399999999998</v>
      </c>
      <c r="CK2029" s="20">
        <v>1.1745699999999999</v>
      </c>
      <c r="CL2029" s="20">
        <v>1.33717</v>
      </c>
      <c r="CM2029" s="20">
        <v>0.79455799999999999</v>
      </c>
      <c r="CN2029" s="20">
        <v>0.73372899999999996</v>
      </c>
      <c r="CO2029" s="20">
        <v>0.405497</v>
      </c>
      <c r="CP2029" s="20">
        <v>0.64556100000000005</v>
      </c>
      <c r="CQ2029" s="20">
        <v>0.62710500000000002</v>
      </c>
      <c r="CR2029" s="20">
        <v>0.64985300000000001</v>
      </c>
      <c r="CS2029" s="20">
        <v>0.68257299999999999</v>
      </c>
      <c r="CT2029" s="20">
        <v>0.85921199999999998</v>
      </c>
      <c r="CU2029" s="20">
        <v>0.711314</v>
      </c>
      <c r="CV2029" s="20">
        <v>0.68953799999999998</v>
      </c>
      <c r="CW2029" s="20">
        <v>0.63122199999999995</v>
      </c>
      <c r="CX2029" s="20">
        <v>0.60561799999999999</v>
      </c>
      <c r="CY2029" s="6" t="s">
        <v>702</v>
      </c>
      <c r="CZ2029" s="6" t="s">
        <v>703</v>
      </c>
      <c r="DA2029" s="6" t="s">
        <v>67</v>
      </c>
      <c r="DB2029" s="6" t="s">
        <v>345</v>
      </c>
      <c r="DC2029" s="6">
        <v>43460</v>
      </c>
      <c r="DD2029" s="6">
        <v>164</v>
      </c>
      <c r="DE2029" s="6" t="s">
        <v>705</v>
      </c>
      <c r="DF2029" s="6" t="s">
        <v>363</v>
      </c>
      <c r="DG2029" s="6" t="s">
        <v>364</v>
      </c>
      <c r="DH2029" s="6" t="s">
        <v>365</v>
      </c>
      <c r="DI2029" s="6" t="s">
        <v>413</v>
      </c>
      <c r="DJ2029" s="6">
        <v>29</v>
      </c>
      <c r="DK2029" s="6">
        <v>201</v>
      </c>
      <c r="DL2029" s="6">
        <v>5</v>
      </c>
      <c r="DM2029" s="6" t="s">
        <v>392</v>
      </c>
      <c r="DN2029" s="6">
        <v>4</v>
      </c>
      <c r="DO2029" s="6" t="s">
        <v>557</v>
      </c>
      <c r="DP2029" s="6"/>
      <c r="DQ2029" s="6"/>
    </row>
    <row r="2030" spans="1:121" x14ac:dyDescent="0.2">
      <c r="A2030" s="6" t="s">
        <v>312</v>
      </c>
      <c r="B2030" s="6" t="s">
        <v>312</v>
      </c>
      <c r="C2030" s="6" t="s">
        <v>175</v>
      </c>
      <c r="D2030" s="6" t="s">
        <v>67</v>
      </c>
      <c r="E2030" s="6" t="s">
        <v>208</v>
      </c>
      <c r="F2030" s="11">
        <v>-114</v>
      </c>
      <c r="G2030" s="13">
        <v>-0.11597151576799999</v>
      </c>
      <c r="H2030" s="11">
        <v>-35.747730462999925</v>
      </c>
      <c r="I2030" s="13">
        <v>-3.636719186654086E-2</v>
      </c>
      <c r="J2030" s="11">
        <v>-113.60442187500007</v>
      </c>
      <c r="K2030" s="13">
        <v>-0.11993472712081139</v>
      </c>
      <c r="L2030" s="11">
        <v>35.152203741999983</v>
      </c>
      <c r="M2030" s="13">
        <v>4.2168425742200942E-2</v>
      </c>
      <c r="N2030" s="11">
        <v>-78.452218133000088</v>
      </c>
      <c r="O2030" s="13">
        <v>-8.2823760013115519E-2</v>
      </c>
      <c r="P2030" s="7">
        <v>982.96647687799998</v>
      </c>
      <c r="Q2030" s="7">
        <v>975.23842600199998</v>
      </c>
      <c r="R2030" s="7">
        <v>984.31659893599999</v>
      </c>
      <c r="S2030" s="7">
        <v>1016.32903144</v>
      </c>
      <c r="T2030" s="7">
        <v>1014.72568372</v>
      </c>
      <c r="U2030" s="7">
        <v>979.99861518</v>
      </c>
      <c r="V2030" s="7">
        <v>947.21874641500006</v>
      </c>
      <c r="W2030" s="7">
        <v>941.29759773599994</v>
      </c>
      <c r="X2030" s="7">
        <v>909.00908681400006</v>
      </c>
      <c r="Y2030" s="7">
        <v>833.61432453999998</v>
      </c>
      <c r="Z2030" s="7">
        <v>838.130068521</v>
      </c>
      <c r="AA2030" s="7">
        <v>868.837232169</v>
      </c>
      <c r="AB2030" s="7">
        <v>874.729432653</v>
      </c>
      <c r="AC2030" s="7">
        <v>849.056557032</v>
      </c>
      <c r="AD2030" s="7">
        <v>889.39485166500003</v>
      </c>
      <c r="AE2030" s="7">
        <v>867.42065487800005</v>
      </c>
      <c r="AF2030" s="7">
        <v>868.76652828199997</v>
      </c>
      <c r="AG2030" s="9">
        <v>15240.526933999998</v>
      </c>
      <c r="AH2030" s="13">
        <v>0.51850018547449961</v>
      </c>
      <c r="AI2030" s="9">
        <v>5231.7730697999978</v>
      </c>
      <c r="AJ2030" s="13">
        <v>0.17799091322755389</v>
      </c>
      <c r="AK2030" s="9">
        <v>5446.3465216000041</v>
      </c>
      <c r="AL2030" s="13">
        <v>0.15729403833878708</v>
      </c>
      <c r="AM2030" s="9">
        <v>4562.4073425999959</v>
      </c>
      <c r="AN2030" s="13">
        <v>0.11385637028446718</v>
      </c>
      <c r="AO2030" s="9">
        <v>10008.7538642</v>
      </c>
      <c r="AP2030" s="13">
        <v>0.28905933689589436</v>
      </c>
      <c r="AQ2030" s="9">
        <v>29393.484054500001</v>
      </c>
      <c r="AR2030" s="9">
        <v>29091.4527189</v>
      </c>
      <c r="AS2030" s="9">
        <v>30741.214415499999</v>
      </c>
      <c r="AT2030" s="9">
        <v>30496.0101478</v>
      </c>
      <c r="AU2030" s="9">
        <v>31868.859708299999</v>
      </c>
      <c r="AV2030" s="9">
        <v>32488.3596985</v>
      </c>
      <c r="AW2030" s="9">
        <v>34625.257124299998</v>
      </c>
      <c r="AX2030" s="9">
        <v>37395.835112100001</v>
      </c>
      <c r="AY2030" s="9">
        <v>38047.893564899998</v>
      </c>
      <c r="AZ2030" s="9">
        <v>40071.603645900002</v>
      </c>
      <c r="BA2030" s="9">
        <v>39067.618672199998</v>
      </c>
      <c r="BB2030" s="9">
        <v>45253.691807700001</v>
      </c>
      <c r="BC2030" s="9">
        <v>42076.686988900001</v>
      </c>
      <c r="BD2030" s="9">
        <v>43764.272094300002</v>
      </c>
      <c r="BE2030" s="9">
        <v>45254.503592300003</v>
      </c>
      <c r="BF2030" s="9">
        <v>44634.010988499998</v>
      </c>
      <c r="BG2030" s="11">
        <v>-45.5</v>
      </c>
      <c r="BH2030" s="13">
        <v>-0.35826771653543305</v>
      </c>
      <c r="BI2030" s="6">
        <v>-13</v>
      </c>
      <c r="BJ2030" s="13">
        <v>-0.10236220472440945</v>
      </c>
      <c r="BK2030" s="6">
        <v>-17</v>
      </c>
      <c r="BL2030" s="13">
        <v>-0.14912280701754385</v>
      </c>
      <c r="BM2030" s="11">
        <v>-15.5</v>
      </c>
      <c r="BN2030" s="13">
        <v>-0.15979381443298968</v>
      </c>
      <c r="BO2030" s="11">
        <v>-32.5</v>
      </c>
      <c r="BP2030" s="13">
        <v>-0.28508771929824561</v>
      </c>
      <c r="BQ2030" s="6">
        <v>127</v>
      </c>
      <c r="BR2030" s="6">
        <v>121</v>
      </c>
      <c r="BS2030" s="6">
        <v>116</v>
      </c>
      <c r="BT2030" s="6">
        <v>114</v>
      </c>
      <c r="BU2030" s="6">
        <v>106</v>
      </c>
      <c r="BV2030" s="6">
        <v>103</v>
      </c>
      <c r="BW2030" s="6">
        <v>97</v>
      </c>
      <c r="BX2030" s="6">
        <v>95</v>
      </c>
      <c r="BY2030" s="6">
        <v>91</v>
      </c>
      <c r="BZ2030" s="6">
        <v>84</v>
      </c>
      <c r="CA2030" s="6">
        <v>81</v>
      </c>
      <c r="CB2030" s="6">
        <v>83</v>
      </c>
      <c r="CC2030" s="11">
        <v>81.5</v>
      </c>
      <c r="CD2030" s="11">
        <v>-102.58799999999999</v>
      </c>
      <c r="CE2030" s="11">
        <v>-119.062</v>
      </c>
      <c r="CF2030" s="11">
        <v>107.45</v>
      </c>
      <c r="CG2030" s="11">
        <v>-12</v>
      </c>
      <c r="CH2030" s="20">
        <v>0.98095100000000002</v>
      </c>
      <c r="CI2030" s="20">
        <v>0.95269099999999995</v>
      </c>
      <c r="CJ2030" s="20">
        <v>0.94687699999999997</v>
      </c>
      <c r="CK2030" s="20">
        <v>0.93864999999999998</v>
      </c>
      <c r="CL2030" s="20">
        <v>0.91157999999999995</v>
      </c>
      <c r="CM2030" s="20">
        <v>0.851831</v>
      </c>
      <c r="CN2030" s="20">
        <v>0.87334199999999995</v>
      </c>
      <c r="CO2030" s="20">
        <v>0.93058300000000005</v>
      </c>
      <c r="CP2030" s="20">
        <v>0.97185500000000002</v>
      </c>
      <c r="CQ2030" s="20">
        <v>1.0005999999999999</v>
      </c>
      <c r="CR2030" s="20">
        <v>0.97738000000000003</v>
      </c>
      <c r="CS2030" s="20">
        <v>0.98270299999999999</v>
      </c>
      <c r="CT2030" s="20">
        <v>1.0092099999999999</v>
      </c>
      <c r="CU2030" s="20">
        <v>0.94885600000000003</v>
      </c>
      <c r="CV2030" s="20">
        <v>0.95349399999999995</v>
      </c>
      <c r="CW2030" s="20">
        <v>0.92439099999999996</v>
      </c>
      <c r="CX2030" s="20">
        <v>0.91757999999999995</v>
      </c>
      <c r="CY2030" s="6" t="s">
        <v>702</v>
      </c>
      <c r="CZ2030" s="6" t="s">
        <v>703</v>
      </c>
      <c r="DA2030" s="6" t="s">
        <v>67</v>
      </c>
      <c r="DB2030" s="6" t="s">
        <v>345</v>
      </c>
      <c r="DC2030" s="6">
        <v>43460</v>
      </c>
      <c r="DD2030" s="6">
        <v>164</v>
      </c>
      <c r="DE2030" s="6" t="s">
        <v>705</v>
      </c>
      <c r="DF2030" s="6" t="s">
        <v>363</v>
      </c>
      <c r="DG2030" s="6" t="s">
        <v>364</v>
      </c>
      <c r="DH2030" s="6" t="s">
        <v>365</v>
      </c>
      <c r="DI2030" s="6" t="s">
        <v>413</v>
      </c>
      <c r="DJ2030" s="6">
        <v>29</v>
      </c>
      <c r="DK2030" s="6">
        <v>201</v>
      </c>
      <c r="DL2030" s="6">
        <v>5</v>
      </c>
      <c r="DM2030" s="6" t="s">
        <v>392</v>
      </c>
      <c r="DN2030" s="6">
        <v>4</v>
      </c>
      <c r="DO2030" s="6" t="s">
        <v>557</v>
      </c>
      <c r="DP2030" s="6"/>
      <c r="DQ2030" s="6"/>
    </row>
    <row r="2031" spans="1:121" x14ac:dyDescent="0.2">
      <c r="A2031" s="6" t="s">
        <v>792</v>
      </c>
      <c r="B2031" s="6" t="s">
        <v>176</v>
      </c>
      <c r="C2031" s="6" t="s">
        <v>177</v>
      </c>
      <c r="D2031" s="6" t="s">
        <v>67</v>
      </c>
      <c r="E2031" s="6" t="s">
        <v>208</v>
      </c>
      <c r="F2031" s="11">
        <v>597</v>
      </c>
      <c r="G2031" s="13">
        <v>0.33277591973199999</v>
      </c>
      <c r="H2031" s="11">
        <v>278.73533130999976</v>
      </c>
      <c r="I2031" s="13">
        <v>0.15536141083482083</v>
      </c>
      <c r="J2031" s="11">
        <v>-353.17817841999977</v>
      </c>
      <c r="K2031" s="13">
        <v>-0.17038334461712515</v>
      </c>
      <c r="L2031" s="11">
        <v>671.4081529</v>
      </c>
      <c r="M2031" s="13">
        <v>0.39042932067823011</v>
      </c>
      <c r="N2031" s="11">
        <v>318.22997448000024</v>
      </c>
      <c r="O2031" s="13">
        <v>0.15352332256735601</v>
      </c>
      <c r="P2031" s="7">
        <v>1794.1091665700001</v>
      </c>
      <c r="Q2031" s="7">
        <v>2002.55428904</v>
      </c>
      <c r="R2031" s="7">
        <v>1702.29552749</v>
      </c>
      <c r="S2031" s="7">
        <v>1615.88274404</v>
      </c>
      <c r="T2031" s="7">
        <v>1699.39491681</v>
      </c>
      <c r="U2031" s="7">
        <v>1735.493485</v>
      </c>
      <c r="V2031" s="7">
        <v>2072.8444978799998</v>
      </c>
      <c r="W2031" s="7">
        <v>1750.2401132800001</v>
      </c>
      <c r="X2031" s="7">
        <v>1855.0428749800001</v>
      </c>
      <c r="Y2031" s="7">
        <v>1719.6663194600001</v>
      </c>
      <c r="Z2031" s="7">
        <v>2301.2544593600001</v>
      </c>
      <c r="AA2031" s="7">
        <v>2446.8096980300002</v>
      </c>
      <c r="AB2031" s="7">
        <v>2472.7052800500001</v>
      </c>
      <c r="AC2031" s="7">
        <v>2184.4330799099998</v>
      </c>
      <c r="AD2031" s="7">
        <v>2290.3299496599998</v>
      </c>
      <c r="AE2031" s="7">
        <v>2327.0995453099999</v>
      </c>
      <c r="AF2031" s="7">
        <v>2391.0744723600001</v>
      </c>
      <c r="AG2031" s="9">
        <v>25234.771969999998</v>
      </c>
      <c r="AH2031" s="13">
        <v>0.80606910286696787</v>
      </c>
      <c r="AI2031" s="9">
        <v>9704.0504923000008</v>
      </c>
      <c r="AJ2031" s="13">
        <v>0.30997447822406538</v>
      </c>
      <c r="AK2031" s="9">
        <v>10265.5247762</v>
      </c>
      <c r="AL2031" s="13">
        <v>0.25031749902090145</v>
      </c>
      <c r="AM2031" s="9">
        <v>5265.1967014999973</v>
      </c>
      <c r="AN2031" s="13">
        <v>0.10268437086952212</v>
      </c>
      <c r="AO2031" s="9">
        <v>15530.721477699997</v>
      </c>
      <c r="AP2031" s="13">
        <v>0.3787055647950171</v>
      </c>
      <c r="AQ2031" s="9">
        <v>31305.966052100001</v>
      </c>
      <c r="AR2031" s="9">
        <v>29896.8997175</v>
      </c>
      <c r="AS2031" s="9">
        <v>33076.389346000004</v>
      </c>
      <c r="AT2031" s="9">
        <v>33609.930751699998</v>
      </c>
      <c r="AU2031" s="9">
        <v>36506.188548700004</v>
      </c>
      <c r="AV2031" s="9">
        <v>37796.196048999998</v>
      </c>
      <c r="AW2031" s="9">
        <v>41010.016544400001</v>
      </c>
      <c r="AX2031" s="9">
        <v>43233.443868100003</v>
      </c>
      <c r="AY2031" s="9">
        <v>45774.370159500002</v>
      </c>
      <c r="AZ2031" s="9">
        <v>51275.541320600001</v>
      </c>
      <c r="BA2031" s="9">
        <v>45522.295730400001</v>
      </c>
      <c r="BB2031" s="9">
        <v>47030.467795899996</v>
      </c>
      <c r="BC2031" s="9">
        <v>49579.516445599998</v>
      </c>
      <c r="BD2031" s="9">
        <v>51743.806556900003</v>
      </c>
      <c r="BE2031" s="9">
        <v>54881.384598700002</v>
      </c>
      <c r="BF2031" s="9">
        <v>56540.738022099998</v>
      </c>
      <c r="BG2031" s="11">
        <v>-10</v>
      </c>
      <c r="BH2031" s="13">
        <v>-0.14705882352941177</v>
      </c>
      <c r="BI2031" s="6">
        <v>3</v>
      </c>
      <c r="BJ2031" s="13">
        <v>4.4117647058823532E-2</v>
      </c>
      <c r="BK2031" s="6">
        <v>-17</v>
      </c>
      <c r="BL2031" s="13">
        <v>-0.23943661971830985</v>
      </c>
      <c r="BM2031" s="11">
        <v>4</v>
      </c>
      <c r="BN2031" s="13">
        <v>7.407407407407407E-2</v>
      </c>
      <c r="BO2031" s="11">
        <v>-13</v>
      </c>
      <c r="BP2031" s="13">
        <v>-0.18309859154929578</v>
      </c>
      <c r="BQ2031" s="6">
        <v>68</v>
      </c>
      <c r="BR2031" s="6">
        <v>68</v>
      </c>
      <c r="BS2031" s="6">
        <v>70</v>
      </c>
      <c r="BT2031" s="6">
        <v>71</v>
      </c>
      <c r="BU2031" s="6">
        <v>70</v>
      </c>
      <c r="BV2031" s="6">
        <v>59</v>
      </c>
      <c r="BW2031" s="6">
        <v>54</v>
      </c>
      <c r="BX2031" s="6">
        <v>59</v>
      </c>
      <c r="BY2031" s="6">
        <v>59</v>
      </c>
      <c r="BZ2031" s="6">
        <v>57</v>
      </c>
      <c r="CA2031" s="6">
        <v>58</v>
      </c>
      <c r="CB2031" s="6">
        <v>59</v>
      </c>
      <c r="CC2031" s="11">
        <v>58</v>
      </c>
      <c r="CD2031" s="11">
        <v>1034.1300000000001</v>
      </c>
      <c r="CE2031" s="11">
        <v>-633.28099999999995</v>
      </c>
      <c r="CF2031" s="11">
        <v>196.11799999999999</v>
      </c>
      <c r="CG2031" s="11">
        <v>-437</v>
      </c>
      <c r="CH2031" s="20">
        <v>0.93521799999999999</v>
      </c>
      <c r="CI2031" s="20">
        <v>1.09198</v>
      </c>
      <c r="CJ2031" s="20">
        <v>0.97710699999999995</v>
      </c>
      <c r="CK2031" s="20">
        <v>0.94317700000000004</v>
      </c>
      <c r="CL2031" s="20">
        <v>1.0159899999999999</v>
      </c>
      <c r="CM2031" s="20">
        <v>1.05227</v>
      </c>
      <c r="CN2031" s="20">
        <v>1.3496900000000001</v>
      </c>
      <c r="CO2031" s="20">
        <v>1.19556</v>
      </c>
      <c r="CP2031" s="20">
        <v>1.3501300000000001</v>
      </c>
      <c r="CQ2031" s="20">
        <v>1.3292900000000001</v>
      </c>
      <c r="CR2031" s="20">
        <v>1.6767399999999999</v>
      </c>
      <c r="CS2031" s="20">
        <v>1.71675</v>
      </c>
      <c r="CT2031" s="20">
        <v>1.79758</v>
      </c>
      <c r="CU2031" s="20">
        <v>1.57589</v>
      </c>
      <c r="CV2031" s="20">
        <v>1.6294599999999999</v>
      </c>
      <c r="CW2031" s="20">
        <v>1.6816500000000001</v>
      </c>
      <c r="CX2031" s="20">
        <v>1.7235100000000001</v>
      </c>
      <c r="CY2031" s="6" t="s">
        <v>702</v>
      </c>
      <c r="CZ2031" s="6" t="s">
        <v>703</v>
      </c>
      <c r="DA2031" s="6" t="s">
        <v>67</v>
      </c>
      <c r="DB2031" s="6" t="s">
        <v>345</v>
      </c>
      <c r="DC2031" s="6">
        <v>43460</v>
      </c>
      <c r="DD2031" s="6">
        <v>164</v>
      </c>
      <c r="DE2031" s="6" t="s">
        <v>705</v>
      </c>
      <c r="DF2031" s="6" t="s">
        <v>363</v>
      </c>
      <c r="DG2031" s="6" t="s">
        <v>364</v>
      </c>
      <c r="DH2031" s="6" t="s">
        <v>365</v>
      </c>
      <c r="DI2031" s="6" t="s">
        <v>413</v>
      </c>
      <c r="DJ2031" s="6">
        <v>29</v>
      </c>
      <c r="DK2031" s="6">
        <v>201</v>
      </c>
      <c r="DL2031" s="6">
        <v>5</v>
      </c>
      <c r="DM2031" s="6" t="s">
        <v>392</v>
      </c>
      <c r="DN2031" s="6">
        <v>4</v>
      </c>
      <c r="DO2031" s="6" t="s">
        <v>557</v>
      </c>
      <c r="DP2031" s="6"/>
      <c r="DQ2031" s="6"/>
    </row>
    <row r="2032" spans="1:121" x14ac:dyDescent="0.2">
      <c r="A2032" s="6" t="s">
        <v>313</v>
      </c>
      <c r="B2032" s="6" t="s">
        <v>313</v>
      </c>
      <c r="C2032" s="6" t="s">
        <v>178</v>
      </c>
      <c r="D2032" s="6" t="s">
        <v>67</v>
      </c>
      <c r="E2032" s="6" t="s">
        <v>208</v>
      </c>
      <c r="F2032" s="11">
        <v>-222</v>
      </c>
      <c r="G2032" s="13">
        <v>-0.23343848580400001</v>
      </c>
      <c r="H2032" s="11">
        <v>-174.34434227099996</v>
      </c>
      <c r="I2032" s="13">
        <v>-0.18333823575210548</v>
      </c>
      <c r="J2032" s="11">
        <v>-98.583650065000029</v>
      </c>
      <c r="K2032" s="13">
        <v>-0.12694273783486229</v>
      </c>
      <c r="L2032" s="11">
        <v>50.981792799999994</v>
      </c>
      <c r="M2032" s="13">
        <v>7.5192641406324368E-2</v>
      </c>
      <c r="N2032" s="11">
        <v>-47.601857265000035</v>
      </c>
      <c r="O2032" s="13">
        <v>-6.1295256193691763E-2</v>
      </c>
      <c r="P2032" s="7">
        <v>950.94371098199997</v>
      </c>
      <c r="Q2032" s="7">
        <v>968.94242653699996</v>
      </c>
      <c r="R2032" s="7">
        <v>963.98486519100004</v>
      </c>
      <c r="S2032" s="7">
        <v>937.33204655999998</v>
      </c>
      <c r="T2032" s="7">
        <v>926.370717388</v>
      </c>
      <c r="U2032" s="7">
        <v>963.79882461199998</v>
      </c>
      <c r="V2032" s="7">
        <v>776.59936871100001</v>
      </c>
      <c r="W2032" s="7">
        <v>741.30640577600002</v>
      </c>
      <c r="X2032" s="7">
        <v>669.08757677100004</v>
      </c>
      <c r="Y2032" s="7">
        <v>678.01571864599998</v>
      </c>
      <c r="Z2032" s="7">
        <v>708.11883437200004</v>
      </c>
      <c r="AA2032" s="7">
        <v>791.39166491000003</v>
      </c>
      <c r="AB2032" s="7">
        <v>784.91778386399994</v>
      </c>
      <c r="AC2032" s="7">
        <v>845.35472832300002</v>
      </c>
      <c r="AD2032" s="7">
        <v>823.96608851200006</v>
      </c>
      <c r="AE2032" s="7">
        <v>727.67946387799998</v>
      </c>
      <c r="AF2032" s="7">
        <v>728.99751144599998</v>
      </c>
      <c r="AG2032" s="9">
        <v>19369.903242500004</v>
      </c>
      <c r="AH2032" s="13">
        <v>0.58743296425836133</v>
      </c>
      <c r="AI2032" s="9">
        <v>11567.762834300003</v>
      </c>
      <c r="AJ2032" s="13">
        <v>0.35081668331108873</v>
      </c>
      <c r="AK2032" s="9">
        <v>-1995.1032798000015</v>
      </c>
      <c r="AL2032" s="13">
        <v>-4.4791935502810021E-2</v>
      </c>
      <c r="AM2032" s="9">
        <v>9797.2436880000023</v>
      </c>
      <c r="AN2032" s="13">
        <v>0.23027159894567784</v>
      </c>
      <c r="AO2032" s="9">
        <v>7802.1404082000008</v>
      </c>
      <c r="AP2032" s="13">
        <v>0.17516535283476409</v>
      </c>
      <c r="AQ2032" s="9">
        <v>32973.810495899997</v>
      </c>
      <c r="AR2032" s="9">
        <v>33747.725987899998</v>
      </c>
      <c r="AS2032" s="9">
        <v>34535.349479299999</v>
      </c>
      <c r="AT2032" s="9">
        <v>37004.388906799999</v>
      </c>
      <c r="AU2032" s="9">
        <v>40289.842467100003</v>
      </c>
      <c r="AV2032" s="9">
        <v>41505.843164600003</v>
      </c>
      <c r="AW2032" s="9">
        <v>44541.573330200001</v>
      </c>
      <c r="AX2032" s="9">
        <v>42278.843916099999</v>
      </c>
      <c r="AY2032" s="9">
        <v>44108.540542100003</v>
      </c>
      <c r="AZ2032" s="9">
        <v>42546.470050399999</v>
      </c>
      <c r="BA2032" s="9">
        <v>44272.239192200002</v>
      </c>
      <c r="BB2032" s="9">
        <v>46117.446810300004</v>
      </c>
      <c r="BC2032" s="9">
        <v>47010.0553076</v>
      </c>
      <c r="BD2032" s="9">
        <v>48030.6099464</v>
      </c>
      <c r="BE2032" s="9">
        <v>49171.4296225</v>
      </c>
      <c r="BF2032" s="9">
        <v>52343.713738400002</v>
      </c>
      <c r="BG2032" s="11">
        <v>-6.75</v>
      </c>
      <c r="BH2032" s="13">
        <v>-8.1325301204819275E-2</v>
      </c>
      <c r="BI2032" s="6">
        <v>1</v>
      </c>
      <c r="BJ2032" s="13">
        <v>1.2048192771084338E-2</v>
      </c>
      <c r="BK2032" s="6">
        <v>-11</v>
      </c>
      <c r="BL2032" s="13">
        <v>-0.13095238095238096</v>
      </c>
      <c r="BM2032" s="11">
        <v>3.25</v>
      </c>
      <c r="BN2032" s="13">
        <v>4.4520547945205477E-2</v>
      </c>
      <c r="BO2032" s="11">
        <v>-7.75</v>
      </c>
      <c r="BP2032" s="13">
        <v>-9.2261904761904767E-2</v>
      </c>
      <c r="BQ2032" s="6">
        <v>83</v>
      </c>
      <c r="BR2032" s="6">
        <v>88</v>
      </c>
      <c r="BS2032" s="6">
        <v>89</v>
      </c>
      <c r="BT2032" s="6">
        <v>84</v>
      </c>
      <c r="BU2032" s="6">
        <v>83</v>
      </c>
      <c r="BV2032" s="6">
        <v>78</v>
      </c>
      <c r="BW2032" s="6">
        <v>73</v>
      </c>
      <c r="BX2032" s="6">
        <v>77</v>
      </c>
      <c r="BY2032" s="6">
        <v>82</v>
      </c>
      <c r="BZ2032" s="6">
        <v>82</v>
      </c>
      <c r="CA2032" s="6">
        <v>83</v>
      </c>
      <c r="CB2032" s="6">
        <v>81</v>
      </c>
      <c r="CC2032" s="11">
        <v>76.25</v>
      </c>
      <c r="CD2032" s="11">
        <v>-248.13900000000001</v>
      </c>
      <c r="CE2032" s="11">
        <v>-77.756299999999996</v>
      </c>
      <c r="CF2032" s="11">
        <v>103.95</v>
      </c>
      <c r="CG2032" s="11">
        <v>26</v>
      </c>
      <c r="CH2032" s="20">
        <v>1.39211</v>
      </c>
      <c r="CI2032" s="20">
        <v>1.40927</v>
      </c>
      <c r="CJ2032" s="20">
        <v>1.41079</v>
      </c>
      <c r="CK2032" s="20">
        <v>1.36195</v>
      </c>
      <c r="CL2032" s="20">
        <v>1.34598</v>
      </c>
      <c r="CM2032" s="20">
        <v>1.3817999999999999</v>
      </c>
      <c r="CN2032" s="20">
        <v>1.1533599999999999</v>
      </c>
      <c r="CO2032" s="20">
        <v>1.1253899999999999</v>
      </c>
      <c r="CP2032" s="20">
        <v>1.0230600000000001</v>
      </c>
      <c r="CQ2032" s="20">
        <v>1.09009</v>
      </c>
      <c r="CR2032" s="20">
        <v>1.0778399999999999</v>
      </c>
      <c r="CS2032" s="20">
        <v>1.1586099999999999</v>
      </c>
      <c r="CT2032" s="20">
        <v>1.18388</v>
      </c>
      <c r="CU2032" s="20">
        <v>1.2668900000000001</v>
      </c>
      <c r="CV2032" s="20">
        <v>1.2185699999999999</v>
      </c>
      <c r="CW2032" s="20">
        <v>1.0959099999999999</v>
      </c>
      <c r="CX2032" s="20">
        <v>1.0862099999999999</v>
      </c>
      <c r="CY2032" s="6" t="s">
        <v>702</v>
      </c>
      <c r="CZ2032" s="6" t="s">
        <v>703</v>
      </c>
      <c r="DA2032" s="6" t="s">
        <v>67</v>
      </c>
      <c r="DB2032" s="6" t="s">
        <v>345</v>
      </c>
      <c r="DC2032" s="6">
        <v>43460</v>
      </c>
      <c r="DD2032" s="6">
        <v>164</v>
      </c>
      <c r="DE2032" s="6" t="s">
        <v>705</v>
      </c>
      <c r="DF2032" s="6" t="s">
        <v>363</v>
      </c>
      <c r="DG2032" s="6" t="s">
        <v>364</v>
      </c>
      <c r="DH2032" s="6" t="s">
        <v>365</v>
      </c>
      <c r="DI2032" s="6" t="s">
        <v>413</v>
      </c>
      <c r="DJ2032" s="6">
        <v>29</v>
      </c>
      <c r="DK2032" s="6">
        <v>201</v>
      </c>
      <c r="DL2032" s="6">
        <v>5</v>
      </c>
      <c r="DM2032" s="6" t="s">
        <v>392</v>
      </c>
      <c r="DN2032" s="6">
        <v>4</v>
      </c>
      <c r="DO2032" s="6" t="s">
        <v>557</v>
      </c>
      <c r="DP2032" s="6"/>
      <c r="DQ2032" s="6"/>
    </row>
    <row r="2033" spans="1:121" x14ac:dyDescent="0.2">
      <c r="A2033" s="6" t="s">
        <v>793</v>
      </c>
      <c r="B2033" s="6" t="s">
        <v>179</v>
      </c>
      <c r="C2033" s="6" t="s">
        <v>180</v>
      </c>
      <c r="D2033" s="6" t="s">
        <v>67</v>
      </c>
      <c r="E2033" s="6" t="s">
        <v>208</v>
      </c>
      <c r="F2033" s="11">
        <v>-874</v>
      </c>
      <c r="G2033" s="13">
        <v>-0.39</v>
      </c>
      <c r="H2033" s="11">
        <v>-619</v>
      </c>
      <c r="I2033" s="13">
        <v>-0.27316857899382169</v>
      </c>
      <c r="J2033" s="11">
        <v>-331</v>
      </c>
      <c r="K2033" s="13">
        <v>-0.20097146326654525</v>
      </c>
      <c r="L2033" s="11">
        <v>76</v>
      </c>
      <c r="M2033" s="13">
        <v>5.7750759878419454E-2</v>
      </c>
      <c r="N2033" s="11">
        <v>-255</v>
      </c>
      <c r="O2033" s="13">
        <v>-0.15482695810564662</v>
      </c>
      <c r="P2033" s="7">
        <v>2266</v>
      </c>
      <c r="Q2033" s="7">
        <v>2377</v>
      </c>
      <c r="R2033" s="7">
        <v>2314</v>
      </c>
      <c r="S2033" s="7">
        <v>2301</v>
      </c>
      <c r="T2033" s="7">
        <v>2289</v>
      </c>
      <c r="U2033" s="7">
        <v>2280</v>
      </c>
      <c r="V2033" s="7">
        <v>1647</v>
      </c>
      <c r="W2033" s="7">
        <v>1657</v>
      </c>
      <c r="X2033" s="7">
        <v>1518</v>
      </c>
      <c r="Y2033" s="7">
        <v>1316</v>
      </c>
      <c r="Z2033" s="7">
        <v>1415</v>
      </c>
      <c r="AA2033" s="7">
        <v>1453</v>
      </c>
      <c r="AB2033" s="7">
        <v>1358</v>
      </c>
      <c r="AC2033" s="7">
        <v>1357</v>
      </c>
      <c r="AD2033" s="7">
        <v>1422</v>
      </c>
      <c r="AE2033" s="7">
        <v>1409</v>
      </c>
      <c r="AF2033" s="7">
        <v>1392</v>
      </c>
      <c r="AG2033" s="9">
        <v>8450</v>
      </c>
      <c r="AH2033" s="13">
        <v>0.44336009234482399</v>
      </c>
      <c r="AI2033" s="9">
        <v>4156</v>
      </c>
      <c r="AJ2033" s="13">
        <v>0.2180597093236791</v>
      </c>
      <c r="AK2033" s="9">
        <v>1457</v>
      </c>
      <c r="AL2033" s="13">
        <v>6.2761145810898131E-2</v>
      </c>
      <c r="AM2033" s="9">
        <v>2837</v>
      </c>
      <c r="AN2033" s="13">
        <v>0.11498865110246433</v>
      </c>
      <c r="AO2033" s="9">
        <v>4294</v>
      </c>
      <c r="AP2033" s="13">
        <v>0.1849666164118027</v>
      </c>
      <c r="AQ2033" s="9">
        <v>19059</v>
      </c>
      <c r="AR2033" s="9">
        <v>19254</v>
      </c>
      <c r="AS2033" s="9">
        <v>20329</v>
      </c>
      <c r="AT2033" s="9">
        <v>21374</v>
      </c>
      <c r="AU2033" s="9">
        <v>21462</v>
      </c>
      <c r="AV2033" s="9">
        <v>22117</v>
      </c>
      <c r="AW2033" s="9">
        <v>23215</v>
      </c>
      <c r="AX2033" s="9">
        <v>24405</v>
      </c>
      <c r="AY2033" s="9">
        <v>24275</v>
      </c>
      <c r="AZ2033" s="9">
        <v>24672</v>
      </c>
      <c r="BA2033" s="9">
        <v>24855</v>
      </c>
      <c r="BB2033" s="9">
        <v>25247</v>
      </c>
      <c r="BC2033" s="9">
        <v>26541</v>
      </c>
      <c r="BD2033" s="9">
        <v>27163</v>
      </c>
      <c r="BE2033" s="9">
        <v>27262</v>
      </c>
      <c r="BF2033" s="9">
        <v>27509</v>
      </c>
      <c r="BG2033" s="11">
        <v>-49</v>
      </c>
      <c r="BH2033" s="13">
        <v>-0.24873096446700507</v>
      </c>
      <c r="BI2033" s="6">
        <v>-5</v>
      </c>
      <c r="BJ2033" s="13">
        <v>-2.5380710659898477E-2</v>
      </c>
      <c r="BK2033" s="6">
        <v>-33</v>
      </c>
      <c r="BL2033" s="13">
        <v>-0.171875</v>
      </c>
      <c r="BM2033" s="11">
        <v>-11</v>
      </c>
      <c r="BN2033" s="13">
        <v>-6.9182389937106917E-2</v>
      </c>
      <c r="BO2033" s="11">
        <v>-44</v>
      </c>
      <c r="BP2033" s="13">
        <v>-0.22916666666666666</v>
      </c>
      <c r="BQ2033" s="6">
        <v>197</v>
      </c>
      <c r="BR2033" s="6">
        <v>201</v>
      </c>
      <c r="BS2033" s="6">
        <v>199</v>
      </c>
      <c r="BT2033" s="6">
        <v>192</v>
      </c>
      <c r="BU2033" s="6">
        <v>192</v>
      </c>
      <c r="BV2033" s="6">
        <v>175</v>
      </c>
      <c r="BW2033" s="6">
        <v>159</v>
      </c>
      <c r="BX2033" s="6">
        <v>157</v>
      </c>
      <c r="BY2033" s="6">
        <v>160</v>
      </c>
      <c r="BZ2033" s="6">
        <v>151</v>
      </c>
      <c r="CA2033" s="6">
        <v>153</v>
      </c>
      <c r="CB2033" s="6">
        <v>151</v>
      </c>
      <c r="CC2033" s="11">
        <v>148</v>
      </c>
      <c r="CD2033" s="11">
        <v>-976</v>
      </c>
      <c r="CE2033" s="11">
        <v>-145</v>
      </c>
      <c r="CF2033" s="11">
        <v>248</v>
      </c>
      <c r="CG2033" s="11">
        <v>103</v>
      </c>
      <c r="CH2033" s="20">
        <v>1.24</v>
      </c>
      <c r="CI2033" s="20">
        <v>1.27</v>
      </c>
      <c r="CJ2033" s="20">
        <v>1.25</v>
      </c>
      <c r="CK2033" s="20">
        <v>1.23</v>
      </c>
      <c r="CL2033" s="20">
        <v>1.23</v>
      </c>
      <c r="CM2033" s="20">
        <v>1.23</v>
      </c>
      <c r="CN2033" s="20">
        <v>0.93</v>
      </c>
      <c r="CO2033" s="20">
        <v>0.96</v>
      </c>
      <c r="CP2033" s="20">
        <v>0.87</v>
      </c>
      <c r="CQ2033" s="20">
        <v>0.79</v>
      </c>
      <c r="CR2033" s="20">
        <v>0.8</v>
      </c>
      <c r="CS2033" s="20">
        <v>0.8</v>
      </c>
      <c r="CT2033" s="20">
        <v>0.77</v>
      </c>
      <c r="CU2033" s="20">
        <v>0.76</v>
      </c>
      <c r="CV2033" s="20">
        <v>0.78</v>
      </c>
      <c r="CW2033" s="20">
        <v>0.78</v>
      </c>
      <c r="CX2033" s="20">
        <v>0.76</v>
      </c>
      <c r="CY2033" s="6" t="s">
        <v>702</v>
      </c>
      <c r="CZ2033" s="6" t="s">
        <v>703</v>
      </c>
      <c r="DA2033" s="6" t="s">
        <v>67</v>
      </c>
      <c r="DB2033" s="6" t="s">
        <v>345</v>
      </c>
      <c r="DC2033" s="6">
        <v>43460</v>
      </c>
      <c r="DD2033" s="6">
        <v>164</v>
      </c>
      <c r="DE2033" s="6" t="s">
        <v>705</v>
      </c>
      <c r="DF2033" s="6" t="s">
        <v>363</v>
      </c>
      <c r="DG2033" s="6" t="s">
        <v>364</v>
      </c>
      <c r="DH2033" s="6" t="s">
        <v>365</v>
      </c>
      <c r="DI2033" s="6" t="s">
        <v>413</v>
      </c>
      <c r="DJ2033" s="6">
        <v>29</v>
      </c>
      <c r="DK2033" s="6">
        <v>201</v>
      </c>
      <c r="DL2033" s="6">
        <v>5</v>
      </c>
      <c r="DM2033" s="6" t="s">
        <v>392</v>
      </c>
      <c r="DN2033" s="6">
        <v>4</v>
      </c>
      <c r="DO2033" s="6" t="s">
        <v>557</v>
      </c>
      <c r="DP2033" s="6"/>
      <c r="DQ2033" s="6"/>
    </row>
    <row r="2034" spans="1:121" x14ac:dyDescent="0.2">
      <c r="A2034" s="6" t="s">
        <v>794</v>
      </c>
      <c r="B2034" s="6" t="s">
        <v>181</v>
      </c>
      <c r="C2034" s="6" t="s">
        <v>182</v>
      </c>
      <c r="D2034" s="6" t="s">
        <v>67</v>
      </c>
      <c r="E2034" s="6" t="s">
        <v>208</v>
      </c>
      <c r="F2034" s="11">
        <v>316</v>
      </c>
      <c r="G2034" s="13">
        <v>0.31568431568400002</v>
      </c>
      <c r="H2034" s="11">
        <v>-35.401546068000016</v>
      </c>
      <c r="I2034" s="13">
        <v>-3.537387101402821E-2</v>
      </c>
      <c r="J2034" s="11">
        <v>164.93771451800001</v>
      </c>
      <c r="K2034" s="13">
        <v>0.17085248885034174</v>
      </c>
      <c r="L2034" s="11">
        <v>186.73854839000001</v>
      </c>
      <c r="M2034" s="13">
        <v>0.16520878311099216</v>
      </c>
      <c r="N2034" s="11">
        <v>351.67626290800001</v>
      </c>
      <c r="O2034" s="13">
        <v>0.36428760373578323</v>
      </c>
      <c r="P2034" s="7">
        <v>1000.78235865</v>
      </c>
      <c r="Q2034" s="7">
        <v>1023.31107558</v>
      </c>
      <c r="R2034" s="7">
        <v>1033.2503110499999</v>
      </c>
      <c r="S2034" s="7">
        <v>1036.3443496</v>
      </c>
      <c r="T2034" s="7">
        <v>1032.7031994199999</v>
      </c>
      <c r="U2034" s="7">
        <v>1112.77921315</v>
      </c>
      <c r="V2034" s="7">
        <v>965.38081258199998</v>
      </c>
      <c r="W2034" s="7">
        <v>963.81730777999996</v>
      </c>
      <c r="X2034" s="7">
        <v>1129.8181351999999</v>
      </c>
      <c r="Y2034" s="7">
        <v>1130.3185271</v>
      </c>
      <c r="Z2034" s="7">
        <v>1135.7493862700001</v>
      </c>
      <c r="AA2034" s="7">
        <v>1199.3027747399999</v>
      </c>
      <c r="AB2034" s="7">
        <v>1032.8299376499999</v>
      </c>
      <c r="AC2034" s="7">
        <v>1133.52520852</v>
      </c>
      <c r="AD2034" s="7">
        <v>1227.1528060200001</v>
      </c>
      <c r="AE2034" s="7">
        <v>1286.3398251000001</v>
      </c>
      <c r="AF2034" s="7">
        <v>1317.05707549</v>
      </c>
      <c r="AG2034" s="9">
        <v>20317.241007000004</v>
      </c>
      <c r="AH2034" s="13">
        <v>0.58472569695036858</v>
      </c>
      <c r="AI2034" s="9">
        <v>8887.3661330000032</v>
      </c>
      <c r="AJ2034" s="13">
        <v>0.25577642921010257</v>
      </c>
      <c r="AK2034" s="9">
        <v>1303.9430839999986</v>
      </c>
      <c r="AL2034" s="13">
        <v>2.9883657893098416E-2</v>
      </c>
      <c r="AM2034" s="9">
        <v>10125.931790000002</v>
      </c>
      <c r="AN2034" s="13">
        <v>0.22533152269093451</v>
      </c>
      <c r="AO2034" s="9">
        <v>11429.874874000001</v>
      </c>
      <c r="AP2034" s="13">
        <v>0.26194891072065973</v>
      </c>
      <c r="AQ2034" s="9">
        <v>34746.618992399999</v>
      </c>
      <c r="AR2034" s="9">
        <v>34685.2567452</v>
      </c>
      <c r="AS2034" s="9">
        <v>37364.710399099997</v>
      </c>
      <c r="AT2034" s="9">
        <v>38124.257138399997</v>
      </c>
      <c r="AU2034" s="9">
        <v>39398.649024099999</v>
      </c>
      <c r="AV2034" s="9">
        <v>42082.306514700002</v>
      </c>
      <c r="AW2034" s="9">
        <v>43633.985125400002</v>
      </c>
      <c r="AX2034" s="9">
        <v>44601.358264299997</v>
      </c>
      <c r="AY2034" s="9">
        <v>43601.097316300002</v>
      </c>
      <c r="AZ2034" s="9">
        <v>44937.928209400001</v>
      </c>
      <c r="BA2034" s="9">
        <v>47708.951168300002</v>
      </c>
      <c r="BB2034" s="9">
        <v>49578.260425200002</v>
      </c>
      <c r="BC2034" s="9">
        <v>52301.8381095</v>
      </c>
      <c r="BD2034" s="9">
        <v>52528.238863699997</v>
      </c>
      <c r="BE2034" s="9">
        <v>54281.5689957</v>
      </c>
      <c r="BF2034" s="9">
        <v>55063.859999400003</v>
      </c>
      <c r="BG2034" s="11">
        <v>-16.5</v>
      </c>
      <c r="BH2034" s="13">
        <v>-0.2391304347826087</v>
      </c>
      <c r="BI2034" s="6">
        <v>-6</v>
      </c>
      <c r="BJ2034" s="13">
        <v>-8.6956521739130432E-2</v>
      </c>
      <c r="BK2034" s="6">
        <v>-1</v>
      </c>
      <c r="BL2034" s="13">
        <v>-1.5873015873015872E-2</v>
      </c>
      <c r="BM2034" s="11">
        <v>-9.5</v>
      </c>
      <c r="BN2034" s="13">
        <v>-0.15322580645161291</v>
      </c>
      <c r="BO2034" s="11">
        <v>-10.5</v>
      </c>
      <c r="BP2034" s="13">
        <v>-0.16666666666666666</v>
      </c>
      <c r="BQ2034" s="6">
        <v>69</v>
      </c>
      <c r="BR2034" s="6">
        <v>68</v>
      </c>
      <c r="BS2034" s="6">
        <v>64</v>
      </c>
      <c r="BT2034" s="6">
        <v>63</v>
      </c>
      <c r="BU2034" s="6">
        <v>63</v>
      </c>
      <c r="BV2034" s="6">
        <v>68</v>
      </c>
      <c r="BW2034" s="6">
        <v>62</v>
      </c>
      <c r="BX2034" s="6">
        <v>61</v>
      </c>
      <c r="BY2034" s="6">
        <v>63</v>
      </c>
      <c r="BZ2034" s="6">
        <v>56</v>
      </c>
      <c r="CA2034" s="6">
        <v>56</v>
      </c>
      <c r="CB2034" s="6">
        <v>54</v>
      </c>
      <c r="CC2034" s="11">
        <v>52.5</v>
      </c>
      <c r="CD2034" s="11">
        <v>143.797</v>
      </c>
      <c r="CE2034" s="11">
        <v>63.079700000000003</v>
      </c>
      <c r="CF2034" s="11">
        <v>109.398</v>
      </c>
      <c r="CG2034" s="11">
        <v>172</v>
      </c>
      <c r="CH2034" s="20">
        <v>1.8507499999999999</v>
      </c>
      <c r="CI2034" s="20">
        <v>1.89611</v>
      </c>
      <c r="CJ2034" s="20">
        <v>1.9305099999999999</v>
      </c>
      <c r="CK2034" s="20">
        <v>1.9038900000000001</v>
      </c>
      <c r="CL2034" s="20">
        <v>1.8857900000000001</v>
      </c>
      <c r="CM2034" s="20">
        <v>1.9993099999999999</v>
      </c>
      <c r="CN2034" s="20">
        <v>1.7928500000000001</v>
      </c>
      <c r="CO2034" s="20">
        <v>1.82988</v>
      </c>
      <c r="CP2034" s="20">
        <v>2.1541600000000001</v>
      </c>
      <c r="CQ2034" s="20">
        <v>2.2524099999999998</v>
      </c>
      <c r="CR2034" s="20">
        <v>2.1149100000000001</v>
      </c>
      <c r="CS2034" s="20">
        <v>2.1396199999999999</v>
      </c>
      <c r="CT2034" s="20">
        <v>1.88696</v>
      </c>
      <c r="CU2034" s="20">
        <v>2.0118299999999998</v>
      </c>
      <c r="CV2034" s="20">
        <v>2.0757300000000001</v>
      </c>
      <c r="CW2034" s="20">
        <v>2.1591200000000002</v>
      </c>
      <c r="CX2034" s="20">
        <v>2.1728499999999999</v>
      </c>
      <c r="CY2034" s="6" t="s">
        <v>702</v>
      </c>
      <c r="CZ2034" s="6" t="s">
        <v>703</v>
      </c>
      <c r="DA2034" s="6" t="s">
        <v>67</v>
      </c>
      <c r="DB2034" s="6" t="s">
        <v>345</v>
      </c>
      <c r="DC2034" s="6">
        <v>43460</v>
      </c>
      <c r="DD2034" s="6">
        <v>164</v>
      </c>
      <c r="DE2034" s="6" t="s">
        <v>705</v>
      </c>
      <c r="DF2034" s="6" t="s">
        <v>363</v>
      </c>
      <c r="DG2034" s="6" t="s">
        <v>364</v>
      </c>
      <c r="DH2034" s="6" t="s">
        <v>365</v>
      </c>
      <c r="DI2034" s="6" t="s">
        <v>413</v>
      </c>
      <c r="DJ2034" s="6">
        <v>29</v>
      </c>
      <c r="DK2034" s="6">
        <v>201</v>
      </c>
      <c r="DL2034" s="6">
        <v>5</v>
      </c>
      <c r="DM2034" s="6" t="s">
        <v>392</v>
      </c>
      <c r="DN2034" s="6">
        <v>4</v>
      </c>
      <c r="DO2034" s="6" t="s">
        <v>557</v>
      </c>
      <c r="DP2034" s="6"/>
      <c r="DQ2034" s="6"/>
    </row>
    <row r="2035" spans="1:121" x14ac:dyDescent="0.2">
      <c r="A2035" s="6" t="s">
        <v>314</v>
      </c>
      <c r="B2035" s="6" t="s">
        <v>314</v>
      </c>
      <c r="C2035" s="6" t="s">
        <v>183</v>
      </c>
      <c r="D2035" s="6" t="s">
        <v>67</v>
      </c>
      <c r="E2035" s="6" t="s">
        <v>208</v>
      </c>
      <c r="F2035" s="11">
        <v>48</v>
      </c>
      <c r="G2035" s="13">
        <v>0.203389830508</v>
      </c>
      <c r="H2035" s="11">
        <v>43.212909569000004</v>
      </c>
      <c r="I2035" s="13">
        <v>0.1832206052502654</v>
      </c>
      <c r="J2035" s="11">
        <v>-32.216901134000011</v>
      </c>
      <c r="K2035" s="13">
        <v>-0.11544598802501647</v>
      </c>
      <c r="L2035" s="11">
        <v>37.240354232000016</v>
      </c>
      <c r="M2035" s="13">
        <v>0.15086362098428249</v>
      </c>
      <c r="N2035" s="11">
        <v>5.0234530980000045</v>
      </c>
      <c r="O2035" s="13">
        <v>1.8001033177703896E-2</v>
      </c>
      <c r="P2035" s="7">
        <v>235.851800129</v>
      </c>
      <c r="Q2035" s="7">
        <v>232.19029671199999</v>
      </c>
      <c r="R2035" s="7">
        <v>227.15490785099999</v>
      </c>
      <c r="S2035" s="7">
        <v>214.123995095</v>
      </c>
      <c r="T2035" s="7">
        <v>187.22692673</v>
      </c>
      <c r="U2035" s="7">
        <v>213.16444421899999</v>
      </c>
      <c r="V2035" s="7">
        <v>279.064709698</v>
      </c>
      <c r="W2035" s="7">
        <v>302.06749648599998</v>
      </c>
      <c r="X2035" s="7">
        <v>373.82322477399998</v>
      </c>
      <c r="Y2035" s="7">
        <v>246.84780856399999</v>
      </c>
      <c r="Z2035" s="7">
        <v>246.92892977700001</v>
      </c>
      <c r="AA2035" s="7">
        <v>222.006841431</v>
      </c>
      <c r="AB2035" s="7">
        <v>219.224061307</v>
      </c>
      <c r="AC2035" s="7">
        <v>270.13208587999998</v>
      </c>
      <c r="AD2035" s="7">
        <v>267.79833257799999</v>
      </c>
      <c r="AE2035" s="7">
        <v>273.20493694599998</v>
      </c>
      <c r="AF2035" s="7">
        <v>284.08816279600001</v>
      </c>
      <c r="AG2035" s="9">
        <v>20765.590616400004</v>
      </c>
      <c r="AH2035" s="13">
        <v>0.63268541722661642</v>
      </c>
      <c r="AI2035" s="9">
        <v>5627.6085802000016</v>
      </c>
      <c r="AJ2035" s="13">
        <v>0.17146181624807483</v>
      </c>
      <c r="AK2035" s="9">
        <v>5699.9079544000051</v>
      </c>
      <c r="AL2035" s="13">
        <v>0.14824608800011335</v>
      </c>
      <c r="AM2035" s="9">
        <v>9438.0740817999977</v>
      </c>
      <c r="AN2035" s="13">
        <v>0.21377839232854945</v>
      </c>
      <c r="AO2035" s="9">
        <v>15137.982036200003</v>
      </c>
      <c r="AP2035" s="13">
        <v>0.39371629069032366</v>
      </c>
      <c r="AQ2035" s="9">
        <v>32821.351734999997</v>
      </c>
      <c r="AR2035" s="9">
        <v>33837.341727899999</v>
      </c>
      <c r="AS2035" s="9">
        <v>34045.348601799997</v>
      </c>
      <c r="AT2035" s="9">
        <v>36042.715820700003</v>
      </c>
      <c r="AU2035" s="9">
        <v>38626.231174300003</v>
      </c>
      <c r="AV2035" s="9">
        <v>39438.6929877</v>
      </c>
      <c r="AW2035" s="9">
        <v>38448.960315199998</v>
      </c>
      <c r="AX2035" s="9">
        <v>41337.266429399999</v>
      </c>
      <c r="AY2035" s="9">
        <v>65298.542405499997</v>
      </c>
      <c r="AZ2035" s="9">
        <v>44148.868269600003</v>
      </c>
      <c r="BA2035" s="9">
        <v>55179.593201700001</v>
      </c>
      <c r="BB2035" s="9">
        <v>45879.423013</v>
      </c>
      <c r="BC2035" s="9">
        <v>50750.057157000003</v>
      </c>
      <c r="BD2035" s="9">
        <v>45901.327108600002</v>
      </c>
      <c r="BE2035" s="9">
        <v>52774.595830799997</v>
      </c>
      <c r="BF2035" s="9">
        <v>53586.942351400001</v>
      </c>
      <c r="BG2035" s="11">
        <v>-1.75</v>
      </c>
      <c r="BH2035" s="13">
        <v>-9.7222222222222224E-2</v>
      </c>
      <c r="BI2035" s="6">
        <v>-1</v>
      </c>
      <c r="BJ2035" s="13">
        <v>-5.5555555555555552E-2</v>
      </c>
      <c r="BK2035" s="6">
        <v>-3</v>
      </c>
      <c r="BL2035" s="13">
        <v>-0.17647058823529413</v>
      </c>
      <c r="BM2035" s="11">
        <v>2.25</v>
      </c>
      <c r="BN2035" s="13">
        <v>0.16071428571428573</v>
      </c>
      <c r="BO2035" s="11">
        <v>-0.75</v>
      </c>
      <c r="BP2035" s="13">
        <v>-4.4117647058823532E-2</v>
      </c>
      <c r="BQ2035" s="6">
        <v>18</v>
      </c>
      <c r="BR2035" s="6">
        <v>17</v>
      </c>
      <c r="BS2035" s="6">
        <v>16</v>
      </c>
      <c r="BT2035" s="6">
        <v>17</v>
      </c>
      <c r="BU2035" s="6">
        <v>16</v>
      </c>
      <c r="BV2035" s="6">
        <v>16</v>
      </c>
      <c r="BW2035" s="6">
        <v>14</v>
      </c>
      <c r="BX2035" s="6">
        <v>15</v>
      </c>
      <c r="BY2035" s="6">
        <v>15</v>
      </c>
      <c r="BZ2035" s="6">
        <v>15</v>
      </c>
      <c r="CA2035" s="6">
        <v>17</v>
      </c>
      <c r="CB2035" s="6">
        <v>17</v>
      </c>
      <c r="CC2035" s="11">
        <v>16.25</v>
      </c>
      <c r="CD2035" s="11">
        <v>94.694100000000006</v>
      </c>
      <c r="CE2035" s="11">
        <v>-72.239199999999997</v>
      </c>
      <c r="CF2035" s="11">
        <v>25.781400000000001</v>
      </c>
      <c r="CG2035" s="11">
        <v>-46</v>
      </c>
      <c r="CH2035" s="20">
        <v>0.55386999999999997</v>
      </c>
      <c r="CI2035" s="20">
        <v>0.56174999999999997</v>
      </c>
      <c r="CJ2035" s="20">
        <v>0.57862899999999995</v>
      </c>
      <c r="CK2035" s="20">
        <v>0.55899399999999999</v>
      </c>
      <c r="CL2035" s="20">
        <v>0.50425699999999996</v>
      </c>
      <c r="CM2035" s="20">
        <v>0.581708</v>
      </c>
      <c r="CN2035" s="20">
        <v>0.80519600000000002</v>
      </c>
      <c r="CO2035" s="20">
        <v>0.89876</v>
      </c>
      <c r="CP2035" s="20">
        <v>1.1116999999999999</v>
      </c>
      <c r="CQ2035" s="20">
        <v>0.78697399999999995</v>
      </c>
      <c r="CR2035" s="20">
        <v>0.76302099999999995</v>
      </c>
      <c r="CS2035" s="20">
        <v>0.67052199999999995</v>
      </c>
      <c r="CT2035" s="20">
        <v>0.68508500000000006</v>
      </c>
      <c r="CU2035" s="20">
        <v>0.83769300000000002</v>
      </c>
      <c r="CV2035" s="20">
        <v>0.82036200000000004</v>
      </c>
      <c r="CW2035" s="20">
        <v>0.83954099999999998</v>
      </c>
      <c r="CX2035" s="20">
        <v>0.86889300000000003</v>
      </c>
      <c r="CY2035" s="6" t="s">
        <v>702</v>
      </c>
      <c r="CZ2035" s="6" t="s">
        <v>703</v>
      </c>
      <c r="DA2035" s="6" t="s">
        <v>67</v>
      </c>
      <c r="DB2035" s="6" t="s">
        <v>345</v>
      </c>
      <c r="DC2035" s="6">
        <v>43460</v>
      </c>
      <c r="DD2035" s="6">
        <v>164</v>
      </c>
      <c r="DE2035" s="6" t="s">
        <v>705</v>
      </c>
      <c r="DF2035" s="6" t="s">
        <v>363</v>
      </c>
      <c r="DG2035" s="6" t="s">
        <v>364</v>
      </c>
      <c r="DH2035" s="6" t="s">
        <v>365</v>
      </c>
      <c r="DI2035" s="6" t="s">
        <v>413</v>
      </c>
      <c r="DJ2035" s="6">
        <v>29</v>
      </c>
      <c r="DK2035" s="6">
        <v>201</v>
      </c>
      <c r="DL2035" s="6">
        <v>5</v>
      </c>
      <c r="DM2035" s="6" t="s">
        <v>392</v>
      </c>
      <c r="DN2035" s="6">
        <v>4</v>
      </c>
      <c r="DO2035" s="6" t="s">
        <v>557</v>
      </c>
      <c r="DP2035" s="6"/>
      <c r="DQ2035" s="6"/>
    </row>
    <row r="2036" spans="1:121" x14ac:dyDescent="0.2">
      <c r="A2036" s="6" t="s">
        <v>315</v>
      </c>
      <c r="B2036" s="6" t="s">
        <v>315</v>
      </c>
      <c r="C2036" s="6" t="s">
        <v>184</v>
      </c>
      <c r="D2036" s="6" t="s">
        <v>67</v>
      </c>
      <c r="E2036" s="6" t="s">
        <v>208</v>
      </c>
      <c r="F2036" s="11">
        <v>-50</v>
      </c>
      <c r="G2036" s="13">
        <v>-0.1</v>
      </c>
      <c r="H2036" s="11">
        <v>33</v>
      </c>
      <c r="I2036" s="13">
        <v>6.6000000000000003E-2</v>
      </c>
      <c r="J2036" s="11">
        <v>-67</v>
      </c>
      <c r="K2036" s="13">
        <v>-0.12570356472795496</v>
      </c>
      <c r="L2036" s="11">
        <v>-16</v>
      </c>
      <c r="M2036" s="13">
        <v>-3.4334763948497854E-2</v>
      </c>
      <c r="N2036" s="11">
        <v>-83</v>
      </c>
      <c r="O2036" s="13">
        <v>-0.15572232645403378</v>
      </c>
      <c r="P2036" s="7">
        <v>500</v>
      </c>
      <c r="Q2036" s="7">
        <v>500</v>
      </c>
      <c r="R2036" s="7">
        <v>505</v>
      </c>
      <c r="S2036" s="7">
        <v>516</v>
      </c>
      <c r="T2036" s="7">
        <v>505</v>
      </c>
      <c r="U2036" s="7">
        <v>527</v>
      </c>
      <c r="V2036" s="7">
        <v>533</v>
      </c>
      <c r="W2036" s="7">
        <v>533</v>
      </c>
      <c r="X2036" s="7">
        <v>504</v>
      </c>
      <c r="Y2036" s="7">
        <v>466</v>
      </c>
      <c r="Z2036" s="7">
        <v>496</v>
      </c>
      <c r="AA2036" s="7">
        <v>490</v>
      </c>
      <c r="AB2036" s="7">
        <v>470</v>
      </c>
      <c r="AC2036" s="7">
        <v>471</v>
      </c>
      <c r="AD2036" s="7">
        <v>468</v>
      </c>
      <c r="AE2036" s="7">
        <v>452</v>
      </c>
      <c r="AF2036" s="7">
        <v>450</v>
      </c>
      <c r="AG2036" s="9">
        <v>13766</v>
      </c>
      <c r="AH2036" s="13">
        <v>0.3730218946455669</v>
      </c>
      <c r="AI2036" s="9">
        <v>9259</v>
      </c>
      <c r="AJ2036" s="13">
        <v>0.25089421200953826</v>
      </c>
      <c r="AK2036" s="9">
        <v>-1545</v>
      </c>
      <c r="AL2036" s="13">
        <v>-3.3468362108181875E-2</v>
      </c>
      <c r="AM2036" s="9">
        <v>6052</v>
      </c>
      <c r="AN2036" s="13">
        <v>0.13564032453269981</v>
      </c>
      <c r="AO2036" s="9">
        <v>4507</v>
      </c>
      <c r="AP2036" s="13">
        <v>9.7632302926586229E-2</v>
      </c>
      <c r="AQ2036" s="9">
        <v>36904</v>
      </c>
      <c r="AR2036" s="9">
        <v>38009</v>
      </c>
      <c r="AS2036" s="9">
        <v>39040</v>
      </c>
      <c r="AT2036" s="9">
        <v>40197</v>
      </c>
      <c r="AU2036" s="9">
        <v>44033</v>
      </c>
      <c r="AV2036" s="9">
        <v>44670</v>
      </c>
      <c r="AW2036" s="9">
        <v>46163</v>
      </c>
      <c r="AX2036" s="9">
        <v>50741</v>
      </c>
      <c r="AY2036" s="9">
        <v>44382</v>
      </c>
      <c r="AZ2036" s="9">
        <v>44618</v>
      </c>
      <c r="BA2036" s="9">
        <v>44867</v>
      </c>
      <c r="BB2036" s="9">
        <v>44464</v>
      </c>
      <c r="BC2036" s="9">
        <v>46292</v>
      </c>
      <c r="BD2036" s="9">
        <v>47241</v>
      </c>
      <c r="BE2036" s="9">
        <v>48618</v>
      </c>
      <c r="BF2036" s="9">
        <v>50670</v>
      </c>
      <c r="BG2036" s="11">
        <v>5</v>
      </c>
      <c r="BH2036" s="13">
        <v>7.1428571428571425E-2</v>
      </c>
      <c r="BI2036" s="6">
        <v>6</v>
      </c>
      <c r="BJ2036" s="13">
        <v>8.5714285714285715E-2</v>
      </c>
      <c r="BK2036" s="6">
        <v>-4</v>
      </c>
      <c r="BL2036" s="13">
        <v>-5.2631578947368418E-2</v>
      </c>
      <c r="BM2036" s="11">
        <v>3</v>
      </c>
      <c r="BN2036" s="13">
        <v>4.1666666666666664E-2</v>
      </c>
      <c r="BO2036" s="11">
        <v>-1</v>
      </c>
      <c r="BP2036" s="13">
        <v>-1.3157894736842105E-2</v>
      </c>
      <c r="BQ2036" s="6">
        <v>70</v>
      </c>
      <c r="BR2036" s="6">
        <v>72</v>
      </c>
      <c r="BS2036" s="6">
        <v>75</v>
      </c>
      <c r="BT2036" s="6">
        <v>76</v>
      </c>
      <c r="BU2036" s="6">
        <v>77</v>
      </c>
      <c r="BV2036" s="6">
        <v>78</v>
      </c>
      <c r="BW2036" s="6">
        <v>72</v>
      </c>
      <c r="BX2036" s="6">
        <v>75</v>
      </c>
      <c r="BY2036" s="6">
        <v>74</v>
      </c>
      <c r="BZ2036" s="6">
        <v>74</v>
      </c>
      <c r="CA2036" s="6">
        <v>75</v>
      </c>
      <c r="CB2036" s="6">
        <v>76</v>
      </c>
      <c r="CC2036" s="11">
        <v>75</v>
      </c>
      <c r="CD2036" s="11">
        <v>-65</v>
      </c>
      <c r="CE2036" s="11">
        <v>-40</v>
      </c>
      <c r="CF2036" s="11">
        <v>55</v>
      </c>
      <c r="CG2036" s="11">
        <v>15</v>
      </c>
      <c r="CH2036" s="20">
        <v>0.72</v>
      </c>
      <c r="CI2036" s="20">
        <v>0.7</v>
      </c>
      <c r="CJ2036" s="20">
        <v>0.7</v>
      </c>
      <c r="CK2036" s="20">
        <v>0.71</v>
      </c>
      <c r="CL2036" s="20">
        <v>0.7</v>
      </c>
      <c r="CM2036" s="20">
        <v>0.72</v>
      </c>
      <c r="CN2036" s="20">
        <v>0.77</v>
      </c>
      <c r="CO2036" s="20">
        <v>0.8</v>
      </c>
      <c r="CP2036" s="20">
        <v>0.74</v>
      </c>
      <c r="CQ2036" s="20">
        <v>0.72</v>
      </c>
      <c r="CR2036" s="20">
        <v>0.74</v>
      </c>
      <c r="CS2036" s="20">
        <v>0.7</v>
      </c>
      <c r="CT2036" s="20">
        <v>0.7</v>
      </c>
      <c r="CU2036" s="20">
        <v>0.71</v>
      </c>
      <c r="CV2036" s="20">
        <v>0.69</v>
      </c>
      <c r="CW2036" s="20">
        <v>0.67</v>
      </c>
      <c r="CX2036" s="20">
        <v>0.66</v>
      </c>
      <c r="CY2036" s="6" t="s">
        <v>702</v>
      </c>
      <c r="CZ2036" s="6" t="s">
        <v>703</v>
      </c>
      <c r="DA2036" s="6" t="s">
        <v>67</v>
      </c>
      <c r="DB2036" s="6" t="s">
        <v>345</v>
      </c>
      <c r="DC2036" s="6">
        <v>43460</v>
      </c>
      <c r="DD2036" s="6">
        <v>164</v>
      </c>
      <c r="DE2036" s="6" t="s">
        <v>705</v>
      </c>
      <c r="DF2036" s="6" t="s">
        <v>363</v>
      </c>
      <c r="DG2036" s="6" t="s">
        <v>364</v>
      </c>
      <c r="DH2036" s="6" t="s">
        <v>365</v>
      </c>
      <c r="DI2036" s="6" t="s">
        <v>413</v>
      </c>
      <c r="DJ2036" s="6">
        <v>29</v>
      </c>
      <c r="DK2036" s="6">
        <v>201</v>
      </c>
      <c r="DL2036" s="6">
        <v>5</v>
      </c>
      <c r="DM2036" s="6" t="s">
        <v>392</v>
      </c>
      <c r="DN2036" s="6">
        <v>4</v>
      </c>
      <c r="DO2036" s="6" t="s">
        <v>557</v>
      </c>
      <c r="DP2036" s="6"/>
      <c r="DQ2036" s="6"/>
    </row>
    <row r="2037" spans="1:121" x14ac:dyDescent="0.2">
      <c r="A2037" s="6" t="s">
        <v>316</v>
      </c>
      <c r="B2037" s="6" t="s">
        <v>316</v>
      </c>
      <c r="C2037" s="6" t="s">
        <v>185</v>
      </c>
      <c r="D2037" s="6" t="s">
        <v>67</v>
      </c>
      <c r="E2037" s="6" t="s">
        <v>208</v>
      </c>
      <c r="F2037" s="11">
        <v>82</v>
      </c>
      <c r="G2037" s="13">
        <v>0.71</v>
      </c>
      <c r="H2037" s="11">
        <v>55</v>
      </c>
      <c r="I2037" s="13">
        <v>0.47826086956521746</v>
      </c>
      <c r="J2037" s="11">
        <v>1</v>
      </c>
      <c r="K2037" s="13">
        <v>5.8823529411764705E-3</v>
      </c>
      <c r="L2037" s="11">
        <v>26</v>
      </c>
      <c r="M2037" s="13">
        <v>0.15204678362573101</v>
      </c>
      <c r="N2037" s="11">
        <v>27</v>
      </c>
      <c r="O2037" s="13">
        <v>0.1588235294117647</v>
      </c>
      <c r="P2037" s="7">
        <v>115</v>
      </c>
      <c r="Q2037" s="7">
        <v>120</v>
      </c>
      <c r="R2037" s="7">
        <v>140</v>
      </c>
      <c r="S2037" s="7">
        <v>173</v>
      </c>
      <c r="T2037" s="7">
        <v>181</v>
      </c>
      <c r="U2037" s="7">
        <v>180</v>
      </c>
      <c r="V2037" s="7">
        <v>170</v>
      </c>
      <c r="W2037" s="7">
        <v>190</v>
      </c>
      <c r="X2037" s="7">
        <v>188</v>
      </c>
      <c r="Y2037" s="7">
        <v>171</v>
      </c>
      <c r="Z2037" s="7">
        <v>165</v>
      </c>
      <c r="AA2037" s="7">
        <v>175</v>
      </c>
      <c r="AB2037" s="7">
        <v>173</v>
      </c>
      <c r="AC2037" s="7">
        <v>186</v>
      </c>
      <c r="AD2037" s="7">
        <v>189</v>
      </c>
      <c r="AE2037" s="7">
        <v>190</v>
      </c>
      <c r="AF2037" s="7">
        <v>197</v>
      </c>
      <c r="AG2037" s="9">
        <v>22654</v>
      </c>
      <c r="AH2037" s="13">
        <v>1.0799447013395624</v>
      </c>
      <c r="AI2037" s="9">
        <v>10445</v>
      </c>
      <c r="AJ2037" s="13">
        <v>0.49792630023358919</v>
      </c>
      <c r="AK2037" s="9">
        <v>-1175</v>
      </c>
      <c r="AL2037" s="13">
        <v>-3.7394182419960537E-2</v>
      </c>
      <c r="AM2037" s="9">
        <v>13384</v>
      </c>
      <c r="AN2037" s="13">
        <v>0.44249016431381621</v>
      </c>
      <c r="AO2037" s="9">
        <v>12209</v>
      </c>
      <c r="AP2037" s="13">
        <v>0.38854942397046655</v>
      </c>
      <c r="AQ2037" s="9">
        <v>20977</v>
      </c>
      <c r="AR2037" s="9">
        <v>24102</v>
      </c>
      <c r="AS2037" s="9">
        <v>23074</v>
      </c>
      <c r="AT2037" s="9">
        <v>24665</v>
      </c>
      <c r="AU2037" s="9">
        <v>25602</v>
      </c>
      <c r="AV2037" s="9">
        <v>24171</v>
      </c>
      <c r="AW2037" s="9">
        <v>31422</v>
      </c>
      <c r="AX2037" s="9">
        <v>28134</v>
      </c>
      <c r="AY2037" s="9">
        <v>29896</v>
      </c>
      <c r="AZ2037" s="9">
        <v>30247</v>
      </c>
      <c r="BA2037" s="9">
        <v>29409</v>
      </c>
      <c r="BB2037" s="9">
        <v>31856</v>
      </c>
      <c r="BC2037" s="9">
        <v>32343</v>
      </c>
      <c r="BD2037" s="9">
        <v>33900</v>
      </c>
      <c r="BE2037" s="9">
        <v>43044</v>
      </c>
      <c r="BF2037" s="9">
        <v>43631</v>
      </c>
      <c r="BG2037" s="11">
        <v>-13</v>
      </c>
      <c r="BH2037" s="13">
        <v>-0.32500000000000001</v>
      </c>
      <c r="BI2037" s="6">
        <v>1</v>
      </c>
      <c r="BJ2037" s="13">
        <v>2.5000000000000001E-2</v>
      </c>
      <c r="BK2037" s="6">
        <v>0</v>
      </c>
      <c r="BL2037" s="13">
        <v>0</v>
      </c>
      <c r="BM2037" s="11">
        <v>-14</v>
      </c>
      <c r="BN2037" s="13">
        <v>-0.34146341463414637</v>
      </c>
      <c r="BO2037" s="11">
        <v>-14</v>
      </c>
      <c r="BP2037" s="13">
        <v>-0.34146341463414637</v>
      </c>
      <c r="BQ2037" s="6">
        <v>40</v>
      </c>
      <c r="BR2037" s="6">
        <v>43</v>
      </c>
      <c r="BS2037" s="6">
        <v>44</v>
      </c>
      <c r="BT2037" s="6">
        <v>41</v>
      </c>
      <c r="BU2037" s="6">
        <v>42</v>
      </c>
      <c r="BV2037" s="6">
        <v>40</v>
      </c>
      <c r="BW2037" s="6">
        <v>41</v>
      </c>
      <c r="BX2037" s="6">
        <v>35</v>
      </c>
      <c r="BY2037" s="6">
        <v>34</v>
      </c>
      <c r="BZ2037" s="6">
        <v>32</v>
      </c>
      <c r="CA2037" s="6">
        <v>31</v>
      </c>
      <c r="CB2037" s="6">
        <v>30</v>
      </c>
      <c r="CC2037" s="11">
        <v>27</v>
      </c>
      <c r="CD2037" s="11">
        <v>76</v>
      </c>
      <c r="CE2037" s="11">
        <v>-6</v>
      </c>
      <c r="CF2037" s="11">
        <v>13</v>
      </c>
      <c r="CG2037" s="11">
        <v>7</v>
      </c>
      <c r="CH2037" s="20">
        <v>0.4</v>
      </c>
      <c r="CI2037" s="20">
        <v>0.41</v>
      </c>
      <c r="CJ2037" s="20">
        <v>0.46</v>
      </c>
      <c r="CK2037" s="20">
        <v>0.56000000000000005</v>
      </c>
      <c r="CL2037" s="20">
        <v>0.56999999999999995</v>
      </c>
      <c r="CM2037" s="20">
        <v>0.56999999999999995</v>
      </c>
      <c r="CN2037" s="20">
        <v>0.56999999999999995</v>
      </c>
      <c r="CO2037" s="20">
        <v>0.67</v>
      </c>
      <c r="CP2037" s="20">
        <v>0.66</v>
      </c>
      <c r="CQ2037" s="20">
        <v>0.64</v>
      </c>
      <c r="CR2037" s="20">
        <v>0.6</v>
      </c>
      <c r="CS2037" s="20">
        <v>0.62</v>
      </c>
      <c r="CT2037" s="20">
        <v>0.63</v>
      </c>
      <c r="CU2037" s="20">
        <v>0.66</v>
      </c>
      <c r="CV2037" s="20">
        <v>0.66</v>
      </c>
      <c r="CW2037" s="20">
        <v>0.66</v>
      </c>
      <c r="CX2037" s="20">
        <v>0.68</v>
      </c>
      <c r="CY2037" s="6" t="s">
        <v>702</v>
      </c>
      <c r="CZ2037" s="6" t="s">
        <v>703</v>
      </c>
      <c r="DA2037" s="6" t="s">
        <v>67</v>
      </c>
      <c r="DB2037" s="6" t="s">
        <v>345</v>
      </c>
      <c r="DC2037" s="6">
        <v>43460</v>
      </c>
      <c r="DD2037" s="6">
        <v>164</v>
      </c>
      <c r="DE2037" s="6" t="s">
        <v>705</v>
      </c>
      <c r="DF2037" s="6" t="s">
        <v>363</v>
      </c>
      <c r="DG2037" s="6" t="s">
        <v>364</v>
      </c>
      <c r="DH2037" s="6" t="s">
        <v>365</v>
      </c>
      <c r="DI2037" s="6" t="s">
        <v>413</v>
      </c>
      <c r="DJ2037" s="6">
        <v>29</v>
      </c>
      <c r="DK2037" s="6">
        <v>201</v>
      </c>
      <c r="DL2037" s="6">
        <v>5</v>
      </c>
      <c r="DM2037" s="6" t="s">
        <v>392</v>
      </c>
      <c r="DN2037" s="6">
        <v>4</v>
      </c>
      <c r="DO2037" s="6" t="s">
        <v>557</v>
      </c>
      <c r="DP2037" s="6"/>
      <c r="DQ2037" s="6"/>
    </row>
    <row r="2038" spans="1:121" x14ac:dyDescent="0.2">
      <c r="A2038" s="6" t="s">
        <v>317</v>
      </c>
      <c r="B2038" s="6" t="s">
        <v>317</v>
      </c>
      <c r="C2038" s="6" t="s">
        <v>186</v>
      </c>
      <c r="D2038" s="6" t="s">
        <v>67</v>
      </c>
      <c r="E2038" s="6" t="s">
        <v>208</v>
      </c>
      <c r="F2038" s="11">
        <v>226</v>
      </c>
      <c r="G2038" s="13">
        <v>0.7</v>
      </c>
      <c r="H2038" s="11">
        <v>60</v>
      </c>
      <c r="I2038" s="13">
        <v>0.18461538461538465</v>
      </c>
      <c r="J2038" s="11">
        <v>4</v>
      </c>
      <c r="K2038" s="13">
        <v>1.038961038961039E-2</v>
      </c>
      <c r="L2038" s="11">
        <v>162</v>
      </c>
      <c r="M2038" s="13">
        <v>0.41645244215938304</v>
      </c>
      <c r="N2038" s="11">
        <v>166</v>
      </c>
      <c r="O2038" s="13">
        <v>0.43116883116883115</v>
      </c>
      <c r="P2038" s="7">
        <v>325</v>
      </c>
      <c r="Q2038" s="7">
        <v>300</v>
      </c>
      <c r="R2038" s="7">
        <v>290</v>
      </c>
      <c r="S2038" s="7">
        <v>307</v>
      </c>
      <c r="T2038" s="7">
        <v>332</v>
      </c>
      <c r="U2038" s="7">
        <v>376</v>
      </c>
      <c r="V2038" s="7">
        <v>385</v>
      </c>
      <c r="W2038" s="7">
        <v>385</v>
      </c>
      <c r="X2038" s="7">
        <v>391</v>
      </c>
      <c r="Y2038" s="7">
        <v>389</v>
      </c>
      <c r="Z2038" s="7">
        <v>384</v>
      </c>
      <c r="AA2038" s="7">
        <v>382</v>
      </c>
      <c r="AB2038" s="7">
        <v>437</v>
      </c>
      <c r="AC2038" s="7">
        <v>453</v>
      </c>
      <c r="AD2038" s="7">
        <v>473</v>
      </c>
      <c r="AE2038" s="7">
        <v>525</v>
      </c>
      <c r="AF2038" s="7">
        <v>551</v>
      </c>
      <c r="AG2038" s="9">
        <v>13624</v>
      </c>
      <c r="AH2038" s="13">
        <v>0.46766442400109842</v>
      </c>
      <c r="AI2038" s="9">
        <v>8292</v>
      </c>
      <c r="AJ2038" s="13">
        <v>0.2846354524234519</v>
      </c>
      <c r="AK2038" s="9">
        <v>2716</v>
      </c>
      <c r="AL2038" s="13">
        <v>7.2573749465583579E-2</v>
      </c>
      <c r="AM2038" s="9">
        <v>2616</v>
      </c>
      <c r="AN2038" s="13">
        <v>6.5171898355754862E-2</v>
      </c>
      <c r="AO2038" s="9">
        <v>5332</v>
      </c>
      <c r="AP2038" s="13">
        <v>0.14247541684480547</v>
      </c>
      <c r="AQ2038" s="9">
        <v>29132</v>
      </c>
      <c r="AR2038" s="9">
        <v>31617</v>
      </c>
      <c r="AS2038" s="9">
        <v>29494</v>
      </c>
      <c r="AT2038" s="9">
        <v>41414</v>
      </c>
      <c r="AU2038" s="9">
        <v>34624</v>
      </c>
      <c r="AV2038" s="9">
        <v>34916</v>
      </c>
      <c r="AW2038" s="9">
        <v>37424</v>
      </c>
      <c r="AX2038" s="9">
        <v>38728</v>
      </c>
      <c r="AY2038" s="9">
        <v>49547</v>
      </c>
      <c r="AZ2038" s="9">
        <v>40140</v>
      </c>
      <c r="BA2038" s="9">
        <v>41259</v>
      </c>
      <c r="BB2038" s="9">
        <v>60085</v>
      </c>
      <c r="BC2038" s="9">
        <v>41850</v>
      </c>
      <c r="BD2038" s="9">
        <v>43924</v>
      </c>
      <c r="BE2038" s="9">
        <v>43957</v>
      </c>
      <c r="BF2038" s="9">
        <v>42756</v>
      </c>
      <c r="BG2038" s="11">
        <v>8</v>
      </c>
      <c r="BH2038" s="13">
        <v>0.13114754098360656</v>
      </c>
      <c r="BI2038" s="6">
        <v>8</v>
      </c>
      <c r="BJ2038" s="13">
        <v>0.13114754098360656</v>
      </c>
      <c r="BK2038" s="6">
        <v>-4</v>
      </c>
      <c r="BL2038" s="13">
        <v>-5.7971014492753624E-2</v>
      </c>
      <c r="BM2038" s="11">
        <v>4</v>
      </c>
      <c r="BN2038" s="13">
        <v>6.1538461538461542E-2</v>
      </c>
      <c r="BO2038" s="11">
        <v>0</v>
      </c>
      <c r="BP2038" s="13">
        <v>0</v>
      </c>
      <c r="BQ2038" s="6">
        <v>61</v>
      </c>
      <c r="BR2038" s="6">
        <v>68</v>
      </c>
      <c r="BS2038" s="6">
        <v>66</v>
      </c>
      <c r="BT2038" s="6">
        <v>69</v>
      </c>
      <c r="BU2038" s="6">
        <v>69</v>
      </c>
      <c r="BV2038" s="6">
        <v>68</v>
      </c>
      <c r="BW2038" s="6">
        <v>65</v>
      </c>
      <c r="BX2038" s="6">
        <v>64</v>
      </c>
      <c r="BY2038" s="6">
        <v>65</v>
      </c>
      <c r="BZ2038" s="6">
        <v>70</v>
      </c>
      <c r="CA2038" s="6">
        <v>70</v>
      </c>
      <c r="CB2038" s="6">
        <v>69</v>
      </c>
      <c r="CC2038" s="11">
        <v>69</v>
      </c>
      <c r="CD2038" s="11">
        <v>125</v>
      </c>
      <c r="CE2038" s="11">
        <v>65</v>
      </c>
      <c r="CF2038" s="11">
        <v>36</v>
      </c>
      <c r="CG2038" s="11">
        <v>101</v>
      </c>
      <c r="CH2038" s="20">
        <v>0.36</v>
      </c>
      <c r="CI2038" s="20">
        <v>0.33</v>
      </c>
      <c r="CJ2038" s="20">
        <v>0.32</v>
      </c>
      <c r="CK2038" s="20">
        <v>0.33</v>
      </c>
      <c r="CL2038" s="20">
        <v>0.35</v>
      </c>
      <c r="CM2038" s="20">
        <v>0.38</v>
      </c>
      <c r="CN2038" s="20">
        <v>0.4</v>
      </c>
      <c r="CO2038" s="20">
        <v>0.4</v>
      </c>
      <c r="CP2038" s="20">
        <v>0.39</v>
      </c>
      <c r="CQ2038" s="20">
        <v>0.41</v>
      </c>
      <c r="CR2038" s="20">
        <v>0.38</v>
      </c>
      <c r="CS2038" s="20">
        <v>0.36</v>
      </c>
      <c r="CT2038" s="20">
        <v>0.42</v>
      </c>
      <c r="CU2038" s="20">
        <v>0.42</v>
      </c>
      <c r="CV2038" s="20">
        <v>0.43</v>
      </c>
      <c r="CW2038" s="20">
        <v>0.47</v>
      </c>
      <c r="CX2038" s="20">
        <v>0.48</v>
      </c>
      <c r="CY2038" s="6" t="s">
        <v>702</v>
      </c>
      <c r="CZ2038" s="6" t="s">
        <v>703</v>
      </c>
      <c r="DA2038" s="6" t="s">
        <v>67</v>
      </c>
      <c r="DB2038" s="6" t="s">
        <v>345</v>
      </c>
      <c r="DC2038" s="6">
        <v>43460</v>
      </c>
      <c r="DD2038" s="6">
        <v>164</v>
      </c>
      <c r="DE2038" s="6" t="s">
        <v>705</v>
      </c>
      <c r="DF2038" s="6" t="s">
        <v>363</v>
      </c>
      <c r="DG2038" s="6" t="s">
        <v>364</v>
      </c>
      <c r="DH2038" s="6" t="s">
        <v>365</v>
      </c>
      <c r="DI2038" s="6" t="s">
        <v>413</v>
      </c>
      <c r="DJ2038" s="6">
        <v>29</v>
      </c>
      <c r="DK2038" s="6">
        <v>201</v>
      </c>
      <c r="DL2038" s="6">
        <v>5</v>
      </c>
      <c r="DM2038" s="6" t="s">
        <v>392</v>
      </c>
      <c r="DN2038" s="6">
        <v>4</v>
      </c>
      <c r="DO2038" s="6" t="s">
        <v>557</v>
      </c>
      <c r="DP2038" s="6"/>
      <c r="DQ2038" s="6"/>
    </row>
    <row r="2039" spans="1:121" x14ac:dyDescent="0.2">
      <c r="A2039" s="6" t="s">
        <v>318</v>
      </c>
      <c r="B2039" s="6" t="s">
        <v>318</v>
      </c>
      <c r="C2039" s="6" t="s">
        <v>187</v>
      </c>
      <c r="D2039" s="6" t="s">
        <v>67</v>
      </c>
      <c r="E2039" s="6" t="s">
        <v>208</v>
      </c>
      <c r="F2039" s="11">
        <v>-67</v>
      </c>
      <c r="G2039" s="13">
        <v>-0.34010152284299999</v>
      </c>
      <c r="H2039" s="11">
        <v>-78.452871000000002</v>
      </c>
      <c r="I2039" s="13">
        <v>-0.39726978143370983</v>
      </c>
      <c r="J2039" s="11">
        <v>-5.7971039999999903</v>
      </c>
      <c r="K2039" s="13">
        <v>-4.8704020767821626E-2</v>
      </c>
      <c r="L2039" s="11">
        <v>16.322828368000003</v>
      </c>
      <c r="M2039" s="13">
        <v>0.14415625030910509</v>
      </c>
      <c r="N2039" s="11">
        <v>10.525724368000013</v>
      </c>
      <c r="O2039" s="13">
        <v>8.8431240532417507E-2</v>
      </c>
      <c r="P2039" s="7">
        <v>197.480087</v>
      </c>
      <c r="Q2039" s="7">
        <v>197.43134699999999</v>
      </c>
      <c r="R2039" s="7">
        <v>171.013362</v>
      </c>
      <c r="S2039" s="7">
        <v>235.05660599999999</v>
      </c>
      <c r="T2039" s="7">
        <v>224.94828200000001</v>
      </c>
      <c r="U2039" s="7">
        <v>162.96662499999999</v>
      </c>
      <c r="V2039" s="7">
        <v>119.027216</v>
      </c>
      <c r="W2039" s="7">
        <v>113.36907600000001</v>
      </c>
      <c r="X2039" s="7">
        <v>108.021657</v>
      </c>
      <c r="Y2039" s="7">
        <v>113.23011200000001</v>
      </c>
      <c r="Z2039" s="7">
        <v>115.948624</v>
      </c>
      <c r="AA2039" s="7">
        <v>106.992503</v>
      </c>
      <c r="AB2039" s="7">
        <v>103.963784</v>
      </c>
      <c r="AC2039" s="7">
        <v>97.950781000000006</v>
      </c>
      <c r="AD2039" s="7">
        <v>107.998706</v>
      </c>
      <c r="AE2039" s="7">
        <v>131.633591</v>
      </c>
      <c r="AF2039" s="7">
        <v>129.55294036800001</v>
      </c>
      <c r="AG2039" s="9">
        <v>37365.1975265</v>
      </c>
      <c r="AH2039" s="13">
        <v>1.0894632722772826</v>
      </c>
      <c r="AI2039" s="9">
        <v>13140.812755999999</v>
      </c>
      <c r="AJ2039" s="13">
        <v>0.38314886079168647</v>
      </c>
      <c r="AK2039" s="9">
        <v>7640.4371810000011</v>
      </c>
      <c r="AL2039" s="13">
        <v>0.16106255994052718</v>
      </c>
      <c r="AM2039" s="9">
        <v>16583.9475895</v>
      </c>
      <c r="AN2039" s="13">
        <v>0.30109856373378768</v>
      </c>
      <c r="AO2039" s="9">
        <v>24224.384770500001</v>
      </c>
      <c r="AP2039" s="13">
        <v>0.5106568291436947</v>
      </c>
      <c r="AQ2039" s="9">
        <v>34296.885886199998</v>
      </c>
      <c r="AR2039" s="9">
        <v>32577.507450900001</v>
      </c>
      <c r="AS2039" s="9">
        <v>34861.459011999999</v>
      </c>
      <c r="AT2039" s="9">
        <v>43401.364842199997</v>
      </c>
      <c r="AU2039" s="9">
        <v>43500.731242200003</v>
      </c>
      <c r="AV2039" s="9">
        <v>45221.079017199998</v>
      </c>
      <c r="AW2039" s="9">
        <v>47437.698642199997</v>
      </c>
      <c r="AX2039" s="9">
        <v>49978.694072899998</v>
      </c>
      <c r="AY2039" s="9">
        <v>55271.687237799997</v>
      </c>
      <c r="AZ2039" s="9">
        <v>55078.135823199998</v>
      </c>
      <c r="BA2039" s="9">
        <v>57097.056421000001</v>
      </c>
      <c r="BB2039" s="9">
        <v>61540.379545900003</v>
      </c>
      <c r="BC2039" s="9">
        <v>65242.613749099997</v>
      </c>
      <c r="BD2039" s="9">
        <v>67472.950320599994</v>
      </c>
      <c r="BE2039" s="9">
        <v>73933.931729300006</v>
      </c>
      <c r="BF2039" s="9">
        <v>71662.083412699998</v>
      </c>
      <c r="BG2039" s="11">
        <v>0.25</v>
      </c>
      <c r="BH2039" s="13">
        <v>2.7777777777777776E-2</v>
      </c>
      <c r="BI2039" s="6">
        <v>0</v>
      </c>
      <c r="BJ2039" s="13">
        <v>0</v>
      </c>
      <c r="BK2039" s="6">
        <v>-1</v>
      </c>
      <c r="BL2039" s="13">
        <v>-0.1111111111111111</v>
      </c>
      <c r="BM2039" s="11">
        <v>1.25</v>
      </c>
      <c r="BN2039" s="13">
        <v>0.15625</v>
      </c>
      <c r="BO2039" s="11">
        <v>0.25</v>
      </c>
      <c r="BP2039" s="13">
        <v>2.7777777777777776E-2</v>
      </c>
      <c r="BQ2039" s="6">
        <v>9</v>
      </c>
      <c r="BR2039" s="6">
        <v>10</v>
      </c>
      <c r="BS2039" s="6">
        <v>9</v>
      </c>
      <c r="BT2039" s="6">
        <v>9</v>
      </c>
      <c r="BU2039" s="6">
        <v>9</v>
      </c>
      <c r="BV2039" s="6">
        <v>8</v>
      </c>
      <c r="BW2039" s="6">
        <v>8</v>
      </c>
      <c r="BX2039" s="6">
        <v>8</v>
      </c>
      <c r="BY2039" s="6">
        <v>8</v>
      </c>
      <c r="BZ2039" s="6">
        <v>8</v>
      </c>
      <c r="CA2039" s="6">
        <v>7</v>
      </c>
      <c r="CB2039" s="6">
        <v>8</v>
      </c>
      <c r="CC2039" s="11">
        <v>9.25</v>
      </c>
      <c r="CD2039" s="11">
        <v>-131.79599999999999</v>
      </c>
      <c r="CE2039" s="11">
        <v>42.2821</v>
      </c>
      <c r="CF2039" s="11">
        <v>21.587</v>
      </c>
      <c r="CG2039" s="11">
        <v>64</v>
      </c>
      <c r="CH2039" s="20">
        <v>0.99921499999999996</v>
      </c>
      <c r="CI2039" s="20">
        <v>0.983761</v>
      </c>
      <c r="CJ2039" s="20">
        <v>0.87216700000000003</v>
      </c>
      <c r="CK2039" s="20">
        <v>1.17628</v>
      </c>
      <c r="CL2039" s="20">
        <v>1.11598</v>
      </c>
      <c r="CM2039" s="20">
        <v>0.79611399999999999</v>
      </c>
      <c r="CN2039" s="20">
        <v>0.59386000000000005</v>
      </c>
      <c r="CO2039" s="20">
        <v>0.55691100000000004</v>
      </c>
      <c r="CP2039" s="20">
        <v>0.51078999999999997</v>
      </c>
      <c r="CQ2039" s="20">
        <v>0.55272399999999999</v>
      </c>
      <c r="CR2039" s="20">
        <v>0.52604399999999996</v>
      </c>
      <c r="CS2039" s="20">
        <v>0.45441100000000001</v>
      </c>
      <c r="CT2039" s="20">
        <v>0.44227300000000003</v>
      </c>
      <c r="CU2039" s="20">
        <v>0.40610600000000002</v>
      </c>
      <c r="CV2039" s="20">
        <v>0.43744899999999998</v>
      </c>
      <c r="CW2039" s="20">
        <v>0.53616200000000003</v>
      </c>
      <c r="CX2039" s="20">
        <v>0.51803200000000005</v>
      </c>
      <c r="CY2039" s="6" t="s">
        <v>702</v>
      </c>
      <c r="CZ2039" s="6" t="s">
        <v>703</v>
      </c>
      <c r="DA2039" s="6" t="s">
        <v>67</v>
      </c>
      <c r="DB2039" s="6" t="s">
        <v>345</v>
      </c>
      <c r="DC2039" s="6">
        <v>43460</v>
      </c>
      <c r="DD2039" s="6">
        <v>164</v>
      </c>
      <c r="DE2039" s="6" t="s">
        <v>705</v>
      </c>
      <c r="DF2039" s="6" t="s">
        <v>363</v>
      </c>
      <c r="DG2039" s="6" t="s">
        <v>364</v>
      </c>
      <c r="DH2039" s="6" t="s">
        <v>365</v>
      </c>
      <c r="DI2039" s="6" t="s">
        <v>413</v>
      </c>
      <c r="DJ2039" s="6">
        <v>29</v>
      </c>
      <c r="DK2039" s="6">
        <v>201</v>
      </c>
      <c r="DL2039" s="6">
        <v>5</v>
      </c>
      <c r="DM2039" s="6" t="s">
        <v>392</v>
      </c>
      <c r="DN2039" s="6">
        <v>4</v>
      </c>
      <c r="DO2039" s="6" t="s">
        <v>557</v>
      </c>
      <c r="DP2039" s="6"/>
      <c r="DQ2039" s="6"/>
    </row>
    <row r="2040" spans="1:121" x14ac:dyDescent="0.2">
      <c r="A2040" s="6" t="s">
        <v>319</v>
      </c>
      <c r="B2040" s="6" t="s">
        <v>319</v>
      </c>
      <c r="C2040" s="6" t="s">
        <v>188</v>
      </c>
      <c r="D2040" s="6" t="s">
        <v>67</v>
      </c>
      <c r="E2040" s="6" t="s">
        <v>208</v>
      </c>
      <c r="F2040" s="11">
        <v>-10</v>
      </c>
      <c r="G2040" s="13">
        <v>-1.9157088122599999E-2</v>
      </c>
      <c r="H2040" s="11">
        <v>-12.817356366000013</v>
      </c>
      <c r="I2040" s="13">
        <v>-2.4551537800821255E-2</v>
      </c>
      <c r="J2040" s="11">
        <v>109.28078212299999</v>
      </c>
      <c r="K2040" s="13">
        <v>0.21459505319557759</v>
      </c>
      <c r="L2040" s="11">
        <v>-106.25331498499997</v>
      </c>
      <c r="M2040" s="13">
        <v>-0.17178565387965125</v>
      </c>
      <c r="N2040" s="11">
        <v>3.02746713800002</v>
      </c>
      <c r="O2040" s="13">
        <v>5.9450477833855233E-3</v>
      </c>
      <c r="P2040" s="7">
        <v>522.05920745100002</v>
      </c>
      <c r="Q2040" s="7">
        <v>613.16775907399995</v>
      </c>
      <c r="R2040" s="7">
        <v>638.382946726</v>
      </c>
      <c r="S2040" s="7">
        <v>676.829083911</v>
      </c>
      <c r="T2040" s="7">
        <v>648.48178234900001</v>
      </c>
      <c r="U2040" s="7">
        <v>598.93821415499997</v>
      </c>
      <c r="V2040" s="7">
        <v>509.24185108500001</v>
      </c>
      <c r="W2040" s="7">
        <v>558.48979399500001</v>
      </c>
      <c r="X2040" s="7">
        <v>476.43728136800001</v>
      </c>
      <c r="Y2040" s="7">
        <v>618.522633208</v>
      </c>
      <c r="Z2040" s="7">
        <v>723.46346312599997</v>
      </c>
      <c r="AA2040" s="7">
        <v>767.19179803999998</v>
      </c>
      <c r="AB2040" s="7">
        <v>616.51966618200004</v>
      </c>
      <c r="AC2040" s="7">
        <v>684.49921838399996</v>
      </c>
      <c r="AD2040" s="7">
        <v>721.04217594700003</v>
      </c>
      <c r="AE2040" s="7">
        <v>518.61136795200002</v>
      </c>
      <c r="AF2040" s="7">
        <v>512.26931822300003</v>
      </c>
      <c r="AG2040" s="9">
        <v>15785.480856000002</v>
      </c>
      <c r="AH2040" s="13">
        <v>0.68906459054517433</v>
      </c>
      <c r="AI2040" s="9">
        <v>4675.2937825000008</v>
      </c>
      <c r="AJ2040" s="13">
        <v>0.20408497056915767</v>
      </c>
      <c r="AK2040" s="9">
        <v>3729.8078237000009</v>
      </c>
      <c r="AL2040" s="13">
        <v>0.13521704391876432</v>
      </c>
      <c r="AM2040" s="9">
        <v>7380.3792498000003</v>
      </c>
      <c r="AN2040" s="13">
        <v>0.23569195453124789</v>
      </c>
      <c r="AO2040" s="9">
        <v>11110.187073500001</v>
      </c>
      <c r="AP2040" s="13">
        <v>0.40277856781716337</v>
      </c>
      <c r="AQ2040" s="9">
        <v>22908.564846599998</v>
      </c>
      <c r="AR2040" s="9">
        <v>22645.844038300002</v>
      </c>
      <c r="AS2040" s="9">
        <v>23854.489412200001</v>
      </c>
      <c r="AT2040" s="9">
        <v>24935.306012199999</v>
      </c>
      <c r="AU2040" s="9">
        <v>24659.378775699999</v>
      </c>
      <c r="AV2040" s="9">
        <v>25209.018402999998</v>
      </c>
      <c r="AW2040" s="9">
        <v>27583.858629099999</v>
      </c>
      <c r="AX2040" s="9">
        <v>29908.317746500001</v>
      </c>
      <c r="AY2040" s="9">
        <v>30277.036576899998</v>
      </c>
      <c r="AZ2040" s="9">
        <v>31313.6664528</v>
      </c>
      <c r="BA2040" s="9">
        <v>32956.517360899998</v>
      </c>
      <c r="BB2040" s="9">
        <v>29739.502936299999</v>
      </c>
      <c r="BC2040" s="9">
        <v>32573.894300799999</v>
      </c>
      <c r="BD2040" s="9">
        <v>33056.9465318</v>
      </c>
      <c r="BE2040" s="9">
        <v>32796.282796</v>
      </c>
      <c r="BF2040" s="9">
        <v>38694.0457026</v>
      </c>
      <c r="BG2040" s="11">
        <v>12.5</v>
      </c>
      <c r="BH2040" s="13">
        <v>0.390625</v>
      </c>
      <c r="BI2040" s="6">
        <v>1</v>
      </c>
      <c r="BJ2040" s="13">
        <v>3.125E-2</v>
      </c>
      <c r="BK2040" s="6">
        <v>3</v>
      </c>
      <c r="BL2040" s="13">
        <v>9.0909090909090912E-2</v>
      </c>
      <c r="BM2040" s="11">
        <v>8.5</v>
      </c>
      <c r="BN2040" s="13">
        <v>0.2361111111111111</v>
      </c>
      <c r="BO2040" s="11">
        <v>11.5</v>
      </c>
      <c r="BP2040" s="13">
        <v>0.34848484848484851</v>
      </c>
      <c r="BQ2040" s="6">
        <v>32</v>
      </c>
      <c r="BR2040" s="6">
        <v>36</v>
      </c>
      <c r="BS2040" s="6">
        <v>33</v>
      </c>
      <c r="BT2040" s="6">
        <v>33</v>
      </c>
      <c r="BU2040" s="6">
        <v>31</v>
      </c>
      <c r="BV2040" s="6">
        <v>34</v>
      </c>
      <c r="BW2040" s="6">
        <v>36</v>
      </c>
      <c r="BX2040" s="6">
        <v>34</v>
      </c>
      <c r="BY2040" s="6">
        <v>35</v>
      </c>
      <c r="BZ2040" s="6">
        <v>39</v>
      </c>
      <c r="CA2040" s="6">
        <v>44</v>
      </c>
      <c r="CB2040" s="6">
        <v>45</v>
      </c>
      <c r="CC2040" s="11">
        <v>44.5</v>
      </c>
      <c r="CD2040" s="11">
        <v>-113.828</v>
      </c>
      <c r="CE2040" s="11">
        <v>46.970999999999997</v>
      </c>
      <c r="CF2040" s="11">
        <v>57.067399999999999</v>
      </c>
      <c r="CG2040" s="11">
        <v>104</v>
      </c>
      <c r="CH2040" s="20">
        <v>0.53851199999999999</v>
      </c>
      <c r="CI2040" s="20">
        <v>0.61678699999999997</v>
      </c>
      <c r="CJ2040" s="20">
        <v>0.64557600000000004</v>
      </c>
      <c r="CK2040" s="20">
        <v>0.66375300000000004</v>
      </c>
      <c r="CL2040" s="20">
        <v>0.62602000000000002</v>
      </c>
      <c r="CM2040" s="20">
        <v>0.56674800000000003</v>
      </c>
      <c r="CN2040" s="20">
        <v>0.50247900000000001</v>
      </c>
      <c r="CO2040" s="20">
        <v>0.58465500000000004</v>
      </c>
      <c r="CP2040" s="20">
        <v>0.51683699999999999</v>
      </c>
      <c r="CQ2040" s="20">
        <v>0.67327800000000004</v>
      </c>
      <c r="CR2040" s="20">
        <v>0.72792100000000004</v>
      </c>
      <c r="CS2040" s="20">
        <v>0.73190999999999995</v>
      </c>
      <c r="CT2040" s="20">
        <v>0.59584899999999996</v>
      </c>
      <c r="CU2040" s="20">
        <v>0.64392199999999999</v>
      </c>
      <c r="CV2040" s="20">
        <v>0.66086800000000001</v>
      </c>
      <c r="CW2040" s="20">
        <v>0.47583399999999998</v>
      </c>
      <c r="CX2040" s="20">
        <v>0.46081100000000003</v>
      </c>
      <c r="CY2040" s="6" t="s">
        <v>702</v>
      </c>
      <c r="CZ2040" s="6" t="s">
        <v>703</v>
      </c>
      <c r="DA2040" s="6" t="s">
        <v>67</v>
      </c>
      <c r="DB2040" s="6" t="s">
        <v>345</v>
      </c>
      <c r="DC2040" s="6">
        <v>43460</v>
      </c>
      <c r="DD2040" s="6">
        <v>164</v>
      </c>
      <c r="DE2040" s="6" t="s">
        <v>705</v>
      </c>
      <c r="DF2040" s="6" t="s">
        <v>363</v>
      </c>
      <c r="DG2040" s="6" t="s">
        <v>364</v>
      </c>
      <c r="DH2040" s="6" t="s">
        <v>365</v>
      </c>
      <c r="DI2040" s="6" t="s">
        <v>413</v>
      </c>
      <c r="DJ2040" s="6">
        <v>29</v>
      </c>
      <c r="DK2040" s="6">
        <v>201</v>
      </c>
      <c r="DL2040" s="6">
        <v>5</v>
      </c>
      <c r="DM2040" s="6" t="s">
        <v>392</v>
      </c>
      <c r="DN2040" s="6">
        <v>4</v>
      </c>
      <c r="DO2040" s="6" t="s">
        <v>557</v>
      </c>
      <c r="DP2040" s="6"/>
      <c r="DQ2040" s="6"/>
    </row>
    <row r="2041" spans="1:121" x14ac:dyDescent="0.2">
      <c r="A2041" s="6" t="s">
        <v>320</v>
      </c>
      <c r="B2041" s="6" t="s">
        <v>320</v>
      </c>
      <c r="C2041" s="6" t="s">
        <v>189</v>
      </c>
      <c r="D2041" s="6" t="s">
        <v>67</v>
      </c>
      <c r="E2041" s="6" t="s">
        <v>208</v>
      </c>
      <c r="F2041" s="11">
        <v>12</v>
      </c>
      <c r="G2041" s="13">
        <v>0.36363636363599999</v>
      </c>
      <c r="H2041" s="11">
        <v>12.3930854428</v>
      </c>
      <c r="I2041" s="13">
        <v>0.37996195946792993</v>
      </c>
      <c r="J2041" s="11">
        <v>26.9520576444</v>
      </c>
      <c r="K2041" s="13">
        <v>0.59880509502945223</v>
      </c>
      <c r="L2041" s="11">
        <v>-27.042355370800003</v>
      </c>
      <c r="M2041" s="13">
        <v>-0.37578769238969523</v>
      </c>
      <c r="N2041" s="11">
        <v>-9.0297726400002887E-2</v>
      </c>
      <c r="O2041" s="13">
        <v>-2.0061822125529562E-3</v>
      </c>
      <c r="P2041" s="7">
        <v>32.616647888000003</v>
      </c>
      <c r="Q2041" s="7">
        <v>21.900157395400001</v>
      </c>
      <c r="R2041" s="7">
        <v>25.120234898300001</v>
      </c>
      <c r="S2041" s="7">
        <v>17.001474857200002</v>
      </c>
      <c r="T2041" s="7">
        <v>21.245046328400001</v>
      </c>
      <c r="U2041" s="7">
        <v>18.7749575514</v>
      </c>
      <c r="V2041" s="7">
        <v>45.009733330800003</v>
      </c>
      <c r="W2041" s="7">
        <v>45.246151015099997</v>
      </c>
      <c r="X2041" s="7">
        <v>41.000396517200002</v>
      </c>
      <c r="Y2041" s="7">
        <v>71.961790975200003</v>
      </c>
      <c r="Z2041" s="7">
        <v>32.392930119299997</v>
      </c>
      <c r="AA2041" s="7">
        <v>46.0001054938</v>
      </c>
      <c r="AB2041" s="7">
        <v>58.338659622100003</v>
      </c>
      <c r="AC2041" s="7">
        <v>46.3556377544</v>
      </c>
      <c r="AD2041" s="7">
        <v>43.379388413900003</v>
      </c>
      <c r="AE2041" s="7">
        <v>43.284509781200001</v>
      </c>
      <c r="AF2041" s="7">
        <v>44.9194356044</v>
      </c>
      <c r="AG2041" s="9">
        <v>-15185.168357200002</v>
      </c>
      <c r="AH2041" s="13">
        <v>-0.52356527101584061</v>
      </c>
      <c r="AI2041" s="9">
        <v>-10565.6913977</v>
      </c>
      <c r="AJ2041" s="13">
        <v>-0.36429158702633918</v>
      </c>
      <c r="AK2041" s="9">
        <v>2642.5858485999997</v>
      </c>
      <c r="AL2041" s="13">
        <v>0.14332513716657264</v>
      </c>
      <c r="AM2041" s="9">
        <v>-7262.0628081000013</v>
      </c>
      <c r="AN2041" s="13">
        <v>-0.34449546554641963</v>
      </c>
      <c r="AO2041" s="9">
        <v>-4619.4769595000016</v>
      </c>
      <c r="AP2041" s="13">
        <v>-0.2505451882325499</v>
      </c>
      <c r="AQ2041" s="9">
        <v>29003.391167900001</v>
      </c>
      <c r="AR2041" s="9">
        <v>15426.3461522</v>
      </c>
      <c r="AS2041" s="9">
        <v>25438.940566599998</v>
      </c>
      <c r="AT2041" s="9">
        <v>17163.980408399999</v>
      </c>
      <c r="AU2041" s="9">
        <v>15890.4637969</v>
      </c>
      <c r="AV2041" s="9">
        <v>17418.5044094</v>
      </c>
      <c r="AW2041" s="9">
        <v>18437.699770200001</v>
      </c>
      <c r="AX2041" s="9">
        <v>25671.653835000001</v>
      </c>
      <c r="AY2041" s="9">
        <v>18303.231657</v>
      </c>
      <c r="AZ2041" s="9">
        <v>21080.285618800001</v>
      </c>
      <c r="BA2041" s="9">
        <v>11660.849683799999</v>
      </c>
      <c r="BB2041" s="9">
        <v>14085.451843999999</v>
      </c>
      <c r="BC2041" s="9">
        <v>9317.2789336900005</v>
      </c>
      <c r="BD2041" s="9">
        <v>13023.0765526</v>
      </c>
      <c r="BE2041" s="9">
        <v>13139.0535858</v>
      </c>
      <c r="BF2041" s="9">
        <v>13818.222810699999</v>
      </c>
      <c r="BG2041" s="11">
        <v>-0.75</v>
      </c>
      <c r="BH2041" s="13">
        <v>-0.1875</v>
      </c>
      <c r="BI2041" s="6">
        <v>-1</v>
      </c>
      <c r="BJ2041" s="13">
        <v>-0.25</v>
      </c>
      <c r="BK2041" s="6">
        <v>-1</v>
      </c>
      <c r="BL2041" s="13">
        <v>-0.33333333333333331</v>
      </c>
      <c r="BM2041" s="11">
        <v>1.25</v>
      </c>
      <c r="BN2041" s="13">
        <v>0.625</v>
      </c>
      <c r="BO2041" s="11">
        <v>0.25</v>
      </c>
      <c r="BP2041" s="13">
        <v>8.3333333333333329E-2</v>
      </c>
      <c r="BQ2041" s="6">
        <v>4</v>
      </c>
      <c r="BR2041" s="6">
        <v>5</v>
      </c>
      <c r="BS2041" s="6">
        <v>4</v>
      </c>
      <c r="BT2041" s="6">
        <v>3</v>
      </c>
      <c r="BU2041" s="6">
        <v>3</v>
      </c>
      <c r="BV2041" s="6">
        <v>2</v>
      </c>
      <c r="BW2041" s="6">
        <v>2</v>
      </c>
      <c r="BX2041" s="6">
        <v>2</v>
      </c>
      <c r="BY2041" s="6">
        <v>2</v>
      </c>
      <c r="BZ2041" s="6">
        <v>4</v>
      </c>
      <c r="CA2041" s="6">
        <v>5</v>
      </c>
      <c r="CB2041" s="6">
        <v>4</v>
      </c>
      <c r="CC2041" s="11">
        <v>3.25</v>
      </c>
      <c r="CD2041" s="11">
        <v>-3.0732599999999999</v>
      </c>
      <c r="CE2041" s="11">
        <v>11.810700000000001</v>
      </c>
      <c r="CF2041" s="11">
        <v>3.5653899999999998</v>
      </c>
      <c r="CG2041" s="11">
        <v>16</v>
      </c>
      <c r="CH2041" s="20">
        <v>0.100845</v>
      </c>
      <c r="CI2041" s="20">
        <v>6.3099600000000006E-2</v>
      </c>
      <c r="CJ2041" s="20">
        <v>7.0663400000000001E-2</v>
      </c>
      <c r="CK2041" s="20">
        <v>4.6201600000000002E-2</v>
      </c>
      <c r="CL2041" s="20">
        <v>5.81044E-2</v>
      </c>
      <c r="CM2041" s="20">
        <v>5.0579199999999998E-2</v>
      </c>
      <c r="CN2041" s="20">
        <v>0.124468</v>
      </c>
      <c r="CO2041" s="20">
        <v>0.123377</v>
      </c>
      <c r="CP2041" s="20">
        <v>0.102565</v>
      </c>
      <c r="CQ2041" s="20">
        <v>0.18199100000000001</v>
      </c>
      <c r="CR2041" s="20">
        <v>7.6277499999999998E-2</v>
      </c>
      <c r="CS2041" s="20">
        <v>0.103696</v>
      </c>
      <c r="CT2041" s="20">
        <v>0.134968</v>
      </c>
      <c r="CU2041" s="20">
        <v>0.105639</v>
      </c>
      <c r="CV2041" s="20">
        <v>9.7356899999999996E-2</v>
      </c>
      <c r="CW2041" s="20">
        <v>9.7373500000000002E-2</v>
      </c>
      <c r="CX2041" s="20">
        <v>9.8714999999999997E-2</v>
      </c>
      <c r="CY2041" s="6" t="s">
        <v>702</v>
      </c>
      <c r="CZ2041" s="6" t="s">
        <v>703</v>
      </c>
      <c r="DA2041" s="6" t="s">
        <v>67</v>
      </c>
      <c r="DB2041" s="6" t="s">
        <v>345</v>
      </c>
      <c r="DC2041" s="6">
        <v>43460</v>
      </c>
      <c r="DD2041" s="6">
        <v>164</v>
      </c>
      <c r="DE2041" s="6" t="s">
        <v>705</v>
      </c>
      <c r="DF2041" s="6" t="s">
        <v>363</v>
      </c>
      <c r="DG2041" s="6" t="s">
        <v>364</v>
      </c>
      <c r="DH2041" s="6" t="s">
        <v>365</v>
      </c>
      <c r="DI2041" s="6" t="s">
        <v>413</v>
      </c>
      <c r="DJ2041" s="6">
        <v>29</v>
      </c>
      <c r="DK2041" s="6">
        <v>201</v>
      </c>
      <c r="DL2041" s="6">
        <v>5</v>
      </c>
      <c r="DM2041" s="6" t="s">
        <v>392</v>
      </c>
      <c r="DN2041" s="6">
        <v>4</v>
      </c>
      <c r="DO2041" s="6" t="s">
        <v>557</v>
      </c>
      <c r="DP2041" s="6"/>
      <c r="DQ2041" s="6"/>
    </row>
    <row r="2042" spans="1:121" x14ac:dyDescent="0.2">
      <c r="A2042" s="6" t="s">
        <v>321</v>
      </c>
      <c r="B2042" s="6" t="s">
        <v>321</v>
      </c>
      <c r="C2042" s="6" t="s">
        <v>190</v>
      </c>
      <c r="D2042" s="6" t="s">
        <v>67</v>
      </c>
      <c r="E2042" s="6" t="s">
        <v>208</v>
      </c>
      <c r="F2042" s="11">
        <v>1129</v>
      </c>
      <c r="G2042" s="13">
        <v>0.522927281149</v>
      </c>
      <c r="H2042" s="11">
        <v>207.68817910999996</v>
      </c>
      <c r="I2042" s="13">
        <v>9.6177407090920902E-2</v>
      </c>
      <c r="J2042" s="11">
        <v>130.31713949000005</v>
      </c>
      <c r="K2042" s="13">
        <v>5.5053125187570849E-2</v>
      </c>
      <c r="L2042" s="11">
        <v>790.82807091999985</v>
      </c>
      <c r="M2042" s="13">
        <v>0.31665633960540046</v>
      </c>
      <c r="N2042" s="11">
        <v>921.14521040999989</v>
      </c>
      <c r="O2042" s="13">
        <v>0.38914238589870537</v>
      </c>
      <c r="P2042" s="7">
        <v>2159.42793003</v>
      </c>
      <c r="Q2042" s="7">
        <v>2199.9043374500002</v>
      </c>
      <c r="R2042" s="7">
        <v>2293.5659226900002</v>
      </c>
      <c r="S2042" s="7">
        <v>2388.0166442700001</v>
      </c>
      <c r="T2042" s="7">
        <v>2349.2658982299999</v>
      </c>
      <c r="U2042" s="7">
        <v>2416.8687515299998</v>
      </c>
      <c r="V2042" s="7">
        <v>2367.1161091399999</v>
      </c>
      <c r="W2042" s="7">
        <v>2362.4022949700002</v>
      </c>
      <c r="X2042" s="7">
        <v>2404.3884274400002</v>
      </c>
      <c r="Y2042" s="7">
        <v>2497.43324863</v>
      </c>
      <c r="Z2042" s="7">
        <v>2588.24262275</v>
      </c>
      <c r="AA2042" s="7">
        <v>2713.2231447300001</v>
      </c>
      <c r="AB2042" s="7">
        <v>3047.8773466100001</v>
      </c>
      <c r="AC2042" s="7">
        <v>3133.82092053</v>
      </c>
      <c r="AD2042" s="7">
        <v>3125.16532491</v>
      </c>
      <c r="AE2042" s="7">
        <v>3148.15615187</v>
      </c>
      <c r="AF2042" s="7">
        <v>3288.2613195499998</v>
      </c>
      <c r="AG2042" s="9">
        <v>10267.706556200003</v>
      </c>
      <c r="AH2042" s="13">
        <v>0.38614723483223007</v>
      </c>
      <c r="AI2042" s="9">
        <v>6193.8228007999969</v>
      </c>
      <c r="AJ2042" s="13">
        <v>0.23293688171537469</v>
      </c>
      <c r="AK2042" s="9">
        <v>3698.0264281000054</v>
      </c>
      <c r="AL2042" s="13">
        <v>0.11279988250992194</v>
      </c>
      <c r="AM2042" s="9">
        <v>375.85732730000018</v>
      </c>
      <c r="AN2042" s="13">
        <v>1.0302546581869019E-2</v>
      </c>
      <c r="AO2042" s="9">
        <v>4073.8837554000056</v>
      </c>
      <c r="AP2042" s="13">
        <v>0.1242645551357788</v>
      </c>
      <c r="AQ2042" s="9">
        <v>26590.1335812</v>
      </c>
      <c r="AR2042" s="9">
        <v>28398.448161799999</v>
      </c>
      <c r="AS2042" s="9">
        <v>29391.966775500001</v>
      </c>
      <c r="AT2042" s="9">
        <v>29965.837330099999</v>
      </c>
      <c r="AU2042" s="9">
        <v>30256.396110599999</v>
      </c>
      <c r="AV2042" s="9">
        <v>31584.4433408</v>
      </c>
      <c r="AW2042" s="9">
        <v>32783.956381999997</v>
      </c>
      <c r="AX2042" s="9">
        <v>34449.838402900001</v>
      </c>
      <c r="AY2042" s="9">
        <v>35216.715572900001</v>
      </c>
      <c r="AZ2042" s="9">
        <v>36481.982810100002</v>
      </c>
      <c r="BA2042" s="9">
        <v>36920.272685099997</v>
      </c>
      <c r="BB2042" s="9">
        <v>36644.027749200002</v>
      </c>
      <c r="BC2042" s="9">
        <v>34512.033200799997</v>
      </c>
      <c r="BD2042" s="9">
        <v>34312.337812199999</v>
      </c>
      <c r="BE2042" s="9">
        <v>37324.915475100002</v>
      </c>
      <c r="BF2042" s="9">
        <v>36857.840137400002</v>
      </c>
      <c r="BG2042" s="11">
        <v>331</v>
      </c>
      <c r="BH2042" s="13">
        <v>3.31</v>
      </c>
      <c r="BI2042" s="6">
        <v>5</v>
      </c>
      <c r="BJ2042" s="13">
        <v>0.05</v>
      </c>
      <c r="BK2042" s="6">
        <v>-4</v>
      </c>
      <c r="BL2042" s="13">
        <v>-3.8095238095238099E-2</v>
      </c>
      <c r="BM2042" s="11">
        <v>330</v>
      </c>
      <c r="BN2042" s="13">
        <v>3.2673267326732671</v>
      </c>
      <c r="BO2042" s="11">
        <v>326</v>
      </c>
      <c r="BP2042" s="13">
        <v>3.1047619047619048</v>
      </c>
      <c r="BQ2042" s="6">
        <v>100</v>
      </c>
      <c r="BR2042" s="6">
        <v>106</v>
      </c>
      <c r="BS2042" s="6">
        <v>106</v>
      </c>
      <c r="BT2042" s="6">
        <v>105</v>
      </c>
      <c r="BU2042" s="6">
        <v>105</v>
      </c>
      <c r="BV2042" s="6">
        <v>101</v>
      </c>
      <c r="BW2042" s="6">
        <v>101</v>
      </c>
      <c r="BX2042" s="6">
        <v>103</v>
      </c>
      <c r="BY2042" s="6">
        <v>107</v>
      </c>
      <c r="BZ2042" s="6">
        <v>396</v>
      </c>
      <c r="CA2042" s="6">
        <v>399</v>
      </c>
      <c r="CB2042" s="6">
        <v>426</v>
      </c>
      <c r="CC2042" s="11">
        <v>431</v>
      </c>
      <c r="CD2042" s="11">
        <v>106.39</v>
      </c>
      <c r="CE2042" s="11">
        <v>786.39099999999996</v>
      </c>
      <c r="CF2042" s="11">
        <v>236.05099999999999</v>
      </c>
      <c r="CG2042" s="11">
        <v>1022</v>
      </c>
      <c r="CH2042" s="20">
        <v>1.35188</v>
      </c>
      <c r="CI2042" s="20">
        <v>1.2927500000000001</v>
      </c>
      <c r="CJ2042" s="20">
        <v>1.31359</v>
      </c>
      <c r="CK2042" s="20">
        <v>1.3427100000000001</v>
      </c>
      <c r="CL2042" s="20">
        <v>1.3150200000000001</v>
      </c>
      <c r="CM2042" s="20">
        <v>1.32836</v>
      </c>
      <c r="CN2042" s="20">
        <v>1.3325400000000001</v>
      </c>
      <c r="CO2042" s="20">
        <v>1.3157700000000001</v>
      </c>
      <c r="CP2042" s="20">
        <v>1.23797</v>
      </c>
      <c r="CQ2042" s="20">
        <v>1.30816</v>
      </c>
      <c r="CR2042" s="20">
        <v>1.28485</v>
      </c>
      <c r="CS2042" s="20">
        <v>1.26817</v>
      </c>
      <c r="CT2042" s="20">
        <v>1.4543600000000001</v>
      </c>
      <c r="CU2042" s="20">
        <v>1.4759899999999999</v>
      </c>
      <c r="CV2042" s="20">
        <v>1.4351400000000001</v>
      </c>
      <c r="CW2042" s="20">
        <v>1.4403999999999999</v>
      </c>
      <c r="CX2042" s="20">
        <v>1.4611400000000001</v>
      </c>
      <c r="CY2042" s="6" t="s">
        <v>702</v>
      </c>
      <c r="CZ2042" s="6" t="s">
        <v>703</v>
      </c>
      <c r="DA2042" s="6" t="s">
        <v>67</v>
      </c>
      <c r="DB2042" s="6" t="s">
        <v>345</v>
      </c>
      <c r="DC2042" s="6">
        <v>43460</v>
      </c>
      <c r="DD2042" s="6">
        <v>164</v>
      </c>
      <c r="DE2042" s="6" t="s">
        <v>705</v>
      </c>
      <c r="DF2042" s="6" t="s">
        <v>363</v>
      </c>
      <c r="DG2042" s="6" t="s">
        <v>364</v>
      </c>
      <c r="DH2042" s="6" t="s">
        <v>365</v>
      </c>
      <c r="DI2042" s="6" t="s">
        <v>413</v>
      </c>
      <c r="DJ2042" s="6">
        <v>29</v>
      </c>
      <c r="DK2042" s="6">
        <v>201</v>
      </c>
      <c r="DL2042" s="6">
        <v>5</v>
      </c>
      <c r="DM2042" s="6" t="s">
        <v>392</v>
      </c>
      <c r="DN2042" s="6">
        <v>4</v>
      </c>
      <c r="DO2042" s="6" t="s">
        <v>557</v>
      </c>
      <c r="DP2042" s="6"/>
      <c r="DQ2042" s="6"/>
    </row>
    <row r="2043" spans="1:121" x14ac:dyDescent="0.2">
      <c r="A2043" s="6" t="s">
        <v>322</v>
      </c>
      <c r="B2043" s="6" t="s">
        <v>322</v>
      </c>
      <c r="C2043" s="6" t="s">
        <v>191</v>
      </c>
      <c r="D2043" s="6" t="s">
        <v>67</v>
      </c>
      <c r="E2043" s="6" t="s">
        <v>208</v>
      </c>
      <c r="F2043" s="11">
        <v>-33</v>
      </c>
      <c r="G2043" s="13">
        <v>-0.35</v>
      </c>
      <c r="H2043" s="11">
        <v>-36</v>
      </c>
      <c r="I2043" s="13">
        <v>-0.38297872340425537</v>
      </c>
      <c r="J2043" s="11">
        <v>-5</v>
      </c>
      <c r="K2043" s="13">
        <v>-8.6206896551724144E-2</v>
      </c>
      <c r="L2043" s="11">
        <v>8</v>
      </c>
      <c r="M2043" s="13">
        <v>0.15094339622641509</v>
      </c>
      <c r="N2043" s="11">
        <v>3</v>
      </c>
      <c r="O2043" s="13">
        <v>5.1724137931034482E-2</v>
      </c>
      <c r="P2043" s="7">
        <v>94</v>
      </c>
      <c r="Q2043" s="7">
        <v>73</v>
      </c>
      <c r="R2043" s="7">
        <v>59</v>
      </c>
      <c r="S2043" s="7">
        <v>57</v>
      </c>
      <c r="T2043" s="7">
        <v>58</v>
      </c>
      <c r="U2043" s="7">
        <v>65</v>
      </c>
      <c r="V2043" s="7">
        <v>58</v>
      </c>
      <c r="W2043" s="7">
        <v>54</v>
      </c>
      <c r="X2043" s="7">
        <v>53</v>
      </c>
      <c r="Y2043" s="7">
        <v>53</v>
      </c>
      <c r="Z2043" s="7">
        <v>53</v>
      </c>
      <c r="AA2043" s="7">
        <v>55</v>
      </c>
      <c r="AB2043" s="7">
        <v>53</v>
      </c>
      <c r="AC2043" s="7">
        <v>59</v>
      </c>
      <c r="AD2043" s="7">
        <v>59</v>
      </c>
      <c r="AE2043" s="7">
        <v>60</v>
      </c>
      <c r="AF2043" s="7">
        <v>61</v>
      </c>
      <c r="AG2043" s="9">
        <v>5269</v>
      </c>
      <c r="AH2043" s="13">
        <v>0.39288643650734473</v>
      </c>
      <c r="AI2043" s="9">
        <v>2630</v>
      </c>
      <c r="AJ2043" s="13">
        <v>0.1961076728059056</v>
      </c>
      <c r="AK2043" s="9">
        <v>3197</v>
      </c>
      <c r="AL2043" s="13">
        <v>0.199301789165264</v>
      </c>
      <c r="AM2043" s="9">
        <v>-558</v>
      </c>
      <c r="AN2043" s="13">
        <v>-2.9005094084624181E-2</v>
      </c>
      <c r="AO2043" s="9">
        <v>2639</v>
      </c>
      <c r="AP2043" s="13">
        <v>0.16451592793466741</v>
      </c>
      <c r="AQ2043" s="9">
        <v>13411</v>
      </c>
      <c r="AR2043" s="9">
        <v>13233</v>
      </c>
      <c r="AS2043" s="9">
        <v>14446</v>
      </c>
      <c r="AT2043" s="9">
        <v>15201</v>
      </c>
      <c r="AU2043" s="9">
        <v>15194</v>
      </c>
      <c r="AV2043" s="9">
        <v>15889</v>
      </c>
      <c r="AW2043" s="9">
        <v>16041</v>
      </c>
      <c r="AX2043" s="9">
        <v>16800</v>
      </c>
      <c r="AY2043" s="9">
        <v>18550</v>
      </c>
      <c r="AZ2043" s="9">
        <v>19238</v>
      </c>
      <c r="BA2043" s="9">
        <v>15742</v>
      </c>
      <c r="BB2043" s="9">
        <v>16188</v>
      </c>
      <c r="BC2043" s="9">
        <v>17487</v>
      </c>
      <c r="BD2043" s="9">
        <v>18793</v>
      </c>
      <c r="BE2043" s="9">
        <v>20351</v>
      </c>
      <c r="BF2043" s="9">
        <v>18680</v>
      </c>
      <c r="BG2043" s="11">
        <v>-2</v>
      </c>
      <c r="BH2043" s="13">
        <v>-0.22222222222222221</v>
      </c>
      <c r="BI2043" s="6">
        <v>0</v>
      </c>
      <c r="BJ2043" s="13">
        <v>0</v>
      </c>
      <c r="BK2043" s="6">
        <v>-2</v>
      </c>
      <c r="BL2043" s="13">
        <v>-0.22222222222222221</v>
      </c>
      <c r="BM2043" s="11">
        <v>0</v>
      </c>
      <c r="BN2043" s="13">
        <v>0</v>
      </c>
      <c r="BO2043" s="11">
        <v>-2</v>
      </c>
      <c r="BP2043" s="13">
        <v>-0.22222222222222221</v>
      </c>
      <c r="BQ2043" s="6">
        <v>9</v>
      </c>
      <c r="BR2043" s="6">
        <v>8</v>
      </c>
      <c r="BS2043" s="6">
        <v>10</v>
      </c>
      <c r="BT2043" s="6">
        <v>9</v>
      </c>
      <c r="BU2043" s="6">
        <v>10</v>
      </c>
      <c r="BV2043" s="6">
        <v>7</v>
      </c>
      <c r="BW2043" s="6">
        <v>7</v>
      </c>
      <c r="BX2043" s="6">
        <v>7</v>
      </c>
      <c r="BY2043" s="6">
        <v>7</v>
      </c>
      <c r="BZ2043" s="6">
        <v>6</v>
      </c>
      <c r="CA2043" s="6">
        <v>8</v>
      </c>
      <c r="CB2043" s="6">
        <v>7</v>
      </c>
      <c r="CC2043" s="11">
        <v>7</v>
      </c>
      <c r="CD2043" s="11">
        <v>-60</v>
      </c>
      <c r="CE2043" s="11">
        <v>17</v>
      </c>
      <c r="CF2043" s="11">
        <v>10</v>
      </c>
      <c r="CG2043" s="11">
        <v>27</v>
      </c>
      <c r="CH2043" s="20">
        <v>0.38</v>
      </c>
      <c r="CI2043" s="20">
        <v>0.28000000000000003</v>
      </c>
      <c r="CJ2043" s="20">
        <v>0.23</v>
      </c>
      <c r="CK2043" s="20">
        <v>0.22</v>
      </c>
      <c r="CL2043" s="20">
        <v>0.22</v>
      </c>
      <c r="CM2043" s="20">
        <v>0.25</v>
      </c>
      <c r="CN2043" s="20">
        <v>0.22</v>
      </c>
      <c r="CO2043" s="20">
        <v>0.21</v>
      </c>
      <c r="CP2043" s="20">
        <v>0.2</v>
      </c>
      <c r="CQ2043" s="20">
        <v>0.21</v>
      </c>
      <c r="CR2043" s="20">
        <v>0.2</v>
      </c>
      <c r="CS2043" s="20">
        <v>0.19</v>
      </c>
      <c r="CT2043" s="20">
        <v>0.19</v>
      </c>
      <c r="CU2043" s="20">
        <v>0.21</v>
      </c>
      <c r="CV2043" s="20">
        <v>0.2</v>
      </c>
      <c r="CW2043" s="20">
        <v>0.2</v>
      </c>
      <c r="CX2043" s="20">
        <v>0.2</v>
      </c>
      <c r="CY2043" s="6" t="s">
        <v>702</v>
      </c>
      <c r="CZ2043" s="6" t="s">
        <v>703</v>
      </c>
      <c r="DA2043" s="6" t="s">
        <v>67</v>
      </c>
      <c r="DB2043" s="6" t="s">
        <v>345</v>
      </c>
      <c r="DC2043" s="6">
        <v>43460</v>
      </c>
      <c r="DD2043" s="6">
        <v>164</v>
      </c>
      <c r="DE2043" s="6" t="s">
        <v>705</v>
      </c>
      <c r="DF2043" s="6" t="s">
        <v>363</v>
      </c>
      <c r="DG2043" s="6" t="s">
        <v>364</v>
      </c>
      <c r="DH2043" s="6" t="s">
        <v>365</v>
      </c>
      <c r="DI2043" s="6" t="s">
        <v>413</v>
      </c>
      <c r="DJ2043" s="6">
        <v>29</v>
      </c>
      <c r="DK2043" s="6">
        <v>201</v>
      </c>
      <c r="DL2043" s="6">
        <v>5</v>
      </c>
      <c r="DM2043" s="6" t="s">
        <v>392</v>
      </c>
      <c r="DN2043" s="6">
        <v>4</v>
      </c>
      <c r="DO2043" s="6" t="s">
        <v>557</v>
      </c>
      <c r="DP2043" s="6"/>
      <c r="DQ2043" s="6"/>
    </row>
    <row r="2044" spans="1:121" x14ac:dyDescent="0.2">
      <c r="A2044" s="6" t="s">
        <v>323</v>
      </c>
      <c r="B2044" s="6" t="s">
        <v>323</v>
      </c>
      <c r="C2044" s="6" t="s">
        <v>192</v>
      </c>
      <c r="D2044" s="6" t="s">
        <v>67</v>
      </c>
      <c r="E2044" s="6" t="s">
        <v>208</v>
      </c>
      <c r="F2044" s="11">
        <v>244</v>
      </c>
      <c r="G2044" s="13">
        <v>0.226345083488</v>
      </c>
      <c r="H2044" s="11">
        <v>199.32905485999981</v>
      </c>
      <c r="I2044" s="13">
        <v>0.18498704536112195</v>
      </c>
      <c r="J2044" s="11">
        <v>-81.625447059999942</v>
      </c>
      <c r="K2044" s="13">
        <v>-6.3926757800096809E-2</v>
      </c>
      <c r="L2044" s="11">
        <v>126.77850158000001</v>
      </c>
      <c r="M2044" s="13">
        <v>0.1060700782408892</v>
      </c>
      <c r="N2044" s="11">
        <v>45.153054520000069</v>
      </c>
      <c r="O2044" s="13">
        <v>3.5362604239249758E-2</v>
      </c>
      <c r="P2044" s="7">
        <v>1077.5298047000001</v>
      </c>
      <c r="Q2044" s="7">
        <v>1174.4371867699999</v>
      </c>
      <c r="R2044" s="7">
        <v>1325.1765580799999</v>
      </c>
      <c r="S2044" s="7">
        <v>1391.5218771899999</v>
      </c>
      <c r="T2044" s="7">
        <v>1332.2646330699999</v>
      </c>
      <c r="U2044" s="7">
        <v>1290.4398438400001</v>
      </c>
      <c r="V2044" s="7">
        <v>1276.8588595599999</v>
      </c>
      <c r="W2044" s="7">
        <v>1194.5596053100001</v>
      </c>
      <c r="X2044" s="7">
        <v>1256.50031205</v>
      </c>
      <c r="Y2044" s="7">
        <v>1195.2334125</v>
      </c>
      <c r="Z2044" s="7">
        <v>1163.14887552</v>
      </c>
      <c r="AA2044" s="7">
        <v>1227.45795705</v>
      </c>
      <c r="AB2044" s="7">
        <v>1205.94314422</v>
      </c>
      <c r="AC2044" s="7">
        <v>1262.7168715299999</v>
      </c>
      <c r="AD2044" s="7">
        <v>1285.4807033300001</v>
      </c>
      <c r="AE2044" s="7">
        <v>1315.5921120999999</v>
      </c>
      <c r="AF2044" s="7">
        <v>1322.01191408</v>
      </c>
      <c r="AG2044" s="9">
        <v>4101.675180000002</v>
      </c>
      <c r="AH2044" s="13">
        <v>0.30812677088389012</v>
      </c>
      <c r="AI2044" s="9">
        <v>368.46414900000127</v>
      </c>
      <c r="AJ2044" s="13">
        <v>2.7679829200383168E-2</v>
      </c>
      <c r="AK2044" s="9">
        <v>1915.0969452999998</v>
      </c>
      <c r="AL2044" s="13">
        <v>0.13999131689676012</v>
      </c>
      <c r="AM2044" s="9">
        <v>1818.1140857000009</v>
      </c>
      <c r="AN2044" s="13">
        <v>0.11658157639961232</v>
      </c>
      <c r="AO2044" s="9">
        <v>3733.2110310000007</v>
      </c>
      <c r="AP2044" s="13">
        <v>0.2728933017024544</v>
      </c>
      <c r="AQ2044" s="9">
        <v>13311.648216199999</v>
      </c>
      <c r="AR2044" s="9">
        <v>13447.3835273</v>
      </c>
      <c r="AS2044" s="9">
        <v>12511.5526902</v>
      </c>
      <c r="AT2044" s="9">
        <v>13338.1556827</v>
      </c>
      <c r="AU2044" s="9">
        <v>13857.719477299999</v>
      </c>
      <c r="AV2044" s="9">
        <v>14003.9310472</v>
      </c>
      <c r="AW2044" s="9">
        <v>13680.112365200001</v>
      </c>
      <c r="AX2044" s="9">
        <v>14662.0766021</v>
      </c>
      <c r="AY2044" s="9">
        <v>15218.956327800001</v>
      </c>
      <c r="AZ2044" s="9">
        <v>15595.2093105</v>
      </c>
      <c r="BA2044" s="9">
        <v>15885.134719899999</v>
      </c>
      <c r="BB2044" s="9">
        <v>16728.2943552</v>
      </c>
      <c r="BC2044" s="9">
        <v>17073.045277199999</v>
      </c>
      <c r="BD2044" s="9">
        <v>17045.987761</v>
      </c>
      <c r="BE2044" s="9">
        <v>17453.6939982</v>
      </c>
      <c r="BF2044" s="9">
        <v>17413.323396200001</v>
      </c>
      <c r="BG2044" s="11">
        <v>-2.75</v>
      </c>
      <c r="BH2044" s="13">
        <v>-3.8194444444444448E-2</v>
      </c>
      <c r="BI2044" s="6">
        <v>-5</v>
      </c>
      <c r="BJ2044" s="13">
        <v>-6.9444444444444448E-2</v>
      </c>
      <c r="BK2044" s="6">
        <v>0</v>
      </c>
      <c r="BL2044" s="13">
        <v>0</v>
      </c>
      <c r="BM2044" s="11">
        <v>2.25</v>
      </c>
      <c r="BN2044" s="13">
        <v>3.3582089552238806E-2</v>
      </c>
      <c r="BO2044" s="11">
        <v>2.25</v>
      </c>
      <c r="BP2044" s="13">
        <v>3.3582089552238806E-2</v>
      </c>
      <c r="BQ2044" s="6">
        <v>72</v>
      </c>
      <c r="BR2044" s="6">
        <v>75</v>
      </c>
      <c r="BS2044" s="6">
        <v>70</v>
      </c>
      <c r="BT2044" s="6">
        <v>67</v>
      </c>
      <c r="BU2044" s="6">
        <v>65</v>
      </c>
      <c r="BV2044" s="6">
        <v>66</v>
      </c>
      <c r="BW2044" s="6">
        <v>67</v>
      </c>
      <c r="BX2044" s="6">
        <v>67</v>
      </c>
      <c r="BY2044" s="6">
        <v>66</v>
      </c>
      <c r="BZ2044" s="6">
        <v>65</v>
      </c>
      <c r="CA2044" s="6">
        <v>67</v>
      </c>
      <c r="CB2044" s="6">
        <v>70</v>
      </c>
      <c r="CC2044" s="11">
        <v>69.25</v>
      </c>
      <c r="CD2044" s="11">
        <v>-118.34099999999999</v>
      </c>
      <c r="CE2044" s="11">
        <v>245.036</v>
      </c>
      <c r="CF2044" s="11">
        <v>117.78700000000001</v>
      </c>
      <c r="CG2044" s="11">
        <v>363</v>
      </c>
      <c r="CH2044" s="20">
        <v>0.90897600000000001</v>
      </c>
      <c r="CI2044" s="20">
        <v>0.95361099999999999</v>
      </c>
      <c r="CJ2044" s="20">
        <v>1.0615399999999999</v>
      </c>
      <c r="CK2044" s="20">
        <v>1.0886199999999999</v>
      </c>
      <c r="CL2044" s="20">
        <v>1.0368200000000001</v>
      </c>
      <c r="CM2044" s="20">
        <v>0.98998900000000001</v>
      </c>
      <c r="CN2044" s="20">
        <v>1.0089300000000001</v>
      </c>
      <c r="CO2044" s="20">
        <v>0.95526100000000003</v>
      </c>
      <c r="CP2044" s="20">
        <v>0.97492199999999996</v>
      </c>
      <c r="CQ2044" s="20">
        <v>0.95579700000000001</v>
      </c>
      <c r="CR2044" s="20">
        <v>0.87186300000000005</v>
      </c>
      <c r="CS2044" s="20">
        <v>0.87166500000000002</v>
      </c>
      <c r="CT2044" s="20">
        <v>0.864954</v>
      </c>
      <c r="CU2044" s="20">
        <v>0.88452200000000003</v>
      </c>
      <c r="CV2044" s="20">
        <v>0.86956100000000003</v>
      </c>
      <c r="CW2044" s="20">
        <v>0.88458400000000004</v>
      </c>
      <c r="CX2044" s="20">
        <v>0.87255000000000005</v>
      </c>
      <c r="CY2044" s="6" t="s">
        <v>702</v>
      </c>
      <c r="CZ2044" s="6" t="s">
        <v>703</v>
      </c>
      <c r="DA2044" s="6" t="s">
        <v>67</v>
      </c>
      <c r="DB2044" s="6" t="s">
        <v>345</v>
      </c>
      <c r="DC2044" s="6">
        <v>43460</v>
      </c>
      <c r="DD2044" s="6">
        <v>164</v>
      </c>
      <c r="DE2044" s="6" t="s">
        <v>705</v>
      </c>
      <c r="DF2044" s="6" t="s">
        <v>363</v>
      </c>
      <c r="DG2044" s="6" t="s">
        <v>364</v>
      </c>
      <c r="DH2044" s="6" t="s">
        <v>365</v>
      </c>
      <c r="DI2044" s="6" t="s">
        <v>413</v>
      </c>
      <c r="DJ2044" s="6">
        <v>29</v>
      </c>
      <c r="DK2044" s="6">
        <v>201</v>
      </c>
      <c r="DL2044" s="6">
        <v>5</v>
      </c>
      <c r="DM2044" s="6" t="s">
        <v>392</v>
      </c>
      <c r="DN2044" s="6">
        <v>4</v>
      </c>
      <c r="DO2044" s="6" t="s">
        <v>557</v>
      </c>
      <c r="DP2044" s="6"/>
      <c r="DQ2044" s="6"/>
    </row>
    <row r="2045" spans="1:121" x14ac:dyDescent="0.2">
      <c r="A2045" s="6" t="s">
        <v>325</v>
      </c>
      <c r="B2045" s="6" t="s">
        <v>325</v>
      </c>
      <c r="C2045" s="6" t="s">
        <v>193</v>
      </c>
      <c r="D2045" s="6" t="s">
        <v>67</v>
      </c>
      <c r="E2045" s="6" t="s">
        <v>208</v>
      </c>
      <c r="F2045" s="11">
        <v>-38</v>
      </c>
      <c r="G2045" s="13">
        <v>-3.8934426229499997E-2</v>
      </c>
      <c r="H2045" s="11">
        <v>86.023204214999964</v>
      </c>
      <c r="I2045" s="13">
        <v>8.8163869621768934E-2</v>
      </c>
      <c r="J2045" s="11">
        <v>130.45812277000005</v>
      </c>
      <c r="K2045" s="13">
        <v>0.12287169559481796</v>
      </c>
      <c r="L2045" s="11">
        <v>-253.9685908670001</v>
      </c>
      <c r="M2045" s="13">
        <v>-0.21302501334445031</v>
      </c>
      <c r="N2045" s="11">
        <v>-123.51046809700006</v>
      </c>
      <c r="O2045" s="13">
        <v>-0.11632806234337371</v>
      </c>
      <c r="P2045" s="7">
        <v>975.71947084500005</v>
      </c>
      <c r="Q2045" s="7">
        <v>921.66757873100005</v>
      </c>
      <c r="R2045" s="7">
        <v>941.36757535200002</v>
      </c>
      <c r="S2045" s="7">
        <v>969.93946058100005</v>
      </c>
      <c r="T2045" s="7">
        <v>985.70336372300005</v>
      </c>
      <c r="U2045" s="7">
        <v>997.14795035500003</v>
      </c>
      <c r="V2045" s="7">
        <v>1061.74267506</v>
      </c>
      <c r="W2045" s="7">
        <v>1019.02710161</v>
      </c>
      <c r="X2045" s="7">
        <v>1158.32440924</v>
      </c>
      <c r="Y2045" s="7">
        <v>1192.2007978300001</v>
      </c>
      <c r="Z2045" s="7">
        <v>1233.7965483</v>
      </c>
      <c r="AA2045" s="7">
        <v>1284.50015833</v>
      </c>
      <c r="AB2045" s="7">
        <v>896.75646235900001</v>
      </c>
      <c r="AC2045" s="7">
        <v>884.04542027699995</v>
      </c>
      <c r="AD2045" s="7">
        <v>911.45890857999996</v>
      </c>
      <c r="AE2045" s="7">
        <v>948.30853134200004</v>
      </c>
      <c r="AF2045" s="7">
        <v>938.23220696299995</v>
      </c>
      <c r="AG2045" s="9">
        <v>5632.0758464999981</v>
      </c>
      <c r="AH2045" s="13">
        <v>0.35200113839180075</v>
      </c>
      <c r="AI2045" s="9">
        <v>845.41587569999865</v>
      </c>
      <c r="AJ2045" s="13">
        <v>5.2837951542473206E-2</v>
      </c>
      <c r="AK2045" s="9">
        <v>-1057.3003036999999</v>
      </c>
      <c r="AL2045" s="13">
        <v>-6.2764257960315636E-2</v>
      </c>
      <c r="AM2045" s="9">
        <v>5843.9602744999993</v>
      </c>
      <c r="AN2045" s="13">
        <v>0.3701454834740659</v>
      </c>
      <c r="AO2045" s="9">
        <v>4786.6599707999994</v>
      </c>
      <c r="AP2045" s="13">
        <v>0.28414931890613826</v>
      </c>
      <c r="AQ2045" s="9">
        <v>16000.1637274</v>
      </c>
      <c r="AR2045" s="9">
        <v>15997.6653692</v>
      </c>
      <c r="AS2045" s="9">
        <v>16008.3503994</v>
      </c>
      <c r="AT2045" s="9">
        <v>16674.460388799998</v>
      </c>
      <c r="AU2045" s="9">
        <v>16350.479427099999</v>
      </c>
      <c r="AV2045" s="9">
        <v>16589.255803200002</v>
      </c>
      <c r="AW2045" s="9">
        <v>16845.579603099999</v>
      </c>
      <c r="AX2045" s="9">
        <v>18038.564616899999</v>
      </c>
      <c r="AY2045" s="9">
        <v>16406.3104241</v>
      </c>
      <c r="AZ2045" s="9">
        <v>15788.279299399999</v>
      </c>
      <c r="BA2045" s="9">
        <v>15379.786148900001</v>
      </c>
      <c r="BB2045" s="9">
        <v>15143.2450417</v>
      </c>
      <c r="BC2045" s="9">
        <v>17508.551946399999</v>
      </c>
      <c r="BD2045" s="9">
        <v>18354.193421200001</v>
      </c>
      <c r="BE2045" s="9">
        <v>19646.2138591</v>
      </c>
      <c r="BF2045" s="9">
        <v>21632.239573899999</v>
      </c>
      <c r="BG2045" s="11">
        <v>-41.5</v>
      </c>
      <c r="BH2045" s="13">
        <v>-0.31923076923076921</v>
      </c>
      <c r="BI2045" s="6">
        <v>32</v>
      </c>
      <c r="BJ2045" s="13">
        <v>0.24615384615384617</v>
      </c>
      <c r="BK2045" s="6">
        <v>147</v>
      </c>
      <c r="BL2045" s="13">
        <v>0.90740740740740744</v>
      </c>
      <c r="BM2045" s="11">
        <v>-220.5</v>
      </c>
      <c r="BN2045" s="13">
        <v>-0.71359223300970875</v>
      </c>
      <c r="BO2045" s="11">
        <v>-73.5</v>
      </c>
      <c r="BP2045" s="13">
        <v>-0.45370370370370372</v>
      </c>
      <c r="BQ2045" s="6">
        <v>130</v>
      </c>
      <c r="BR2045" s="6">
        <v>134</v>
      </c>
      <c r="BS2045" s="6">
        <v>150</v>
      </c>
      <c r="BT2045" s="6">
        <v>162</v>
      </c>
      <c r="BU2045" s="6">
        <v>192</v>
      </c>
      <c r="BV2045" s="6">
        <v>259</v>
      </c>
      <c r="BW2045" s="6">
        <v>309</v>
      </c>
      <c r="BX2045" s="6">
        <v>339</v>
      </c>
      <c r="BY2045" s="6">
        <v>361</v>
      </c>
      <c r="BZ2045" s="6">
        <v>77</v>
      </c>
      <c r="CA2045" s="6">
        <v>83</v>
      </c>
      <c r="CB2045" s="6">
        <v>88</v>
      </c>
      <c r="CC2045" s="11">
        <v>88.5</v>
      </c>
      <c r="CD2045" s="11">
        <v>-135.16</v>
      </c>
      <c r="CE2045" s="11">
        <v>-8.9854500000000002</v>
      </c>
      <c r="CF2045" s="11">
        <v>106.658</v>
      </c>
      <c r="CG2045" s="11">
        <v>98</v>
      </c>
      <c r="CH2045" s="20">
        <v>1.2117599999999999</v>
      </c>
      <c r="CI2045" s="20">
        <v>1.09718</v>
      </c>
      <c r="CJ2045" s="20">
        <v>1.11191</v>
      </c>
      <c r="CK2045" s="20">
        <v>1.1391199999999999</v>
      </c>
      <c r="CL2045" s="20">
        <v>1.17069</v>
      </c>
      <c r="CM2045" s="20">
        <v>1.1783600000000001</v>
      </c>
      <c r="CN2045" s="20">
        <v>1.2986899999999999</v>
      </c>
      <c r="CO2045" s="20">
        <v>1.2602500000000001</v>
      </c>
      <c r="CP2045" s="20">
        <v>1.3615999999999999</v>
      </c>
      <c r="CQ2045" s="20">
        <v>1.45506</v>
      </c>
      <c r="CR2045" s="20">
        <v>1.43208</v>
      </c>
      <c r="CS2045" s="20">
        <v>1.4234199999999999</v>
      </c>
      <c r="CT2045" s="20">
        <v>1.0948599999999999</v>
      </c>
      <c r="CU2045" s="20">
        <v>1.06535</v>
      </c>
      <c r="CV2045" s="20">
        <v>1.08168</v>
      </c>
      <c r="CW2045" s="20">
        <v>1.1305400000000001</v>
      </c>
      <c r="CX2045" s="20">
        <v>1.1077399999999999</v>
      </c>
      <c r="CY2045" s="6" t="s">
        <v>702</v>
      </c>
      <c r="CZ2045" s="6" t="s">
        <v>703</v>
      </c>
      <c r="DA2045" s="6" t="s">
        <v>67</v>
      </c>
      <c r="DB2045" s="6" t="s">
        <v>345</v>
      </c>
      <c r="DC2045" s="6">
        <v>43460</v>
      </c>
      <c r="DD2045" s="6">
        <v>164</v>
      </c>
      <c r="DE2045" s="6" t="s">
        <v>705</v>
      </c>
      <c r="DF2045" s="6" t="s">
        <v>363</v>
      </c>
      <c r="DG2045" s="6" t="s">
        <v>364</v>
      </c>
      <c r="DH2045" s="6" t="s">
        <v>365</v>
      </c>
      <c r="DI2045" s="6" t="s">
        <v>413</v>
      </c>
      <c r="DJ2045" s="6">
        <v>29</v>
      </c>
      <c r="DK2045" s="6">
        <v>201</v>
      </c>
      <c r="DL2045" s="6">
        <v>5</v>
      </c>
      <c r="DM2045" s="6" t="s">
        <v>392</v>
      </c>
      <c r="DN2045" s="6">
        <v>4</v>
      </c>
      <c r="DO2045" s="6" t="s">
        <v>557</v>
      </c>
      <c r="DP2045" s="6"/>
      <c r="DQ2045" s="6"/>
    </row>
    <row r="2046" spans="1:121" x14ac:dyDescent="0.2">
      <c r="A2046" s="6" t="s">
        <v>327</v>
      </c>
      <c r="B2046" s="6" t="s">
        <v>327</v>
      </c>
      <c r="C2046" s="6" t="s">
        <v>194</v>
      </c>
      <c r="D2046" s="6" t="s">
        <v>67</v>
      </c>
      <c r="E2046" s="6" t="s">
        <v>208</v>
      </c>
      <c r="F2046" s="11">
        <v>-345</v>
      </c>
      <c r="G2046" s="13">
        <v>-0.13083048919199999</v>
      </c>
      <c r="H2046" s="11">
        <v>-94.712550999999621</v>
      </c>
      <c r="I2046" s="13">
        <v>-3.5911284778005384E-2</v>
      </c>
      <c r="J2046" s="11">
        <v>-114.07831900000019</v>
      </c>
      <c r="K2046" s="13">
        <v>-4.4865191147400466E-2</v>
      </c>
      <c r="L2046" s="11">
        <v>-136.55508683000016</v>
      </c>
      <c r="M2046" s="13">
        <v>-5.6227609418311814E-2</v>
      </c>
      <c r="N2046" s="11">
        <v>-250.63340583000036</v>
      </c>
      <c r="O2046" s="13">
        <v>-9.8570138121398337E-2</v>
      </c>
      <c r="P2046" s="7">
        <v>2637.4035789999998</v>
      </c>
      <c r="Q2046" s="7">
        <v>2622.760663</v>
      </c>
      <c r="R2046" s="7">
        <v>2610.6151159999999</v>
      </c>
      <c r="S2046" s="7">
        <v>2545.8689079999999</v>
      </c>
      <c r="T2046" s="7">
        <v>2507.241587</v>
      </c>
      <c r="U2046" s="7">
        <v>2543.9189080000001</v>
      </c>
      <c r="V2046" s="7">
        <v>2542.6910280000002</v>
      </c>
      <c r="W2046" s="7">
        <v>2555.6882730000002</v>
      </c>
      <c r="X2046" s="7">
        <v>2591.7128280000002</v>
      </c>
      <c r="Y2046" s="7">
        <v>2428.612709</v>
      </c>
      <c r="Z2046" s="7">
        <v>2375.8320370000001</v>
      </c>
      <c r="AA2046" s="7">
        <v>2359.0769209999999</v>
      </c>
      <c r="AB2046" s="7">
        <v>2351.3840700000001</v>
      </c>
      <c r="AC2046" s="7">
        <v>2346.9436900000001</v>
      </c>
      <c r="AD2046" s="7">
        <v>2303.5107269999999</v>
      </c>
      <c r="AE2046" s="7">
        <v>2316.4421794999998</v>
      </c>
      <c r="AF2046" s="7">
        <v>2292.0576221699998</v>
      </c>
      <c r="AG2046" s="9">
        <v>14963.050038200003</v>
      </c>
      <c r="AH2046" s="13">
        <v>0.41759811149128001</v>
      </c>
      <c r="AI2046" s="9">
        <v>8533.7230427000031</v>
      </c>
      <c r="AJ2046" s="13">
        <v>0.23816445293728605</v>
      </c>
      <c r="AK2046" s="9">
        <v>4811.2540505999932</v>
      </c>
      <c r="AL2046" s="13">
        <v>0.10844720312749084</v>
      </c>
      <c r="AM2046" s="9">
        <v>1618.0729449000064</v>
      </c>
      <c r="AN2046" s="13">
        <v>3.2903579823602029E-2</v>
      </c>
      <c r="AO2046" s="9">
        <v>6429.3269954999996</v>
      </c>
      <c r="AP2046" s="13">
        <v>0.14491908415584465</v>
      </c>
      <c r="AQ2046" s="9">
        <v>35831.2205598</v>
      </c>
      <c r="AR2046" s="9">
        <v>37184.086062299997</v>
      </c>
      <c r="AS2046" s="9">
        <v>38605.268405199997</v>
      </c>
      <c r="AT2046" s="9">
        <v>41251.497770800001</v>
      </c>
      <c r="AU2046" s="9">
        <v>42559.067630600002</v>
      </c>
      <c r="AV2046" s="9">
        <v>44049.889582199998</v>
      </c>
      <c r="AW2046" s="9">
        <v>44364.943602500003</v>
      </c>
      <c r="AX2046" s="9">
        <v>45654.510082300003</v>
      </c>
      <c r="AY2046" s="9">
        <v>46463.116752299997</v>
      </c>
      <c r="AZ2046" s="9">
        <v>49176.197653099996</v>
      </c>
      <c r="BA2046" s="9">
        <v>48529.0202441</v>
      </c>
      <c r="BB2046" s="9">
        <v>48633.626759799998</v>
      </c>
      <c r="BC2046" s="9">
        <v>49115.489389499999</v>
      </c>
      <c r="BD2046" s="9">
        <v>48954.082295699998</v>
      </c>
      <c r="BE2046" s="9">
        <v>50813.028115000001</v>
      </c>
      <c r="BF2046" s="9">
        <v>50794.270598000003</v>
      </c>
      <c r="BG2046" s="11">
        <v>-2.5</v>
      </c>
      <c r="BH2046" s="13">
        <v>-2.403846153846154E-2</v>
      </c>
      <c r="BI2046" s="6">
        <v>1</v>
      </c>
      <c r="BJ2046" s="13">
        <v>9.6153846153846159E-3</v>
      </c>
      <c r="BK2046" s="6">
        <v>-2</v>
      </c>
      <c r="BL2046" s="13">
        <v>-1.9047619047619049E-2</v>
      </c>
      <c r="BM2046" s="11">
        <v>-1.5</v>
      </c>
      <c r="BN2046" s="13">
        <v>-1.4563106796116505E-2</v>
      </c>
      <c r="BO2046" s="11">
        <v>-3.5</v>
      </c>
      <c r="BP2046" s="13">
        <v>-3.3333333333333333E-2</v>
      </c>
      <c r="BQ2046" s="6">
        <v>104</v>
      </c>
      <c r="BR2046" s="6">
        <v>100</v>
      </c>
      <c r="BS2046" s="6">
        <v>101</v>
      </c>
      <c r="BT2046" s="6">
        <v>105</v>
      </c>
      <c r="BU2046" s="6">
        <v>105</v>
      </c>
      <c r="BV2046" s="6">
        <v>105</v>
      </c>
      <c r="BW2046" s="6">
        <v>103</v>
      </c>
      <c r="BX2046" s="6">
        <v>103</v>
      </c>
      <c r="BY2046" s="6">
        <v>102</v>
      </c>
      <c r="BZ2046" s="6">
        <v>102</v>
      </c>
      <c r="CA2046" s="6">
        <v>101</v>
      </c>
      <c r="CB2046" s="6">
        <v>102</v>
      </c>
      <c r="CC2046" s="11">
        <v>101.5</v>
      </c>
      <c r="CD2046" s="11">
        <v>-479.029</v>
      </c>
      <c r="CE2046" s="11">
        <v>-154.61699999999999</v>
      </c>
      <c r="CF2046" s="11">
        <v>288.3</v>
      </c>
      <c r="CG2046" s="11">
        <v>133</v>
      </c>
      <c r="CH2046" s="20">
        <v>0.986039</v>
      </c>
      <c r="CI2046" s="20">
        <v>0.93806299999999998</v>
      </c>
      <c r="CJ2046" s="20">
        <v>0.93329099999999998</v>
      </c>
      <c r="CK2046" s="20">
        <v>0.91150399999999998</v>
      </c>
      <c r="CL2046" s="20">
        <v>0.90989200000000003</v>
      </c>
      <c r="CM2046" s="20">
        <v>0.92464599999999997</v>
      </c>
      <c r="CN2046" s="20">
        <v>0.963472</v>
      </c>
      <c r="CO2046" s="20">
        <v>0.96932200000000002</v>
      </c>
      <c r="CP2046" s="20">
        <v>0.92387399999999997</v>
      </c>
      <c r="CQ2046" s="20">
        <v>0.89372099999999999</v>
      </c>
      <c r="CR2046" s="20">
        <v>0.85099899999999995</v>
      </c>
      <c r="CS2046" s="20">
        <v>0.83409599999999995</v>
      </c>
      <c r="CT2046" s="20">
        <v>0.87002100000000004</v>
      </c>
      <c r="CU2046" s="20">
        <v>0.873332</v>
      </c>
      <c r="CV2046" s="20">
        <v>0.85138400000000003</v>
      </c>
      <c r="CW2046" s="20">
        <v>0.86440700000000004</v>
      </c>
      <c r="CX2046" s="20">
        <v>0.85298399999999996</v>
      </c>
      <c r="CY2046" s="6" t="s">
        <v>702</v>
      </c>
      <c r="CZ2046" s="6" t="s">
        <v>703</v>
      </c>
      <c r="DA2046" s="6" t="s">
        <v>67</v>
      </c>
      <c r="DB2046" s="6" t="s">
        <v>345</v>
      </c>
      <c r="DC2046" s="6">
        <v>43460</v>
      </c>
      <c r="DD2046" s="6">
        <v>164</v>
      </c>
      <c r="DE2046" s="6" t="s">
        <v>705</v>
      </c>
      <c r="DF2046" s="6" t="s">
        <v>363</v>
      </c>
      <c r="DG2046" s="6" t="s">
        <v>364</v>
      </c>
      <c r="DH2046" s="6" t="s">
        <v>365</v>
      </c>
      <c r="DI2046" s="6" t="s">
        <v>413</v>
      </c>
      <c r="DJ2046" s="6">
        <v>29</v>
      </c>
      <c r="DK2046" s="6">
        <v>201</v>
      </c>
      <c r="DL2046" s="6">
        <v>5</v>
      </c>
      <c r="DM2046" s="6" t="s">
        <v>392</v>
      </c>
      <c r="DN2046" s="6">
        <v>4</v>
      </c>
      <c r="DO2046" s="6" t="s">
        <v>557</v>
      </c>
      <c r="DP2046" s="6"/>
      <c r="DQ2046" s="6"/>
    </row>
    <row r="2047" spans="1:121" x14ac:dyDescent="0.2">
      <c r="A2047" s="6" t="s">
        <v>1</v>
      </c>
      <c r="B2047" s="6" t="s">
        <v>1</v>
      </c>
      <c r="C2047" s="6" t="s">
        <v>2</v>
      </c>
      <c r="D2047" s="6" t="s">
        <v>116</v>
      </c>
      <c r="E2047" s="6" t="s">
        <v>257</v>
      </c>
      <c r="F2047" s="11">
        <v>-4</v>
      </c>
      <c r="G2047" s="13">
        <v>-2.5974025974E-2</v>
      </c>
      <c r="H2047" s="11">
        <v>20.24935349399999</v>
      </c>
      <c r="I2047" s="13">
        <v>0.13150815864969609</v>
      </c>
      <c r="J2047" s="11">
        <v>-52.573505966999988</v>
      </c>
      <c r="K2047" s="13">
        <v>-0.3017524361371306</v>
      </c>
      <c r="L2047" s="11">
        <v>28.166641792000007</v>
      </c>
      <c r="M2047" s="13">
        <v>0.23153118084917071</v>
      </c>
      <c r="N2047" s="11">
        <v>-24.406864174999981</v>
      </c>
      <c r="O2047" s="13">
        <v>-0.14008635315090368</v>
      </c>
      <c r="P2047" s="7">
        <v>153.977925795</v>
      </c>
      <c r="Q2047" s="7">
        <v>153.22054106100001</v>
      </c>
      <c r="R2047" s="7">
        <v>140.01218788099999</v>
      </c>
      <c r="S2047" s="7">
        <v>137.26482889499999</v>
      </c>
      <c r="T2047" s="7">
        <v>160.32064371199999</v>
      </c>
      <c r="U2047" s="7">
        <v>154.37899519800001</v>
      </c>
      <c r="V2047" s="7">
        <v>174.22727928899999</v>
      </c>
      <c r="W2047" s="7">
        <v>177.327286281</v>
      </c>
      <c r="X2047" s="7">
        <v>137.23682610099999</v>
      </c>
      <c r="Y2047" s="7">
        <v>121.65377332200001</v>
      </c>
      <c r="Z2047" s="7">
        <v>150.95978353300001</v>
      </c>
      <c r="AA2047" s="7">
        <v>152.33853741499999</v>
      </c>
      <c r="AB2047" s="7">
        <v>127.272750837</v>
      </c>
      <c r="AC2047" s="7">
        <v>115.584276321</v>
      </c>
      <c r="AD2047" s="7">
        <v>153.586641805</v>
      </c>
      <c r="AE2047" s="7">
        <v>152.405159623</v>
      </c>
      <c r="AF2047" s="7">
        <v>149.82041511400001</v>
      </c>
      <c r="AG2047" s="9">
        <v>4520.8488410999998</v>
      </c>
      <c r="AH2047" s="13">
        <v>0.22169390618977991</v>
      </c>
      <c r="AI2047" s="9">
        <v>-140.41849619999994</v>
      </c>
      <c r="AJ2047" s="13">
        <v>-6.8858583903235113E-3</v>
      </c>
      <c r="AK2047" s="9">
        <v>-996.04428879999978</v>
      </c>
      <c r="AL2047" s="13">
        <v>-4.9182800358950313E-2</v>
      </c>
      <c r="AM2047" s="9">
        <v>5657.3116260999996</v>
      </c>
      <c r="AN2047" s="13">
        <v>0.29379721591228797</v>
      </c>
      <c r="AO2047" s="9">
        <v>4661.2673372999998</v>
      </c>
      <c r="AP2047" s="13">
        <v>0.23016464573710815</v>
      </c>
      <c r="AQ2047" s="9">
        <v>20392.300892700001</v>
      </c>
      <c r="AR2047" s="9">
        <v>20279.0735494</v>
      </c>
      <c r="AS2047" s="9">
        <v>20698.963992000001</v>
      </c>
      <c r="AT2047" s="9">
        <v>21679.939189299999</v>
      </c>
      <c r="AU2047" s="9">
        <v>20611.698059499999</v>
      </c>
      <c r="AV2047" s="9">
        <v>20340.511213500002</v>
      </c>
      <c r="AW2047" s="9">
        <v>20251.882396500001</v>
      </c>
      <c r="AX2047" s="9">
        <v>18583.911795399999</v>
      </c>
      <c r="AY2047" s="9">
        <v>19045.2343201</v>
      </c>
      <c r="AZ2047" s="9">
        <v>19255.838107700001</v>
      </c>
      <c r="BA2047" s="9">
        <v>21157.471790399999</v>
      </c>
      <c r="BB2047" s="9">
        <v>20108.072272199999</v>
      </c>
      <c r="BC2047" s="9">
        <v>23331.600992700001</v>
      </c>
      <c r="BD2047" s="9">
        <v>22660.821680100002</v>
      </c>
      <c r="BE2047" s="9">
        <v>25144.680155499998</v>
      </c>
      <c r="BF2047" s="9">
        <v>24913.149733800001</v>
      </c>
      <c r="BG2047" s="11">
        <v>-1</v>
      </c>
      <c r="BH2047" s="13">
        <v>-0.16666666666666666</v>
      </c>
      <c r="BI2047" s="6">
        <v>1</v>
      </c>
      <c r="BJ2047" s="13">
        <v>0.16666666666666666</v>
      </c>
      <c r="BK2047" s="6">
        <v>-2</v>
      </c>
      <c r="BL2047" s="13">
        <v>-0.2857142857142857</v>
      </c>
      <c r="BM2047" s="11">
        <v>0</v>
      </c>
      <c r="BN2047" s="13">
        <v>0</v>
      </c>
      <c r="BO2047" s="11">
        <v>-2</v>
      </c>
      <c r="BP2047" s="13">
        <v>-0.2857142857142857</v>
      </c>
      <c r="BQ2047" s="6">
        <v>6</v>
      </c>
      <c r="BR2047" s="6">
        <v>6</v>
      </c>
      <c r="BS2047" s="6">
        <v>7</v>
      </c>
      <c r="BT2047" s="6">
        <v>7</v>
      </c>
      <c r="BU2047" s="6">
        <v>7</v>
      </c>
      <c r="BV2047" s="6">
        <v>5</v>
      </c>
      <c r="BW2047" s="6">
        <v>5</v>
      </c>
      <c r="BX2047" s="6">
        <v>5</v>
      </c>
      <c r="BY2047" s="6">
        <v>5</v>
      </c>
      <c r="BZ2047" s="6">
        <v>5</v>
      </c>
      <c r="CA2047" s="6">
        <v>4</v>
      </c>
      <c r="CB2047" s="6">
        <v>5</v>
      </c>
      <c r="CC2047" s="11">
        <v>5</v>
      </c>
      <c r="CD2047" s="11">
        <v>-6.9504200000000003</v>
      </c>
      <c r="CE2047" s="11">
        <v>-14.0387</v>
      </c>
      <c r="CF2047" s="11">
        <v>16.831600000000002</v>
      </c>
      <c r="CG2047" s="11">
        <v>3</v>
      </c>
      <c r="CH2047" s="20">
        <v>4.9031500000000001</v>
      </c>
      <c r="CI2047" s="20">
        <v>4.7478600000000002</v>
      </c>
      <c r="CJ2047" s="20">
        <v>4.1400899999999998</v>
      </c>
      <c r="CK2047" s="20">
        <v>3.9591699999999999</v>
      </c>
      <c r="CL2047" s="20">
        <v>5.1583300000000003</v>
      </c>
      <c r="CM2047" s="20">
        <v>4.9805400000000004</v>
      </c>
      <c r="CN2047" s="20">
        <v>5.6943099999999998</v>
      </c>
      <c r="CO2047" s="20">
        <v>5.9851299999999998</v>
      </c>
      <c r="CP2047" s="20">
        <v>4.8145199999999999</v>
      </c>
      <c r="CQ2047" s="20">
        <v>5.0692199999999996</v>
      </c>
      <c r="CR2047" s="20">
        <v>6.45953</v>
      </c>
      <c r="CS2047" s="20">
        <v>6.6047799999999999</v>
      </c>
      <c r="CT2047" s="20">
        <v>5.1077399999999997</v>
      </c>
      <c r="CU2047" s="20">
        <v>4.6882299999999999</v>
      </c>
      <c r="CV2047" s="20">
        <v>6.2748799999999996</v>
      </c>
      <c r="CW2047" s="20">
        <v>6.2559800000000001</v>
      </c>
      <c r="CX2047" s="20">
        <v>6.1296299999999997</v>
      </c>
      <c r="CY2047" s="6" t="s">
        <v>707</v>
      </c>
      <c r="CZ2047" s="6" t="s">
        <v>708</v>
      </c>
      <c r="DA2047" s="6" t="s">
        <v>116</v>
      </c>
      <c r="DB2047" s="6" t="s">
        <v>345</v>
      </c>
      <c r="DC2047" s="6"/>
      <c r="DD2047" s="6"/>
      <c r="DE2047" s="6"/>
      <c r="DF2047" s="6"/>
      <c r="DG2047" s="6"/>
      <c r="DH2047" s="6" t="s">
        <v>333</v>
      </c>
      <c r="DI2047" s="6"/>
      <c r="DJ2047" s="6"/>
      <c r="DK2047" s="6"/>
      <c r="DL2047" s="6">
        <v>10</v>
      </c>
      <c r="DM2047" s="6" t="s">
        <v>383</v>
      </c>
      <c r="DN2047" s="6">
        <v>9</v>
      </c>
      <c r="DO2047" s="6" t="s">
        <v>384</v>
      </c>
      <c r="DP2047" s="6"/>
      <c r="DQ2047" s="6"/>
    </row>
    <row r="2048" spans="1:121" x14ac:dyDescent="0.2">
      <c r="A2048" s="6" t="s">
        <v>310</v>
      </c>
      <c r="B2048" s="6" t="s">
        <v>310</v>
      </c>
      <c r="C2048" s="6" t="s">
        <v>173</v>
      </c>
      <c r="D2048" s="6" t="s">
        <v>116</v>
      </c>
      <c r="E2048" s="6" t="s">
        <v>257</v>
      </c>
      <c r="F2048" s="11">
        <v>1</v>
      </c>
      <c r="G2048" s="13">
        <v>1</v>
      </c>
      <c r="H2048" s="11">
        <v>0</v>
      </c>
      <c r="I2048" s="13">
        <v>0</v>
      </c>
      <c r="J2048" s="11">
        <v>10.284208</v>
      </c>
      <c r="K2048" s="13">
        <v>2.0568415999999998</v>
      </c>
      <c r="L2048" s="11">
        <v>-2.7295305152000005</v>
      </c>
      <c r="M2048" s="13">
        <v>-0.17858501501680693</v>
      </c>
      <c r="N2048" s="11">
        <v>7.5546774847999991</v>
      </c>
      <c r="O2048" s="13">
        <v>1.5109354969599995</v>
      </c>
      <c r="P2048" s="7">
        <v>5</v>
      </c>
      <c r="Q2048" s="7">
        <v>5</v>
      </c>
      <c r="R2048" s="7">
        <v>12.442181</v>
      </c>
      <c r="S2048" s="7">
        <v>5</v>
      </c>
      <c r="T2048" s="7">
        <v>5</v>
      </c>
      <c r="U2048" s="7">
        <v>5</v>
      </c>
      <c r="V2048" s="7">
        <v>5</v>
      </c>
      <c r="W2048" s="7">
        <v>5</v>
      </c>
      <c r="X2048" s="7">
        <v>10.247733</v>
      </c>
      <c r="Y2048" s="7">
        <v>15.284208</v>
      </c>
      <c r="Z2048" s="7">
        <v>5</v>
      </c>
      <c r="AA2048" s="7">
        <v>5</v>
      </c>
      <c r="AB2048" s="7">
        <v>5</v>
      </c>
      <c r="AC2048" s="7">
        <v>5</v>
      </c>
      <c r="AD2048" s="7">
        <v>11.593021</v>
      </c>
      <c r="AE2048" s="7">
        <v>11.83296975</v>
      </c>
      <c r="AF2048" s="7">
        <v>12.554677484799999</v>
      </c>
      <c r="AG2048" s="9">
        <v>36614.699401700003</v>
      </c>
      <c r="AH2048" s="13">
        <v>36614.699401700003</v>
      </c>
      <c r="AI2048" s="9">
        <v>0</v>
      </c>
      <c r="AJ2048" s="13">
        <v>0</v>
      </c>
      <c r="AK2048" s="9">
        <v>28488.987050399999</v>
      </c>
      <c r="AL2048" s="13">
        <v>28488.987050399999</v>
      </c>
      <c r="AM2048" s="9">
        <v>8125.7123513000042</v>
      </c>
      <c r="AN2048" s="13">
        <v>0.28521291838165014</v>
      </c>
      <c r="AO2048" s="9">
        <v>36614.699401700003</v>
      </c>
      <c r="AP2048" s="13">
        <v>36614.699401700003</v>
      </c>
      <c r="AQ2048" s="9">
        <v>1</v>
      </c>
      <c r="AR2048" s="9">
        <v>1</v>
      </c>
      <c r="AS2048" s="9">
        <v>21631.390774399999</v>
      </c>
      <c r="AT2048" s="9">
        <v>1</v>
      </c>
      <c r="AU2048" s="9">
        <v>1</v>
      </c>
      <c r="AV2048" s="9">
        <v>1</v>
      </c>
      <c r="AW2048" s="9">
        <v>1</v>
      </c>
      <c r="AX2048" s="9">
        <v>1</v>
      </c>
      <c r="AY2048" s="9">
        <v>19424.0239282</v>
      </c>
      <c r="AZ2048" s="9">
        <v>28489.987050399999</v>
      </c>
      <c r="BA2048" s="9">
        <v>1</v>
      </c>
      <c r="BB2048" s="9">
        <v>1</v>
      </c>
      <c r="BC2048" s="9">
        <v>1</v>
      </c>
      <c r="BD2048" s="9">
        <v>1</v>
      </c>
      <c r="BE2048" s="9">
        <v>32676.212291100001</v>
      </c>
      <c r="BF2048" s="9">
        <v>36615.699401700003</v>
      </c>
      <c r="BG2048" s="11">
        <v>0</v>
      </c>
      <c r="BH2048" s="13">
        <v>0</v>
      </c>
      <c r="BI2048" s="6">
        <v>0</v>
      </c>
      <c r="BJ2048" s="13">
        <v>0</v>
      </c>
      <c r="BK2048" s="6">
        <v>1</v>
      </c>
      <c r="BL2048" s="13">
        <v>1</v>
      </c>
      <c r="BM2048" s="11">
        <v>-1</v>
      </c>
      <c r="BN2048" s="13">
        <v>-0.5</v>
      </c>
      <c r="BO2048" s="11">
        <v>0</v>
      </c>
      <c r="BP2048" s="13">
        <v>0</v>
      </c>
      <c r="BQ2048" s="6">
        <v>1</v>
      </c>
      <c r="BR2048" s="6">
        <v>1</v>
      </c>
      <c r="BS2048" s="6">
        <v>1</v>
      </c>
      <c r="BT2048" s="6">
        <v>1</v>
      </c>
      <c r="BU2048" s="6">
        <v>2</v>
      </c>
      <c r="BV2048" s="6">
        <v>2</v>
      </c>
      <c r="BW2048" s="6">
        <v>2</v>
      </c>
      <c r="BX2048" s="6">
        <v>1</v>
      </c>
      <c r="BY2048" s="6">
        <v>1</v>
      </c>
      <c r="BZ2048" s="6">
        <v>1</v>
      </c>
      <c r="CA2048" s="6">
        <v>1</v>
      </c>
      <c r="CB2048" s="6">
        <v>1</v>
      </c>
      <c r="CC2048" s="11">
        <v>1</v>
      </c>
      <c r="CD2048" s="11">
        <v>6.35154</v>
      </c>
      <c r="CE2048" s="11">
        <v>0.530528</v>
      </c>
      <c r="CF2048" s="11">
        <v>0.55898099999999995</v>
      </c>
      <c r="CG2048" s="11">
        <v>2</v>
      </c>
      <c r="CH2048" s="20">
        <v>0.57392299999999996</v>
      </c>
      <c r="CI2048" s="20">
        <v>0.86258999999999997</v>
      </c>
      <c r="CJ2048" s="20">
        <v>1.3737299999999999</v>
      </c>
      <c r="CK2048" s="20">
        <v>0.84327600000000003</v>
      </c>
      <c r="CL2048" s="20">
        <v>0.81008899999999995</v>
      </c>
      <c r="CM2048" s="20">
        <v>0.591669</v>
      </c>
      <c r="CN2048" s="20">
        <v>0.87465400000000004</v>
      </c>
      <c r="CO2048" s="20">
        <v>2.3816899999999998E-2</v>
      </c>
      <c r="CP2048" s="20">
        <v>1.01176</v>
      </c>
      <c r="CQ2048" s="20">
        <v>1.7576400000000001</v>
      </c>
      <c r="CR2048" s="20">
        <v>1.048</v>
      </c>
      <c r="CS2048" s="20">
        <v>0.65066100000000004</v>
      </c>
      <c r="CT2048" s="20">
        <v>0.65782200000000002</v>
      </c>
      <c r="CU2048" s="20">
        <v>0.88706300000000005</v>
      </c>
      <c r="CV2048" s="20">
        <v>1.2020999999999999</v>
      </c>
      <c r="CW2048" s="20">
        <v>1.4510799999999999</v>
      </c>
      <c r="CX2048" s="20">
        <v>1.5195000000000001</v>
      </c>
      <c r="CY2048" s="6" t="s">
        <v>707</v>
      </c>
      <c r="CZ2048" s="6" t="s">
        <v>708</v>
      </c>
      <c r="DA2048" s="6" t="s">
        <v>116</v>
      </c>
      <c r="DB2048" s="6" t="s">
        <v>345</v>
      </c>
      <c r="DC2048" s="6"/>
      <c r="DD2048" s="6"/>
      <c r="DE2048" s="6"/>
      <c r="DF2048" s="6"/>
      <c r="DG2048" s="6"/>
      <c r="DH2048" s="6" t="s">
        <v>333</v>
      </c>
      <c r="DI2048" s="6"/>
      <c r="DJ2048" s="6"/>
      <c r="DK2048" s="6"/>
      <c r="DL2048" s="6">
        <v>10</v>
      </c>
      <c r="DM2048" s="6" t="s">
        <v>383</v>
      </c>
      <c r="DN2048" s="6">
        <v>9</v>
      </c>
      <c r="DO2048" s="6" t="s">
        <v>384</v>
      </c>
      <c r="DP2048" s="6"/>
      <c r="DQ2048" s="6"/>
    </row>
    <row r="2049" spans="1:121" x14ac:dyDescent="0.2">
      <c r="A2049" s="6" t="s">
        <v>311</v>
      </c>
      <c r="B2049" s="6" t="s">
        <v>311</v>
      </c>
      <c r="C2049" s="6" t="s">
        <v>174</v>
      </c>
      <c r="D2049" s="6" t="s">
        <v>116</v>
      </c>
      <c r="E2049" s="6" t="s">
        <v>257</v>
      </c>
      <c r="F2049" s="11">
        <v>0</v>
      </c>
      <c r="G2049" s="13">
        <v>0</v>
      </c>
      <c r="H2049" s="11">
        <v>0</v>
      </c>
      <c r="I2049" s="13"/>
      <c r="J2049" s="11">
        <v>0</v>
      </c>
      <c r="K2049" s="13"/>
      <c r="L2049" s="11">
        <v>0</v>
      </c>
      <c r="M2049" s="13"/>
      <c r="N2049" s="11">
        <v>0</v>
      </c>
      <c r="O2049" s="13"/>
      <c r="P2049" s="7">
        <v>0</v>
      </c>
      <c r="Q2049" s="7">
        <v>0</v>
      </c>
      <c r="R2049" s="7">
        <v>0</v>
      </c>
      <c r="S2049" s="7">
        <v>0</v>
      </c>
      <c r="T2049" s="7">
        <v>0</v>
      </c>
      <c r="U2049" s="7">
        <v>0</v>
      </c>
      <c r="V2049" s="7">
        <v>0</v>
      </c>
      <c r="W2049" s="7">
        <v>0</v>
      </c>
      <c r="X2049" s="7">
        <v>0</v>
      </c>
      <c r="Y2049" s="7">
        <v>0</v>
      </c>
      <c r="Z2049" s="7">
        <v>0</v>
      </c>
      <c r="AA2049" s="7">
        <v>0</v>
      </c>
      <c r="AB2049" s="7">
        <v>0</v>
      </c>
      <c r="AC2049" s="7">
        <v>0</v>
      </c>
      <c r="AD2049" s="7">
        <v>0</v>
      </c>
      <c r="AE2049" s="7">
        <v>0</v>
      </c>
      <c r="AF2049" s="7">
        <v>0</v>
      </c>
      <c r="AG2049" s="9">
        <v>0</v>
      </c>
      <c r="AH2049" s="13"/>
      <c r="AI2049" s="9">
        <v>0</v>
      </c>
      <c r="AJ2049" s="13"/>
      <c r="AK2049" s="9">
        <v>0</v>
      </c>
      <c r="AL2049" s="13"/>
      <c r="AM2049" s="9">
        <v>0</v>
      </c>
      <c r="AN2049" s="13"/>
      <c r="AO2049" s="9">
        <v>0</v>
      </c>
      <c r="AP2049" s="13"/>
      <c r="AQ2049" s="9">
        <v>0</v>
      </c>
      <c r="AR2049" s="9">
        <v>0</v>
      </c>
      <c r="AS2049" s="9">
        <v>0</v>
      </c>
      <c r="AT2049" s="9">
        <v>0</v>
      </c>
      <c r="AU2049" s="9">
        <v>0</v>
      </c>
      <c r="AV2049" s="9">
        <v>0</v>
      </c>
      <c r="AW2049" s="9">
        <v>0</v>
      </c>
      <c r="AX2049" s="9">
        <v>0</v>
      </c>
      <c r="AY2049" s="9">
        <v>0</v>
      </c>
      <c r="AZ2049" s="9">
        <v>0</v>
      </c>
      <c r="BA2049" s="9">
        <v>0</v>
      </c>
      <c r="BB2049" s="9">
        <v>0</v>
      </c>
      <c r="BC2049" s="9">
        <v>0</v>
      </c>
      <c r="BD2049" s="9">
        <v>0</v>
      </c>
      <c r="BE2049" s="9">
        <v>0</v>
      </c>
      <c r="BF2049" s="9">
        <v>0</v>
      </c>
      <c r="BG2049" s="11">
        <v>0</v>
      </c>
      <c r="BH2049" s="13" t="e">
        <v>#DIV/0!</v>
      </c>
      <c r="BI2049" s="6">
        <v>0</v>
      </c>
      <c r="BJ2049" s="13" t="e">
        <v>#DIV/0!</v>
      </c>
      <c r="BK2049" s="6">
        <v>0</v>
      </c>
      <c r="BL2049" s="13" t="e">
        <v>#DIV/0!</v>
      </c>
      <c r="BM2049" s="11">
        <v>0</v>
      </c>
      <c r="BN2049" s="13" t="e">
        <v>#DIV/0!</v>
      </c>
      <c r="BO2049" s="11">
        <v>0</v>
      </c>
      <c r="BP2049" s="13" t="e">
        <v>#DIV/0!</v>
      </c>
      <c r="BQ2049" s="6">
        <v>0</v>
      </c>
      <c r="BR2049" s="6">
        <v>0</v>
      </c>
      <c r="BS2049" s="6">
        <v>0</v>
      </c>
      <c r="BT2049" s="6">
        <v>0</v>
      </c>
      <c r="BU2049" s="6">
        <v>0</v>
      </c>
      <c r="BV2049" s="6">
        <v>0</v>
      </c>
      <c r="BW2049" s="6">
        <v>0</v>
      </c>
      <c r="BX2049" s="6">
        <v>0</v>
      </c>
      <c r="BY2049" s="6">
        <v>0</v>
      </c>
      <c r="BZ2049" s="6">
        <v>0</v>
      </c>
      <c r="CA2049" s="6">
        <v>0</v>
      </c>
      <c r="CB2049" s="6">
        <v>0</v>
      </c>
      <c r="CC2049" s="11">
        <v>0</v>
      </c>
      <c r="CD2049" s="11">
        <v>0</v>
      </c>
      <c r="CE2049" s="11">
        <v>0</v>
      </c>
      <c r="CF2049" s="11">
        <v>0</v>
      </c>
      <c r="CG2049" s="11">
        <v>0</v>
      </c>
      <c r="CH2049" s="20">
        <v>0</v>
      </c>
      <c r="CI2049" s="20">
        <v>0</v>
      </c>
      <c r="CJ2049" s="20">
        <v>0</v>
      </c>
      <c r="CK2049" s="20">
        <v>0</v>
      </c>
      <c r="CL2049" s="20">
        <v>0</v>
      </c>
      <c r="CM2049" s="20">
        <v>0</v>
      </c>
      <c r="CN2049" s="20">
        <v>0</v>
      </c>
      <c r="CO2049" s="20">
        <v>0</v>
      </c>
      <c r="CP2049" s="20">
        <v>0</v>
      </c>
      <c r="CQ2049" s="20">
        <v>0</v>
      </c>
      <c r="CR2049" s="20">
        <v>0</v>
      </c>
      <c r="CS2049" s="20">
        <v>0</v>
      </c>
      <c r="CT2049" s="20">
        <v>0</v>
      </c>
      <c r="CU2049" s="20">
        <v>0</v>
      </c>
      <c r="CV2049" s="20">
        <v>0</v>
      </c>
      <c r="CW2049" s="20">
        <v>0</v>
      </c>
      <c r="CX2049" s="20">
        <v>0</v>
      </c>
      <c r="CY2049" s="6" t="s">
        <v>707</v>
      </c>
      <c r="CZ2049" s="6" t="s">
        <v>708</v>
      </c>
      <c r="DA2049" s="6" t="s">
        <v>116</v>
      </c>
      <c r="DB2049" s="6" t="s">
        <v>345</v>
      </c>
      <c r="DC2049" s="6"/>
      <c r="DD2049" s="6"/>
      <c r="DE2049" s="6"/>
      <c r="DF2049" s="6"/>
      <c r="DG2049" s="6"/>
      <c r="DH2049" s="6" t="s">
        <v>333</v>
      </c>
      <c r="DI2049" s="6"/>
      <c r="DJ2049" s="6"/>
      <c r="DK2049" s="6"/>
      <c r="DL2049" s="6">
        <v>10</v>
      </c>
      <c r="DM2049" s="6" t="s">
        <v>383</v>
      </c>
      <c r="DN2049" s="6">
        <v>9</v>
      </c>
      <c r="DO2049" s="6" t="s">
        <v>384</v>
      </c>
      <c r="DP2049" s="6"/>
      <c r="DQ2049" s="6"/>
    </row>
    <row r="2050" spans="1:121" x14ac:dyDescent="0.2">
      <c r="A2050" s="6" t="s">
        <v>312</v>
      </c>
      <c r="B2050" s="6" t="s">
        <v>312</v>
      </c>
      <c r="C2050" s="6" t="s">
        <v>175</v>
      </c>
      <c r="D2050" s="6" t="s">
        <v>116</v>
      </c>
      <c r="E2050" s="6" t="s">
        <v>257</v>
      </c>
      <c r="F2050" s="11">
        <v>0</v>
      </c>
      <c r="G2050" s="13">
        <v>0</v>
      </c>
      <c r="H2050" s="11">
        <v>50.398222587600003</v>
      </c>
      <c r="I2050" s="13">
        <v>0.70628527463557012</v>
      </c>
      <c r="J2050" s="11">
        <v>-9.4706103799999966</v>
      </c>
      <c r="K2050" s="13">
        <v>-7.7784176603025237E-2</v>
      </c>
      <c r="L2050" s="11">
        <v>-41.021277326399996</v>
      </c>
      <c r="M2050" s="13">
        <v>-0.36533383720953622</v>
      </c>
      <c r="N2050" s="11">
        <v>-50.491887706399993</v>
      </c>
      <c r="O2050" s="13">
        <v>-0.41470082209999409</v>
      </c>
      <c r="P2050" s="7">
        <v>71.356751156399994</v>
      </c>
      <c r="Q2050" s="7">
        <v>60.4767097836</v>
      </c>
      <c r="R2050" s="7">
        <v>66.313826541899999</v>
      </c>
      <c r="S2050" s="7">
        <v>79.728367930499999</v>
      </c>
      <c r="T2050" s="7">
        <v>77.925503641800006</v>
      </c>
      <c r="U2050" s="7">
        <v>94.193020607299999</v>
      </c>
      <c r="V2050" s="7">
        <v>121.754973744</v>
      </c>
      <c r="W2050" s="7">
        <v>137.94504636799999</v>
      </c>
      <c r="X2050" s="7">
        <v>117.852723505</v>
      </c>
      <c r="Y2050" s="7">
        <v>112.284363364</v>
      </c>
      <c r="Z2050" s="7">
        <v>100.058014673</v>
      </c>
      <c r="AA2050" s="7">
        <v>99.610025174399993</v>
      </c>
      <c r="AB2050" s="7">
        <v>83.000858921100004</v>
      </c>
      <c r="AC2050" s="7">
        <v>66.789865297399999</v>
      </c>
      <c r="AD2050" s="7">
        <v>71.465283890500004</v>
      </c>
      <c r="AE2050" s="7">
        <v>72.149322804400001</v>
      </c>
      <c r="AF2050" s="7">
        <v>71.263086037600004</v>
      </c>
      <c r="AG2050" s="9">
        <v>-225.10797280000043</v>
      </c>
      <c r="AH2050" s="13">
        <v>-9.5838463901725089E-3</v>
      </c>
      <c r="AI2050" s="9">
        <v>-504.49816400000054</v>
      </c>
      <c r="AJ2050" s="13">
        <v>-2.1478727953344417E-2</v>
      </c>
      <c r="AK2050" s="9">
        <v>-2687.2713264000013</v>
      </c>
      <c r="AL2050" s="13">
        <v>-0.11692037893328346</v>
      </c>
      <c r="AM2050" s="9">
        <v>2966.6615176000014</v>
      </c>
      <c r="AN2050" s="13">
        <v>0.14616615798725915</v>
      </c>
      <c r="AO2050" s="9">
        <v>279.39019120000012</v>
      </c>
      <c r="AP2050" s="13">
        <v>1.215597647488318E-2</v>
      </c>
      <c r="AQ2050" s="9">
        <v>23488.2701199</v>
      </c>
      <c r="AR2050" s="9">
        <v>23513.9746467</v>
      </c>
      <c r="AS2050" s="9">
        <v>23988.048930100002</v>
      </c>
      <c r="AT2050" s="9">
        <v>23956.0711539</v>
      </c>
      <c r="AU2050" s="9">
        <v>23659.414099900001</v>
      </c>
      <c r="AV2050" s="9">
        <v>22130.328273499999</v>
      </c>
      <c r="AW2050" s="9">
        <v>22983.7719559</v>
      </c>
      <c r="AX2050" s="9">
        <v>23226.151953299999</v>
      </c>
      <c r="AY2050" s="9">
        <v>18496.7460235</v>
      </c>
      <c r="AZ2050" s="9">
        <v>20296.500629499998</v>
      </c>
      <c r="BA2050" s="9">
        <v>22019.961831600001</v>
      </c>
      <c r="BB2050" s="9">
        <v>22673.631894300001</v>
      </c>
      <c r="BC2050" s="9">
        <v>23042.986421699999</v>
      </c>
      <c r="BD2050" s="9">
        <v>21187.119645300001</v>
      </c>
      <c r="BE2050" s="9">
        <v>23542.3785274</v>
      </c>
      <c r="BF2050" s="9">
        <v>23263.1621471</v>
      </c>
      <c r="BG2050" s="11">
        <v>-3</v>
      </c>
      <c r="BH2050" s="13">
        <v>-0.6</v>
      </c>
      <c r="BI2050" s="6">
        <v>-3</v>
      </c>
      <c r="BJ2050" s="13">
        <v>-0.6</v>
      </c>
      <c r="BK2050" s="6">
        <v>3</v>
      </c>
      <c r="BL2050" s="13">
        <v>1.5</v>
      </c>
      <c r="BM2050" s="11">
        <v>-3</v>
      </c>
      <c r="BN2050" s="13">
        <v>-0.6</v>
      </c>
      <c r="BO2050" s="11">
        <v>0</v>
      </c>
      <c r="BP2050" s="13">
        <v>0</v>
      </c>
      <c r="BQ2050" s="6">
        <v>5</v>
      </c>
      <c r="BR2050" s="6">
        <v>4</v>
      </c>
      <c r="BS2050" s="6">
        <v>4</v>
      </c>
      <c r="BT2050" s="6">
        <v>2</v>
      </c>
      <c r="BU2050" s="6">
        <v>2</v>
      </c>
      <c r="BV2050" s="6">
        <v>5</v>
      </c>
      <c r="BW2050" s="6">
        <v>5</v>
      </c>
      <c r="BX2050" s="6">
        <v>4</v>
      </c>
      <c r="BY2050" s="6">
        <v>3</v>
      </c>
      <c r="BZ2050" s="6">
        <v>3</v>
      </c>
      <c r="CA2050" s="6">
        <v>3</v>
      </c>
      <c r="CB2050" s="6">
        <v>2</v>
      </c>
      <c r="CC2050" s="11">
        <v>2</v>
      </c>
      <c r="CD2050" s="11">
        <v>0.74930099999999999</v>
      </c>
      <c r="CE2050" s="11">
        <v>-8.6431199999999997</v>
      </c>
      <c r="CF2050" s="11">
        <v>7.8001500000000004</v>
      </c>
      <c r="CG2050" s="11">
        <v>-1</v>
      </c>
      <c r="CH2050" s="20">
        <v>0.50395299999999998</v>
      </c>
      <c r="CI2050" s="20">
        <v>0.414134</v>
      </c>
      <c r="CJ2050" s="20">
        <v>0.42759599999999998</v>
      </c>
      <c r="CK2050" s="20">
        <v>0.48296899999999998</v>
      </c>
      <c r="CL2050" s="20">
        <v>0.50598699999999996</v>
      </c>
      <c r="CM2050" s="20">
        <v>0.58711500000000005</v>
      </c>
      <c r="CN2050" s="20">
        <v>0.76867399999999997</v>
      </c>
      <c r="CO2050" s="20">
        <v>0.92436600000000002</v>
      </c>
      <c r="CP2050" s="20">
        <v>0.93382699999999996</v>
      </c>
      <c r="CQ2050" s="20">
        <v>1.14245</v>
      </c>
      <c r="CR2050" s="20">
        <v>1.06549</v>
      </c>
      <c r="CS2050" s="20">
        <v>1.07863</v>
      </c>
      <c r="CT2050" s="20">
        <v>0.82185699999999995</v>
      </c>
      <c r="CU2050" s="20">
        <v>0.65297000000000005</v>
      </c>
      <c r="CV2050" s="20">
        <v>0.68527099999999996</v>
      </c>
      <c r="CW2050" s="20">
        <v>0.67988899999999997</v>
      </c>
      <c r="CX2050" s="20">
        <v>0.66624399999999995</v>
      </c>
      <c r="CY2050" s="6" t="s">
        <v>707</v>
      </c>
      <c r="CZ2050" s="6" t="s">
        <v>708</v>
      </c>
      <c r="DA2050" s="6" t="s">
        <v>116</v>
      </c>
      <c r="DB2050" s="6" t="s">
        <v>345</v>
      </c>
      <c r="DC2050" s="6"/>
      <c r="DD2050" s="6"/>
      <c r="DE2050" s="6"/>
      <c r="DF2050" s="6"/>
      <c r="DG2050" s="6"/>
      <c r="DH2050" s="6" t="s">
        <v>333</v>
      </c>
      <c r="DI2050" s="6"/>
      <c r="DJ2050" s="6"/>
      <c r="DK2050" s="6"/>
      <c r="DL2050" s="6">
        <v>10</v>
      </c>
      <c r="DM2050" s="6" t="s">
        <v>383</v>
      </c>
      <c r="DN2050" s="6">
        <v>9</v>
      </c>
      <c r="DO2050" s="6" t="s">
        <v>384</v>
      </c>
      <c r="DP2050" s="6"/>
      <c r="DQ2050" s="6"/>
    </row>
    <row r="2051" spans="1:121" x14ac:dyDescent="0.2">
      <c r="A2051" s="6" t="s">
        <v>792</v>
      </c>
      <c r="B2051" s="6" t="s">
        <v>176</v>
      </c>
      <c r="C2051" s="6" t="s">
        <v>177</v>
      </c>
      <c r="D2051" s="6" t="s">
        <v>116</v>
      </c>
      <c r="E2051" s="6" t="s">
        <v>257</v>
      </c>
      <c r="F2051" s="11">
        <v>-279</v>
      </c>
      <c r="G2051" s="13">
        <v>-0.36280884265300001</v>
      </c>
      <c r="H2051" s="11">
        <v>-113.20141414600005</v>
      </c>
      <c r="I2051" s="13">
        <v>-0.14713319328245478</v>
      </c>
      <c r="J2051" s="11">
        <v>-223.560568225</v>
      </c>
      <c r="K2051" s="13">
        <v>-0.34070052370455794</v>
      </c>
      <c r="L2051" s="11">
        <v>56.938779164000039</v>
      </c>
      <c r="M2051" s="13">
        <v>0.13161428133312797</v>
      </c>
      <c r="N2051" s="11">
        <v>-166.62178906099996</v>
      </c>
      <c r="O2051" s="13">
        <v>-0.2539272969486257</v>
      </c>
      <c r="P2051" s="7">
        <v>769.38052944100002</v>
      </c>
      <c r="Q2051" s="7">
        <v>762.09307701800003</v>
      </c>
      <c r="R2051" s="7">
        <v>878.78021520200002</v>
      </c>
      <c r="S2051" s="7">
        <v>995.28814599500004</v>
      </c>
      <c r="T2051" s="7">
        <v>694.51937423499999</v>
      </c>
      <c r="U2051" s="7">
        <v>678.43904816500003</v>
      </c>
      <c r="V2051" s="7">
        <v>656.17911529499997</v>
      </c>
      <c r="W2051" s="7">
        <v>645.033843768</v>
      </c>
      <c r="X2051" s="7">
        <v>565.01504975099999</v>
      </c>
      <c r="Y2051" s="7">
        <v>432.61854706999998</v>
      </c>
      <c r="Z2051" s="7">
        <v>396.54132061199999</v>
      </c>
      <c r="AA2051" s="7">
        <v>406.99887178099999</v>
      </c>
      <c r="AB2051" s="7">
        <v>636.69043320699996</v>
      </c>
      <c r="AC2051" s="7">
        <v>580.55654155699995</v>
      </c>
      <c r="AD2051" s="7">
        <v>499.62992542500001</v>
      </c>
      <c r="AE2051" s="7">
        <v>486.40908204700003</v>
      </c>
      <c r="AF2051" s="7">
        <v>489.55732623400002</v>
      </c>
      <c r="AG2051" s="9">
        <v>10554.746537000003</v>
      </c>
      <c r="AH2051" s="13">
        <v>0.48273752188628505</v>
      </c>
      <c r="AI2051" s="9">
        <v>4235.7922692000029</v>
      </c>
      <c r="AJ2051" s="13">
        <v>0.19373045634877784</v>
      </c>
      <c r="AK2051" s="9">
        <v>-4141.6263012000018</v>
      </c>
      <c r="AL2051" s="13">
        <v>-0.15868207966194808</v>
      </c>
      <c r="AM2051" s="9">
        <v>10460.580569000002</v>
      </c>
      <c r="AN2051" s="13">
        <v>0.47637901586149306</v>
      </c>
      <c r="AO2051" s="9">
        <v>6318.9542677999998</v>
      </c>
      <c r="AP2051" s="13">
        <v>0.24210412325533112</v>
      </c>
      <c r="AQ2051" s="9">
        <v>21864.359115399999</v>
      </c>
      <c r="AR2051" s="9">
        <v>22858.211066299998</v>
      </c>
      <c r="AS2051" s="9">
        <v>24497.256438699998</v>
      </c>
      <c r="AT2051" s="9">
        <v>23319.389663000002</v>
      </c>
      <c r="AU2051" s="9">
        <v>25438.064227899999</v>
      </c>
      <c r="AV2051" s="9">
        <v>25330.225579900001</v>
      </c>
      <c r="AW2051" s="9">
        <v>26100.151384600002</v>
      </c>
      <c r="AX2051" s="9">
        <v>25276.4263498</v>
      </c>
      <c r="AY2051" s="9">
        <v>25362.5629501</v>
      </c>
      <c r="AZ2051" s="9">
        <v>21958.5250834</v>
      </c>
      <c r="BA2051" s="9">
        <v>23548.749466099998</v>
      </c>
      <c r="BB2051" s="9">
        <v>24392.972018600001</v>
      </c>
      <c r="BC2051" s="9">
        <v>26801.105840799999</v>
      </c>
      <c r="BD2051" s="9">
        <v>28088.394650400001</v>
      </c>
      <c r="BE2051" s="9">
        <v>31621.3659061</v>
      </c>
      <c r="BF2051" s="9">
        <v>32419.105652400001</v>
      </c>
      <c r="BG2051" s="11">
        <v>-3</v>
      </c>
      <c r="BH2051" s="13">
        <v>-9.6774193548387094E-2</v>
      </c>
      <c r="BI2051" s="6">
        <v>2</v>
      </c>
      <c r="BJ2051" s="13">
        <v>6.4516129032258063E-2</v>
      </c>
      <c r="BK2051" s="6">
        <v>-9</v>
      </c>
      <c r="BL2051" s="13">
        <v>-0.27272727272727271</v>
      </c>
      <c r="BM2051" s="11">
        <v>4</v>
      </c>
      <c r="BN2051" s="13">
        <v>0.16666666666666666</v>
      </c>
      <c r="BO2051" s="11">
        <v>-5</v>
      </c>
      <c r="BP2051" s="13">
        <v>-0.15151515151515152</v>
      </c>
      <c r="BQ2051" s="6">
        <v>31</v>
      </c>
      <c r="BR2051" s="6">
        <v>33</v>
      </c>
      <c r="BS2051" s="6">
        <v>34</v>
      </c>
      <c r="BT2051" s="6">
        <v>33</v>
      </c>
      <c r="BU2051" s="6">
        <v>30</v>
      </c>
      <c r="BV2051" s="6">
        <v>29</v>
      </c>
      <c r="BW2051" s="6">
        <v>24</v>
      </c>
      <c r="BX2051" s="6">
        <v>22</v>
      </c>
      <c r="BY2051" s="6">
        <v>21</v>
      </c>
      <c r="BZ2051" s="6">
        <v>25</v>
      </c>
      <c r="CA2051" s="6">
        <v>26</v>
      </c>
      <c r="CB2051" s="6">
        <v>27</v>
      </c>
      <c r="CC2051" s="11">
        <v>28</v>
      </c>
      <c r="CD2051" s="11">
        <v>-92.351600000000005</v>
      </c>
      <c r="CE2051" s="11">
        <v>-271.57400000000001</v>
      </c>
      <c r="CF2051" s="11">
        <v>84.102599999999995</v>
      </c>
      <c r="CG2051" s="11">
        <v>-188</v>
      </c>
      <c r="CH2051" s="20">
        <v>2.83826</v>
      </c>
      <c r="CI2051" s="20">
        <v>2.9130600000000002</v>
      </c>
      <c r="CJ2051" s="20">
        <v>3.3811</v>
      </c>
      <c r="CK2051" s="20">
        <v>3.8103899999999999</v>
      </c>
      <c r="CL2051" s="20">
        <v>3.0011899999999998</v>
      </c>
      <c r="CM2051" s="20">
        <v>2.9497900000000001</v>
      </c>
      <c r="CN2051" s="20">
        <v>2.92557</v>
      </c>
      <c r="CO2051" s="20">
        <v>2.9865300000000001</v>
      </c>
      <c r="CP2051" s="20">
        <v>3.0477300000000001</v>
      </c>
      <c r="CQ2051" s="20">
        <v>2.83467</v>
      </c>
      <c r="CR2051" s="20">
        <v>2.6383700000000001</v>
      </c>
      <c r="CS2051" s="20">
        <v>2.7339099999999998</v>
      </c>
      <c r="CT2051" s="20">
        <v>3.9723700000000002</v>
      </c>
      <c r="CU2051" s="20">
        <v>3.6639599999999999</v>
      </c>
      <c r="CV2051" s="20">
        <v>3.1793499999999999</v>
      </c>
      <c r="CW2051" s="20">
        <v>3.1081500000000002</v>
      </c>
      <c r="CX2051" s="20">
        <v>3.12358</v>
      </c>
      <c r="CY2051" s="6" t="s">
        <v>707</v>
      </c>
      <c r="CZ2051" s="6" t="s">
        <v>708</v>
      </c>
      <c r="DA2051" s="6" t="s">
        <v>116</v>
      </c>
      <c r="DB2051" s="6" t="s">
        <v>345</v>
      </c>
      <c r="DC2051" s="6"/>
      <c r="DD2051" s="6"/>
      <c r="DE2051" s="6"/>
      <c r="DF2051" s="6"/>
      <c r="DG2051" s="6"/>
      <c r="DH2051" s="6" t="s">
        <v>333</v>
      </c>
      <c r="DI2051" s="6"/>
      <c r="DJ2051" s="6"/>
      <c r="DK2051" s="6"/>
      <c r="DL2051" s="6">
        <v>10</v>
      </c>
      <c r="DM2051" s="6" t="s">
        <v>383</v>
      </c>
      <c r="DN2051" s="6">
        <v>9</v>
      </c>
      <c r="DO2051" s="6" t="s">
        <v>384</v>
      </c>
      <c r="DP2051" s="6"/>
      <c r="DQ2051" s="6"/>
    </row>
    <row r="2052" spans="1:121" x14ac:dyDescent="0.2">
      <c r="A2052" s="6" t="s">
        <v>313</v>
      </c>
      <c r="B2052" s="6" t="s">
        <v>313</v>
      </c>
      <c r="C2052" s="6" t="s">
        <v>178</v>
      </c>
      <c r="D2052" s="6" t="s">
        <v>116</v>
      </c>
      <c r="E2052" s="6" t="s">
        <v>257</v>
      </c>
      <c r="F2052" s="11">
        <v>35</v>
      </c>
      <c r="G2052" s="13">
        <v>2.0588235294100001</v>
      </c>
      <c r="H2052" s="11">
        <v>33.946217330899998</v>
      </c>
      <c r="I2052" s="13">
        <v>2.0303471353051021</v>
      </c>
      <c r="J2052" s="11">
        <v>-35.602891786499995</v>
      </c>
      <c r="K2052" s="13">
        <v>-0.70270299232068556</v>
      </c>
      <c r="L2052" s="11">
        <v>36.740908263999998</v>
      </c>
      <c r="M2052" s="13">
        <v>2.4391913925856228</v>
      </c>
      <c r="N2052" s="11">
        <v>1.1380164775000026</v>
      </c>
      <c r="O2052" s="13">
        <v>2.2461309852159977E-2</v>
      </c>
      <c r="P2052" s="7">
        <v>16.719415483500001</v>
      </c>
      <c r="Q2052" s="7">
        <v>15.4546824465</v>
      </c>
      <c r="R2052" s="7">
        <v>16.572881841200001</v>
      </c>
      <c r="S2052" s="7">
        <v>24.019785550600002</v>
      </c>
      <c r="T2052" s="7">
        <v>58.438929624700002</v>
      </c>
      <c r="U2052" s="7">
        <v>57.9934651194</v>
      </c>
      <c r="V2052" s="7">
        <v>50.665632814399999</v>
      </c>
      <c r="W2052" s="7">
        <v>49.3680538005</v>
      </c>
      <c r="X2052" s="7">
        <v>42.215614109100002</v>
      </c>
      <c r="Y2052" s="7">
        <v>15.0627410279</v>
      </c>
      <c r="Z2052" s="7">
        <v>5</v>
      </c>
      <c r="AA2052" s="7">
        <v>13.241661002600001</v>
      </c>
      <c r="AB2052" s="7">
        <v>22.053059281500001</v>
      </c>
      <c r="AC2052" s="7">
        <v>56.384639968400002</v>
      </c>
      <c r="AD2052" s="7">
        <v>45.431752979700001</v>
      </c>
      <c r="AE2052" s="7">
        <v>44.3831466663</v>
      </c>
      <c r="AF2052" s="7">
        <v>51.803649291900001</v>
      </c>
      <c r="AG2052" s="9">
        <v>11700.001060399998</v>
      </c>
      <c r="AH2052" s="13">
        <v>0.5279447906230087</v>
      </c>
      <c r="AI2052" s="9">
        <v>4351.6823547000022</v>
      </c>
      <c r="AJ2052" s="13">
        <v>0.19636306165696957</v>
      </c>
      <c r="AK2052" s="9">
        <v>-1990.1776124000025</v>
      </c>
      <c r="AL2052" s="13">
        <v>-7.506395601974454E-2</v>
      </c>
      <c r="AM2052" s="9">
        <v>9338.4963180999985</v>
      </c>
      <c r="AN2052" s="13">
        <v>0.3808069450763949</v>
      </c>
      <c r="AO2052" s="9">
        <v>7348.3187056999959</v>
      </c>
      <c r="AP2052" s="13">
        <v>0.27715811327942252</v>
      </c>
      <c r="AQ2052" s="9">
        <v>22161.410185699999</v>
      </c>
      <c r="AR2052" s="9">
        <v>29363.172255699999</v>
      </c>
      <c r="AS2052" s="9">
        <v>31448.617071699999</v>
      </c>
      <c r="AT2052" s="9">
        <v>37803.804545899999</v>
      </c>
      <c r="AU2052" s="9">
        <v>25102.821763600001</v>
      </c>
      <c r="AV2052" s="9">
        <v>24820.0558877</v>
      </c>
      <c r="AW2052" s="9">
        <v>26513.092540400001</v>
      </c>
      <c r="AX2052" s="9">
        <v>29034.681491300002</v>
      </c>
      <c r="AY2052" s="9">
        <v>27359.876863199999</v>
      </c>
      <c r="AZ2052" s="9">
        <v>24522.914927999998</v>
      </c>
      <c r="BA2052" s="9">
        <v>1</v>
      </c>
      <c r="BB2052" s="9">
        <v>30872.483350499999</v>
      </c>
      <c r="BC2052" s="9">
        <v>28234.5766353</v>
      </c>
      <c r="BD2052" s="9">
        <v>22663.872515999999</v>
      </c>
      <c r="BE2052" s="9">
        <v>30899.135659200001</v>
      </c>
      <c r="BF2052" s="9">
        <v>33861.411246099997</v>
      </c>
      <c r="BG2052" s="11">
        <v>1</v>
      </c>
      <c r="BH2052" s="13">
        <v>0.25</v>
      </c>
      <c r="BI2052" s="6">
        <v>1</v>
      </c>
      <c r="BJ2052" s="13">
        <v>0.25</v>
      </c>
      <c r="BK2052" s="6">
        <v>-2</v>
      </c>
      <c r="BL2052" s="13">
        <v>-0.4</v>
      </c>
      <c r="BM2052" s="11">
        <v>2</v>
      </c>
      <c r="BN2052" s="13">
        <v>0.66666666666666663</v>
      </c>
      <c r="BO2052" s="11">
        <v>0</v>
      </c>
      <c r="BP2052" s="13">
        <v>0</v>
      </c>
      <c r="BQ2052" s="6">
        <v>4</v>
      </c>
      <c r="BR2052" s="6">
        <v>7</v>
      </c>
      <c r="BS2052" s="6">
        <v>6</v>
      </c>
      <c r="BT2052" s="6">
        <v>5</v>
      </c>
      <c r="BU2052" s="6">
        <v>6</v>
      </c>
      <c r="BV2052" s="6">
        <v>5</v>
      </c>
      <c r="BW2052" s="6">
        <v>3</v>
      </c>
      <c r="BX2052" s="6">
        <v>3</v>
      </c>
      <c r="BY2052" s="6">
        <v>3</v>
      </c>
      <c r="BZ2052" s="6">
        <v>4</v>
      </c>
      <c r="CA2052" s="6">
        <v>4</v>
      </c>
      <c r="CB2052" s="6">
        <v>4</v>
      </c>
      <c r="CC2052" s="11">
        <v>5</v>
      </c>
      <c r="CD2052" s="11">
        <v>34.623699999999999</v>
      </c>
      <c r="CE2052" s="11">
        <v>-1.36711</v>
      </c>
      <c r="CF2052" s="11">
        <v>1.8276300000000001</v>
      </c>
      <c r="CG2052" s="11">
        <v>1</v>
      </c>
      <c r="CH2052" s="20">
        <v>0.17321500000000001</v>
      </c>
      <c r="CI2052" s="20">
        <v>0.15756800000000001</v>
      </c>
      <c r="CJ2052" s="20">
        <v>0.162578</v>
      </c>
      <c r="CK2052" s="20">
        <v>0.22891400000000001</v>
      </c>
      <c r="CL2052" s="20">
        <v>0.61372000000000004</v>
      </c>
      <c r="CM2052" s="20">
        <v>0.59623199999999998</v>
      </c>
      <c r="CN2052" s="20">
        <v>0.51523399999999997</v>
      </c>
      <c r="CO2052" s="20">
        <v>0.50799700000000003</v>
      </c>
      <c r="CP2052" s="20">
        <v>0.47839100000000001</v>
      </c>
      <c r="CQ2052" s="20">
        <v>0.20528099999999999</v>
      </c>
      <c r="CR2052" s="20">
        <v>0.105755</v>
      </c>
      <c r="CS2052" s="20">
        <v>0.18559800000000001</v>
      </c>
      <c r="CT2052" s="20">
        <v>0.28547</v>
      </c>
      <c r="CU2052" s="20">
        <v>0.739232</v>
      </c>
      <c r="CV2052" s="20">
        <v>0.60095900000000002</v>
      </c>
      <c r="CW2052" s="20">
        <v>0.59106300000000001</v>
      </c>
      <c r="CX2052" s="20">
        <v>0.68324499999999999</v>
      </c>
      <c r="CY2052" s="6" t="s">
        <v>707</v>
      </c>
      <c r="CZ2052" s="6" t="s">
        <v>708</v>
      </c>
      <c r="DA2052" s="6" t="s">
        <v>116</v>
      </c>
      <c r="DB2052" s="6" t="s">
        <v>345</v>
      </c>
      <c r="DC2052" s="6"/>
      <c r="DD2052" s="6"/>
      <c r="DE2052" s="6"/>
      <c r="DF2052" s="6"/>
      <c r="DG2052" s="6"/>
      <c r="DH2052" s="6" t="s">
        <v>333</v>
      </c>
      <c r="DI2052" s="6"/>
      <c r="DJ2052" s="6"/>
      <c r="DK2052" s="6"/>
      <c r="DL2052" s="6">
        <v>10</v>
      </c>
      <c r="DM2052" s="6" t="s">
        <v>383</v>
      </c>
      <c r="DN2052" s="6">
        <v>9</v>
      </c>
      <c r="DO2052" s="6" t="s">
        <v>384</v>
      </c>
      <c r="DP2052" s="6"/>
      <c r="DQ2052" s="6"/>
    </row>
    <row r="2053" spans="1:121" x14ac:dyDescent="0.2">
      <c r="A2053" s="6" t="s">
        <v>793</v>
      </c>
      <c r="B2053" s="6" t="s">
        <v>179</v>
      </c>
      <c r="C2053" s="6" t="s">
        <v>180</v>
      </c>
      <c r="D2053" s="6" t="s">
        <v>116</v>
      </c>
      <c r="E2053" s="6" t="s">
        <v>257</v>
      </c>
      <c r="F2053" s="11">
        <v>40</v>
      </c>
      <c r="G2053" s="13">
        <v>0.19</v>
      </c>
      <c r="H2053" s="11">
        <v>12</v>
      </c>
      <c r="I2053" s="13">
        <v>5.8252427184466021E-2</v>
      </c>
      <c r="J2053" s="11">
        <v>-19</v>
      </c>
      <c r="K2053" s="13">
        <v>-8.7155963302752298E-2</v>
      </c>
      <c r="L2053" s="11">
        <v>47</v>
      </c>
      <c r="M2053" s="13">
        <v>0.23618090452261303</v>
      </c>
      <c r="N2053" s="11">
        <v>28</v>
      </c>
      <c r="O2053" s="13">
        <v>0.12844036697247707</v>
      </c>
      <c r="P2053" s="7">
        <v>206</v>
      </c>
      <c r="Q2053" s="7">
        <v>203</v>
      </c>
      <c r="R2053" s="7">
        <v>190</v>
      </c>
      <c r="S2053" s="7">
        <v>182</v>
      </c>
      <c r="T2053" s="7">
        <v>197</v>
      </c>
      <c r="U2053" s="7">
        <v>215</v>
      </c>
      <c r="V2053" s="7">
        <v>218</v>
      </c>
      <c r="W2053" s="7">
        <v>204</v>
      </c>
      <c r="X2053" s="7">
        <v>179</v>
      </c>
      <c r="Y2053" s="7">
        <v>199</v>
      </c>
      <c r="Z2053" s="7">
        <v>191</v>
      </c>
      <c r="AA2053" s="7">
        <v>196</v>
      </c>
      <c r="AB2053" s="7">
        <v>180</v>
      </c>
      <c r="AC2053" s="7">
        <v>188</v>
      </c>
      <c r="AD2053" s="7">
        <v>227</v>
      </c>
      <c r="AE2053" s="7">
        <v>238</v>
      </c>
      <c r="AF2053" s="7">
        <v>246</v>
      </c>
      <c r="AG2053" s="9">
        <v>12283</v>
      </c>
      <c r="AH2053" s="13">
        <v>0.87057906300942656</v>
      </c>
      <c r="AI2053" s="9">
        <v>6530</v>
      </c>
      <c r="AJ2053" s="13">
        <v>0.4628251470692466</v>
      </c>
      <c r="AK2053" s="9">
        <v>1506</v>
      </c>
      <c r="AL2053" s="13">
        <v>7.2968651581956492E-2</v>
      </c>
      <c r="AM2053" s="9">
        <v>4247</v>
      </c>
      <c r="AN2053" s="13">
        <v>0.19178144050575752</v>
      </c>
      <c r="AO2053" s="9">
        <v>5753</v>
      </c>
      <c r="AP2053" s="13">
        <v>0.27874412519986436</v>
      </c>
      <c r="AQ2053" s="9">
        <v>14109</v>
      </c>
      <c r="AR2053" s="9">
        <v>14733</v>
      </c>
      <c r="AS2053" s="9">
        <v>14115</v>
      </c>
      <c r="AT2053" s="9">
        <v>15633</v>
      </c>
      <c r="AU2053" s="9">
        <v>17461</v>
      </c>
      <c r="AV2053" s="9">
        <v>19031</v>
      </c>
      <c r="AW2053" s="9">
        <v>20639</v>
      </c>
      <c r="AX2053" s="9">
        <v>20687</v>
      </c>
      <c r="AY2053" s="9">
        <v>21726</v>
      </c>
      <c r="AZ2053" s="9">
        <v>22145</v>
      </c>
      <c r="BA2053" s="9">
        <v>21902</v>
      </c>
      <c r="BB2053" s="9">
        <v>24551</v>
      </c>
      <c r="BC2053" s="9">
        <v>24065</v>
      </c>
      <c r="BD2053" s="9">
        <v>23031</v>
      </c>
      <c r="BE2053" s="9">
        <v>26161</v>
      </c>
      <c r="BF2053" s="9">
        <v>26392</v>
      </c>
      <c r="BG2053" s="11">
        <v>4</v>
      </c>
      <c r="BH2053" s="13">
        <v>0.19047619047619047</v>
      </c>
      <c r="BI2053" s="6">
        <v>-3</v>
      </c>
      <c r="BJ2053" s="13">
        <v>-0.14285714285714285</v>
      </c>
      <c r="BK2053" s="6">
        <v>5</v>
      </c>
      <c r="BL2053" s="13">
        <v>0.27777777777777779</v>
      </c>
      <c r="BM2053" s="11">
        <v>2</v>
      </c>
      <c r="BN2053" s="13">
        <v>8.6956521739130432E-2</v>
      </c>
      <c r="BO2053" s="11">
        <v>7</v>
      </c>
      <c r="BP2053" s="13">
        <v>0.3888888888888889</v>
      </c>
      <c r="BQ2053" s="6">
        <v>21</v>
      </c>
      <c r="BR2053" s="6">
        <v>20</v>
      </c>
      <c r="BS2053" s="6">
        <v>18</v>
      </c>
      <c r="BT2053" s="6">
        <v>18</v>
      </c>
      <c r="BU2053" s="6">
        <v>18</v>
      </c>
      <c r="BV2053" s="6">
        <v>19</v>
      </c>
      <c r="BW2053" s="6">
        <v>23</v>
      </c>
      <c r="BX2053" s="6">
        <v>20</v>
      </c>
      <c r="BY2053" s="6">
        <v>20</v>
      </c>
      <c r="BZ2053" s="6">
        <v>21</v>
      </c>
      <c r="CA2053" s="6">
        <v>22</v>
      </c>
      <c r="CB2053" s="6">
        <v>25</v>
      </c>
      <c r="CC2053" s="11">
        <v>25</v>
      </c>
      <c r="CD2053" s="11">
        <v>30</v>
      </c>
      <c r="CE2053" s="11">
        <v>-13</v>
      </c>
      <c r="CF2053" s="11">
        <v>23</v>
      </c>
      <c r="CG2053" s="11">
        <v>10</v>
      </c>
      <c r="CH2053" s="20">
        <v>0.8</v>
      </c>
      <c r="CI2053" s="20">
        <v>0.76</v>
      </c>
      <c r="CJ2053" s="20">
        <v>0.69</v>
      </c>
      <c r="CK2053" s="20">
        <v>0.64</v>
      </c>
      <c r="CL2053" s="20">
        <v>0.77</v>
      </c>
      <c r="CM2053" s="20">
        <v>0.83</v>
      </c>
      <c r="CN2053" s="20">
        <v>0.84</v>
      </c>
      <c r="CO2053" s="20">
        <v>0.8</v>
      </c>
      <c r="CP2053" s="20">
        <v>0.76</v>
      </c>
      <c r="CQ2053" s="20">
        <v>1.01</v>
      </c>
      <c r="CR2053" s="20">
        <v>0.99</v>
      </c>
      <c r="CS2053" s="20">
        <v>1.03</v>
      </c>
      <c r="CT2053" s="20">
        <v>0.87</v>
      </c>
      <c r="CU2053" s="20">
        <v>0.92</v>
      </c>
      <c r="CV2053" s="20">
        <v>1.1100000000000001</v>
      </c>
      <c r="CW2053" s="20">
        <v>1.1599999999999999</v>
      </c>
      <c r="CX2053" s="20">
        <v>1.19</v>
      </c>
      <c r="CY2053" s="6" t="s">
        <v>707</v>
      </c>
      <c r="CZ2053" s="6" t="s">
        <v>708</v>
      </c>
      <c r="DA2053" s="6" t="s">
        <v>116</v>
      </c>
      <c r="DB2053" s="6" t="s">
        <v>345</v>
      </c>
      <c r="DC2053" s="6"/>
      <c r="DD2053" s="6"/>
      <c r="DE2053" s="6"/>
      <c r="DF2053" s="6"/>
      <c r="DG2053" s="6"/>
      <c r="DH2053" s="6" t="s">
        <v>333</v>
      </c>
      <c r="DI2053" s="6"/>
      <c r="DJ2053" s="6"/>
      <c r="DK2053" s="6"/>
      <c r="DL2053" s="6">
        <v>10</v>
      </c>
      <c r="DM2053" s="6" t="s">
        <v>383</v>
      </c>
      <c r="DN2053" s="6">
        <v>9</v>
      </c>
      <c r="DO2053" s="6" t="s">
        <v>384</v>
      </c>
      <c r="DP2053" s="6"/>
      <c r="DQ2053" s="6"/>
    </row>
    <row r="2054" spans="1:121" x14ac:dyDescent="0.2">
      <c r="A2054" s="6" t="s">
        <v>794</v>
      </c>
      <c r="B2054" s="6" t="s">
        <v>181</v>
      </c>
      <c r="C2054" s="6" t="s">
        <v>182</v>
      </c>
      <c r="D2054" s="6" t="s">
        <v>116</v>
      </c>
      <c r="E2054" s="6" t="s">
        <v>257</v>
      </c>
      <c r="F2054" s="11">
        <v>11</v>
      </c>
      <c r="G2054" s="13">
        <v>0.12941176470599999</v>
      </c>
      <c r="H2054" s="11">
        <v>-5.9248847942000111</v>
      </c>
      <c r="I2054" s="13">
        <v>-6.9327591446440684E-2</v>
      </c>
      <c r="J2054" s="11">
        <v>-15.900958899199992</v>
      </c>
      <c r="K2054" s="13">
        <v>-0.19991835911470773</v>
      </c>
      <c r="L2054" s="11">
        <v>32.204694837299996</v>
      </c>
      <c r="M2054" s="13">
        <v>0.50607425776039183</v>
      </c>
      <c r="N2054" s="11">
        <v>16.303735938100004</v>
      </c>
      <c r="O2054" s="13">
        <v>0.20498236344403295</v>
      </c>
      <c r="P2054" s="7">
        <v>85.462146752600006</v>
      </c>
      <c r="Q2054" s="7">
        <v>85.240787796399999</v>
      </c>
      <c r="R2054" s="7">
        <v>86.791669464199998</v>
      </c>
      <c r="S2054" s="7">
        <v>76.159700755599999</v>
      </c>
      <c r="T2054" s="7">
        <v>74.564776242700006</v>
      </c>
      <c r="U2054" s="7">
        <v>80.795473547200004</v>
      </c>
      <c r="V2054" s="7">
        <v>79.537261958399995</v>
      </c>
      <c r="W2054" s="7">
        <v>74.597914715900004</v>
      </c>
      <c r="X2054" s="7">
        <v>76.612096001400005</v>
      </c>
      <c r="Y2054" s="7">
        <v>63.636303059200003</v>
      </c>
      <c r="Z2054" s="7">
        <v>82.883293440499997</v>
      </c>
      <c r="AA2054" s="7">
        <v>82.540231999</v>
      </c>
      <c r="AB2054" s="7">
        <v>83.175437031100003</v>
      </c>
      <c r="AC2054" s="7">
        <v>91.355383149600002</v>
      </c>
      <c r="AD2054" s="7">
        <v>88.8562157267</v>
      </c>
      <c r="AE2054" s="7">
        <v>92.486270246800004</v>
      </c>
      <c r="AF2054" s="7">
        <v>95.840997896499999</v>
      </c>
      <c r="AG2054" s="9">
        <v>7359.975177999997</v>
      </c>
      <c r="AH2054" s="13">
        <v>0.23960024960423504</v>
      </c>
      <c r="AI2054" s="9">
        <v>3744.953656499998</v>
      </c>
      <c r="AJ2054" s="13">
        <v>0.12191506209638098</v>
      </c>
      <c r="AK2054" s="9">
        <v>3319.4109183000037</v>
      </c>
      <c r="AL2054" s="13">
        <v>9.6318998006353129E-2</v>
      </c>
      <c r="AM2054" s="9">
        <v>295.61060319999524</v>
      </c>
      <c r="AN2054" s="13">
        <v>7.8240930268874357E-3</v>
      </c>
      <c r="AO2054" s="9">
        <v>3615.0215214999989</v>
      </c>
      <c r="AP2054" s="13">
        <v>0.10489669983389886</v>
      </c>
      <c r="AQ2054" s="9">
        <v>30717.727507200001</v>
      </c>
      <c r="AR2054" s="9">
        <v>34757.398051900003</v>
      </c>
      <c r="AS2054" s="9">
        <v>32752.2279299</v>
      </c>
      <c r="AT2054" s="9">
        <v>32257.933404899999</v>
      </c>
      <c r="AU2054" s="9">
        <v>33682.822806600001</v>
      </c>
      <c r="AV2054" s="9">
        <v>34443.328508500002</v>
      </c>
      <c r="AW2054" s="9">
        <v>34462.681163699999</v>
      </c>
      <c r="AX2054" s="9">
        <v>38238.045143199997</v>
      </c>
      <c r="AY2054" s="9">
        <v>34172.959932600003</v>
      </c>
      <c r="AZ2054" s="9">
        <v>37782.092082000003</v>
      </c>
      <c r="BA2054" s="9">
        <v>33701.2203152</v>
      </c>
      <c r="BB2054" s="9">
        <v>34401.760846500001</v>
      </c>
      <c r="BC2054" s="9">
        <v>34248.946341399998</v>
      </c>
      <c r="BD2054" s="9">
        <v>34320.654711700001</v>
      </c>
      <c r="BE2054" s="9">
        <v>37319.103927800003</v>
      </c>
      <c r="BF2054" s="9">
        <v>38077.702685199998</v>
      </c>
      <c r="BG2054" s="11">
        <v>0</v>
      </c>
      <c r="BH2054" s="13">
        <v>0</v>
      </c>
      <c r="BI2054" s="6">
        <v>2</v>
      </c>
      <c r="BJ2054" s="13">
        <v>0.16666666666666666</v>
      </c>
      <c r="BK2054" s="6">
        <v>-4</v>
      </c>
      <c r="BL2054" s="13">
        <v>-0.2857142857142857</v>
      </c>
      <c r="BM2054" s="11">
        <v>2</v>
      </c>
      <c r="BN2054" s="13">
        <v>0.2</v>
      </c>
      <c r="BO2054" s="11">
        <v>-2</v>
      </c>
      <c r="BP2054" s="13">
        <v>-0.14285714285714285</v>
      </c>
      <c r="BQ2054" s="6">
        <v>12</v>
      </c>
      <c r="BR2054" s="6">
        <v>13</v>
      </c>
      <c r="BS2054" s="6">
        <v>13</v>
      </c>
      <c r="BT2054" s="6">
        <v>14</v>
      </c>
      <c r="BU2054" s="6">
        <v>12</v>
      </c>
      <c r="BV2054" s="6">
        <v>11</v>
      </c>
      <c r="BW2054" s="6">
        <v>10</v>
      </c>
      <c r="BX2054" s="6">
        <v>14</v>
      </c>
      <c r="BY2054" s="6">
        <v>12</v>
      </c>
      <c r="BZ2054" s="6">
        <v>10</v>
      </c>
      <c r="CA2054" s="6">
        <v>10</v>
      </c>
      <c r="CB2054" s="6">
        <v>11</v>
      </c>
      <c r="CC2054" s="11">
        <v>12</v>
      </c>
      <c r="CD2054" s="11">
        <v>-4.3498999999999999</v>
      </c>
      <c r="CE2054" s="11">
        <v>5.3867099999999999</v>
      </c>
      <c r="CF2054" s="11">
        <v>9.3420400000000008</v>
      </c>
      <c r="CG2054" s="11">
        <v>14</v>
      </c>
      <c r="CH2054" s="20">
        <v>1.1184799999999999</v>
      </c>
      <c r="CI2054" s="20">
        <v>1.10717</v>
      </c>
      <c r="CJ2054" s="20">
        <v>1.0869599999999999</v>
      </c>
      <c r="CK2054" s="20">
        <v>0.91769800000000001</v>
      </c>
      <c r="CL2054" s="20">
        <v>0.98415600000000003</v>
      </c>
      <c r="CM2054" s="20">
        <v>1.0409600000000001</v>
      </c>
      <c r="CN2054" s="20">
        <v>1.0114300000000001</v>
      </c>
      <c r="CO2054" s="20">
        <v>0.95998399999999995</v>
      </c>
      <c r="CP2054" s="20">
        <v>1.0825800000000001</v>
      </c>
      <c r="CQ2054" s="20">
        <v>1.07491</v>
      </c>
      <c r="CR2054" s="20">
        <v>1.4093599999999999</v>
      </c>
      <c r="CS2054" s="20">
        <v>1.4097999999999999</v>
      </c>
      <c r="CT2054" s="20">
        <v>1.3041700000000001</v>
      </c>
      <c r="CU2054" s="20">
        <v>1.41845</v>
      </c>
      <c r="CV2054" s="20">
        <v>1.34433</v>
      </c>
      <c r="CW2054" s="20">
        <v>1.3727</v>
      </c>
      <c r="CX2054" s="20">
        <v>1.3996</v>
      </c>
      <c r="CY2054" s="6" t="s">
        <v>707</v>
      </c>
      <c r="CZ2054" s="6" t="s">
        <v>708</v>
      </c>
      <c r="DA2054" s="6" t="s">
        <v>116</v>
      </c>
      <c r="DB2054" s="6" t="s">
        <v>345</v>
      </c>
      <c r="DC2054" s="6"/>
      <c r="DD2054" s="6"/>
      <c r="DE2054" s="6"/>
      <c r="DF2054" s="6"/>
      <c r="DG2054" s="6"/>
      <c r="DH2054" s="6" t="s">
        <v>333</v>
      </c>
      <c r="DI2054" s="6"/>
      <c r="DJ2054" s="6"/>
      <c r="DK2054" s="6"/>
      <c r="DL2054" s="6">
        <v>10</v>
      </c>
      <c r="DM2054" s="6" t="s">
        <v>383</v>
      </c>
      <c r="DN2054" s="6">
        <v>9</v>
      </c>
      <c r="DO2054" s="6" t="s">
        <v>384</v>
      </c>
      <c r="DP2054" s="6"/>
      <c r="DQ2054" s="6"/>
    </row>
    <row r="2055" spans="1:121" x14ac:dyDescent="0.2">
      <c r="A2055" s="6" t="s">
        <v>314</v>
      </c>
      <c r="B2055" s="6" t="s">
        <v>314</v>
      </c>
      <c r="C2055" s="6" t="s">
        <v>183</v>
      </c>
      <c r="D2055" s="6" t="s">
        <v>116</v>
      </c>
      <c r="E2055" s="6" t="s">
        <v>257</v>
      </c>
      <c r="F2055" s="11">
        <v>1</v>
      </c>
      <c r="G2055" s="13">
        <v>1</v>
      </c>
      <c r="H2055" s="11">
        <v>11.276964527899999</v>
      </c>
      <c r="I2055" s="13">
        <v>2.2553929055799999</v>
      </c>
      <c r="J2055" s="11">
        <v>-3.1189829253999992</v>
      </c>
      <c r="K2055" s="13">
        <v>-0.19161944600013209</v>
      </c>
      <c r="L2055" s="11">
        <v>-8.1579816024999996</v>
      </c>
      <c r="M2055" s="13">
        <v>-0.62000250866363826</v>
      </c>
      <c r="N2055" s="11">
        <v>-11.276964527899999</v>
      </c>
      <c r="O2055" s="13">
        <v>-0.69281741743495195</v>
      </c>
      <c r="P2055" s="7">
        <v>5</v>
      </c>
      <c r="Q2055" s="7">
        <v>5</v>
      </c>
      <c r="R2055" s="7">
        <v>5</v>
      </c>
      <c r="S2055" s="7">
        <v>5</v>
      </c>
      <c r="T2055" s="7">
        <v>16.985678051899999</v>
      </c>
      <c r="U2055" s="7">
        <v>15.812119495899999</v>
      </c>
      <c r="V2055" s="7">
        <v>16.276964527899999</v>
      </c>
      <c r="W2055" s="7">
        <v>17.9067979995</v>
      </c>
      <c r="X2055" s="7">
        <v>18.432943466400001</v>
      </c>
      <c r="Y2055" s="7">
        <v>13.1579816025</v>
      </c>
      <c r="Z2055" s="7">
        <v>5</v>
      </c>
      <c r="AA2055" s="7">
        <v>5</v>
      </c>
      <c r="AB2055" s="7">
        <v>5</v>
      </c>
      <c r="AC2055" s="7">
        <v>5</v>
      </c>
      <c r="AD2055" s="7">
        <v>5</v>
      </c>
      <c r="AE2055" s="7">
        <v>5</v>
      </c>
      <c r="AF2055" s="7">
        <v>5</v>
      </c>
      <c r="AG2055" s="9">
        <v>0</v>
      </c>
      <c r="AH2055" s="13">
        <v>0</v>
      </c>
      <c r="AI2055" s="9">
        <v>23673.180929599999</v>
      </c>
      <c r="AJ2055" s="13">
        <v>23673.180929599999</v>
      </c>
      <c r="AK2055" s="9">
        <v>-10660.914088899999</v>
      </c>
      <c r="AL2055" s="13">
        <v>-0.4503181808317846</v>
      </c>
      <c r="AM2055" s="9">
        <v>-13012.2668407</v>
      </c>
      <c r="AN2055" s="13">
        <v>-0.99992315534506115</v>
      </c>
      <c r="AO2055" s="9">
        <v>-23673.180929599999</v>
      </c>
      <c r="AP2055" s="13">
        <v>-0.9999577598902798</v>
      </c>
      <c r="AQ2055" s="9">
        <v>1</v>
      </c>
      <c r="AR2055" s="9">
        <v>1</v>
      </c>
      <c r="AS2055" s="9">
        <v>1</v>
      </c>
      <c r="AT2055" s="9">
        <v>1</v>
      </c>
      <c r="AU2055" s="9">
        <v>18115.421335999999</v>
      </c>
      <c r="AV2055" s="9">
        <v>21828.872605100001</v>
      </c>
      <c r="AW2055" s="9">
        <v>23674.180929599999</v>
      </c>
      <c r="AX2055" s="9">
        <v>21006.215973900002</v>
      </c>
      <c r="AY2055" s="9">
        <v>14864.0837476</v>
      </c>
      <c r="AZ2055" s="9">
        <v>13013.2668407</v>
      </c>
      <c r="BA2055" s="9">
        <v>1</v>
      </c>
      <c r="BB2055" s="9">
        <v>1</v>
      </c>
      <c r="BC2055" s="9">
        <v>1</v>
      </c>
      <c r="BD2055" s="9">
        <v>1</v>
      </c>
      <c r="BE2055" s="9">
        <v>1</v>
      </c>
      <c r="BF2055" s="9">
        <v>1</v>
      </c>
      <c r="BG2055" s="11">
        <v>1</v>
      </c>
      <c r="BH2055" s="13">
        <v>1</v>
      </c>
      <c r="BI2055" s="6">
        <v>0</v>
      </c>
      <c r="BJ2055" s="13">
        <v>0</v>
      </c>
      <c r="BK2055" s="6">
        <v>0</v>
      </c>
      <c r="BL2055" s="13">
        <v>0</v>
      </c>
      <c r="BM2055" s="11">
        <v>1</v>
      </c>
      <c r="BN2055" s="13">
        <v>1</v>
      </c>
      <c r="BO2055" s="11">
        <v>1</v>
      </c>
      <c r="BP2055" s="13">
        <v>1</v>
      </c>
      <c r="BQ2055" s="6">
        <v>1</v>
      </c>
      <c r="BR2055" s="6">
        <v>1</v>
      </c>
      <c r="BS2055" s="6">
        <v>1</v>
      </c>
      <c r="BT2055" s="6">
        <v>1</v>
      </c>
      <c r="BU2055" s="6">
        <v>1</v>
      </c>
      <c r="BV2055" s="6">
        <v>1</v>
      </c>
      <c r="BW2055" s="6">
        <v>1</v>
      </c>
      <c r="BX2055" s="6">
        <v>1</v>
      </c>
      <c r="BY2055" s="6">
        <v>1</v>
      </c>
      <c r="BZ2055" s="6">
        <v>1</v>
      </c>
      <c r="CA2055" s="6">
        <v>1</v>
      </c>
      <c r="CB2055" s="6">
        <v>2</v>
      </c>
      <c r="CC2055" s="11">
        <v>2</v>
      </c>
      <c r="CD2055" s="11">
        <v>-3.9571800000000001</v>
      </c>
      <c r="CE2055" s="11">
        <v>-2.6038999999999999</v>
      </c>
      <c r="CF2055" s="11">
        <v>0.92930699999999999</v>
      </c>
      <c r="CG2055" s="11">
        <v>-2</v>
      </c>
      <c r="CH2055" s="20">
        <v>0.141288</v>
      </c>
      <c r="CI2055" s="20">
        <v>0.147427</v>
      </c>
      <c r="CJ2055" s="20">
        <v>0.14473</v>
      </c>
      <c r="CK2055" s="20">
        <v>0.15492600000000001</v>
      </c>
      <c r="CL2055" s="20">
        <v>0.33065800000000001</v>
      </c>
      <c r="CM2055" s="20">
        <v>0.30942599999999998</v>
      </c>
      <c r="CN2055" s="20">
        <v>0.32158199999999998</v>
      </c>
      <c r="CO2055" s="20">
        <v>0.36113299999999998</v>
      </c>
      <c r="CP2055" s="20">
        <v>0.40626499999999999</v>
      </c>
      <c r="CQ2055" s="20">
        <v>0.35558400000000001</v>
      </c>
      <c r="CR2055" s="20">
        <v>0.25970399999999999</v>
      </c>
      <c r="CS2055" s="20">
        <v>0.193884</v>
      </c>
      <c r="CT2055" s="20">
        <v>7.6194799999999993E-2</v>
      </c>
      <c r="CU2055" s="20">
        <v>5.7984099999999997E-2</v>
      </c>
      <c r="CV2055" s="20">
        <v>8.1606100000000001E-2</v>
      </c>
      <c r="CW2055" s="20">
        <v>8.2511200000000007E-2</v>
      </c>
      <c r="CX2055" s="20">
        <v>7.7690700000000001E-2</v>
      </c>
      <c r="CY2055" s="6" t="s">
        <v>707</v>
      </c>
      <c r="CZ2055" s="6" t="s">
        <v>708</v>
      </c>
      <c r="DA2055" s="6" t="s">
        <v>116</v>
      </c>
      <c r="DB2055" s="6" t="s">
        <v>345</v>
      </c>
      <c r="DC2055" s="6"/>
      <c r="DD2055" s="6"/>
      <c r="DE2055" s="6"/>
      <c r="DF2055" s="6"/>
      <c r="DG2055" s="6"/>
      <c r="DH2055" s="6" t="s">
        <v>333</v>
      </c>
      <c r="DI2055" s="6"/>
      <c r="DJ2055" s="6"/>
      <c r="DK2055" s="6"/>
      <c r="DL2055" s="6">
        <v>10</v>
      </c>
      <c r="DM2055" s="6" t="s">
        <v>383</v>
      </c>
      <c r="DN2055" s="6">
        <v>9</v>
      </c>
      <c r="DO2055" s="6" t="s">
        <v>384</v>
      </c>
      <c r="DP2055" s="6"/>
      <c r="DQ2055" s="6"/>
    </row>
    <row r="2056" spans="1:121" x14ac:dyDescent="0.2">
      <c r="A2056" s="6" t="s">
        <v>315</v>
      </c>
      <c r="B2056" s="6" t="s">
        <v>315</v>
      </c>
      <c r="C2056" s="6" t="s">
        <v>184</v>
      </c>
      <c r="D2056" s="6" t="s">
        <v>116</v>
      </c>
      <c r="E2056" s="6" t="s">
        <v>257</v>
      </c>
      <c r="F2056" s="11">
        <v>-17</v>
      </c>
      <c r="G2056" s="13">
        <v>-0.3</v>
      </c>
      <c r="H2056" s="11">
        <v>1</v>
      </c>
      <c r="I2056" s="13">
        <v>1.7543859649122806E-2</v>
      </c>
      <c r="J2056" s="11">
        <v>0</v>
      </c>
      <c r="K2056" s="13">
        <v>0</v>
      </c>
      <c r="L2056" s="11">
        <v>-18</v>
      </c>
      <c r="M2056" s="13">
        <v>-0.31034482758620691</v>
      </c>
      <c r="N2056" s="11">
        <v>-18</v>
      </c>
      <c r="O2056" s="13">
        <v>-0.31034482758620691</v>
      </c>
      <c r="P2056" s="7">
        <v>57</v>
      </c>
      <c r="Q2056" s="7">
        <v>61</v>
      </c>
      <c r="R2056" s="7">
        <v>60</v>
      </c>
      <c r="S2056" s="7">
        <v>63</v>
      </c>
      <c r="T2056" s="7">
        <v>62</v>
      </c>
      <c r="U2056" s="7">
        <v>57</v>
      </c>
      <c r="V2056" s="7">
        <v>58</v>
      </c>
      <c r="W2056" s="7">
        <v>58</v>
      </c>
      <c r="X2056" s="7">
        <v>56</v>
      </c>
      <c r="Y2056" s="7">
        <v>58</v>
      </c>
      <c r="Z2056" s="7">
        <v>58</v>
      </c>
      <c r="AA2056" s="7">
        <v>54</v>
      </c>
      <c r="AB2056" s="7">
        <v>43</v>
      </c>
      <c r="AC2056" s="7">
        <v>40</v>
      </c>
      <c r="AD2056" s="7">
        <v>45</v>
      </c>
      <c r="AE2056" s="7">
        <v>42</v>
      </c>
      <c r="AF2056" s="7">
        <v>40</v>
      </c>
      <c r="AG2056" s="9">
        <v>14382</v>
      </c>
      <c r="AH2056" s="13">
        <v>0.50087065542940723</v>
      </c>
      <c r="AI2056" s="9">
        <v>5194</v>
      </c>
      <c r="AJ2056" s="13">
        <v>0.18088737201365188</v>
      </c>
      <c r="AK2056" s="9">
        <v>2939</v>
      </c>
      <c r="AL2056" s="13">
        <v>8.6675710746726434E-2</v>
      </c>
      <c r="AM2056" s="9">
        <v>6249</v>
      </c>
      <c r="AN2056" s="13">
        <v>0.16959318262002335</v>
      </c>
      <c r="AO2056" s="9">
        <v>9188</v>
      </c>
      <c r="AP2056" s="13">
        <v>0.27096850300813968</v>
      </c>
      <c r="AQ2056" s="9">
        <v>28714</v>
      </c>
      <c r="AR2056" s="9">
        <v>29345</v>
      </c>
      <c r="AS2056" s="9">
        <v>33107</v>
      </c>
      <c r="AT2056" s="9">
        <v>32171</v>
      </c>
      <c r="AU2056" s="9">
        <v>32724</v>
      </c>
      <c r="AV2056" s="9">
        <v>33757</v>
      </c>
      <c r="AW2056" s="9">
        <v>33908</v>
      </c>
      <c r="AX2056" s="9">
        <v>36512</v>
      </c>
      <c r="AY2056" s="9">
        <v>36626</v>
      </c>
      <c r="AZ2056" s="9">
        <v>36847</v>
      </c>
      <c r="BA2056" s="9">
        <v>36431</v>
      </c>
      <c r="BB2056" s="9">
        <v>35727</v>
      </c>
      <c r="BC2056" s="9">
        <v>37500</v>
      </c>
      <c r="BD2056" s="9">
        <v>37155</v>
      </c>
      <c r="BE2056" s="9">
        <v>35364</v>
      </c>
      <c r="BF2056" s="9">
        <v>43096</v>
      </c>
      <c r="BG2056" s="11">
        <v>4</v>
      </c>
      <c r="BH2056" s="13">
        <v>0.66666666666666663</v>
      </c>
      <c r="BI2056" s="6">
        <v>1</v>
      </c>
      <c r="BJ2056" s="13">
        <v>0.16666666666666666</v>
      </c>
      <c r="BK2056" s="6">
        <v>2</v>
      </c>
      <c r="BL2056" s="13">
        <v>0.2857142857142857</v>
      </c>
      <c r="BM2056" s="11">
        <v>1</v>
      </c>
      <c r="BN2056" s="13">
        <v>0.1111111111111111</v>
      </c>
      <c r="BO2056" s="11">
        <v>3</v>
      </c>
      <c r="BP2056" s="13">
        <v>0.42857142857142855</v>
      </c>
      <c r="BQ2056" s="6">
        <v>6</v>
      </c>
      <c r="BR2056" s="6">
        <v>8</v>
      </c>
      <c r="BS2056" s="6">
        <v>8</v>
      </c>
      <c r="BT2056" s="6">
        <v>7</v>
      </c>
      <c r="BU2056" s="6">
        <v>7</v>
      </c>
      <c r="BV2056" s="6">
        <v>7</v>
      </c>
      <c r="BW2056" s="6">
        <v>9</v>
      </c>
      <c r="BX2056" s="6">
        <v>9</v>
      </c>
      <c r="BY2056" s="6">
        <v>9</v>
      </c>
      <c r="BZ2056" s="6">
        <v>9</v>
      </c>
      <c r="CA2056" s="6">
        <v>9</v>
      </c>
      <c r="CB2056" s="6">
        <v>10</v>
      </c>
      <c r="CC2056" s="11">
        <v>10</v>
      </c>
      <c r="CD2056" s="11">
        <v>-19</v>
      </c>
      <c r="CE2056" s="11">
        <v>-5</v>
      </c>
      <c r="CF2056" s="11">
        <v>6</v>
      </c>
      <c r="CG2056" s="11">
        <v>1</v>
      </c>
      <c r="CH2056" s="20">
        <v>0.57999999999999996</v>
      </c>
      <c r="CI2056" s="20">
        <v>0.6</v>
      </c>
      <c r="CJ2056" s="20">
        <v>0.55000000000000004</v>
      </c>
      <c r="CK2056" s="20">
        <v>0.56999999999999995</v>
      </c>
      <c r="CL2056" s="20">
        <v>0.61</v>
      </c>
      <c r="CM2056" s="20">
        <v>0.56000000000000005</v>
      </c>
      <c r="CN2056" s="20">
        <v>0.56999999999999995</v>
      </c>
      <c r="CO2056" s="20">
        <v>0.59</v>
      </c>
      <c r="CP2056" s="20">
        <v>0.61</v>
      </c>
      <c r="CQ2056" s="20">
        <v>0.76</v>
      </c>
      <c r="CR2056" s="20">
        <v>0.78</v>
      </c>
      <c r="CS2056" s="20">
        <v>0.75</v>
      </c>
      <c r="CT2056" s="20">
        <v>0.55000000000000004</v>
      </c>
      <c r="CU2056" s="20">
        <v>0.53</v>
      </c>
      <c r="CV2056" s="20">
        <v>0.59</v>
      </c>
      <c r="CW2056" s="20">
        <v>0.54</v>
      </c>
      <c r="CX2056" s="20">
        <v>0.51</v>
      </c>
      <c r="CY2056" s="6" t="s">
        <v>707</v>
      </c>
      <c r="CZ2056" s="6" t="s">
        <v>708</v>
      </c>
      <c r="DA2056" s="6" t="s">
        <v>116</v>
      </c>
      <c r="DB2056" s="6" t="s">
        <v>345</v>
      </c>
      <c r="DC2056" s="6"/>
      <c r="DD2056" s="6"/>
      <c r="DE2056" s="6"/>
      <c r="DF2056" s="6"/>
      <c r="DG2056" s="6"/>
      <c r="DH2056" s="6" t="s">
        <v>333</v>
      </c>
      <c r="DI2056" s="6"/>
      <c r="DJ2056" s="6"/>
      <c r="DK2056" s="6"/>
      <c r="DL2056" s="6">
        <v>10</v>
      </c>
      <c r="DM2056" s="6" t="s">
        <v>383</v>
      </c>
      <c r="DN2056" s="6">
        <v>9</v>
      </c>
      <c r="DO2056" s="6" t="s">
        <v>384</v>
      </c>
      <c r="DP2056" s="6"/>
      <c r="DQ2056" s="6"/>
    </row>
    <row r="2057" spans="1:121" x14ac:dyDescent="0.2">
      <c r="A2057" s="6" t="s">
        <v>316</v>
      </c>
      <c r="B2057" s="6" t="s">
        <v>316</v>
      </c>
      <c r="C2057" s="6" t="s">
        <v>185</v>
      </c>
      <c r="D2057" s="6" t="s">
        <v>116</v>
      </c>
      <c r="E2057" s="6" t="s">
        <v>257</v>
      </c>
      <c r="F2057" s="11">
        <v>-11</v>
      </c>
      <c r="G2057" s="13">
        <v>-0.28999999999999998</v>
      </c>
      <c r="H2057" s="11">
        <v>-3</v>
      </c>
      <c r="I2057" s="13">
        <v>-7.8947368421052627E-2</v>
      </c>
      <c r="J2057" s="11">
        <v>-10</v>
      </c>
      <c r="K2057" s="13">
        <v>-0.2857142857142857</v>
      </c>
      <c r="L2057" s="11">
        <v>2</v>
      </c>
      <c r="M2057" s="13">
        <v>0.08</v>
      </c>
      <c r="N2057" s="11">
        <v>-8</v>
      </c>
      <c r="O2057" s="13">
        <v>-0.22857142857142856</v>
      </c>
      <c r="P2057" s="7">
        <v>38</v>
      </c>
      <c r="Q2057" s="7">
        <v>44</v>
      </c>
      <c r="R2057" s="7">
        <v>49</v>
      </c>
      <c r="S2057" s="7">
        <v>45</v>
      </c>
      <c r="T2057" s="7">
        <v>31</v>
      </c>
      <c r="U2057" s="7">
        <v>38</v>
      </c>
      <c r="V2057" s="7">
        <v>35</v>
      </c>
      <c r="W2057" s="7">
        <v>26</v>
      </c>
      <c r="X2057" s="7">
        <v>35</v>
      </c>
      <c r="Y2057" s="7">
        <v>25</v>
      </c>
      <c r="Z2057" s="7">
        <v>16</v>
      </c>
      <c r="AA2057" s="7">
        <v>25</v>
      </c>
      <c r="AB2057" s="7">
        <v>25</v>
      </c>
      <c r="AC2057" s="7">
        <v>25</v>
      </c>
      <c r="AD2057" s="7">
        <v>23</v>
      </c>
      <c r="AE2057" s="7">
        <v>28</v>
      </c>
      <c r="AF2057" s="7">
        <v>27</v>
      </c>
      <c r="AG2057" s="9">
        <v>6746</v>
      </c>
      <c r="AH2057" s="13">
        <v>0.4084029543528272</v>
      </c>
      <c r="AI2057" s="9">
        <v>2779</v>
      </c>
      <c r="AJ2057" s="13">
        <v>0.168240707107398</v>
      </c>
      <c r="AK2057" s="9">
        <v>-3504</v>
      </c>
      <c r="AL2057" s="13">
        <v>-0.18158262942426284</v>
      </c>
      <c r="AM2057" s="9">
        <v>7471</v>
      </c>
      <c r="AN2057" s="13">
        <v>0.47305768378395491</v>
      </c>
      <c r="AO2057" s="9">
        <v>3967</v>
      </c>
      <c r="AP2057" s="13">
        <v>0.20557599626885009</v>
      </c>
      <c r="AQ2057" s="9">
        <v>16518</v>
      </c>
      <c r="AR2057" s="9">
        <v>18548</v>
      </c>
      <c r="AS2057" s="9">
        <v>20159</v>
      </c>
      <c r="AT2057" s="9">
        <v>16538</v>
      </c>
      <c r="AU2057" s="9">
        <v>24562</v>
      </c>
      <c r="AV2057" s="9">
        <v>21884</v>
      </c>
      <c r="AW2057" s="9">
        <v>19297</v>
      </c>
      <c r="AX2057" s="9">
        <v>18809</v>
      </c>
      <c r="AY2057" s="9">
        <v>18869</v>
      </c>
      <c r="AZ2057" s="9">
        <v>15793</v>
      </c>
      <c r="BA2057" s="9">
        <v>21760</v>
      </c>
      <c r="BB2057" s="9">
        <v>19522</v>
      </c>
      <c r="BC2057" s="9">
        <v>21384</v>
      </c>
      <c r="BD2057" s="9">
        <v>22347</v>
      </c>
      <c r="BE2057" s="9">
        <v>24236</v>
      </c>
      <c r="BF2057" s="9">
        <v>23264</v>
      </c>
      <c r="BG2057" s="11">
        <v>-1</v>
      </c>
      <c r="BH2057" s="13">
        <v>-9.0909090909090912E-2</v>
      </c>
      <c r="BI2057" s="6">
        <v>1</v>
      </c>
      <c r="BJ2057" s="13">
        <v>9.0909090909090912E-2</v>
      </c>
      <c r="BK2057" s="6">
        <v>-4</v>
      </c>
      <c r="BL2057" s="13">
        <v>-0.33333333333333331</v>
      </c>
      <c r="BM2057" s="11">
        <v>2</v>
      </c>
      <c r="BN2057" s="13">
        <v>0.25</v>
      </c>
      <c r="BO2057" s="11">
        <v>-2</v>
      </c>
      <c r="BP2057" s="13">
        <v>-0.16666666666666666</v>
      </c>
      <c r="BQ2057" s="6">
        <v>11</v>
      </c>
      <c r="BR2057" s="6">
        <v>11</v>
      </c>
      <c r="BS2057" s="6">
        <v>12</v>
      </c>
      <c r="BT2057" s="6">
        <v>12</v>
      </c>
      <c r="BU2057" s="6">
        <v>11</v>
      </c>
      <c r="BV2057" s="6">
        <v>13</v>
      </c>
      <c r="BW2057" s="6">
        <v>8</v>
      </c>
      <c r="BX2057" s="6">
        <v>8</v>
      </c>
      <c r="BY2057" s="6">
        <v>9</v>
      </c>
      <c r="BZ2057" s="6">
        <v>10</v>
      </c>
      <c r="CA2057" s="6">
        <v>10</v>
      </c>
      <c r="CB2057" s="6">
        <v>10</v>
      </c>
      <c r="CC2057" s="11">
        <v>10</v>
      </c>
      <c r="CD2057" s="11">
        <v>-14</v>
      </c>
      <c r="CE2057" s="11">
        <v>-2</v>
      </c>
      <c r="CF2057" s="11">
        <v>4</v>
      </c>
      <c r="CG2057" s="11">
        <v>2</v>
      </c>
      <c r="CH2057" s="20">
        <v>0.95</v>
      </c>
      <c r="CI2057" s="20">
        <v>1.05</v>
      </c>
      <c r="CJ2057" s="20">
        <v>1.1000000000000001</v>
      </c>
      <c r="CK2057" s="20">
        <v>0.96</v>
      </c>
      <c r="CL2057" s="20">
        <v>0.72</v>
      </c>
      <c r="CM2057" s="20">
        <v>0.86</v>
      </c>
      <c r="CN2057" s="20">
        <v>0.8</v>
      </c>
      <c r="CO2057" s="20">
        <v>0.61</v>
      </c>
      <c r="CP2057" s="20">
        <v>0.9</v>
      </c>
      <c r="CQ2057" s="20">
        <v>0.81</v>
      </c>
      <c r="CR2057" s="20">
        <v>0.54</v>
      </c>
      <c r="CS2057" s="20">
        <v>0.85</v>
      </c>
      <c r="CT2057" s="20">
        <v>0.79</v>
      </c>
      <c r="CU2057" s="20">
        <v>0.77</v>
      </c>
      <c r="CV2057" s="20">
        <v>0.71</v>
      </c>
      <c r="CW2057" s="20">
        <v>0.85</v>
      </c>
      <c r="CX2057" s="20">
        <v>0.82</v>
      </c>
      <c r="CY2057" s="6" t="s">
        <v>707</v>
      </c>
      <c r="CZ2057" s="6" t="s">
        <v>708</v>
      </c>
      <c r="DA2057" s="6" t="s">
        <v>116</v>
      </c>
      <c r="DB2057" s="6" t="s">
        <v>345</v>
      </c>
      <c r="DC2057" s="6"/>
      <c r="DD2057" s="6"/>
      <c r="DE2057" s="6"/>
      <c r="DF2057" s="6"/>
      <c r="DG2057" s="6"/>
      <c r="DH2057" s="6" t="s">
        <v>333</v>
      </c>
      <c r="DI2057" s="6"/>
      <c r="DJ2057" s="6"/>
      <c r="DK2057" s="6"/>
      <c r="DL2057" s="6">
        <v>10</v>
      </c>
      <c r="DM2057" s="6" t="s">
        <v>383</v>
      </c>
      <c r="DN2057" s="6">
        <v>9</v>
      </c>
      <c r="DO2057" s="6" t="s">
        <v>384</v>
      </c>
      <c r="DP2057" s="6"/>
      <c r="DQ2057" s="6"/>
    </row>
    <row r="2058" spans="1:121" x14ac:dyDescent="0.2">
      <c r="A2058" s="6" t="s">
        <v>317</v>
      </c>
      <c r="B2058" s="6" t="s">
        <v>317</v>
      </c>
      <c r="C2058" s="6" t="s">
        <v>186</v>
      </c>
      <c r="D2058" s="6" t="s">
        <v>116</v>
      </c>
      <c r="E2058" s="6" t="s">
        <v>257</v>
      </c>
      <c r="F2058" s="11">
        <v>1</v>
      </c>
      <c r="G2058" s="13">
        <v>1</v>
      </c>
      <c r="H2058" s="11">
        <v>0</v>
      </c>
      <c r="I2058" s="13">
        <v>0</v>
      </c>
      <c r="J2058" s="11">
        <v>8</v>
      </c>
      <c r="K2058" s="13">
        <v>1.6</v>
      </c>
      <c r="L2058" s="11">
        <v>2</v>
      </c>
      <c r="M2058" s="13">
        <v>0.15384615384615383</v>
      </c>
      <c r="N2058" s="11">
        <v>10</v>
      </c>
      <c r="O2058" s="13">
        <v>2</v>
      </c>
      <c r="P2058" s="7">
        <v>5</v>
      </c>
      <c r="Q2058" s="7">
        <v>5</v>
      </c>
      <c r="R2058" s="7">
        <v>5</v>
      </c>
      <c r="S2058" s="7">
        <v>5</v>
      </c>
      <c r="T2058" s="7">
        <v>5</v>
      </c>
      <c r="U2058" s="7">
        <v>5</v>
      </c>
      <c r="V2058" s="7">
        <v>5</v>
      </c>
      <c r="W2058" s="7">
        <v>15</v>
      </c>
      <c r="X2058" s="7">
        <v>15</v>
      </c>
      <c r="Y2058" s="7">
        <v>13</v>
      </c>
      <c r="Z2058" s="7">
        <v>14</v>
      </c>
      <c r="AA2058" s="7">
        <v>15</v>
      </c>
      <c r="AB2058" s="7">
        <v>14</v>
      </c>
      <c r="AC2058" s="7">
        <v>15</v>
      </c>
      <c r="AD2058" s="7">
        <v>15</v>
      </c>
      <c r="AE2058" s="7">
        <v>15</v>
      </c>
      <c r="AF2058" s="7">
        <v>15</v>
      </c>
      <c r="AG2058" s="9">
        <v>38233</v>
      </c>
      <c r="AH2058" s="13">
        <v>38233</v>
      </c>
      <c r="AI2058" s="9">
        <v>0</v>
      </c>
      <c r="AJ2058" s="13">
        <v>0</v>
      </c>
      <c r="AK2058" s="9">
        <v>30297</v>
      </c>
      <c r="AL2058" s="13">
        <v>30297</v>
      </c>
      <c r="AM2058" s="9">
        <v>7936</v>
      </c>
      <c r="AN2058" s="13">
        <v>0.26193148062578386</v>
      </c>
      <c r="AO2058" s="9">
        <v>38233</v>
      </c>
      <c r="AP2058" s="13">
        <v>38233</v>
      </c>
      <c r="AQ2058" s="9">
        <v>1</v>
      </c>
      <c r="AR2058" s="9">
        <v>1</v>
      </c>
      <c r="AS2058" s="9">
        <v>1</v>
      </c>
      <c r="AT2058" s="9">
        <v>1</v>
      </c>
      <c r="AU2058" s="9">
        <v>1</v>
      </c>
      <c r="AV2058" s="9">
        <v>1</v>
      </c>
      <c r="AW2058" s="9">
        <v>1</v>
      </c>
      <c r="AX2058" s="9">
        <v>26630</v>
      </c>
      <c r="AY2058" s="9">
        <v>28906</v>
      </c>
      <c r="AZ2058" s="9">
        <v>30298</v>
      </c>
      <c r="BA2058" s="9">
        <v>33872</v>
      </c>
      <c r="BB2058" s="9">
        <v>38929</v>
      </c>
      <c r="BC2058" s="9">
        <v>39071</v>
      </c>
      <c r="BD2058" s="9">
        <v>39548</v>
      </c>
      <c r="BE2058" s="9">
        <v>40192</v>
      </c>
      <c r="BF2058" s="9">
        <v>38234</v>
      </c>
      <c r="BG2058" s="11">
        <v>2</v>
      </c>
      <c r="BH2058" s="13">
        <v>1</v>
      </c>
      <c r="BI2058" s="6">
        <v>3</v>
      </c>
      <c r="BJ2058" s="13">
        <v>1.5</v>
      </c>
      <c r="BK2058" s="6">
        <v>0</v>
      </c>
      <c r="BL2058" s="13">
        <v>0</v>
      </c>
      <c r="BM2058" s="11">
        <v>-1</v>
      </c>
      <c r="BN2058" s="13">
        <v>-0.2</v>
      </c>
      <c r="BO2058" s="11">
        <v>-1</v>
      </c>
      <c r="BP2058" s="13">
        <v>-0.2</v>
      </c>
      <c r="BQ2058" s="6">
        <v>2</v>
      </c>
      <c r="BR2058" s="6">
        <v>5</v>
      </c>
      <c r="BS2058" s="6">
        <v>4</v>
      </c>
      <c r="BT2058" s="6">
        <v>5</v>
      </c>
      <c r="BU2058" s="6">
        <v>5</v>
      </c>
      <c r="BV2058" s="6">
        <v>5</v>
      </c>
      <c r="BW2058" s="6">
        <v>5</v>
      </c>
      <c r="BX2058" s="6">
        <v>5</v>
      </c>
      <c r="BY2058" s="6">
        <v>4</v>
      </c>
      <c r="BZ2058" s="6">
        <v>4</v>
      </c>
      <c r="CA2058" s="6">
        <v>4</v>
      </c>
      <c r="CB2058" s="6">
        <v>4</v>
      </c>
      <c r="CC2058" s="11">
        <v>4</v>
      </c>
      <c r="CD2058" s="11">
        <v>6</v>
      </c>
      <c r="CE2058" s="11">
        <v>1</v>
      </c>
      <c r="CF2058" s="11">
        <v>1</v>
      </c>
      <c r="CG2058" s="11">
        <v>2</v>
      </c>
      <c r="CH2058" s="20">
        <v>0.06</v>
      </c>
      <c r="CI2058" s="20">
        <v>0.05</v>
      </c>
      <c r="CJ2058" s="20">
        <v>0.03</v>
      </c>
      <c r="CK2058" s="20">
        <v>0.04</v>
      </c>
      <c r="CL2058" s="20">
        <v>0.04</v>
      </c>
      <c r="CM2058" s="20">
        <v>0.06</v>
      </c>
      <c r="CN2058" s="20">
        <v>0.06</v>
      </c>
      <c r="CO2058" s="20">
        <v>0.1</v>
      </c>
      <c r="CP2058" s="20">
        <v>0.12</v>
      </c>
      <c r="CQ2058" s="20">
        <v>0.12</v>
      </c>
      <c r="CR2058" s="20">
        <v>0.13</v>
      </c>
      <c r="CS2058" s="20">
        <v>0.14000000000000001</v>
      </c>
      <c r="CT2058" s="20">
        <v>0.11</v>
      </c>
      <c r="CU2058" s="20">
        <v>0.12</v>
      </c>
      <c r="CV2058" s="20">
        <v>0.12</v>
      </c>
      <c r="CW2058" s="20">
        <v>0.12</v>
      </c>
      <c r="CX2058" s="20">
        <v>0.12</v>
      </c>
      <c r="CY2058" s="6" t="s">
        <v>707</v>
      </c>
      <c r="CZ2058" s="6" t="s">
        <v>708</v>
      </c>
      <c r="DA2058" s="6" t="s">
        <v>116</v>
      </c>
      <c r="DB2058" s="6" t="s">
        <v>345</v>
      </c>
      <c r="DC2058" s="6"/>
      <c r="DD2058" s="6"/>
      <c r="DE2058" s="6"/>
      <c r="DF2058" s="6"/>
      <c r="DG2058" s="6"/>
      <c r="DH2058" s="6" t="s">
        <v>333</v>
      </c>
      <c r="DI2058" s="6"/>
      <c r="DJ2058" s="6"/>
      <c r="DK2058" s="6"/>
      <c r="DL2058" s="6">
        <v>10</v>
      </c>
      <c r="DM2058" s="6" t="s">
        <v>383</v>
      </c>
      <c r="DN2058" s="6">
        <v>9</v>
      </c>
      <c r="DO2058" s="6" t="s">
        <v>384</v>
      </c>
      <c r="DP2058" s="6"/>
      <c r="DQ2058" s="6"/>
    </row>
    <row r="2059" spans="1:121" x14ac:dyDescent="0.2">
      <c r="A2059" s="6" t="s">
        <v>318</v>
      </c>
      <c r="B2059" s="6" t="s">
        <v>318</v>
      </c>
      <c r="C2059" s="6" t="s">
        <v>187</v>
      </c>
      <c r="D2059" s="6" t="s">
        <v>116</v>
      </c>
      <c r="E2059" s="6" t="s">
        <v>257</v>
      </c>
      <c r="F2059" s="11">
        <v>0</v>
      </c>
      <c r="G2059" s="13">
        <v>0</v>
      </c>
      <c r="H2059" s="11">
        <v>0</v>
      </c>
      <c r="I2059" s="13"/>
      <c r="J2059" s="11">
        <v>0</v>
      </c>
      <c r="K2059" s="13"/>
      <c r="L2059" s="11">
        <v>0</v>
      </c>
      <c r="M2059" s="13"/>
      <c r="N2059" s="11">
        <v>0</v>
      </c>
      <c r="O2059" s="13"/>
      <c r="P2059" s="7">
        <v>0</v>
      </c>
      <c r="Q2059" s="7">
        <v>0</v>
      </c>
      <c r="R2059" s="7">
        <v>0</v>
      </c>
      <c r="S2059" s="7">
        <v>0</v>
      </c>
      <c r="T2059" s="7">
        <v>0</v>
      </c>
      <c r="U2059" s="7">
        <v>0</v>
      </c>
      <c r="V2059" s="7">
        <v>0</v>
      </c>
      <c r="W2059" s="7">
        <v>0</v>
      </c>
      <c r="X2059" s="7">
        <v>0</v>
      </c>
      <c r="Y2059" s="7">
        <v>0</v>
      </c>
      <c r="Z2059" s="7">
        <v>0</v>
      </c>
      <c r="AA2059" s="7">
        <v>0</v>
      </c>
      <c r="AB2059" s="7">
        <v>0</v>
      </c>
      <c r="AC2059" s="7">
        <v>0</v>
      </c>
      <c r="AD2059" s="7">
        <v>0</v>
      </c>
      <c r="AE2059" s="7">
        <v>0</v>
      </c>
      <c r="AF2059" s="7">
        <v>0</v>
      </c>
      <c r="AG2059" s="9">
        <v>0</v>
      </c>
      <c r="AH2059" s="13"/>
      <c r="AI2059" s="9">
        <v>0</v>
      </c>
      <c r="AJ2059" s="13"/>
      <c r="AK2059" s="9">
        <v>0</v>
      </c>
      <c r="AL2059" s="13"/>
      <c r="AM2059" s="9">
        <v>0</v>
      </c>
      <c r="AN2059" s="13"/>
      <c r="AO2059" s="9">
        <v>0</v>
      </c>
      <c r="AP2059" s="13"/>
      <c r="AQ2059" s="9">
        <v>0</v>
      </c>
      <c r="AR2059" s="9">
        <v>0</v>
      </c>
      <c r="AS2059" s="9">
        <v>0</v>
      </c>
      <c r="AT2059" s="9">
        <v>0</v>
      </c>
      <c r="AU2059" s="9">
        <v>0</v>
      </c>
      <c r="AV2059" s="9">
        <v>0</v>
      </c>
      <c r="AW2059" s="9">
        <v>0</v>
      </c>
      <c r="AX2059" s="9">
        <v>0</v>
      </c>
      <c r="AY2059" s="9">
        <v>0</v>
      </c>
      <c r="AZ2059" s="9">
        <v>0</v>
      </c>
      <c r="BA2059" s="9">
        <v>0</v>
      </c>
      <c r="BB2059" s="9">
        <v>0</v>
      </c>
      <c r="BC2059" s="9">
        <v>0</v>
      </c>
      <c r="BD2059" s="9">
        <v>0</v>
      </c>
      <c r="BE2059" s="9">
        <v>0</v>
      </c>
      <c r="BF2059" s="9">
        <v>0</v>
      </c>
      <c r="BG2059" s="11">
        <v>0</v>
      </c>
      <c r="BH2059" s="13" t="e">
        <v>#DIV/0!</v>
      </c>
      <c r="BI2059" s="6">
        <v>0</v>
      </c>
      <c r="BJ2059" s="13" t="e">
        <v>#DIV/0!</v>
      </c>
      <c r="BK2059" s="6">
        <v>0</v>
      </c>
      <c r="BL2059" s="13" t="e">
        <v>#DIV/0!</v>
      </c>
      <c r="BM2059" s="11">
        <v>0</v>
      </c>
      <c r="BN2059" s="13" t="e">
        <v>#DIV/0!</v>
      </c>
      <c r="BO2059" s="11">
        <v>0</v>
      </c>
      <c r="BP2059" s="13" t="e">
        <v>#DIV/0!</v>
      </c>
      <c r="BQ2059" s="6">
        <v>0</v>
      </c>
      <c r="BR2059" s="6">
        <v>0</v>
      </c>
      <c r="BS2059" s="6">
        <v>0</v>
      </c>
      <c r="BT2059" s="6">
        <v>0</v>
      </c>
      <c r="BU2059" s="6">
        <v>0</v>
      </c>
      <c r="BV2059" s="6">
        <v>0</v>
      </c>
      <c r="BW2059" s="6">
        <v>0</v>
      </c>
      <c r="BX2059" s="6">
        <v>0</v>
      </c>
      <c r="BY2059" s="6">
        <v>0</v>
      </c>
      <c r="BZ2059" s="6">
        <v>0</v>
      </c>
      <c r="CA2059" s="6">
        <v>0</v>
      </c>
      <c r="CB2059" s="6">
        <v>0</v>
      </c>
      <c r="CC2059" s="11">
        <v>0</v>
      </c>
      <c r="CD2059" s="11">
        <v>0</v>
      </c>
      <c r="CE2059" s="11">
        <v>0</v>
      </c>
      <c r="CF2059" s="11">
        <v>0</v>
      </c>
      <c r="CG2059" s="11">
        <v>0</v>
      </c>
      <c r="CH2059" s="20">
        <v>0</v>
      </c>
      <c r="CI2059" s="20">
        <v>0</v>
      </c>
      <c r="CJ2059" s="20">
        <v>0</v>
      </c>
      <c r="CK2059" s="20">
        <v>0</v>
      </c>
      <c r="CL2059" s="20">
        <v>0</v>
      </c>
      <c r="CM2059" s="20">
        <v>0</v>
      </c>
      <c r="CN2059" s="20">
        <v>0</v>
      </c>
      <c r="CO2059" s="20">
        <v>0</v>
      </c>
      <c r="CP2059" s="20">
        <v>0</v>
      </c>
      <c r="CQ2059" s="20">
        <v>0</v>
      </c>
      <c r="CR2059" s="20">
        <v>0</v>
      </c>
      <c r="CS2059" s="20">
        <v>0</v>
      </c>
      <c r="CT2059" s="20">
        <v>0</v>
      </c>
      <c r="CU2059" s="20">
        <v>0</v>
      </c>
      <c r="CV2059" s="20">
        <v>0</v>
      </c>
      <c r="CW2059" s="20">
        <v>0</v>
      </c>
      <c r="CX2059" s="20">
        <v>0</v>
      </c>
      <c r="CY2059" s="6" t="s">
        <v>707</v>
      </c>
      <c r="CZ2059" s="6" t="s">
        <v>708</v>
      </c>
      <c r="DA2059" s="6" t="s">
        <v>116</v>
      </c>
      <c r="DB2059" s="6" t="s">
        <v>345</v>
      </c>
      <c r="DC2059" s="6"/>
      <c r="DD2059" s="6"/>
      <c r="DE2059" s="6"/>
      <c r="DF2059" s="6"/>
      <c r="DG2059" s="6"/>
      <c r="DH2059" s="6" t="s">
        <v>333</v>
      </c>
      <c r="DI2059" s="6"/>
      <c r="DJ2059" s="6"/>
      <c r="DK2059" s="6"/>
      <c r="DL2059" s="6">
        <v>10</v>
      </c>
      <c r="DM2059" s="6" t="s">
        <v>383</v>
      </c>
      <c r="DN2059" s="6">
        <v>9</v>
      </c>
      <c r="DO2059" s="6" t="s">
        <v>384</v>
      </c>
      <c r="DP2059" s="6"/>
      <c r="DQ2059" s="6"/>
    </row>
    <row r="2060" spans="1:121" x14ac:dyDescent="0.2">
      <c r="A2060" s="6" t="s">
        <v>319</v>
      </c>
      <c r="B2060" s="6" t="s">
        <v>319</v>
      </c>
      <c r="C2060" s="6" t="s">
        <v>188</v>
      </c>
      <c r="D2060" s="6" t="s">
        <v>116</v>
      </c>
      <c r="E2060" s="6" t="s">
        <v>257</v>
      </c>
      <c r="F2060" s="11">
        <v>1</v>
      </c>
      <c r="G2060" s="13">
        <v>1</v>
      </c>
      <c r="H2060" s="11">
        <v>23.0226330592</v>
      </c>
      <c r="I2060" s="13">
        <v>4.6045266118399999</v>
      </c>
      <c r="J2060" s="11">
        <v>4.5275683824999966</v>
      </c>
      <c r="K2060" s="13">
        <v>0.1615682713660474</v>
      </c>
      <c r="L2060" s="11">
        <v>16.8453774651</v>
      </c>
      <c r="M2060" s="13">
        <v>0.51751991443959</v>
      </c>
      <c r="N2060" s="11">
        <v>21.372945847599997</v>
      </c>
      <c r="O2060" s="13">
        <v>0.76270298377914669</v>
      </c>
      <c r="P2060" s="7">
        <v>5</v>
      </c>
      <c r="Q2060" s="7">
        <v>10.0912708675</v>
      </c>
      <c r="R2060" s="7">
        <v>11.0010731755</v>
      </c>
      <c r="S2060" s="7">
        <v>14.720760820200001</v>
      </c>
      <c r="T2060" s="7">
        <v>23.626794684499998</v>
      </c>
      <c r="U2060" s="7">
        <v>26.985094767100001</v>
      </c>
      <c r="V2060" s="7">
        <v>28.0226330592</v>
      </c>
      <c r="W2060" s="7">
        <v>26.210770881199998</v>
      </c>
      <c r="X2060" s="7">
        <v>36.726774556400002</v>
      </c>
      <c r="Y2060" s="7">
        <v>32.550201441699997</v>
      </c>
      <c r="Z2060" s="7">
        <v>32.471247147100001</v>
      </c>
      <c r="AA2060" s="7">
        <v>49.823565861399999</v>
      </c>
      <c r="AB2060" s="7">
        <v>49.033384083599998</v>
      </c>
      <c r="AC2060" s="7">
        <v>50.3064312578</v>
      </c>
      <c r="AD2060" s="7">
        <v>45.254619292100003</v>
      </c>
      <c r="AE2060" s="7">
        <v>46.627433809400003</v>
      </c>
      <c r="AF2060" s="7">
        <v>49.395578906799997</v>
      </c>
      <c r="AG2060" s="9">
        <v>18750.626772299998</v>
      </c>
      <c r="AH2060" s="13">
        <v>18750.626772299998</v>
      </c>
      <c r="AI2060" s="9">
        <v>14839.5083027</v>
      </c>
      <c r="AJ2060" s="13">
        <v>14839.5083027</v>
      </c>
      <c r="AK2060" s="9">
        <v>3049.5871488000012</v>
      </c>
      <c r="AL2060" s="13">
        <v>0.20549074779636595</v>
      </c>
      <c r="AM2060" s="9">
        <v>861.53132079999705</v>
      </c>
      <c r="AN2060" s="13">
        <v>4.8156887878860459E-2</v>
      </c>
      <c r="AO2060" s="9">
        <v>3911.1184695999982</v>
      </c>
      <c r="AP2060" s="13">
        <v>0.26354343057699925</v>
      </c>
      <c r="AQ2060" s="9">
        <v>1</v>
      </c>
      <c r="AR2060" s="9">
        <v>12518.4610861</v>
      </c>
      <c r="AS2060" s="9">
        <v>14806.4332832</v>
      </c>
      <c r="AT2060" s="9">
        <v>13697.076177000001</v>
      </c>
      <c r="AU2060" s="9">
        <v>14239.3277476</v>
      </c>
      <c r="AV2060" s="9">
        <v>14817.175259600001</v>
      </c>
      <c r="AW2060" s="9">
        <v>14840.5083027</v>
      </c>
      <c r="AX2060" s="9">
        <v>15817.025641099999</v>
      </c>
      <c r="AY2060" s="9">
        <v>15251.404752099999</v>
      </c>
      <c r="AZ2060" s="9">
        <v>17890.095451500001</v>
      </c>
      <c r="BA2060" s="9">
        <v>17555.818525499999</v>
      </c>
      <c r="BB2060" s="9">
        <v>14309.301877399999</v>
      </c>
      <c r="BC2060" s="9">
        <v>14999.031949599999</v>
      </c>
      <c r="BD2060" s="9">
        <v>16102.7819748</v>
      </c>
      <c r="BE2060" s="9">
        <v>18431.350183499999</v>
      </c>
      <c r="BF2060" s="9">
        <v>18751.626772299998</v>
      </c>
      <c r="BG2060" s="11">
        <v>1</v>
      </c>
      <c r="BH2060" s="13" t="e">
        <v>#DIV/0!</v>
      </c>
      <c r="BI2060" s="6">
        <v>0</v>
      </c>
      <c r="BJ2060" s="13" t="e">
        <v>#DIV/0!</v>
      </c>
      <c r="BK2060" s="6">
        <v>1</v>
      </c>
      <c r="BL2060" s="13" t="e">
        <v>#DIV/0!</v>
      </c>
      <c r="BM2060" s="11">
        <v>0</v>
      </c>
      <c r="BN2060" s="13">
        <v>0</v>
      </c>
      <c r="BO2060" s="11">
        <v>1</v>
      </c>
      <c r="BP2060" s="13" t="e">
        <v>#DIV/0!</v>
      </c>
      <c r="BQ2060" s="6">
        <v>0</v>
      </c>
      <c r="BR2060" s="6">
        <v>0</v>
      </c>
      <c r="BS2060" s="6">
        <v>0</v>
      </c>
      <c r="BT2060" s="6">
        <v>0</v>
      </c>
      <c r="BU2060" s="6">
        <v>1</v>
      </c>
      <c r="BV2060" s="6">
        <v>2</v>
      </c>
      <c r="BW2060" s="6">
        <v>1</v>
      </c>
      <c r="BX2060" s="6">
        <v>1</v>
      </c>
      <c r="BY2060" s="6">
        <v>2</v>
      </c>
      <c r="BZ2060" s="6">
        <v>1</v>
      </c>
      <c r="CA2060" s="6">
        <v>1</v>
      </c>
      <c r="CB2060" s="6">
        <v>1</v>
      </c>
      <c r="CC2060" s="11">
        <v>1</v>
      </c>
      <c r="CD2060" s="11">
        <v>38.774700000000003</v>
      </c>
      <c r="CE2060" s="11">
        <v>0.79679800000000001</v>
      </c>
      <c r="CF2060" s="11">
        <v>0.96806800000000004</v>
      </c>
      <c r="CG2060" s="11">
        <v>2</v>
      </c>
      <c r="CH2060" s="20">
        <v>6.4648800000000006E-2</v>
      </c>
      <c r="CI2060" s="20">
        <v>7.1156300000000006E-2</v>
      </c>
      <c r="CJ2060" s="20">
        <v>7.4571399999999996E-2</v>
      </c>
      <c r="CK2060" s="20">
        <v>9.4688099999999997E-2</v>
      </c>
      <c r="CL2060" s="20">
        <v>0.164857</v>
      </c>
      <c r="CM2060" s="20">
        <v>0.18310799999999999</v>
      </c>
      <c r="CN2060" s="20">
        <v>0.189332</v>
      </c>
      <c r="CO2060" s="20">
        <v>0.18598300000000001</v>
      </c>
      <c r="CP2060" s="20">
        <v>0.29527399999999998</v>
      </c>
      <c r="CQ2060" s="20">
        <v>0.30034100000000002</v>
      </c>
      <c r="CR2060" s="20">
        <v>0.29833999999999999</v>
      </c>
      <c r="CS2060" s="20">
        <v>0.455065</v>
      </c>
      <c r="CT2060" s="20">
        <v>0.40671299999999999</v>
      </c>
      <c r="CU2060" s="20">
        <v>0.41400300000000001</v>
      </c>
      <c r="CV2060" s="20">
        <v>0.37098900000000001</v>
      </c>
      <c r="CW2060" s="20">
        <v>0.37829800000000002</v>
      </c>
      <c r="CX2060" s="20">
        <v>0.39331500000000003</v>
      </c>
      <c r="CY2060" s="6" t="s">
        <v>707</v>
      </c>
      <c r="CZ2060" s="6" t="s">
        <v>708</v>
      </c>
      <c r="DA2060" s="6" t="s">
        <v>116</v>
      </c>
      <c r="DB2060" s="6" t="s">
        <v>345</v>
      </c>
      <c r="DC2060" s="6"/>
      <c r="DD2060" s="6"/>
      <c r="DE2060" s="6"/>
      <c r="DF2060" s="6"/>
      <c r="DG2060" s="6"/>
      <c r="DH2060" s="6" t="s">
        <v>333</v>
      </c>
      <c r="DI2060" s="6"/>
      <c r="DJ2060" s="6"/>
      <c r="DK2060" s="6"/>
      <c r="DL2060" s="6">
        <v>10</v>
      </c>
      <c r="DM2060" s="6" t="s">
        <v>383</v>
      </c>
      <c r="DN2060" s="6">
        <v>9</v>
      </c>
      <c r="DO2060" s="6" t="s">
        <v>384</v>
      </c>
      <c r="DP2060" s="6"/>
      <c r="DQ2060" s="6"/>
    </row>
    <row r="2061" spans="1:121" x14ac:dyDescent="0.2">
      <c r="A2061" s="6" t="s">
        <v>320</v>
      </c>
      <c r="B2061" s="6" t="s">
        <v>320</v>
      </c>
      <c r="C2061" s="6" t="s">
        <v>189</v>
      </c>
      <c r="D2061" s="6" t="s">
        <v>116</v>
      </c>
      <c r="E2061" s="6" t="s">
        <v>257</v>
      </c>
      <c r="F2061" s="11">
        <v>14</v>
      </c>
      <c r="G2061" s="13">
        <v>1</v>
      </c>
      <c r="H2061" s="11">
        <v>5</v>
      </c>
      <c r="I2061" s="13"/>
      <c r="J2061" s="11">
        <v>6.7322040411999993</v>
      </c>
      <c r="K2061" s="13">
        <v>1.3464408082399999</v>
      </c>
      <c r="L2061" s="11">
        <v>2.1815727579000015</v>
      </c>
      <c r="M2061" s="13">
        <v>0.18594739319559811</v>
      </c>
      <c r="N2061" s="11">
        <v>8.9137767991000008</v>
      </c>
      <c r="O2061" s="13">
        <v>1.7827553598200001</v>
      </c>
      <c r="P2061" s="7">
        <v>0</v>
      </c>
      <c r="Q2061" s="7">
        <v>0</v>
      </c>
      <c r="R2061" s="7">
        <v>0</v>
      </c>
      <c r="S2061" s="7">
        <v>0</v>
      </c>
      <c r="T2061" s="7">
        <v>5</v>
      </c>
      <c r="U2061" s="7">
        <v>5</v>
      </c>
      <c r="V2061" s="7">
        <v>5</v>
      </c>
      <c r="W2061" s="7">
        <v>5</v>
      </c>
      <c r="X2061" s="7">
        <v>5</v>
      </c>
      <c r="Y2061" s="7">
        <v>11.732204041199999</v>
      </c>
      <c r="Z2061" s="7">
        <v>23.006785779000001</v>
      </c>
      <c r="AA2061" s="7">
        <v>16.694380426799999</v>
      </c>
      <c r="AB2061" s="7">
        <v>14.5605335252</v>
      </c>
      <c r="AC2061" s="7">
        <v>17.253955082000001</v>
      </c>
      <c r="AD2061" s="7">
        <v>13.590568000599999</v>
      </c>
      <c r="AE2061" s="7">
        <v>13.276907252699999</v>
      </c>
      <c r="AF2061" s="7">
        <v>13.913776799100001</v>
      </c>
      <c r="AG2061" s="9">
        <v>15750.7242735</v>
      </c>
      <c r="AH2061" s="13"/>
      <c r="AI2061" s="9">
        <v>1</v>
      </c>
      <c r="AJ2061" s="13"/>
      <c r="AK2061" s="9">
        <v>24880.4306612</v>
      </c>
      <c r="AL2061" s="13">
        <v>24880.4306612</v>
      </c>
      <c r="AM2061" s="9">
        <v>-9130.7063877000001</v>
      </c>
      <c r="AN2061" s="13">
        <v>-0.36696870497637363</v>
      </c>
      <c r="AO2061" s="9">
        <v>15749.7242735</v>
      </c>
      <c r="AP2061" s="13">
        <v>15749.7242735</v>
      </c>
      <c r="AQ2061" s="9">
        <v>0</v>
      </c>
      <c r="AR2061" s="9">
        <v>0</v>
      </c>
      <c r="AS2061" s="9">
        <v>0</v>
      </c>
      <c r="AT2061" s="9">
        <v>0</v>
      </c>
      <c r="AU2061" s="9">
        <v>1</v>
      </c>
      <c r="AV2061" s="9">
        <v>1</v>
      </c>
      <c r="AW2061" s="9">
        <v>1</v>
      </c>
      <c r="AX2061" s="9">
        <v>1</v>
      </c>
      <c r="AY2061" s="9">
        <v>1</v>
      </c>
      <c r="AZ2061" s="9">
        <v>24881.4306612</v>
      </c>
      <c r="BA2061" s="9">
        <v>42749.876662399998</v>
      </c>
      <c r="BB2061" s="9">
        <v>29967.9576643</v>
      </c>
      <c r="BC2061" s="9">
        <v>17136.045284600001</v>
      </c>
      <c r="BD2061" s="9">
        <v>16710.986814299999</v>
      </c>
      <c r="BE2061" s="9">
        <v>16626.1553675</v>
      </c>
      <c r="BF2061" s="9">
        <v>15750.7242735</v>
      </c>
      <c r="BG2061" s="11">
        <v>1</v>
      </c>
      <c r="BH2061" s="13" t="e">
        <v>#DIV/0!</v>
      </c>
      <c r="BI2061" s="6">
        <v>0</v>
      </c>
      <c r="BJ2061" s="13" t="e">
        <v>#DIV/0!</v>
      </c>
      <c r="BK2061" s="6">
        <v>1</v>
      </c>
      <c r="BL2061" s="13" t="e">
        <v>#DIV/0!</v>
      </c>
      <c r="BM2061" s="11">
        <v>0</v>
      </c>
      <c r="BN2061" s="13">
        <v>0</v>
      </c>
      <c r="BO2061" s="11">
        <v>1</v>
      </c>
      <c r="BP2061" s="13" t="e">
        <v>#DIV/0!</v>
      </c>
      <c r="BQ2061" s="6">
        <v>0</v>
      </c>
      <c r="BR2061" s="6">
        <v>0</v>
      </c>
      <c r="BS2061" s="6">
        <v>0</v>
      </c>
      <c r="BT2061" s="6">
        <v>0</v>
      </c>
      <c r="BU2061" s="6">
        <v>0</v>
      </c>
      <c r="BV2061" s="6">
        <v>1</v>
      </c>
      <c r="BW2061" s="6">
        <v>1</v>
      </c>
      <c r="BX2061" s="6">
        <v>1</v>
      </c>
      <c r="BY2061" s="6">
        <v>1</v>
      </c>
      <c r="BZ2061" s="6">
        <v>1</v>
      </c>
      <c r="CA2061" s="6">
        <v>1</v>
      </c>
      <c r="CB2061" s="6">
        <v>1</v>
      </c>
      <c r="CC2061" s="11">
        <v>1</v>
      </c>
      <c r="CD2061" s="11">
        <v>13.442399999999999</v>
      </c>
      <c r="CE2061" s="11">
        <v>0.36210500000000001</v>
      </c>
      <c r="CF2061" s="11">
        <v>0.10931200000000001</v>
      </c>
      <c r="CG2061" s="11">
        <v>0</v>
      </c>
      <c r="CH2061" s="20">
        <v>0</v>
      </c>
      <c r="CI2061" s="20">
        <v>0</v>
      </c>
      <c r="CJ2061" s="20">
        <v>0</v>
      </c>
      <c r="CK2061" s="20">
        <v>0</v>
      </c>
      <c r="CL2061" s="20">
        <v>0.112667</v>
      </c>
      <c r="CM2061" s="20">
        <v>9.3403100000000003E-2</v>
      </c>
      <c r="CN2061" s="20">
        <v>8.5371500000000003E-2</v>
      </c>
      <c r="CO2061" s="20">
        <v>5.56146E-2</v>
      </c>
      <c r="CP2061" s="20">
        <v>0.119702</v>
      </c>
      <c r="CQ2061" s="20">
        <v>0.25150699999999998</v>
      </c>
      <c r="CR2061" s="20">
        <v>0.49470599999999998</v>
      </c>
      <c r="CS2061" s="20">
        <v>0.36029299999999997</v>
      </c>
      <c r="CT2061" s="20">
        <v>0.289107</v>
      </c>
      <c r="CU2061" s="20">
        <v>0.343976</v>
      </c>
      <c r="CV2061" s="20">
        <v>0.27281300000000003</v>
      </c>
      <c r="CW2061" s="20">
        <v>0.26411000000000001</v>
      </c>
      <c r="CX2061" s="20">
        <v>0.27065899999999998</v>
      </c>
      <c r="CY2061" s="6" t="s">
        <v>707</v>
      </c>
      <c r="CZ2061" s="6" t="s">
        <v>708</v>
      </c>
      <c r="DA2061" s="6" t="s">
        <v>116</v>
      </c>
      <c r="DB2061" s="6" t="s">
        <v>345</v>
      </c>
      <c r="DC2061" s="6"/>
      <c r="DD2061" s="6"/>
      <c r="DE2061" s="6"/>
      <c r="DF2061" s="6"/>
      <c r="DG2061" s="6"/>
      <c r="DH2061" s="6" t="s">
        <v>333</v>
      </c>
      <c r="DI2061" s="6"/>
      <c r="DJ2061" s="6"/>
      <c r="DK2061" s="6"/>
      <c r="DL2061" s="6">
        <v>10</v>
      </c>
      <c r="DM2061" s="6" t="s">
        <v>383</v>
      </c>
      <c r="DN2061" s="6">
        <v>9</v>
      </c>
      <c r="DO2061" s="6" t="s">
        <v>384</v>
      </c>
      <c r="DP2061" s="6"/>
      <c r="DQ2061" s="6"/>
    </row>
    <row r="2062" spans="1:121" x14ac:dyDescent="0.2">
      <c r="A2062" s="6" t="s">
        <v>321</v>
      </c>
      <c r="B2062" s="6" t="s">
        <v>321</v>
      </c>
      <c r="C2062" s="6" t="s">
        <v>190</v>
      </c>
      <c r="D2062" s="6" t="s">
        <v>116</v>
      </c>
      <c r="E2062" s="6" t="s">
        <v>257</v>
      </c>
      <c r="F2062" s="11">
        <v>68</v>
      </c>
      <c r="G2062" s="13">
        <v>0.55737704917999997</v>
      </c>
      <c r="H2062" s="11">
        <v>-3.5280611670000042</v>
      </c>
      <c r="I2062" s="13">
        <v>-2.9025917510855707E-2</v>
      </c>
      <c r="J2062" s="11">
        <v>-8.9218732819999929</v>
      </c>
      <c r="K2062" s="13">
        <v>-7.5595903779653167E-2</v>
      </c>
      <c r="L2062" s="11">
        <v>80.80527251800001</v>
      </c>
      <c r="M2062" s="13">
        <v>0.74066197851793147</v>
      </c>
      <c r="N2062" s="11">
        <v>71.883399236000017</v>
      </c>
      <c r="O2062" s="13">
        <v>0.60907506307698933</v>
      </c>
      <c r="P2062" s="7">
        <v>121.548652706</v>
      </c>
      <c r="Q2062" s="7">
        <v>113.194748226</v>
      </c>
      <c r="R2062" s="7">
        <v>111.31845184399999</v>
      </c>
      <c r="S2062" s="7">
        <v>112.388737771</v>
      </c>
      <c r="T2062" s="7">
        <v>116.07023642999999</v>
      </c>
      <c r="U2062" s="7">
        <v>124.358222496</v>
      </c>
      <c r="V2062" s="7">
        <v>118.02059153899999</v>
      </c>
      <c r="W2062" s="7">
        <v>114.699227244</v>
      </c>
      <c r="X2062" s="7">
        <v>119.437835466</v>
      </c>
      <c r="Y2062" s="7">
        <v>109.098718257</v>
      </c>
      <c r="Z2062" s="7">
        <v>95.563742099899997</v>
      </c>
      <c r="AA2062" s="7">
        <v>104.028087234</v>
      </c>
      <c r="AB2062" s="7">
        <v>157.250683745</v>
      </c>
      <c r="AC2062" s="7">
        <v>171.32745431199999</v>
      </c>
      <c r="AD2062" s="7">
        <v>176.57383102899999</v>
      </c>
      <c r="AE2062" s="7">
        <v>177.85693901299999</v>
      </c>
      <c r="AF2062" s="7">
        <v>189.90399077500001</v>
      </c>
      <c r="AG2062" s="9">
        <v>3844.9421801999997</v>
      </c>
      <c r="AH2062" s="13">
        <v>0.21008724603479867</v>
      </c>
      <c r="AI2062" s="9">
        <v>2637.1854046000008</v>
      </c>
      <c r="AJ2062" s="13">
        <v>0.14409553979476522</v>
      </c>
      <c r="AK2062" s="9">
        <v>3557.1709173999989</v>
      </c>
      <c r="AL2062" s="13">
        <v>0.16988393627563017</v>
      </c>
      <c r="AM2062" s="9">
        <v>-2349.4141417999999</v>
      </c>
      <c r="AN2062" s="13">
        <v>-9.5910108678971845E-2</v>
      </c>
      <c r="AO2062" s="9">
        <v>1207.7567755999989</v>
      </c>
      <c r="AP2062" s="13">
        <v>5.7680240805651102E-2</v>
      </c>
      <c r="AQ2062" s="9">
        <v>18301.644925000001</v>
      </c>
      <c r="AR2062" s="9">
        <v>19715.792738799999</v>
      </c>
      <c r="AS2062" s="9">
        <v>20956.1652507</v>
      </c>
      <c r="AT2062" s="9">
        <v>21561.455387900001</v>
      </c>
      <c r="AU2062" s="9">
        <v>20480.853710399999</v>
      </c>
      <c r="AV2062" s="9">
        <v>22571.945211999999</v>
      </c>
      <c r="AW2062" s="9">
        <v>20938.830329600001</v>
      </c>
      <c r="AX2062" s="9">
        <v>23068.051851699998</v>
      </c>
      <c r="AY2062" s="9">
        <v>23975.1577961</v>
      </c>
      <c r="AZ2062" s="9">
        <v>24496.001247</v>
      </c>
      <c r="BA2062" s="9">
        <v>21533.771659800001</v>
      </c>
      <c r="BB2062" s="9">
        <v>24299.6984156</v>
      </c>
      <c r="BC2062" s="9">
        <v>20698.128888899999</v>
      </c>
      <c r="BD2062" s="9">
        <v>21745.5765818</v>
      </c>
      <c r="BE2062" s="9">
        <v>21032.521667699999</v>
      </c>
      <c r="BF2062" s="9">
        <v>22146.5871052</v>
      </c>
      <c r="BG2062" s="11">
        <v>69</v>
      </c>
      <c r="BH2062" s="13">
        <v>6.9</v>
      </c>
      <c r="BI2062" s="6">
        <v>-1</v>
      </c>
      <c r="BJ2062" s="13">
        <v>-0.1</v>
      </c>
      <c r="BK2062" s="6">
        <v>0</v>
      </c>
      <c r="BL2062" s="13">
        <v>0</v>
      </c>
      <c r="BM2062" s="11">
        <v>70</v>
      </c>
      <c r="BN2062" s="13">
        <v>7.7777777777777777</v>
      </c>
      <c r="BO2062" s="11">
        <v>70</v>
      </c>
      <c r="BP2062" s="13">
        <v>7.7777777777777777</v>
      </c>
      <c r="BQ2062" s="6">
        <v>10</v>
      </c>
      <c r="BR2062" s="6">
        <v>9</v>
      </c>
      <c r="BS2062" s="6">
        <v>9</v>
      </c>
      <c r="BT2062" s="6">
        <v>9</v>
      </c>
      <c r="BU2062" s="6">
        <v>9</v>
      </c>
      <c r="BV2062" s="6">
        <v>9</v>
      </c>
      <c r="BW2062" s="6">
        <v>9</v>
      </c>
      <c r="BX2062" s="6">
        <v>9</v>
      </c>
      <c r="BY2062" s="6">
        <v>10</v>
      </c>
      <c r="BZ2062" s="6">
        <v>60</v>
      </c>
      <c r="CA2062" s="6">
        <v>71</v>
      </c>
      <c r="CB2062" s="6">
        <v>78</v>
      </c>
      <c r="CC2062" s="11">
        <v>79</v>
      </c>
      <c r="CD2062" s="11">
        <v>10.8047</v>
      </c>
      <c r="CE2062" s="11">
        <v>44.264000000000003</v>
      </c>
      <c r="CF2062" s="11">
        <v>13.2867</v>
      </c>
      <c r="CG2062" s="11">
        <v>57</v>
      </c>
      <c r="CH2062" s="20">
        <v>0.53851199999999999</v>
      </c>
      <c r="CI2062" s="20">
        <v>0.46628199999999997</v>
      </c>
      <c r="CJ2062" s="20">
        <v>0.42735299999999998</v>
      </c>
      <c r="CK2062" s="20">
        <v>0.41448099999999999</v>
      </c>
      <c r="CL2062" s="20">
        <v>0.46960600000000002</v>
      </c>
      <c r="CM2062" s="20">
        <v>0.49013400000000001</v>
      </c>
      <c r="CN2062" s="20">
        <v>0.45492500000000002</v>
      </c>
      <c r="CO2062" s="20">
        <v>0.43300699999999998</v>
      </c>
      <c r="CP2062" s="20">
        <v>0.455766</v>
      </c>
      <c r="CQ2062" s="20">
        <v>0.484404</v>
      </c>
      <c r="CR2062" s="20">
        <v>0.433197</v>
      </c>
      <c r="CS2062" s="20">
        <v>0.46550900000000001</v>
      </c>
      <c r="CT2062" s="20">
        <v>0.64398200000000005</v>
      </c>
      <c r="CU2062" s="20">
        <v>0.70592100000000002</v>
      </c>
      <c r="CV2062" s="20">
        <v>0.72525600000000001</v>
      </c>
      <c r="CW2062" s="20">
        <v>0.71957800000000005</v>
      </c>
      <c r="CX2062" s="20">
        <v>0.74694499999999997</v>
      </c>
      <c r="CY2062" s="6" t="s">
        <v>707</v>
      </c>
      <c r="CZ2062" s="6" t="s">
        <v>708</v>
      </c>
      <c r="DA2062" s="6" t="s">
        <v>116</v>
      </c>
      <c r="DB2062" s="6" t="s">
        <v>345</v>
      </c>
      <c r="DC2062" s="6"/>
      <c r="DD2062" s="6"/>
      <c r="DE2062" s="6"/>
      <c r="DF2062" s="6"/>
      <c r="DG2062" s="6"/>
      <c r="DH2062" s="6" t="s">
        <v>333</v>
      </c>
      <c r="DI2062" s="6"/>
      <c r="DJ2062" s="6"/>
      <c r="DK2062" s="6"/>
      <c r="DL2062" s="6">
        <v>10</v>
      </c>
      <c r="DM2062" s="6" t="s">
        <v>383</v>
      </c>
      <c r="DN2062" s="6">
        <v>9</v>
      </c>
      <c r="DO2062" s="6" t="s">
        <v>384</v>
      </c>
      <c r="DP2062" s="6"/>
      <c r="DQ2062" s="6"/>
    </row>
    <row r="2063" spans="1:121" x14ac:dyDescent="0.2">
      <c r="A2063" s="6" t="s">
        <v>322</v>
      </c>
      <c r="B2063" s="6" t="s">
        <v>322</v>
      </c>
      <c r="C2063" s="6" t="s">
        <v>191</v>
      </c>
      <c r="D2063" s="6" t="s">
        <v>116</v>
      </c>
      <c r="E2063" s="6" t="s">
        <v>257</v>
      </c>
      <c r="F2063" s="11">
        <v>1</v>
      </c>
      <c r="G2063" s="13">
        <v>1</v>
      </c>
      <c r="H2063" s="11">
        <v>-3</v>
      </c>
      <c r="I2063" s="13">
        <v>-0.16666666666666666</v>
      </c>
      <c r="J2063" s="11">
        <v>-10</v>
      </c>
      <c r="K2063" s="13">
        <v>-0.66666666666666663</v>
      </c>
      <c r="L2063" s="11">
        <v>0</v>
      </c>
      <c r="M2063" s="13">
        <v>0</v>
      </c>
      <c r="N2063" s="11">
        <v>-10</v>
      </c>
      <c r="O2063" s="13">
        <v>-0.66666666666666663</v>
      </c>
      <c r="P2063" s="7">
        <v>18</v>
      </c>
      <c r="Q2063" s="7">
        <v>12</v>
      </c>
      <c r="R2063" s="7">
        <v>5</v>
      </c>
      <c r="S2063" s="7">
        <v>10</v>
      </c>
      <c r="T2063" s="7">
        <v>5</v>
      </c>
      <c r="U2063" s="7">
        <v>11</v>
      </c>
      <c r="V2063" s="7">
        <v>15</v>
      </c>
      <c r="W2063" s="7">
        <v>14</v>
      </c>
      <c r="X2063" s="7">
        <v>11</v>
      </c>
      <c r="Y2063" s="7">
        <v>5</v>
      </c>
      <c r="Z2063" s="7">
        <v>5</v>
      </c>
      <c r="AA2063" s="7">
        <v>5</v>
      </c>
      <c r="AB2063" s="7">
        <v>5</v>
      </c>
      <c r="AC2063" s="7">
        <v>5</v>
      </c>
      <c r="AD2063" s="7">
        <v>5</v>
      </c>
      <c r="AE2063" s="7">
        <v>5</v>
      </c>
      <c r="AF2063" s="7">
        <v>5</v>
      </c>
      <c r="AG2063" s="9">
        <v>-22561</v>
      </c>
      <c r="AH2063" s="13">
        <v>-0.99995567768814819</v>
      </c>
      <c r="AI2063" s="9">
        <v>-1062</v>
      </c>
      <c r="AJ2063" s="13">
        <v>-4.707029518659693E-2</v>
      </c>
      <c r="AK2063" s="9">
        <v>-21499</v>
      </c>
      <c r="AL2063" s="13">
        <v>-0.99995348837209297</v>
      </c>
      <c r="AM2063" s="9">
        <v>0</v>
      </c>
      <c r="AN2063" s="13">
        <v>0</v>
      </c>
      <c r="AO2063" s="9">
        <v>-21499</v>
      </c>
      <c r="AP2063" s="13">
        <v>-0.99995348837209297</v>
      </c>
      <c r="AQ2063" s="9">
        <v>22562</v>
      </c>
      <c r="AR2063" s="9">
        <v>32530</v>
      </c>
      <c r="AS2063" s="9">
        <v>1</v>
      </c>
      <c r="AT2063" s="9">
        <v>19209</v>
      </c>
      <c r="AU2063" s="9">
        <v>1</v>
      </c>
      <c r="AV2063" s="9">
        <v>28820</v>
      </c>
      <c r="AW2063" s="9">
        <v>21500</v>
      </c>
      <c r="AX2063" s="9">
        <v>28578</v>
      </c>
      <c r="AY2063" s="9">
        <v>26373</v>
      </c>
      <c r="AZ2063" s="9">
        <v>1</v>
      </c>
      <c r="BA2063" s="9">
        <v>1</v>
      </c>
      <c r="BB2063" s="9">
        <v>1</v>
      </c>
      <c r="BC2063" s="9">
        <v>1</v>
      </c>
      <c r="BD2063" s="9">
        <v>1</v>
      </c>
      <c r="BE2063" s="9">
        <v>1</v>
      </c>
      <c r="BF2063" s="9">
        <v>1</v>
      </c>
      <c r="BG2063" s="11">
        <v>0</v>
      </c>
      <c r="BH2063" s="13">
        <v>0</v>
      </c>
      <c r="BI2063" s="6">
        <v>0</v>
      </c>
      <c r="BJ2063" s="13">
        <v>0</v>
      </c>
      <c r="BK2063" s="6">
        <v>-1</v>
      </c>
      <c r="BL2063" s="13">
        <v>-0.5</v>
      </c>
      <c r="BM2063" s="11">
        <v>1</v>
      </c>
      <c r="BN2063" s="13">
        <v>1</v>
      </c>
      <c r="BO2063" s="11">
        <v>0</v>
      </c>
      <c r="BP2063" s="13">
        <v>0</v>
      </c>
      <c r="BQ2063" s="6">
        <v>2</v>
      </c>
      <c r="BR2063" s="6">
        <v>2</v>
      </c>
      <c r="BS2063" s="6">
        <v>2</v>
      </c>
      <c r="BT2063" s="6">
        <v>2</v>
      </c>
      <c r="BU2063" s="6">
        <v>2</v>
      </c>
      <c r="BV2063" s="6">
        <v>1</v>
      </c>
      <c r="BW2063" s="6">
        <v>1</v>
      </c>
      <c r="BX2063" s="6">
        <v>1</v>
      </c>
      <c r="BY2063" s="6">
        <v>1</v>
      </c>
      <c r="BZ2063" s="6">
        <v>1</v>
      </c>
      <c r="CA2063" s="6">
        <v>1</v>
      </c>
      <c r="CB2063" s="6">
        <v>2</v>
      </c>
      <c r="CC2063" s="11">
        <v>2</v>
      </c>
      <c r="CD2063" s="11">
        <v>-19</v>
      </c>
      <c r="CE2063" s="11">
        <v>3</v>
      </c>
      <c r="CF2063" s="11">
        <v>2</v>
      </c>
      <c r="CG2063" s="11">
        <v>5</v>
      </c>
      <c r="CH2063" s="20">
        <v>0.51</v>
      </c>
      <c r="CI2063" s="20">
        <v>0.34</v>
      </c>
      <c r="CJ2063" s="20">
        <v>0.25</v>
      </c>
      <c r="CK2063" s="20">
        <v>0.25</v>
      </c>
      <c r="CL2063" s="20">
        <v>0.26</v>
      </c>
      <c r="CM2063" s="20">
        <v>0.3</v>
      </c>
      <c r="CN2063" s="20">
        <v>0.39</v>
      </c>
      <c r="CO2063" s="20">
        <v>0.38</v>
      </c>
      <c r="CP2063" s="20">
        <v>0.3</v>
      </c>
      <c r="CQ2063" s="20">
        <v>0.14000000000000001</v>
      </c>
      <c r="CR2063" s="20">
        <v>0.22</v>
      </c>
      <c r="CS2063" s="20">
        <v>0.19</v>
      </c>
      <c r="CT2063" s="20">
        <v>0.15</v>
      </c>
      <c r="CU2063" s="20">
        <v>0.14000000000000001</v>
      </c>
      <c r="CV2063" s="20">
        <v>0.1</v>
      </c>
      <c r="CW2063" s="20">
        <v>0.13</v>
      </c>
      <c r="CX2063" s="20">
        <v>0.12</v>
      </c>
      <c r="CY2063" s="6" t="s">
        <v>707</v>
      </c>
      <c r="CZ2063" s="6" t="s">
        <v>708</v>
      </c>
      <c r="DA2063" s="6" t="s">
        <v>116</v>
      </c>
      <c r="DB2063" s="6" t="s">
        <v>345</v>
      </c>
      <c r="DC2063" s="6"/>
      <c r="DD2063" s="6"/>
      <c r="DE2063" s="6"/>
      <c r="DF2063" s="6"/>
      <c r="DG2063" s="6"/>
      <c r="DH2063" s="6" t="s">
        <v>333</v>
      </c>
      <c r="DI2063" s="6"/>
      <c r="DJ2063" s="6"/>
      <c r="DK2063" s="6"/>
      <c r="DL2063" s="6">
        <v>10</v>
      </c>
      <c r="DM2063" s="6" t="s">
        <v>383</v>
      </c>
      <c r="DN2063" s="6">
        <v>9</v>
      </c>
      <c r="DO2063" s="6" t="s">
        <v>384</v>
      </c>
      <c r="DP2063" s="6"/>
      <c r="DQ2063" s="6"/>
    </row>
    <row r="2064" spans="1:121" x14ac:dyDescent="0.2">
      <c r="A2064" s="6" t="s">
        <v>323</v>
      </c>
      <c r="B2064" s="6" t="s">
        <v>323</v>
      </c>
      <c r="C2064" s="6" t="s">
        <v>192</v>
      </c>
      <c r="D2064" s="6" t="s">
        <v>116</v>
      </c>
      <c r="E2064" s="6" t="s">
        <v>257</v>
      </c>
      <c r="F2064" s="11">
        <v>-26</v>
      </c>
      <c r="G2064" s="13">
        <v>-0.204724409449</v>
      </c>
      <c r="H2064" s="11">
        <v>29.216095839000005</v>
      </c>
      <c r="I2064" s="13">
        <v>0.23073381446839553</v>
      </c>
      <c r="J2064" s="11">
        <v>-25.32649029800001</v>
      </c>
      <c r="K2064" s="13">
        <v>-0.16251742872330388</v>
      </c>
      <c r="L2064" s="11">
        <v>-29.652943691999994</v>
      </c>
      <c r="M2064" s="13">
        <v>-0.22720452026166477</v>
      </c>
      <c r="N2064" s="11">
        <v>-54.979433990000004</v>
      </c>
      <c r="O2064" s="13">
        <v>-0.35279725455773109</v>
      </c>
      <c r="P2064" s="7">
        <v>126.622514807</v>
      </c>
      <c r="Q2064" s="7">
        <v>157.38720538699999</v>
      </c>
      <c r="R2064" s="7">
        <v>159.11421200800001</v>
      </c>
      <c r="S2064" s="7">
        <v>160.32090072400001</v>
      </c>
      <c r="T2064" s="7">
        <v>159.05492400399999</v>
      </c>
      <c r="U2064" s="7">
        <v>150.383147769</v>
      </c>
      <c r="V2064" s="7">
        <v>155.83861064600001</v>
      </c>
      <c r="W2064" s="7">
        <v>150.18064011800001</v>
      </c>
      <c r="X2064" s="7">
        <v>139.930462285</v>
      </c>
      <c r="Y2064" s="7">
        <v>130.512120348</v>
      </c>
      <c r="Z2064" s="7">
        <v>135.73791315400001</v>
      </c>
      <c r="AA2064" s="7">
        <v>100.49560805900001</v>
      </c>
      <c r="AB2064" s="7">
        <v>91.266065740499997</v>
      </c>
      <c r="AC2064" s="7">
        <v>97.447465691999994</v>
      </c>
      <c r="AD2064" s="7">
        <v>92.606617854899994</v>
      </c>
      <c r="AE2064" s="7">
        <v>99.151959311400006</v>
      </c>
      <c r="AF2064" s="7">
        <v>100.859176656</v>
      </c>
      <c r="AG2064" s="9">
        <v>3797.6814971800013</v>
      </c>
      <c r="AH2064" s="13">
        <v>0.41352896510433163</v>
      </c>
      <c r="AI2064" s="9">
        <v>2457.5393122800015</v>
      </c>
      <c r="AJ2064" s="13">
        <v>0.26760108483689182</v>
      </c>
      <c r="AK2064" s="9">
        <v>-414.98271010000099</v>
      </c>
      <c r="AL2064" s="13">
        <v>-3.564796939399182E-2</v>
      </c>
      <c r="AM2064" s="9">
        <v>1755.1248950000008</v>
      </c>
      <c r="AN2064" s="13">
        <v>0.15634256066109367</v>
      </c>
      <c r="AO2064" s="9">
        <v>1340.1421848999998</v>
      </c>
      <c r="AP2064" s="13">
        <v>0.11512129644967686</v>
      </c>
      <c r="AQ2064" s="9">
        <v>9183.5924872199994</v>
      </c>
      <c r="AR2064" s="9">
        <v>8948.8504794</v>
      </c>
      <c r="AS2064" s="9">
        <v>10247.204444999999</v>
      </c>
      <c r="AT2064" s="9">
        <v>11993.8865761</v>
      </c>
      <c r="AU2064" s="9">
        <v>12921.746124900001</v>
      </c>
      <c r="AV2064" s="9">
        <v>12067.654364800001</v>
      </c>
      <c r="AW2064" s="9">
        <v>11641.131799500001</v>
      </c>
      <c r="AX2064" s="9">
        <v>11708.985623799999</v>
      </c>
      <c r="AY2064" s="9">
        <v>12624.175292800001</v>
      </c>
      <c r="AZ2064" s="9">
        <v>11226.1490894</v>
      </c>
      <c r="BA2064" s="9">
        <v>11474.2083103</v>
      </c>
      <c r="BB2064" s="9">
        <v>12579.2022165</v>
      </c>
      <c r="BC2064" s="9">
        <v>13137.8794531</v>
      </c>
      <c r="BD2064" s="9">
        <v>11926.134865800001</v>
      </c>
      <c r="BE2064" s="9">
        <v>12216.828071600001</v>
      </c>
      <c r="BF2064" s="9">
        <v>12981.273984400001</v>
      </c>
      <c r="BG2064" s="11">
        <v>-2.25</v>
      </c>
      <c r="BH2064" s="13">
        <v>-0.13235294117647059</v>
      </c>
      <c r="BI2064" s="6">
        <v>-1</v>
      </c>
      <c r="BJ2064" s="13">
        <v>-5.8823529411764705E-2</v>
      </c>
      <c r="BK2064" s="6">
        <v>2</v>
      </c>
      <c r="BL2064" s="13">
        <v>0.125</v>
      </c>
      <c r="BM2064" s="11">
        <v>-3.25</v>
      </c>
      <c r="BN2064" s="13">
        <v>-0.18055555555555555</v>
      </c>
      <c r="BO2064" s="11">
        <v>-1.25</v>
      </c>
      <c r="BP2064" s="13">
        <v>-7.8125E-2</v>
      </c>
      <c r="BQ2064" s="6">
        <v>17</v>
      </c>
      <c r="BR2064" s="6">
        <v>17</v>
      </c>
      <c r="BS2064" s="6">
        <v>17</v>
      </c>
      <c r="BT2064" s="6">
        <v>16</v>
      </c>
      <c r="BU2064" s="6">
        <v>15</v>
      </c>
      <c r="BV2064" s="6">
        <v>16</v>
      </c>
      <c r="BW2064" s="6">
        <v>18</v>
      </c>
      <c r="BX2064" s="6">
        <v>17</v>
      </c>
      <c r="BY2064" s="6">
        <v>14</v>
      </c>
      <c r="BZ2064" s="6">
        <v>16</v>
      </c>
      <c r="CA2064" s="6">
        <v>15</v>
      </c>
      <c r="CB2064" s="6">
        <v>15</v>
      </c>
      <c r="CC2064" s="11">
        <v>14.75</v>
      </c>
      <c r="CD2064" s="11">
        <v>-68.3994</v>
      </c>
      <c r="CE2064" s="11">
        <v>28.794699999999999</v>
      </c>
      <c r="CF2064" s="11">
        <v>13.8414</v>
      </c>
      <c r="CG2064" s="11">
        <v>43</v>
      </c>
      <c r="CH2064" s="20">
        <v>0.75592899999999996</v>
      </c>
      <c r="CI2064" s="20">
        <v>0.89582399999999995</v>
      </c>
      <c r="CJ2064" s="20">
        <v>0.85436500000000004</v>
      </c>
      <c r="CK2064" s="20">
        <v>0.82264400000000004</v>
      </c>
      <c r="CL2064" s="20">
        <v>0.89469200000000004</v>
      </c>
      <c r="CM2064" s="20">
        <v>0.82730999999999999</v>
      </c>
      <c r="CN2064" s="20">
        <v>0.84316899999999995</v>
      </c>
      <c r="CO2064" s="20">
        <v>0.814025</v>
      </c>
      <c r="CP2064" s="20">
        <v>0.80466199999999999</v>
      </c>
      <c r="CQ2064" s="20">
        <v>0.88467899999999999</v>
      </c>
      <c r="CR2064" s="20">
        <v>0.92909299999999995</v>
      </c>
      <c r="CS2064" s="20">
        <v>0.68324200000000002</v>
      </c>
      <c r="CT2064" s="20">
        <v>0.56179999999999997</v>
      </c>
      <c r="CU2064" s="20">
        <v>0.597163</v>
      </c>
      <c r="CV2064" s="20">
        <v>0.56030000000000002</v>
      </c>
      <c r="CW2064" s="20">
        <v>0.58952000000000004</v>
      </c>
      <c r="CX2064" s="20">
        <v>0.58924799999999999</v>
      </c>
      <c r="CY2064" s="6" t="s">
        <v>707</v>
      </c>
      <c r="CZ2064" s="6" t="s">
        <v>708</v>
      </c>
      <c r="DA2064" s="6" t="s">
        <v>116</v>
      </c>
      <c r="DB2064" s="6" t="s">
        <v>345</v>
      </c>
      <c r="DC2064" s="6"/>
      <c r="DD2064" s="6"/>
      <c r="DE2064" s="6"/>
      <c r="DF2064" s="6"/>
      <c r="DG2064" s="6"/>
      <c r="DH2064" s="6" t="s">
        <v>333</v>
      </c>
      <c r="DI2064" s="6"/>
      <c r="DJ2064" s="6"/>
      <c r="DK2064" s="6"/>
      <c r="DL2064" s="6">
        <v>10</v>
      </c>
      <c r="DM2064" s="6" t="s">
        <v>383</v>
      </c>
      <c r="DN2064" s="6">
        <v>9</v>
      </c>
      <c r="DO2064" s="6" t="s">
        <v>384</v>
      </c>
      <c r="DP2064" s="6"/>
      <c r="DQ2064" s="6"/>
    </row>
    <row r="2065" spans="1:121" x14ac:dyDescent="0.2">
      <c r="A2065" s="6" t="s">
        <v>325</v>
      </c>
      <c r="B2065" s="6" t="s">
        <v>325</v>
      </c>
      <c r="C2065" s="6" t="s">
        <v>193</v>
      </c>
      <c r="D2065" s="6" t="s">
        <v>116</v>
      </c>
      <c r="E2065" s="6" t="s">
        <v>257</v>
      </c>
      <c r="F2065" s="11">
        <v>-49</v>
      </c>
      <c r="G2065" s="13">
        <v>-0.39516129032300001</v>
      </c>
      <c r="H2065" s="11">
        <v>49.906751749000009</v>
      </c>
      <c r="I2065" s="13">
        <v>0.40260973618247486</v>
      </c>
      <c r="J2065" s="11">
        <v>-37.182161024999999</v>
      </c>
      <c r="K2065" s="13">
        <v>-0.21385664391194728</v>
      </c>
      <c r="L2065" s="11">
        <v>-61.579640265400016</v>
      </c>
      <c r="M2065" s="13">
        <v>-0.45052979631249113</v>
      </c>
      <c r="N2065" s="11">
        <v>-98.761801290400015</v>
      </c>
      <c r="O2065" s="13">
        <v>-0.56803765000271578</v>
      </c>
      <c r="P2065" s="7">
        <v>123.958134302</v>
      </c>
      <c r="Q2065" s="7">
        <v>152.814895992</v>
      </c>
      <c r="R2065" s="7">
        <v>164.82901368200001</v>
      </c>
      <c r="S2065" s="7">
        <v>156.226647431</v>
      </c>
      <c r="T2065" s="7">
        <v>148.51324869000001</v>
      </c>
      <c r="U2065" s="7">
        <v>166.849769342</v>
      </c>
      <c r="V2065" s="7">
        <v>173.86488605100001</v>
      </c>
      <c r="W2065" s="7">
        <v>178.62355029700001</v>
      </c>
      <c r="X2065" s="7">
        <v>164.45577165700001</v>
      </c>
      <c r="Y2065" s="7">
        <v>136.68272502600001</v>
      </c>
      <c r="Z2065" s="7">
        <v>136.492009669</v>
      </c>
      <c r="AA2065" s="7">
        <v>131.311204495</v>
      </c>
      <c r="AB2065" s="7">
        <v>80.048438469499999</v>
      </c>
      <c r="AC2065" s="7">
        <v>74.125093885499993</v>
      </c>
      <c r="AD2065" s="7">
        <v>79.356883308299999</v>
      </c>
      <c r="AE2065" s="7">
        <v>77.817284396999995</v>
      </c>
      <c r="AF2065" s="7">
        <v>75.103084760599998</v>
      </c>
      <c r="AG2065" s="9">
        <v>1269.8210403000012</v>
      </c>
      <c r="AH2065" s="13">
        <v>7.0558257642603386E-2</v>
      </c>
      <c r="AI2065" s="9">
        <v>-1397.4161419999982</v>
      </c>
      <c r="AJ2065" s="13">
        <v>-7.7648144936922903E-2</v>
      </c>
      <c r="AK2065" s="9">
        <v>-3698.5825194000008</v>
      </c>
      <c r="AL2065" s="13">
        <v>-0.22281479056511336</v>
      </c>
      <c r="AM2065" s="9">
        <v>6365.8197017000002</v>
      </c>
      <c r="AN2065" s="13">
        <v>0.49344472476024986</v>
      </c>
      <c r="AO2065" s="9">
        <v>2667.2371822999994</v>
      </c>
      <c r="AP2065" s="13">
        <v>0.16068315119222135</v>
      </c>
      <c r="AQ2065" s="9">
        <v>17996.774335499998</v>
      </c>
      <c r="AR2065" s="9">
        <v>16660.7835447</v>
      </c>
      <c r="AS2065" s="9">
        <v>15870.6158861</v>
      </c>
      <c r="AT2065" s="9">
        <v>15799.380028199999</v>
      </c>
      <c r="AU2065" s="9">
        <v>16614.959991399999</v>
      </c>
      <c r="AV2065" s="9">
        <v>16200.6430423</v>
      </c>
      <c r="AW2065" s="9">
        <v>16599.3581935</v>
      </c>
      <c r="AX2065" s="9">
        <v>15985.980062799999</v>
      </c>
      <c r="AY2065" s="9">
        <v>16823.806946100001</v>
      </c>
      <c r="AZ2065" s="9">
        <v>12900.775674099999</v>
      </c>
      <c r="BA2065" s="9">
        <v>13141.5387973</v>
      </c>
      <c r="BB2065" s="9">
        <v>13457.3905538</v>
      </c>
      <c r="BC2065" s="9">
        <v>17147.180926599998</v>
      </c>
      <c r="BD2065" s="9">
        <v>19470.7657998</v>
      </c>
      <c r="BE2065" s="9">
        <v>18840.470962300002</v>
      </c>
      <c r="BF2065" s="9">
        <v>19266.5953758</v>
      </c>
      <c r="BG2065" s="11">
        <v>-31.5</v>
      </c>
      <c r="BH2065" s="13">
        <v>-0.85135135135135132</v>
      </c>
      <c r="BI2065" s="6">
        <v>5</v>
      </c>
      <c r="BJ2065" s="13">
        <v>0.13513513513513514</v>
      </c>
      <c r="BK2065" s="6">
        <v>4</v>
      </c>
      <c r="BL2065" s="13">
        <v>9.5238095238095233E-2</v>
      </c>
      <c r="BM2065" s="11">
        <v>-40.5</v>
      </c>
      <c r="BN2065" s="13">
        <v>-0.88043478260869568</v>
      </c>
      <c r="BO2065" s="11">
        <v>-36.5</v>
      </c>
      <c r="BP2065" s="13">
        <v>-0.86904761904761907</v>
      </c>
      <c r="BQ2065" s="6">
        <v>37</v>
      </c>
      <c r="BR2065" s="6">
        <v>34</v>
      </c>
      <c r="BS2065" s="6">
        <v>38</v>
      </c>
      <c r="BT2065" s="6">
        <v>42</v>
      </c>
      <c r="BU2065" s="6">
        <v>40</v>
      </c>
      <c r="BV2065" s="6">
        <v>43</v>
      </c>
      <c r="BW2065" s="6">
        <v>46</v>
      </c>
      <c r="BX2065" s="6">
        <v>52</v>
      </c>
      <c r="BY2065" s="6">
        <v>53</v>
      </c>
      <c r="BZ2065" s="6">
        <v>7</v>
      </c>
      <c r="CA2065" s="6">
        <v>6</v>
      </c>
      <c r="CB2065" s="6">
        <v>6</v>
      </c>
      <c r="CC2065" s="11">
        <v>5.5</v>
      </c>
      <c r="CD2065" s="11">
        <v>-61.263599999999997</v>
      </c>
      <c r="CE2065" s="11">
        <v>-1.14154</v>
      </c>
      <c r="CF2065" s="11">
        <v>13.5501</v>
      </c>
      <c r="CG2065" s="11">
        <v>13</v>
      </c>
      <c r="CH2065" s="20">
        <v>1.0894600000000001</v>
      </c>
      <c r="CI2065" s="20">
        <v>1.27521</v>
      </c>
      <c r="CJ2065" s="20">
        <v>1.3050200000000001</v>
      </c>
      <c r="CK2065" s="20">
        <v>1.2034199999999999</v>
      </c>
      <c r="CL2065" s="20">
        <v>1.2748900000000001</v>
      </c>
      <c r="CM2065" s="20">
        <v>1.41391</v>
      </c>
      <c r="CN2065" s="20">
        <v>1.4561999999999999</v>
      </c>
      <c r="CO2065" s="20">
        <v>1.49733</v>
      </c>
      <c r="CP2065" s="20">
        <v>1.43272</v>
      </c>
      <c r="CQ2065" s="20">
        <v>1.4140600000000001</v>
      </c>
      <c r="CR2065" s="20">
        <v>1.44669</v>
      </c>
      <c r="CS2065" s="20">
        <v>1.3931100000000001</v>
      </c>
      <c r="CT2065" s="20">
        <v>0.83877100000000004</v>
      </c>
      <c r="CU2065" s="20">
        <v>0.78145500000000001</v>
      </c>
      <c r="CV2065" s="20">
        <v>0.84234600000000004</v>
      </c>
      <c r="CW2065" s="20">
        <v>0.82033299999999998</v>
      </c>
      <c r="CX2065" s="20">
        <v>0.78490000000000004</v>
      </c>
      <c r="CY2065" s="6" t="s">
        <v>707</v>
      </c>
      <c r="CZ2065" s="6" t="s">
        <v>708</v>
      </c>
      <c r="DA2065" s="6" t="s">
        <v>116</v>
      </c>
      <c r="DB2065" s="6" t="s">
        <v>345</v>
      </c>
      <c r="DC2065" s="6"/>
      <c r="DD2065" s="6"/>
      <c r="DE2065" s="6"/>
      <c r="DF2065" s="6"/>
      <c r="DG2065" s="6"/>
      <c r="DH2065" s="6" t="s">
        <v>333</v>
      </c>
      <c r="DI2065" s="6"/>
      <c r="DJ2065" s="6"/>
      <c r="DK2065" s="6"/>
      <c r="DL2065" s="6">
        <v>10</v>
      </c>
      <c r="DM2065" s="6" t="s">
        <v>383</v>
      </c>
      <c r="DN2065" s="6">
        <v>9</v>
      </c>
      <c r="DO2065" s="6" t="s">
        <v>384</v>
      </c>
      <c r="DP2065" s="6"/>
      <c r="DQ2065" s="6"/>
    </row>
    <row r="2066" spans="1:121" x14ac:dyDescent="0.2">
      <c r="A2066" s="6" t="s">
        <v>327</v>
      </c>
      <c r="B2066" s="6" t="s">
        <v>327</v>
      </c>
      <c r="C2066" s="6" t="s">
        <v>194</v>
      </c>
      <c r="D2066" s="6" t="s">
        <v>116</v>
      </c>
      <c r="E2066" s="6" t="s">
        <v>257</v>
      </c>
      <c r="F2066" s="11">
        <v>-175</v>
      </c>
      <c r="G2066" s="13">
        <v>-0.32527881040899997</v>
      </c>
      <c r="H2066" s="11">
        <v>-33.543939000000023</v>
      </c>
      <c r="I2066" s="13">
        <v>-6.23955171038535E-2</v>
      </c>
      <c r="J2066" s="11">
        <v>-119.22016500000001</v>
      </c>
      <c r="K2066" s="13">
        <v>-0.23652081786619208</v>
      </c>
      <c r="L2066" s="11">
        <v>-21.654465955000035</v>
      </c>
      <c r="M2066" s="13">
        <v>-5.6269095159695783E-2</v>
      </c>
      <c r="N2066" s="11">
        <v>-140.87463095500004</v>
      </c>
      <c r="O2066" s="13">
        <v>-0.27948110061812598</v>
      </c>
      <c r="P2066" s="7">
        <v>537.60174700000005</v>
      </c>
      <c r="Q2066" s="7">
        <v>578.25358700000004</v>
      </c>
      <c r="R2066" s="7">
        <v>568.71150699999998</v>
      </c>
      <c r="S2066" s="7">
        <v>540.74831900000004</v>
      </c>
      <c r="T2066" s="7">
        <v>525.734329</v>
      </c>
      <c r="U2066" s="7">
        <v>522.91157899999996</v>
      </c>
      <c r="V2066" s="7">
        <v>504.05780800000002</v>
      </c>
      <c r="W2066" s="7">
        <v>509.15070100000003</v>
      </c>
      <c r="X2066" s="7">
        <v>506.11839900000001</v>
      </c>
      <c r="Y2066" s="7">
        <v>384.83764300000001</v>
      </c>
      <c r="Z2066" s="7">
        <v>371.22508199999999</v>
      </c>
      <c r="AA2066" s="7">
        <v>356.18788000000001</v>
      </c>
      <c r="AB2066" s="7">
        <v>349.41962999999998</v>
      </c>
      <c r="AC2066" s="7">
        <v>352.82043900000002</v>
      </c>
      <c r="AD2066" s="7">
        <v>364.50578200000001</v>
      </c>
      <c r="AE2066" s="7">
        <v>369.06925475000003</v>
      </c>
      <c r="AF2066" s="7">
        <v>363.18317704499998</v>
      </c>
      <c r="AG2066" s="9">
        <v>7122.6127812999985</v>
      </c>
      <c r="AH2066" s="13">
        <v>0.23661000698651419</v>
      </c>
      <c r="AI2066" s="9">
        <v>5801.8334601000024</v>
      </c>
      <c r="AJ2066" s="13">
        <v>0.19273430940019445</v>
      </c>
      <c r="AK2066" s="9">
        <v>2441.7564579999962</v>
      </c>
      <c r="AL2066" s="13">
        <v>6.800681043706161E-2</v>
      </c>
      <c r="AM2066" s="9">
        <v>-1120.9771368000002</v>
      </c>
      <c r="AN2066" s="13">
        <v>-2.9232960141819937E-2</v>
      </c>
      <c r="AO2066" s="9">
        <v>1320.779321199996</v>
      </c>
      <c r="AP2066" s="13">
        <v>3.6785809916362752E-2</v>
      </c>
      <c r="AQ2066" s="9">
        <v>30102.753776199999</v>
      </c>
      <c r="AR2066" s="9">
        <v>29475.359497099998</v>
      </c>
      <c r="AS2066" s="9">
        <v>30645.571054700002</v>
      </c>
      <c r="AT2066" s="9">
        <v>32432.251166099999</v>
      </c>
      <c r="AU2066" s="9">
        <v>33981.792970299997</v>
      </c>
      <c r="AV2066" s="9">
        <v>34563.859702100002</v>
      </c>
      <c r="AW2066" s="9">
        <v>35904.587236300002</v>
      </c>
      <c r="AX2066" s="9">
        <v>37177.722702400002</v>
      </c>
      <c r="AY2066" s="9">
        <v>39057.823404100003</v>
      </c>
      <c r="AZ2066" s="9">
        <v>38346.343694299998</v>
      </c>
      <c r="BA2066" s="9">
        <v>37277.697608399998</v>
      </c>
      <c r="BB2066" s="9">
        <v>36861.412703499998</v>
      </c>
      <c r="BC2066" s="9">
        <v>37203.983293400001</v>
      </c>
      <c r="BD2066" s="9">
        <v>35971.064104899997</v>
      </c>
      <c r="BE2066" s="9">
        <v>36851.9710873</v>
      </c>
      <c r="BF2066" s="9">
        <v>37225.366557499998</v>
      </c>
      <c r="BG2066" s="11">
        <v>-5</v>
      </c>
      <c r="BH2066" s="13">
        <v>-0.18518518518518517</v>
      </c>
      <c r="BI2066" s="6">
        <v>-1</v>
      </c>
      <c r="BJ2066" s="13">
        <v>-3.7037037037037035E-2</v>
      </c>
      <c r="BK2066" s="6">
        <v>-2</v>
      </c>
      <c r="BL2066" s="13">
        <v>-7.6923076923076927E-2</v>
      </c>
      <c r="BM2066" s="11">
        <v>-2</v>
      </c>
      <c r="BN2066" s="13">
        <v>-8.3333333333333329E-2</v>
      </c>
      <c r="BO2066" s="11">
        <v>-4</v>
      </c>
      <c r="BP2066" s="13">
        <v>-0.15384615384615385</v>
      </c>
      <c r="BQ2066" s="6">
        <v>27</v>
      </c>
      <c r="BR2066" s="6">
        <v>27</v>
      </c>
      <c r="BS2066" s="6">
        <v>27</v>
      </c>
      <c r="BT2066" s="6">
        <v>26</v>
      </c>
      <c r="BU2066" s="6">
        <v>27</v>
      </c>
      <c r="BV2066" s="6">
        <v>28</v>
      </c>
      <c r="BW2066" s="6">
        <v>24</v>
      </c>
      <c r="BX2066" s="6">
        <v>23</v>
      </c>
      <c r="BY2066" s="6">
        <v>23</v>
      </c>
      <c r="BZ2066" s="6">
        <v>23</v>
      </c>
      <c r="CA2066" s="6">
        <v>23</v>
      </c>
      <c r="CB2066" s="6">
        <v>23</v>
      </c>
      <c r="CC2066" s="11">
        <v>22</v>
      </c>
      <c r="CD2066" s="11">
        <v>-201.66800000000001</v>
      </c>
      <c r="CE2066" s="11">
        <v>-31.5167</v>
      </c>
      <c r="CF2066" s="11">
        <v>58.766300000000001</v>
      </c>
      <c r="CG2066" s="11">
        <v>27</v>
      </c>
      <c r="CH2066" s="20">
        <v>1.42241</v>
      </c>
      <c r="CI2066" s="20">
        <v>1.4497800000000001</v>
      </c>
      <c r="CJ2066" s="20">
        <v>1.3628199999999999</v>
      </c>
      <c r="CK2066" s="20">
        <v>1.26986</v>
      </c>
      <c r="CL2066" s="20">
        <v>1.37903</v>
      </c>
      <c r="CM2066" s="20">
        <v>1.36294</v>
      </c>
      <c r="CN2066" s="20">
        <v>1.30782</v>
      </c>
      <c r="CO2066" s="20">
        <v>1.3089299999999999</v>
      </c>
      <c r="CP2066" s="20">
        <v>1.3371200000000001</v>
      </c>
      <c r="CQ2066" s="20">
        <v>1.20045</v>
      </c>
      <c r="CR2066" s="20">
        <v>1.2142200000000001</v>
      </c>
      <c r="CS2066" s="20">
        <v>1.2057</v>
      </c>
      <c r="CT2066" s="20">
        <v>1.10958</v>
      </c>
      <c r="CU2066" s="20">
        <v>1.14855</v>
      </c>
      <c r="CV2066" s="20">
        <v>1.20499</v>
      </c>
      <c r="CW2066" s="20">
        <v>1.2178199999999999</v>
      </c>
      <c r="CX2066" s="20">
        <v>1.19638</v>
      </c>
      <c r="CY2066" s="6" t="s">
        <v>707</v>
      </c>
      <c r="CZ2066" s="6" t="s">
        <v>708</v>
      </c>
      <c r="DA2066" s="6" t="s">
        <v>116</v>
      </c>
      <c r="DB2066" s="6" t="s">
        <v>345</v>
      </c>
      <c r="DC2066" s="6"/>
      <c r="DD2066" s="6"/>
      <c r="DE2066" s="6"/>
      <c r="DF2066" s="6"/>
      <c r="DG2066" s="6"/>
      <c r="DH2066" s="6" t="s">
        <v>333</v>
      </c>
      <c r="DI2066" s="6"/>
      <c r="DJ2066" s="6"/>
      <c r="DK2066" s="6"/>
      <c r="DL2066" s="6">
        <v>10</v>
      </c>
      <c r="DM2066" s="6" t="s">
        <v>383</v>
      </c>
      <c r="DN2066" s="6">
        <v>9</v>
      </c>
      <c r="DO2066" s="6" t="s">
        <v>384</v>
      </c>
      <c r="DP2066" s="6"/>
      <c r="DQ2066" s="6"/>
    </row>
    <row r="2067" spans="1:121" x14ac:dyDescent="0.2">
      <c r="A2067" s="6" t="s">
        <v>1</v>
      </c>
      <c r="B2067" s="6" t="s">
        <v>1</v>
      </c>
      <c r="C2067" s="6" t="s">
        <v>2</v>
      </c>
      <c r="D2067" s="6" t="s">
        <v>78</v>
      </c>
      <c r="E2067" s="6" t="s">
        <v>219</v>
      </c>
      <c r="F2067" s="11">
        <v>81</v>
      </c>
      <c r="G2067" s="13">
        <v>0.57042253521099995</v>
      </c>
      <c r="H2067" s="11">
        <v>32.166772501999986</v>
      </c>
      <c r="I2067" s="13">
        <v>0.22712340940496628</v>
      </c>
      <c r="J2067" s="11">
        <v>38.448642037000013</v>
      </c>
      <c r="K2067" s="13">
        <v>0.22123160794355021</v>
      </c>
      <c r="L2067" s="11">
        <v>10.648303271000003</v>
      </c>
      <c r="M2067" s="13">
        <v>5.017051345512627E-2</v>
      </c>
      <c r="N2067" s="11">
        <v>49.096945308000016</v>
      </c>
      <c r="O2067" s="13">
        <v>0.28250142476170759</v>
      </c>
      <c r="P2067" s="7">
        <v>141.62684765200001</v>
      </c>
      <c r="Q2067" s="7">
        <v>165.50387447700001</v>
      </c>
      <c r="R2067" s="7">
        <v>165.86700843700001</v>
      </c>
      <c r="S2067" s="7">
        <v>204.446589526</v>
      </c>
      <c r="T2067" s="7">
        <v>219.43220413200001</v>
      </c>
      <c r="U2067" s="7">
        <v>214.33406265799999</v>
      </c>
      <c r="V2067" s="7">
        <v>173.793620154</v>
      </c>
      <c r="W2067" s="7">
        <v>219.43532503599999</v>
      </c>
      <c r="X2067" s="7">
        <v>214.65730844699999</v>
      </c>
      <c r="Y2067" s="7">
        <v>212.24226219100001</v>
      </c>
      <c r="Z2067" s="7">
        <v>218.24455249100001</v>
      </c>
      <c r="AA2067" s="7">
        <v>243.93930901600001</v>
      </c>
      <c r="AB2067" s="7">
        <v>214.903657127</v>
      </c>
      <c r="AC2067" s="7">
        <v>226.14288143600001</v>
      </c>
      <c r="AD2067" s="7">
        <v>227.95278975799999</v>
      </c>
      <c r="AE2067" s="7">
        <v>219.59112026400001</v>
      </c>
      <c r="AF2067" s="7">
        <v>222.89056546200001</v>
      </c>
      <c r="AG2067" s="9">
        <v>10716.162558100001</v>
      </c>
      <c r="AH2067" s="13">
        <v>0.57006117234096199</v>
      </c>
      <c r="AI2067" s="9">
        <v>3828.7060994000021</v>
      </c>
      <c r="AJ2067" s="13">
        <v>0.20367334628786521</v>
      </c>
      <c r="AK2067" s="9">
        <v>2101.3303565999995</v>
      </c>
      <c r="AL2067" s="13">
        <v>9.2868377782994352E-2</v>
      </c>
      <c r="AM2067" s="9">
        <v>4786.1261020999991</v>
      </c>
      <c r="AN2067" s="13">
        <v>0.19354849649224631</v>
      </c>
      <c r="AO2067" s="9">
        <v>6887.4564586999986</v>
      </c>
      <c r="AP2067" s="13">
        <v>0.30439140916681318</v>
      </c>
      <c r="AQ2067" s="9">
        <v>18798.267761499999</v>
      </c>
      <c r="AR2067" s="9">
        <v>19641.978225399998</v>
      </c>
      <c r="AS2067" s="9">
        <v>19781.3192547</v>
      </c>
      <c r="AT2067" s="9">
        <v>20427.000563099999</v>
      </c>
      <c r="AU2067" s="9">
        <v>21568.370093199999</v>
      </c>
      <c r="AV2067" s="9">
        <v>21073.813299099998</v>
      </c>
      <c r="AW2067" s="9">
        <v>22626.973860900001</v>
      </c>
      <c r="AX2067" s="9">
        <v>23662.300868300001</v>
      </c>
      <c r="AY2067" s="9">
        <v>24264.344897700001</v>
      </c>
      <c r="AZ2067" s="9">
        <v>24728.304217500001</v>
      </c>
      <c r="BA2067" s="9">
        <v>25725.812974</v>
      </c>
      <c r="BB2067" s="9">
        <v>26289.717131199999</v>
      </c>
      <c r="BC2067" s="9">
        <v>27999.382118400001</v>
      </c>
      <c r="BD2067" s="9">
        <v>28133.9508455</v>
      </c>
      <c r="BE2067" s="9">
        <v>28187.382790399999</v>
      </c>
      <c r="BF2067" s="9">
        <v>29514.4303196</v>
      </c>
      <c r="BG2067" s="11">
        <v>6.75</v>
      </c>
      <c r="BH2067" s="13">
        <v>0.9642857142857143</v>
      </c>
      <c r="BI2067" s="6">
        <v>3</v>
      </c>
      <c r="BJ2067" s="13">
        <v>0.42857142857142855</v>
      </c>
      <c r="BK2067" s="6">
        <v>1</v>
      </c>
      <c r="BL2067" s="13">
        <v>0.1</v>
      </c>
      <c r="BM2067" s="11">
        <v>2.75</v>
      </c>
      <c r="BN2067" s="13">
        <v>0.25</v>
      </c>
      <c r="BO2067" s="11">
        <v>3.75</v>
      </c>
      <c r="BP2067" s="13">
        <v>0.375</v>
      </c>
      <c r="BQ2067" s="6">
        <v>7</v>
      </c>
      <c r="BR2067" s="6">
        <v>9</v>
      </c>
      <c r="BS2067" s="6">
        <v>9</v>
      </c>
      <c r="BT2067" s="6">
        <v>10</v>
      </c>
      <c r="BU2067" s="6">
        <v>11</v>
      </c>
      <c r="BV2067" s="6">
        <v>11</v>
      </c>
      <c r="BW2067" s="6">
        <v>11</v>
      </c>
      <c r="BX2067" s="6">
        <v>11</v>
      </c>
      <c r="BY2067" s="6">
        <v>12</v>
      </c>
      <c r="BZ2067" s="6">
        <v>13</v>
      </c>
      <c r="CA2067" s="6">
        <v>16</v>
      </c>
      <c r="CB2067" s="6">
        <v>15</v>
      </c>
      <c r="CC2067" s="11">
        <v>13.75</v>
      </c>
      <c r="CD2067" s="11">
        <v>78.694800000000001</v>
      </c>
      <c r="CE2067" s="11">
        <v>-12.912599999999999</v>
      </c>
      <c r="CF2067" s="11">
        <v>15.4815</v>
      </c>
      <c r="CG2067" s="11">
        <v>2</v>
      </c>
      <c r="CH2067" s="20">
        <v>4.3404199999999999</v>
      </c>
      <c r="CI2067" s="20">
        <v>5.4412599999999998</v>
      </c>
      <c r="CJ2067" s="20">
        <v>5.3356399999999997</v>
      </c>
      <c r="CK2067" s="20">
        <v>6.6670800000000003</v>
      </c>
      <c r="CL2067" s="20">
        <v>7.1096399999999997</v>
      </c>
      <c r="CM2067" s="20">
        <v>7.0209999999999999</v>
      </c>
      <c r="CN2067" s="20">
        <v>5.6832200000000004</v>
      </c>
      <c r="CO2067" s="20">
        <v>7.31731</v>
      </c>
      <c r="CP2067" s="20">
        <v>7.20939</v>
      </c>
      <c r="CQ2067" s="20">
        <v>7.1659800000000002</v>
      </c>
      <c r="CR2067" s="20">
        <v>7.4795400000000001</v>
      </c>
      <c r="CS2067" s="20">
        <v>8.3251100000000005</v>
      </c>
      <c r="CT2067" s="20">
        <v>7.8512599999999999</v>
      </c>
      <c r="CU2067" s="20">
        <v>8.4297299999999993</v>
      </c>
      <c r="CV2067" s="20">
        <v>8.4989500000000007</v>
      </c>
      <c r="CW2067" s="20">
        <v>8.3456600000000005</v>
      </c>
      <c r="CX2067" s="20">
        <v>8.5136900000000004</v>
      </c>
      <c r="CY2067" s="6" t="s">
        <v>709</v>
      </c>
      <c r="CZ2067" s="6" t="s">
        <v>710</v>
      </c>
      <c r="DA2067" s="6" t="s">
        <v>78</v>
      </c>
      <c r="DB2067" s="6"/>
      <c r="DC2067" s="6"/>
      <c r="DD2067" s="6"/>
      <c r="DE2067" s="6"/>
      <c r="DF2067" s="6"/>
      <c r="DG2067" s="6"/>
      <c r="DH2067" s="6" t="s">
        <v>333</v>
      </c>
      <c r="DI2067" s="6"/>
      <c r="DJ2067" s="6"/>
      <c r="DK2067" s="6"/>
      <c r="DL2067" s="6">
        <v>10</v>
      </c>
      <c r="DM2067" s="6" t="s">
        <v>383</v>
      </c>
      <c r="DN2067" s="6">
        <v>9</v>
      </c>
      <c r="DO2067" s="6" t="s">
        <v>384</v>
      </c>
      <c r="DP2067" s="6"/>
      <c r="DQ2067" s="6"/>
    </row>
    <row r="2068" spans="1:121" x14ac:dyDescent="0.2">
      <c r="A2068" s="6" t="s">
        <v>310</v>
      </c>
      <c r="B2068" s="6" t="s">
        <v>310</v>
      </c>
      <c r="C2068" s="6" t="s">
        <v>173</v>
      </c>
      <c r="D2068" s="6" t="s">
        <v>78</v>
      </c>
      <c r="E2068" s="6" t="s">
        <v>219</v>
      </c>
      <c r="F2068" s="11">
        <v>1</v>
      </c>
      <c r="G2068" s="13">
        <v>1</v>
      </c>
      <c r="H2068" s="11">
        <v>0</v>
      </c>
      <c r="I2068" s="13">
        <v>0</v>
      </c>
      <c r="J2068" s="11">
        <v>0</v>
      </c>
      <c r="K2068" s="13">
        <v>0</v>
      </c>
      <c r="L2068" s="11">
        <v>15.451941696799999</v>
      </c>
      <c r="M2068" s="13">
        <v>3.0903883393599996</v>
      </c>
      <c r="N2068" s="11">
        <v>15.451941696799999</v>
      </c>
      <c r="O2068" s="13">
        <v>3.0903883393599996</v>
      </c>
      <c r="P2068" s="7">
        <v>5</v>
      </c>
      <c r="Q2068" s="7">
        <v>11.059062000000001</v>
      </c>
      <c r="R2068" s="7">
        <v>22.899834999999999</v>
      </c>
      <c r="S2068" s="7">
        <v>16.992818</v>
      </c>
      <c r="T2068" s="7">
        <v>14.991630000000001</v>
      </c>
      <c r="U2068" s="7">
        <v>5</v>
      </c>
      <c r="V2068" s="7">
        <v>5</v>
      </c>
      <c r="W2068" s="7">
        <v>5</v>
      </c>
      <c r="X2068" s="7">
        <v>5</v>
      </c>
      <c r="Y2068" s="7">
        <v>5</v>
      </c>
      <c r="Z2068" s="7">
        <v>5</v>
      </c>
      <c r="AA2068" s="7">
        <v>5</v>
      </c>
      <c r="AB2068" s="7">
        <v>15.192077060700001</v>
      </c>
      <c r="AC2068" s="7">
        <v>15.8874086413</v>
      </c>
      <c r="AD2068" s="7">
        <v>18.6743714387</v>
      </c>
      <c r="AE2068" s="7">
        <v>18.770006811199998</v>
      </c>
      <c r="AF2068" s="7">
        <v>20.451941696799999</v>
      </c>
      <c r="AG2068" s="9">
        <v>38977.391800600002</v>
      </c>
      <c r="AH2068" s="13">
        <v>38977.391800600002</v>
      </c>
      <c r="AI2068" s="9">
        <v>0</v>
      </c>
      <c r="AJ2068" s="13">
        <v>0</v>
      </c>
      <c r="AK2068" s="9">
        <v>0</v>
      </c>
      <c r="AL2068" s="13">
        <v>0</v>
      </c>
      <c r="AM2068" s="9">
        <v>38977.391800600002</v>
      </c>
      <c r="AN2068" s="13">
        <v>38977.391800600002</v>
      </c>
      <c r="AO2068" s="9">
        <v>38977.391800600002</v>
      </c>
      <c r="AP2068" s="13">
        <v>38977.391800600002</v>
      </c>
      <c r="AQ2068" s="9">
        <v>1</v>
      </c>
      <c r="AR2068" s="9">
        <v>38817.348704199998</v>
      </c>
      <c r="AS2068" s="9">
        <v>36337.6628967</v>
      </c>
      <c r="AT2068" s="9">
        <v>35357.839505099997</v>
      </c>
      <c r="AU2068" s="9">
        <v>27671.297585100001</v>
      </c>
      <c r="AV2068" s="9">
        <v>1</v>
      </c>
      <c r="AW2068" s="9">
        <v>1</v>
      </c>
      <c r="AX2068" s="9">
        <v>1</v>
      </c>
      <c r="AY2068" s="9">
        <v>1</v>
      </c>
      <c r="AZ2068" s="9">
        <v>1</v>
      </c>
      <c r="BA2068" s="9">
        <v>1</v>
      </c>
      <c r="BB2068" s="9">
        <v>1</v>
      </c>
      <c r="BC2068" s="9">
        <v>35782.629029399999</v>
      </c>
      <c r="BD2068" s="9">
        <v>37363.538149699998</v>
      </c>
      <c r="BE2068" s="9">
        <v>45874.502095800002</v>
      </c>
      <c r="BF2068" s="9">
        <v>38978.391800600002</v>
      </c>
      <c r="BG2068" s="11">
        <v>0</v>
      </c>
      <c r="BH2068" s="13">
        <v>0</v>
      </c>
      <c r="BI2068" s="6">
        <v>-1</v>
      </c>
      <c r="BJ2068" s="13">
        <v>-0.5</v>
      </c>
      <c r="BK2068" s="6">
        <v>0</v>
      </c>
      <c r="BL2068" s="13">
        <v>0</v>
      </c>
      <c r="BM2068" s="11">
        <v>1</v>
      </c>
      <c r="BN2068" s="13">
        <v>1</v>
      </c>
      <c r="BO2068" s="11">
        <v>1</v>
      </c>
      <c r="BP2068" s="13">
        <v>1</v>
      </c>
      <c r="BQ2068" s="6">
        <v>2</v>
      </c>
      <c r="BR2068" s="6">
        <v>2</v>
      </c>
      <c r="BS2068" s="6">
        <v>2</v>
      </c>
      <c r="BT2068" s="6">
        <v>1</v>
      </c>
      <c r="BU2068" s="6">
        <v>1</v>
      </c>
      <c r="BV2068" s="6">
        <v>1</v>
      </c>
      <c r="BW2068" s="6">
        <v>1</v>
      </c>
      <c r="BX2068" s="6">
        <v>2</v>
      </c>
      <c r="BY2068" s="6">
        <v>2</v>
      </c>
      <c r="BZ2068" s="6">
        <v>2</v>
      </c>
      <c r="CA2068" s="6">
        <v>2</v>
      </c>
      <c r="CB2068" s="6">
        <v>2</v>
      </c>
      <c r="CC2068" s="11">
        <v>2</v>
      </c>
      <c r="CD2068" s="11">
        <v>15.6183</v>
      </c>
      <c r="CE2068" s="11">
        <v>0.41339700000000001</v>
      </c>
      <c r="CF2068" s="11">
        <v>0.43556800000000001</v>
      </c>
      <c r="CG2068" s="11">
        <v>0</v>
      </c>
      <c r="CH2068" s="20">
        <v>0.43041000000000001</v>
      </c>
      <c r="CI2068" s="20">
        <v>1.3386199999999999</v>
      </c>
      <c r="CJ2068" s="20">
        <v>2.75054</v>
      </c>
      <c r="CK2068" s="20">
        <v>2.0020799999999999</v>
      </c>
      <c r="CL2068" s="20">
        <v>1.6373200000000001</v>
      </c>
      <c r="CM2068" s="20">
        <v>0.94567999999999997</v>
      </c>
      <c r="CN2068" s="20">
        <v>0.91681199999999996</v>
      </c>
      <c r="CO2068" s="20">
        <v>4.2756299999999997E-2</v>
      </c>
      <c r="CP2068" s="20">
        <v>0.111859</v>
      </c>
      <c r="CQ2068" s="20">
        <v>0.41526600000000002</v>
      </c>
      <c r="CR2068" s="20">
        <v>0.39079000000000003</v>
      </c>
      <c r="CS2068" s="20">
        <v>0.56227499999999997</v>
      </c>
      <c r="CT2068" s="20">
        <v>1.2699199999999999</v>
      </c>
      <c r="CU2068" s="20">
        <v>1.3297699999999999</v>
      </c>
      <c r="CV2068" s="20">
        <v>1.76709</v>
      </c>
      <c r="CW2068" s="20">
        <v>2.1311399999999998</v>
      </c>
      <c r="CX2068" s="20">
        <v>2.3109600000000001</v>
      </c>
      <c r="CY2068" s="6" t="s">
        <v>709</v>
      </c>
      <c r="CZ2068" s="6" t="s">
        <v>710</v>
      </c>
      <c r="DA2068" s="6" t="s">
        <v>78</v>
      </c>
      <c r="DB2068" s="6"/>
      <c r="DC2068" s="6"/>
      <c r="DD2068" s="6"/>
      <c r="DE2068" s="6"/>
      <c r="DF2068" s="6"/>
      <c r="DG2068" s="6"/>
      <c r="DH2068" s="6" t="s">
        <v>333</v>
      </c>
      <c r="DI2068" s="6"/>
      <c r="DJ2068" s="6"/>
      <c r="DK2068" s="6"/>
      <c r="DL2068" s="6">
        <v>10</v>
      </c>
      <c r="DM2068" s="6" t="s">
        <v>383</v>
      </c>
      <c r="DN2068" s="6">
        <v>9</v>
      </c>
      <c r="DO2068" s="6" t="s">
        <v>384</v>
      </c>
      <c r="DP2068" s="6"/>
      <c r="DQ2068" s="6"/>
    </row>
    <row r="2069" spans="1:121" x14ac:dyDescent="0.2">
      <c r="A2069" s="6" t="s">
        <v>311</v>
      </c>
      <c r="B2069" s="6" t="s">
        <v>311</v>
      </c>
      <c r="C2069" s="6" t="s">
        <v>174</v>
      </c>
      <c r="D2069" s="6" t="s">
        <v>78</v>
      </c>
      <c r="E2069" s="6" t="s">
        <v>219</v>
      </c>
      <c r="F2069" s="11">
        <v>0</v>
      </c>
      <c r="G2069" s="13">
        <v>0</v>
      </c>
      <c r="H2069" s="11">
        <v>0</v>
      </c>
      <c r="I2069" s="13"/>
      <c r="J2069" s="11">
        <v>0</v>
      </c>
      <c r="K2069" s="13"/>
      <c r="L2069" s="11">
        <v>0</v>
      </c>
      <c r="M2069" s="13"/>
      <c r="N2069" s="11">
        <v>0</v>
      </c>
      <c r="O2069" s="13"/>
      <c r="P2069" s="7">
        <v>0</v>
      </c>
      <c r="Q2069" s="7">
        <v>0</v>
      </c>
      <c r="R2069" s="7">
        <v>0</v>
      </c>
      <c r="S2069" s="7">
        <v>0</v>
      </c>
      <c r="T2069" s="7">
        <v>0</v>
      </c>
      <c r="U2069" s="7">
        <v>0</v>
      </c>
      <c r="V2069" s="7">
        <v>0</v>
      </c>
      <c r="W2069" s="7">
        <v>0</v>
      </c>
      <c r="X2069" s="7">
        <v>0</v>
      </c>
      <c r="Y2069" s="7">
        <v>0</v>
      </c>
      <c r="Z2069" s="7">
        <v>0</v>
      </c>
      <c r="AA2069" s="7">
        <v>0</v>
      </c>
      <c r="AB2069" s="7">
        <v>0</v>
      </c>
      <c r="AC2069" s="7">
        <v>0</v>
      </c>
      <c r="AD2069" s="7">
        <v>0</v>
      </c>
      <c r="AE2069" s="7">
        <v>0</v>
      </c>
      <c r="AF2069" s="7">
        <v>0</v>
      </c>
      <c r="AG2069" s="9">
        <v>0</v>
      </c>
      <c r="AH2069" s="13"/>
      <c r="AI2069" s="9">
        <v>0</v>
      </c>
      <c r="AJ2069" s="13"/>
      <c r="AK2069" s="9">
        <v>0</v>
      </c>
      <c r="AL2069" s="13"/>
      <c r="AM2069" s="9">
        <v>0</v>
      </c>
      <c r="AN2069" s="13"/>
      <c r="AO2069" s="9">
        <v>0</v>
      </c>
      <c r="AP2069" s="13"/>
      <c r="AQ2069" s="9">
        <v>0</v>
      </c>
      <c r="AR2069" s="9">
        <v>0</v>
      </c>
      <c r="AS2069" s="9">
        <v>0</v>
      </c>
      <c r="AT2069" s="9">
        <v>0</v>
      </c>
      <c r="AU2069" s="9">
        <v>0</v>
      </c>
      <c r="AV2069" s="9">
        <v>0</v>
      </c>
      <c r="AW2069" s="9">
        <v>0</v>
      </c>
      <c r="AX2069" s="9">
        <v>0</v>
      </c>
      <c r="AY2069" s="9">
        <v>0</v>
      </c>
      <c r="AZ2069" s="9">
        <v>0</v>
      </c>
      <c r="BA2069" s="9">
        <v>0</v>
      </c>
      <c r="BB2069" s="9">
        <v>0</v>
      </c>
      <c r="BC2069" s="9">
        <v>0</v>
      </c>
      <c r="BD2069" s="9">
        <v>0</v>
      </c>
      <c r="BE2069" s="9">
        <v>0</v>
      </c>
      <c r="BF2069" s="9">
        <v>0</v>
      </c>
      <c r="BG2069" s="11">
        <v>0</v>
      </c>
      <c r="BH2069" s="13" t="e">
        <v>#DIV/0!</v>
      </c>
      <c r="BI2069" s="6">
        <v>0</v>
      </c>
      <c r="BJ2069" s="13" t="e">
        <v>#DIV/0!</v>
      </c>
      <c r="BK2069" s="6">
        <v>0</v>
      </c>
      <c r="BL2069" s="13" t="e">
        <v>#DIV/0!</v>
      </c>
      <c r="BM2069" s="11">
        <v>0</v>
      </c>
      <c r="BN2069" s="13" t="e">
        <v>#DIV/0!</v>
      </c>
      <c r="BO2069" s="11">
        <v>0</v>
      </c>
      <c r="BP2069" s="13" t="e">
        <v>#DIV/0!</v>
      </c>
      <c r="BQ2069" s="6">
        <v>0</v>
      </c>
      <c r="BR2069" s="6">
        <v>0</v>
      </c>
      <c r="BS2069" s="6">
        <v>0</v>
      </c>
      <c r="BT2069" s="6">
        <v>0</v>
      </c>
      <c r="BU2069" s="6">
        <v>0</v>
      </c>
      <c r="BV2069" s="6">
        <v>0</v>
      </c>
      <c r="BW2069" s="6">
        <v>0</v>
      </c>
      <c r="BX2069" s="6">
        <v>0</v>
      </c>
      <c r="BY2069" s="6">
        <v>0</v>
      </c>
      <c r="BZ2069" s="6">
        <v>0</v>
      </c>
      <c r="CA2069" s="6">
        <v>0</v>
      </c>
      <c r="CB2069" s="6">
        <v>0</v>
      </c>
      <c r="CC2069" s="11">
        <v>0</v>
      </c>
      <c r="CD2069" s="11">
        <v>0</v>
      </c>
      <c r="CE2069" s="11">
        <v>0</v>
      </c>
      <c r="CF2069" s="11">
        <v>0</v>
      </c>
      <c r="CG2069" s="11">
        <v>0</v>
      </c>
      <c r="CH2069" s="20">
        <v>0</v>
      </c>
      <c r="CI2069" s="20">
        <v>0</v>
      </c>
      <c r="CJ2069" s="20">
        <v>0</v>
      </c>
      <c r="CK2069" s="20">
        <v>0</v>
      </c>
      <c r="CL2069" s="20">
        <v>0</v>
      </c>
      <c r="CM2069" s="20">
        <v>0</v>
      </c>
      <c r="CN2069" s="20">
        <v>0</v>
      </c>
      <c r="CO2069" s="20">
        <v>0</v>
      </c>
      <c r="CP2069" s="20">
        <v>0</v>
      </c>
      <c r="CQ2069" s="20">
        <v>0</v>
      </c>
      <c r="CR2069" s="20">
        <v>0</v>
      </c>
      <c r="CS2069" s="20">
        <v>0</v>
      </c>
      <c r="CT2069" s="20">
        <v>0</v>
      </c>
      <c r="CU2069" s="20">
        <v>0</v>
      </c>
      <c r="CV2069" s="20">
        <v>0</v>
      </c>
      <c r="CW2069" s="20">
        <v>0</v>
      </c>
      <c r="CX2069" s="20">
        <v>0</v>
      </c>
      <c r="CY2069" s="6" t="s">
        <v>709</v>
      </c>
      <c r="CZ2069" s="6" t="s">
        <v>710</v>
      </c>
      <c r="DA2069" s="6" t="s">
        <v>78</v>
      </c>
      <c r="DB2069" s="6"/>
      <c r="DC2069" s="6"/>
      <c r="DD2069" s="6"/>
      <c r="DE2069" s="6"/>
      <c r="DF2069" s="6"/>
      <c r="DG2069" s="6"/>
      <c r="DH2069" s="6" t="s">
        <v>333</v>
      </c>
      <c r="DI2069" s="6"/>
      <c r="DJ2069" s="6"/>
      <c r="DK2069" s="6"/>
      <c r="DL2069" s="6">
        <v>10</v>
      </c>
      <c r="DM2069" s="6" t="s">
        <v>383</v>
      </c>
      <c r="DN2069" s="6">
        <v>9</v>
      </c>
      <c r="DO2069" s="6" t="s">
        <v>384</v>
      </c>
      <c r="DP2069" s="6"/>
      <c r="DQ2069" s="6"/>
    </row>
    <row r="2070" spans="1:121" x14ac:dyDescent="0.2">
      <c r="A2070" s="6" t="s">
        <v>312</v>
      </c>
      <c r="B2070" s="6" t="s">
        <v>312</v>
      </c>
      <c r="C2070" s="6" t="s">
        <v>175</v>
      </c>
      <c r="D2070" s="6" t="s">
        <v>78</v>
      </c>
      <c r="E2070" s="6" t="s">
        <v>219</v>
      </c>
      <c r="F2070" s="11">
        <v>-70</v>
      </c>
      <c r="G2070" s="13">
        <v>-0.384615384615</v>
      </c>
      <c r="H2070" s="11">
        <v>-51.007678470000002</v>
      </c>
      <c r="I2070" s="13">
        <v>-0.28020299033918911</v>
      </c>
      <c r="J2070" s="11">
        <v>-15.155545579000005</v>
      </c>
      <c r="K2070" s="13">
        <v>-0.1156641431534321</v>
      </c>
      <c r="L2070" s="11">
        <v>-4.0403158440000055</v>
      </c>
      <c r="M2070" s="13">
        <v>-3.4867856659448575E-2</v>
      </c>
      <c r="N2070" s="11">
        <v>-19.195861423000011</v>
      </c>
      <c r="O2070" s="13">
        <v>-0.14649903904876888</v>
      </c>
      <c r="P2070" s="7">
        <v>182.03830875700001</v>
      </c>
      <c r="Q2070" s="7">
        <v>122.19523433000001</v>
      </c>
      <c r="R2070" s="7">
        <v>156.02748264100001</v>
      </c>
      <c r="S2070" s="7">
        <v>133.36625534500001</v>
      </c>
      <c r="T2070" s="7">
        <v>114.35114688500001</v>
      </c>
      <c r="U2070" s="7">
        <v>120.175327814</v>
      </c>
      <c r="V2070" s="7">
        <v>131.03063028700001</v>
      </c>
      <c r="W2070" s="7">
        <v>137.89219083099999</v>
      </c>
      <c r="X2070" s="7">
        <v>133.00152828399999</v>
      </c>
      <c r="Y2070" s="7">
        <v>115.875084708</v>
      </c>
      <c r="Z2070" s="7">
        <v>119.836381338</v>
      </c>
      <c r="AA2070" s="7">
        <v>120.836032429</v>
      </c>
      <c r="AB2070" s="7">
        <v>115.589562696</v>
      </c>
      <c r="AC2070" s="7">
        <v>101.62975541900001</v>
      </c>
      <c r="AD2070" s="7">
        <v>108.74805311999999</v>
      </c>
      <c r="AE2070" s="7">
        <v>110.029809582</v>
      </c>
      <c r="AF2070" s="7">
        <v>111.834768864</v>
      </c>
      <c r="AG2070" s="9">
        <v>-7822.1685596999996</v>
      </c>
      <c r="AH2070" s="13">
        <v>-0.19839787111214716</v>
      </c>
      <c r="AI2070" s="9">
        <v>-8341.7159199999987</v>
      </c>
      <c r="AJ2070" s="13">
        <v>-0.21157543043457228</v>
      </c>
      <c r="AK2070" s="9">
        <v>-2724.4812396999987</v>
      </c>
      <c r="AL2070" s="13">
        <v>-8.7646284350077708E-2</v>
      </c>
      <c r="AM2070" s="9">
        <v>3244.0285999999978</v>
      </c>
      <c r="AN2070" s="13">
        <v>0.11438553742156042</v>
      </c>
      <c r="AO2070" s="9">
        <v>519.54736029999913</v>
      </c>
      <c r="AP2070" s="13">
        <v>1.6713785733096169E-2</v>
      </c>
      <c r="AQ2070" s="9">
        <v>39426.675880399998</v>
      </c>
      <c r="AR2070" s="9">
        <v>27106.3493466</v>
      </c>
      <c r="AS2070" s="9">
        <v>27742.328101499999</v>
      </c>
      <c r="AT2070" s="9">
        <v>26918.718987200002</v>
      </c>
      <c r="AU2070" s="9">
        <v>27378.6302603</v>
      </c>
      <c r="AV2070" s="9">
        <v>29574.1853739</v>
      </c>
      <c r="AW2070" s="9">
        <v>31084.9599604</v>
      </c>
      <c r="AX2070" s="9">
        <v>27192.296725200002</v>
      </c>
      <c r="AY2070" s="9">
        <v>29366.641863299999</v>
      </c>
      <c r="AZ2070" s="9">
        <v>28360.478720700001</v>
      </c>
      <c r="BA2070" s="9">
        <v>35688.770934300002</v>
      </c>
      <c r="BB2070" s="9">
        <v>34989.389239099997</v>
      </c>
      <c r="BC2070" s="9">
        <v>30251.9002502</v>
      </c>
      <c r="BD2070" s="9">
        <v>27815.197379000001</v>
      </c>
      <c r="BE2070" s="9">
        <v>29444.101925200001</v>
      </c>
      <c r="BF2070" s="9">
        <v>31604.507320699999</v>
      </c>
      <c r="BG2070" s="11">
        <v>-1</v>
      </c>
      <c r="BH2070" s="13">
        <v>-7.6923076923076927E-2</v>
      </c>
      <c r="BI2070" s="6">
        <v>-2</v>
      </c>
      <c r="BJ2070" s="13">
        <v>-0.15384615384615385</v>
      </c>
      <c r="BK2070" s="6">
        <v>3</v>
      </c>
      <c r="BL2070" s="13">
        <v>0.27272727272727271</v>
      </c>
      <c r="BM2070" s="11">
        <v>-2</v>
      </c>
      <c r="BN2070" s="13">
        <v>-0.14285714285714285</v>
      </c>
      <c r="BO2070" s="11">
        <v>1</v>
      </c>
      <c r="BP2070" s="13">
        <v>9.0909090909090912E-2</v>
      </c>
      <c r="BQ2070" s="6">
        <v>13</v>
      </c>
      <c r="BR2070" s="6">
        <v>13</v>
      </c>
      <c r="BS2070" s="6">
        <v>14</v>
      </c>
      <c r="BT2070" s="6">
        <v>11</v>
      </c>
      <c r="BU2070" s="6">
        <v>12</v>
      </c>
      <c r="BV2070" s="6">
        <v>13</v>
      </c>
      <c r="BW2070" s="6">
        <v>14</v>
      </c>
      <c r="BX2070" s="6">
        <v>12</v>
      </c>
      <c r="BY2070" s="6">
        <v>12</v>
      </c>
      <c r="BZ2070" s="6">
        <v>13</v>
      </c>
      <c r="CA2070" s="6">
        <v>12</v>
      </c>
      <c r="CB2070" s="6">
        <v>13</v>
      </c>
      <c r="CC2070" s="11">
        <v>12</v>
      </c>
      <c r="CD2070" s="11">
        <v>-68.052999999999997</v>
      </c>
      <c r="CE2070" s="11">
        <v>-22.049499999999998</v>
      </c>
      <c r="CF2070" s="11">
        <v>19.899000000000001</v>
      </c>
      <c r="CG2070" s="11">
        <v>-2</v>
      </c>
      <c r="CH2070" s="20">
        <v>1.2373400000000001</v>
      </c>
      <c r="CI2070" s="20">
        <v>0.88780400000000004</v>
      </c>
      <c r="CJ2070" s="20">
        <v>1.09449</v>
      </c>
      <c r="CK2070" s="20">
        <v>0.91340600000000005</v>
      </c>
      <c r="CL2070" s="20">
        <v>0.74770000000000003</v>
      </c>
      <c r="CM2070" s="20">
        <v>0.760571</v>
      </c>
      <c r="CN2070" s="20">
        <v>0.82768200000000003</v>
      </c>
      <c r="CO2070" s="20">
        <v>0.91290199999999999</v>
      </c>
      <c r="CP2070" s="20">
        <v>1.00891</v>
      </c>
      <c r="CQ2070" s="20">
        <v>0.95528999999999997</v>
      </c>
      <c r="CR2070" s="20">
        <v>1.02206</v>
      </c>
      <c r="CS2070" s="20">
        <v>1.0299700000000001</v>
      </c>
      <c r="CT2070" s="20">
        <v>1.04192</v>
      </c>
      <c r="CU2070" s="20">
        <v>0.91311299999999995</v>
      </c>
      <c r="CV2070" s="20">
        <v>0.95160599999999995</v>
      </c>
      <c r="CW2070" s="20">
        <v>0.95998899999999998</v>
      </c>
      <c r="CX2070" s="20">
        <v>0.97613300000000003</v>
      </c>
      <c r="CY2070" s="6" t="s">
        <v>709</v>
      </c>
      <c r="CZ2070" s="6" t="s">
        <v>710</v>
      </c>
      <c r="DA2070" s="6" t="s">
        <v>78</v>
      </c>
      <c r="DB2070" s="6"/>
      <c r="DC2070" s="6"/>
      <c r="DD2070" s="6"/>
      <c r="DE2070" s="6"/>
      <c r="DF2070" s="6"/>
      <c r="DG2070" s="6"/>
      <c r="DH2070" s="6" t="s">
        <v>333</v>
      </c>
      <c r="DI2070" s="6"/>
      <c r="DJ2070" s="6"/>
      <c r="DK2070" s="6"/>
      <c r="DL2070" s="6">
        <v>10</v>
      </c>
      <c r="DM2070" s="6" t="s">
        <v>383</v>
      </c>
      <c r="DN2070" s="6">
        <v>9</v>
      </c>
      <c r="DO2070" s="6" t="s">
        <v>384</v>
      </c>
      <c r="DP2070" s="6"/>
      <c r="DQ2070" s="6"/>
    </row>
    <row r="2071" spans="1:121" x14ac:dyDescent="0.2">
      <c r="A2071" s="6" t="s">
        <v>792</v>
      </c>
      <c r="B2071" s="6" t="s">
        <v>176</v>
      </c>
      <c r="C2071" s="6" t="s">
        <v>177</v>
      </c>
      <c r="D2071" s="6" t="s">
        <v>78</v>
      </c>
      <c r="E2071" s="6" t="s">
        <v>219</v>
      </c>
      <c r="F2071" s="11">
        <v>-256</v>
      </c>
      <c r="G2071" s="13">
        <v>-0.58850574712600001</v>
      </c>
      <c r="H2071" s="11">
        <v>-54.356802154000036</v>
      </c>
      <c r="I2071" s="13">
        <v>-0.12498028362947255</v>
      </c>
      <c r="J2071" s="11">
        <v>-108.31314011199999</v>
      </c>
      <c r="K2071" s="13">
        <v>-0.2846104976881027</v>
      </c>
      <c r="L2071" s="11">
        <v>-92.814627196000004</v>
      </c>
      <c r="M2071" s="13">
        <v>-0.34091305277509154</v>
      </c>
      <c r="N2071" s="11">
        <v>-201.12776730799999</v>
      </c>
      <c r="O2071" s="13">
        <v>-0.52849611684450504</v>
      </c>
      <c r="P2071" s="7">
        <v>434.92301805900001</v>
      </c>
      <c r="Q2071" s="7">
        <v>317.44892118299998</v>
      </c>
      <c r="R2071" s="7">
        <v>304.02763406899999</v>
      </c>
      <c r="S2071" s="7">
        <v>292.03284537899998</v>
      </c>
      <c r="T2071" s="7">
        <v>306.37867519500003</v>
      </c>
      <c r="U2071" s="7">
        <v>315.177097764</v>
      </c>
      <c r="V2071" s="7">
        <v>380.56621590499998</v>
      </c>
      <c r="W2071" s="7">
        <v>343.1204242</v>
      </c>
      <c r="X2071" s="7">
        <v>291.66870918699999</v>
      </c>
      <c r="Y2071" s="7">
        <v>272.25307579299999</v>
      </c>
      <c r="Z2071" s="7">
        <v>265.53512884600002</v>
      </c>
      <c r="AA2071" s="7">
        <v>248.865645989</v>
      </c>
      <c r="AB2071" s="7">
        <v>235.790493118</v>
      </c>
      <c r="AC2071" s="7">
        <v>211.482355867</v>
      </c>
      <c r="AD2071" s="7">
        <v>194.22478175099999</v>
      </c>
      <c r="AE2071" s="7">
        <v>188.55779640200001</v>
      </c>
      <c r="AF2071" s="7">
        <v>179.43844859699999</v>
      </c>
      <c r="AG2071" s="9">
        <v>20119.425456100005</v>
      </c>
      <c r="AH2071" s="13">
        <v>0.58054965320118734</v>
      </c>
      <c r="AI2071" s="9">
        <v>5379.6800812000001</v>
      </c>
      <c r="AJ2071" s="13">
        <v>0.15523163980445981</v>
      </c>
      <c r="AK2071" s="9">
        <v>4622.8125866000046</v>
      </c>
      <c r="AL2071" s="13">
        <v>0.11546783089464858</v>
      </c>
      <c r="AM2071" s="9">
        <v>10116.932788300001</v>
      </c>
      <c r="AN2071" s="13">
        <v>0.22654085490330156</v>
      </c>
      <c r="AO2071" s="9">
        <v>14739.745374900005</v>
      </c>
      <c r="AP2071" s="13">
        <v>0.36816686692265366</v>
      </c>
      <c r="AQ2071" s="9">
        <v>34655.822021699998</v>
      </c>
      <c r="AR2071" s="9">
        <v>32608.935616999999</v>
      </c>
      <c r="AS2071" s="9">
        <v>33383.051180299997</v>
      </c>
      <c r="AT2071" s="9">
        <v>39798.2710123</v>
      </c>
      <c r="AU2071" s="9">
        <v>43166.892142700002</v>
      </c>
      <c r="AV2071" s="9">
        <v>41685.9973484</v>
      </c>
      <c r="AW2071" s="9">
        <v>40035.502102899998</v>
      </c>
      <c r="AX2071" s="9">
        <v>41855.536910800001</v>
      </c>
      <c r="AY2071" s="9">
        <v>39171.018225500004</v>
      </c>
      <c r="AZ2071" s="9">
        <v>44658.314689500003</v>
      </c>
      <c r="BA2071" s="9">
        <v>43666.357481599996</v>
      </c>
      <c r="BB2071" s="9">
        <v>44082.121010800001</v>
      </c>
      <c r="BC2071" s="9">
        <v>46374.443910000002</v>
      </c>
      <c r="BD2071" s="9">
        <v>50472.2595888</v>
      </c>
      <c r="BE2071" s="9">
        <v>53069.864693199997</v>
      </c>
      <c r="BF2071" s="9">
        <v>54775.247477800003</v>
      </c>
      <c r="BG2071" s="11">
        <v>-3</v>
      </c>
      <c r="BH2071" s="13">
        <v>-0.27272727272727271</v>
      </c>
      <c r="BI2071" s="6">
        <v>1</v>
      </c>
      <c r="BJ2071" s="13">
        <v>9.0909090909090912E-2</v>
      </c>
      <c r="BK2071" s="6">
        <v>-3</v>
      </c>
      <c r="BL2071" s="13">
        <v>-0.25</v>
      </c>
      <c r="BM2071" s="11">
        <v>-1</v>
      </c>
      <c r="BN2071" s="13">
        <v>-0.1111111111111111</v>
      </c>
      <c r="BO2071" s="11">
        <v>-4</v>
      </c>
      <c r="BP2071" s="13">
        <v>-0.33333333333333331</v>
      </c>
      <c r="BQ2071" s="6">
        <v>11</v>
      </c>
      <c r="BR2071" s="6">
        <v>12</v>
      </c>
      <c r="BS2071" s="6">
        <v>13</v>
      </c>
      <c r="BT2071" s="6">
        <v>12</v>
      </c>
      <c r="BU2071" s="6">
        <v>12</v>
      </c>
      <c r="BV2071" s="6">
        <v>11</v>
      </c>
      <c r="BW2071" s="6">
        <v>9</v>
      </c>
      <c r="BX2071" s="6">
        <v>9</v>
      </c>
      <c r="BY2071" s="6">
        <v>10</v>
      </c>
      <c r="BZ2071" s="6">
        <v>9</v>
      </c>
      <c r="CA2071" s="6">
        <v>9</v>
      </c>
      <c r="CB2071" s="6">
        <v>8</v>
      </c>
      <c r="CC2071" s="11">
        <v>8</v>
      </c>
      <c r="CD2071" s="11">
        <v>-149.50899999999999</v>
      </c>
      <c r="CE2071" s="11">
        <v>-153.518</v>
      </c>
      <c r="CF2071" s="11">
        <v>47.542299999999997</v>
      </c>
      <c r="CG2071" s="11">
        <v>-106</v>
      </c>
      <c r="CH2071" s="20">
        <v>1.54416</v>
      </c>
      <c r="CI2071" s="20">
        <v>1.2874300000000001</v>
      </c>
      <c r="CJ2071" s="20">
        <v>1.2725500000000001</v>
      </c>
      <c r="CK2071" s="20">
        <v>1.2640499999999999</v>
      </c>
      <c r="CL2071" s="20">
        <v>1.3331999999999999</v>
      </c>
      <c r="CM2071" s="20">
        <v>1.39141</v>
      </c>
      <c r="CN2071" s="20">
        <v>1.69767</v>
      </c>
      <c r="CO2071" s="20">
        <v>1.5695600000000001</v>
      </c>
      <c r="CP2071" s="20">
        <v>1.5061800000000001</v>
      </c>
      <c r="CQ2071" s="20">
        <v>1.44543</v>
      </c>
      <c r="CR2071" s="20">
        <v>1.4150199999999999</v>
      </c>
      <c r="CS2071" s="20">
        <v>1.3158799999999999</v>
      </c>
      <c r="CT2071" s="20">
        <v>1.33921</v>
      </c>
      <c r="CU2071" s="20">
        <v>1.2265999999999999</v>
      </c>
      <c r="CV2071" s="20">
        <v>1.12788</v>
      </c>
      <c r="CW2071" s="20">
        <v>1.11557</v>
      </c>
      <c r="CX2071" s="20">
        <v>1.0688800000000001</v>
      </c>
      <c r="CY2071" s="6" t="s">
        <v>709</v>
      </c>
      <c r="CZ2071" s="6" t="s">
        <v>710</v>
      </c>
      <c r="DA2071" s="6" t="s">
        <v>78</v>
      </c>
      <c r="DB2071" s="6"/>
      <c r="DC2071" s="6"/>
      <c r="DD2071" s="6"/>
      <c r="DE2071" s="6"/>
      <c r="DF2071" s="6"/>
      <c r="DG2071" s="6"/>
      <c r="DH2071" s="6" t="s">
        <v>333</v>
      </c>
      <c r="DI2071" s="6"/>
      <c r="DJ2071" s="6"/>
      <c r="DK2071" s="6"/>
      <c r="DL2071" s="6">
        <v>10</v>
      </c>
      <c r="DM2071" s="6" t="s">
        <v>383</v>
      </c>
      <c r="DN2071" s="6">
        <v>9</v>
      </c>
      <c r="DO2071" s="6" t="s">
        <v>384</v>
      </c>
      <c r="DP2071" s="6"/>
      <c r="DQ2071" s="6"/>
    </row>
    <row r="2072" spans="1:121" x14ac:dyDescent="0.2">
      <c r="A2072" s="6" t="s">
        <v>313</v>
      </c>
      <c r="B2072" s="6" t="s">
        <v>313</v>
      </c>
      <c r="C2072" s="6" t="s">
        <v>178</v>
      </c>
      <c r="D2072" s="6" t="s">
        <v>78</v>
      </c>
      <c r="E2072" s="6" t="s">
        <v>219</v>
      </c>
      <c r="F2072" s="11">
        <v>-22</v>
      </c>
      <c r="G2072" s="13">
        <v>-0.30136986301399998</v>
      </c>
      <c r="H2072" s="11">
        <v>-32.316666620899994</v>
      </c>
      <c r="I2072" s="13">
        <v>-0.440412375654538</v>
      </c>
      <c r="J2072" s="11">
        <v>24.647930432199999</v>
      </c>
      <c r="K2072" s="13">
        <v>0.60026816932778759</v>
      </c>
      <c r="L2072" s="11">
        <v>-14.7695527164</v>
      </c>
      <c r="M2072" s="13">
        <v>-0.22477056193750183</v>
      </c>
      <c r="N2072" s="11">
        <v>9.8783777157999992</v>
      </c>
      <c r="O2072" s="13">
        <v>0.24057499365728341</v>
      </c>
      <c r="P2072" s="7">
        <v>73.378198268999995</v>
      </c>
      <c r="Q2072" s="7">
        <v>72.920191205899997</v>
      </c>
      <c r="R2072" s="7">
        <v>42.983529719300002</v>
      </c>
      <c r="S2072" s="7">
        <v>40.547466196000002</v>
      </c>
      <c r="T2072" s="7">
        <v>41.054735129800001</v>
      </c>
      <c r="U2072" s="7">
        <v>35.565911326399998</v>
      </c>
      <c r="V2072" s="7">
        <v>41.061531648100001</v>
      </c>
      <c r="W2072" s="7">
        <v>54.640663009100003</v>
      </c>
      <c r="X2072" s="7">
        <v>51.025924434700002</v>
      </c>
      <c r="Y2072" s="7">
        <v>65.7094620803</v>
      </c>
      <c r="Z2072" s="7">
        <v>66.103349485099997</v>
      </c>
      <c r="AA2072" s="7">
        <v>61.993273786000003</v>
      </c>
      <c r="AB2072" s="7">
        <v>58.825542906499997</v>
      </c>
      <c r="AC2072" s="7">
        <v>55.005117663100002</v>
      </c>
      <c r="AD2072" s="7">
        <v>52.982493081599998</v>
      </c>
      <c r="AE2072" s="7">
        <v>50.836838522599997</v>
      </c>
      <c r="AF2072" s="7">
        <v>50.9399093639</v>
      </c>
      <c r="AG2072" s="9">
        <v>19082.389461799998</v>
      </c>
      <c r="AH2072" s="13">
        <v>0.72778275200792497</v>
      </c>
      <c r="AI2072" s="9">
        <v>10949.600734200001</v>
      </c>
      <c r="AJ2072" s="13">
        <v>0.41760653568446671</v>
      </c>
      <c r="AK2072" s="9">
        <v>1077.4604982000019</v>
      </c>
      <c r="AL2072" s="13">
        <v>2.898775978591225E-2</v>
      </c>
      <c r="AM2072" s="9">
        <v>7055.3282293999946</v>
      </c>
      <c r="AN2072" s="13">
        <v>0.18446769067957405</v>
      </c>
      <c r="AO2072" s="9">
        <v>8132.7887275999965</v>
      </c>
      <c r="AP2072" s="13">
        <v>0.21880275557116777</v>
      </c>
      <c r="AQ2072" s="9">
        <v>26219.8979148</v>
      </c>
      <c r="AR2072" s="9">
        <v>24946.459329199999</v>
      </c>
      <c r="AS2072" s="9">
        <v>22147.768745900001</v>
      </c>
      <c r="AT2072" s="9">
        <v>22331.858244899999</v>
      </c>
      <c r="AU2072" s="9">
        <v>28331.6361645</v>
      </c>
      <c r="AV2072" s="9">
        <v>35077.530583899999</v>
      </c>
      <c r="AW2072" s="9">
        <v>37169.498649000001</v>
      </c>
      <c r="AX2072" s="9">
        <v>41106.986166199997</v>
      </c>
      <c r="AY2072" s="9">
        <v>42620.485705200001</v>
      </c>
      <c r="AZ2072" s="9">
        <v>38246.959147200003</v>
      </c>
      <c r="BA2072" s="9">
        <v>37635.336722100001</v>
      </c>
      <c r="BB2072" s="9">
        <v>35709.762720799998</v>
      </c>
      <c r="BC2072" s="9">
        <v>37330.203627299998</v>
      </c>
      <c r="BD2072" s="9">
        <v>43487.353273499997</v>
      </c>
      <c r="BE2072" s="9">
        <v>45070.538757100003</v>
      </c>
      <c r="BF2072" s="9">
        <v>45302.287376599998</v>
      </c>
      <c r="BG2072" s="11">
        <v>-2</v>
      </c>
      <c r="BH2072" s="13">
        <v>-0.2</v>
      </c>
      <c r="BI2072" s="6">
        <v>0</v>
      </c>
      <c r="BJ2072" s="13">
        <v>0</v>
      </c>
      <c r="BK2072" s="6">
        <v>2</v>
      </c>
      <c r="BL2072" s="13">
        <v>0.2</v>
      </c>
      <c r="BM2072" s="11">
        <v>-4</v>
      </c>
      <c r="BN2072" s="13">
        <v>-0.33333333333333331</v>
      </c>
      <c r="BO2072" s="11">
        <v>-2</v>
      </c>
      <c r="BP2072" s="13">
        <v>-0.2</v>
      </c>
      <c r="BQ2072" s="6">
        <v>10</v>
      </c>
      <c r="BR2072" s="6">
        <v>9</v>
      </c>
      <c r="BS2072" s="6">
        <v>10</v>
      </c>
      <c r="BT2072" s="6">
        <v>10</v>
      </c>
      <c r="BU2072" s="6">
        <v>11</v>
      </c>
      <c r="BV2072" s="6">
        <v>11</v>
      </c>
      <c r="BW2072" s="6">
        <v>12</v>
      </c>
      <c r="BX2072" s="6">
        <v>10</v>
      </c>
      <c r="BY2072" s="6">
        <v>9</v>
      </c>
      <c r="BZ2072" s="6">
        <v>8</v>
      </c>
      <c r="CA2072" s="6">
        <v>8</v>
      </c>
      <c r="CB2072" s="6">
        <v>8</v>
      </c>
      <c r="CC2072" s="11">
        <v>8</v>
      </c>
      <c r="CD2072" s="11">
        <v>-24.459499999999998</v>
      </c>
      <c r="CE2072" s="11">
        <v>-5.9999500000000001</v>
      </c>
      <c r="CF2072" s="11">
        <v>8.0211199999999998</v>
      </c>
      <c r="CG2072" s="11">
        <v>2</v>
      </c>
      <c r="CH2072" s="20">
        <v>0.73164499999999999</v>
      </c>
      <c r="CI2072" s="20">
        <v>0.78879600000000005</v>
      </c>
      <c r="CJ2072" s="20">
        <v>0.45872000000000002</v>
      </c>
      <c r="CK2072" s="20">
        <v>0.43689600000000001</v>
      </c>
      <c r="CL2072" s="20">
        <v>0.43416900000000003</v>
      </c>
      <c r="CM2072" s="20">
        <v>0.37126999999999999</v>
      </c>
      <c r="CN2072" s="20">
        <v>0.41779300000000003</v>
      </c>
      <c r="CO2072" s="20">
        <v>0.55549099999999996</v>
      </c>
      <c r="CP2072" s="20">
        <v>0.55356899999999998</v>
      </c>
      <c r="CQ2072" s="20">
        <v>0.72560400000000003</v>
      </c>
      <c r="CR2072" s="20">
        <v>0.73588600000000004</v>
      </c>
      <c r="CS2072" s="20">
        <v>0.68396500000000005</v>
      </c>
      <c r="CT2072" s="20">
        <v>0.69320099999999996</v>
      </c>
      <c r="CU2072" s="20">
        <v>0.66274100000000002</v>
      </c>
      <c r="CV2072" s="20">
        <v>0.639567</v>
      </c>
      <c r="CW2072" s="20">
        <v>0.62682199999999999</v>
      </c>
      <c r="CX2072" s="20">
        <v>0.62724500000000005</v>
      </c>
      <c r="CY2072" s="6" t="s">
        <v>709</v>
      </c>
      <c r="CZ2072" s="6" t="s">
        <v>710</v>
      </c>
      <c r="DA2072" s="6" t="s">
        <v>78</v>
      </c>
      <c r="DB2072" s="6"/>
      <c r="DC2072" s="6"/>
      <c r="DD2072" s="6"/>
      <c r="DE2072" s="6"/>
      <c r="DF2072" s="6"/>
      <c r="DG2072" s="6"/>
      <c r="DH2072" s="6" t="s">
        <v>333</v>
      </c>
      <c r="DI2072" s="6"/>
      <c r="DJ2072" s="6"/>
      <c r="DK2072" s="6"/>
      <c r="DL2072" s="6">
        <v>10</v>
      </c>
      <c r="DM2072" s="6" t="s">
        <v>383</v>
      </c>
      <c r="DN2072" s="6">
        <v>9</v>
      </c>
      <c r="DO2072" s="6" t="s">
        <v>384</v>
      </c>
      <c r="DP2072" s="6"/>
      <c r="DQ2072" s="6"/>
    </row>
    <row r="2073" spans="1:121" x14ac:dyDescent="0.2">
      <c r="A2073" s="6" t="s">
        <v>793</v>
      </c>
      <c r="B2073" s="6" t="s">
        <v>179</v>
      </c>
      <c r="C2073" s="6" t="s">
        <v>180</v>
      </c>
      <c r="D2073" s="6" t="s">
        <v>78</v>
      </c>
      <c r="E2073" s="6" t="s">
        <v>219</v>
      </c>
      <c r="F2073" s="11">
        <v>-22</v>
      </c>
      <c r="G2073" s="13">
        <v>-0.08</v>
      </c>
      <c r="H2073" s="11">
        <v>-19</v>
      </c>
      <c r="I2073" s="13">
        <v>-7.0631970260223054E-2</v>
      </c>
      <c r="J2073" s="11">
        <v>-23</v>
      </c>
      <c r="K2073" s="13">
        <v>-9.1999999999999998E-2</v>
      </c>
      <c r="L2073" s="11">
        <v>20</v>
      </c>
      <c r="M2073" s="13">
        <v>8.8105726872246701E-2</v>
      </c>
      <c r="N2073" s="11">
        <v>-3</v>
      </c>
      <c r="O2073" s="13">
        <v>-1.2E-2</v>
      </c>
      <c r="P2073" s="7">
        <v>269</v>
      </c>
      <c r="Q2073" s="7">
        <v>252</v>
      </c>
      <c r="R2073" s="7">
        <v>235</v>
      </c>
      <c r="S2073" s="7">
        <v>241</v>
      </c>
      <c r="T2073" s="7">
        <v>237</v>
      </c>
      <c r="U2073" s="7">
        <v>242</v>
      </c>
      <c r="V2073" s="7">
        <v>250</v>
      </c>
      <c r="W2073" s="7">
        <v>231</v>
      </c>
      <c r="X2073" s="7">
        <v>245</v>
      </c>
      <c r="Y2073" s="7">
        <v>227</v>
      </c>
      <c r="Z2073" s="7">
        <v>220</v>
      </c>
      <c r="AA2073" s="7">
        <v>219</v>
      </c>
      <c r="AB2073" s="7">
        <v>230</v>
      </c>
      <c r="AC2073" s="7">
        <v>233</v>
      </c>
      <c r="AD2073" s="7">
        <v>245</v>
      </c>
      <c r="AE2073" s="7">
        <v>243</v>
      </c>
      <c r="AF2073" s="7">
        <v>247</v>
      </c>
      <c r="AG2073" s="9">
        <v>7949</v>
      </c>
      <c r="AH2073" s="13">
        <v>0.48190360715368286</v>
      </c>
      <c r="AI2073" s="9">
        <v>2949</v>
      </c>
      <c r="AJ2073" s="13">
        <v>0.17878144892391634</v>
      </c>
      <c r="AK2073" s="9">
        <v>3873</v>
      </c>
      <c r="AL2073" s="13">
        <v>0.19918740999794279</v>
      </c>
      <c r="AM2073" s="9">
        <v>1127</v>
      </c>
      <c r="AN2073" s="13">
        <v>4.8333833683578506E-2</v>
      </c>
      <c r="AO2073" s="9">
        <v>5000</v>
      </c>
      <c r="AP2073" s="13">
        <v>0.25714873482822465</v>
      </c>
      <c r="AQ2073" s="9">
        <v>16495</v>
      </c>
      <c r="AR2073" s="9">
        <v>16775</v>
      </c>
      <c r="AS2073" s="9">
        <v>17894</v>
      </c>
      <c r="AT2073" s="9">
        <v>17881</v>
      </c>
      <c r="AU2073" s="9">
        <v>19021</v>
      </c>
      <c r="AV2073" s="9">
        <v>19190</v>
      </c>
      <c r="AW2073" s="9">
        <v>19444</v>
      </c>
      <c r="AX2073" s="9">
        <v>20869</v>
      </c>
      <c r="AY2073" s="9">
        <v>20997</v>
      </c>
      <c r="AZ2073" s="9">
        <v>23317</v>
      </c>
      <c r="BA2073" s="9">
        <v>23554</v>
      </c>
      <c r="BB2073" s="9">
        <v>24059</v>
      </c>
      <c r="BC2073" s="9">
        <v>24104</v>
      </c>
      <c r="BD2073" s="9">
        <v>24570</v>
      </c>
      <c r="BE2073" s="9">
        <v>24104</v>
      </c>
      <c r="BF2073" s="9">
        <v>24444</v>
      </c>
      <c r="BG2073" s="11">
        <v>2</v>
      </c>
      <c r="BH2073" s="13">
        <v>7.1428571428571425E-2</v>
      </c>
      <c r="BI2073" s="6">
        <v>3</v>
      </c>
      <c r="BJ2073" s="13">
        <v>0.10714285714285714</v>
      </c>
      <c r="BK2073" s="6">
        <v>-1</v>
      </c>
      <c r="BL2073" s="13">
        <v>-3.2258064516129031E-2</v>
      </c>
      <c r="BM2073" s="11">
        <v>0</v>
      </c>
      <c r="BN2073" s="13">
        <v>0</v>
      </c>
      <c r="BO2073" s="11">
        <v>-1</v>
      </c>
      <c r="BP2073" s="13">
        <v>-3.2258064516129031E-2</v>
      </c>
      <c r="BQ2073" s="6">
        <v>28</v>
      </c>
      <c r="BR2073" s="6">
        <v>28</v>
      </c>
      <c r="BS2073" s="6">
        <v>30</v>
      </c>
      <c r="BT2073" s="6">
        <v>31</v>
      </c>
      <c r="BU2073" s="6">
        <v>32</v>
      </c>
      <c r="BV2073" s="6">
        <v>33</v>
      </c>
      <c r="BW2073" s="6">
        <v>30</v>
      </c>
      <c r="BX2073" s="6">
        <v>29</v>
      </c>
      <c r="BY2073" s="6">
        <v>31</v>
      </c>
      <c r="BZ2073" s="6">
        <v>32</v>
      </c>
      <c r="CA2073" s="6">
        <v>31</v>
      </c>
      <c r="CB2073" s="6">
        <v>31</v>
      </c>
      <c r="CC2073" s="11">
        <v>30</v>
      </c>
      <c r="CD2073" s="11">
        <v>-35</v>
      </c>
      <c r="CE2073" s="11">
        <v>-17</v>
      </c>
      <c r="CF2073" s="11">
        <v>29</v>
      </c>
      <c r="CG2073" s="11">
        <v>12</v>
      </c>
      <c r="CH2073" s="20">
        <v>1</v>
      </c>
      <c r="CI2073" s="20">
        <v>1</v>
      </c>
      <c r="CJ2073" s="20">
        <v>0.92</v>
      </c>
      <c r="CK2073" s="20">
        <v>0.96</v>
      </c>
      <c r="CL2073" s="20">
        <v>0.93</v>
      </c>
      <c r="CM2073" s="20">
        <v>0.95</v>
      </c>
      <c r="CN2073" s="20">
        <v>0.97</v>
      </c>
      <c r="CO2073" s="20">
        <v>0.9</v>
      </c>
      <c r="CP2073" s="20">
        <v>1</v>
      </c>
      <c r="CQ2073" s="20">
        <v>0.93</v>
      </c>
      <c r="CR2073" s="20">
        <v>0.91</v>
      </c>
      <c r="CS2073" s="20">
        <v>0.91</v>
      </c>
      <c r="CT2073" s="20">
        <v>1.02</v>
      </c>
      <c r="CU2073" s="20">
        <v>1.04</v>
      </c>
      <c r="CV2073" s="20">
        <v>1.0900000000000001</v>
      </c>
      <c r="CW2073" s="20">
        <v>1.0900000000000001</v>
      </c>
      <c r="CX2073" s="20">
        <v>1.1100000000000001</v>
      </c>
      <c r="CY2073" s="6" t="s">
        <v>709</v>
      </c>
      <c r="CZ2073" s="6" t="s">
        <v>710</v>
      </c>
      <c r="DA2073" s="6" t="s">
        <v>78</v>
      </c>
      <c r="DB2073" s="6"/>
      <c r="DC2073" s="6"/>
      <c r="DD2073" s="6"/>
      <c r="DE2073" s="6"/>
      <c r="DF2073" s="6"/>
      <c r="DG2073" s="6"/>
      <c r="DH2073" s="6" t="s">
        <v>333</v>
      </c>
      <c r="DI2073" s="6"/>
      <c r="DJ2073" s="6"/>
      <c r="DK2073" s="6"/>
      <c r="DL2073" s="6">
        <v>10</v>
      </c>
      <c r="DM2073" s="6" t="s">
        <v>383</v>
      </c>
      <c r="DN2073" s="6">
        <v>9</v>
      </c>
      <c r="DO2073" s="6" t="s">
        <v>384</v>
      </c>
      <c r="DP2073" s="6"/>
      <c r="DQ2073" s="6"/>
    </row>
    <row r="2074" spans="1:121" x14ac:dyDescent="0.2">
      <c r="A2074" s="6" t="s">
        <v>794</v>
      </c>
      <c r="B2074" s="6" t="s">
        <v>181</v>
      </c>
      <c r="C2074" s="6" t="s">
        <v>182</v>
      </c>
      <c r="D2074" s="6" t="s">
        <v>78</v>
      </c>
      <c r="E2074" s="6" t="s">
        <v>219</v>
      </c>
      <c r="F2074" s="11">
        <v>-28</v>
      </c>
      <c r="G2074" s="13">
        <v>-0.30107526881699997</v>
      </c>
      <c r="H2074" s="11">
        <v>-17.277303758499997</v>
      </c>
      <c r="I2074" s="13">
        <v>-0.1853651476347267</v>
      </c>
      <c r="J2074" s="11">
        <v>-17.799621721400001</v>
      </c>
      <c r="K2074" s="13">
        <v>-0.23442282694862965</v>
      </c>
      <c r="L2074" s="11">
        <v>7.2083690566999934</v>
      </c>
      <c r="M2074" s="13">
        <v>0.12400441962671246</v>
      </c>
      <c r="N2074" s="11">
        <v>-10.591252664700008</v>
      </c>
      <c r="O2074" s="13">
        <v>-0.13948787392493528</v>
      </c>
      <c r="P2074" s="7">
        <v>93.206862125699999</v>
      </c>
      <c r="Q2074" s="7">
        <v>84.411152722699995</v>
      </c>
      <c r="R2074" s="7">
        <v>159.30519161399999</v>
      </c>
      <c r="S2074" s="7">
        <v>152.43046403700001</v>
      </c>
      <c r="T2074" s="7">
        <v>74.942417884099996</v>
      </c>
      <c r="U2074" s="7">
        <v>75.513215868800003</v>
      </c>
      <c r="V2074" s="7">
        <v>75.929558367200002</v>
      </c>
      <c r="W2074" s="7">
        <v>66.995304129900006</v>
      </c>
      <c r="X2074" s="7">
        <v>63.293398017400001</v>
      </c>
      <c r="Y2074" s="7">
        <v>58.129936645800001</v>
      </c>
      <c r="Z2074" s="7">
        <v>180.75670793899999</v>
      </c>
      <c r="AA2074" s="7">
        <v>177.43680442100001</v>
      </c>
      <c r="AB2074" s="7">
        <v>63.335489417300003</v>
      </c>
      <c r="AC2074" s="7">
        <v>62.462982250499998</v>
      </c>
      <c r="AD2074" s="7">
        <v>58.480393082100001</v>
      </c>
      <c r="AE2074" s="7">
        <v>66.249752036999993</v>
      </c>
      <c r="AF2074" s="7">
        <v>65.338305702499994</v>
      </c>
      <c r="AG2074" s="9">
        <v>15883.986435200004</v>
      </c>
      <c r="AH2074" s="13">
        <v>0.55113404846276171</v>
      </c>
      <c r="AI2074" s="9">
        <v>4887.6134789000025</v>
      </c>
      <c r="AJ2074" s="13">
        <v>0.16958779302265267</v>
      </c>
      <c r="AK2074" s="9">
        <v>8763.9294100999978</v>
      </c>
      <c r="AL2074" s="13">
        <v>0.25999427109638407</v>
      </c>
      <c r="AM2074" s="9">
        <v>2232.4435462000038</v>
      </c>
      <c r="AN2074" s="13">
        <v>5.2562597956209794E-2</v>
      </c>
      <c r="AO2074" s="9">
        <v>10996.372956300002</v>
      </c>
      <c r="AP2074" s="13">
        <v>0.3262228433951509</v>
      </c>
      <c r="AQ2074" s="9">
        <v>28820.5500631</v>
      </c>
      <c r="AR2074" s="9">
        <v>26123.206727699999</v>
      </c>
      <c r="AS2074" s="9">
        <v>24433.899594099999</v>
      </c>
      <c r="AT2074" s="9">
        <v>25254.575849699999</v>
      </c>
      <c r="AU2074" s="9">
        <v>30341.018788400001</v>
      </c>
      <c r="AV2074" s="9">
        <v>32822.557696199998</v>
      </c>
      <c r="AW2074" s="9">
        <v>33708.163542000002</v>
      </c>
      <c r="AX2074" s="9">
        <v>34973.926225199997</v>
      </c>
      <c r="AY2074" s="9">
        <v>37577.031105599999</v>
      </c>
      <c r="AZ2074" s="9">
        <v>42472.0929521</v>
      </c>
      <c r="BA2074" s="9">
        <v>28183.942961299999</v>
      </c>
      <c r="BB2074" s="9">
        <v>29990.959170599999</v>
      </c>
      <c r="BC2074" s="9">
        <v>44461.972388900002</v>
      </c>
      <c r="BD2074" s="9">
        <v>44985.439553099997</v>
      </c>
      <c r="BE2074" s="9">
        <v>48854.289439400003</v>
      </c>
      <c r="BF2074" s="9">
        <v>44704.536498300004</v>
      </c>
      <c r="BG2074" s="11">
        <v>-19.5</v>
      </c>
      <c r="BH2074" s="13">
        <v>-0.6964285714285714</v>
      </c>
      <c r="BI2074" s="6">
        <v>-19</v>
      </c>
      <c r="BJ2074" s="13">
        <v>-0.6785714285714286</v>
      </c>
      <c r="BK2074" s="6">
        <v>-2</v>
      </c>
      <c r="BL2074" s="13">
        <v>-0.22222222222222221</v>
      </c>
      <c r="BM2074" s="11">
        <v>1.5</v>
      </c>
      <c r="BN2074" s="13">
        <v>0.21428571428571427</v>
      </c>
      <c r="BO2074" s="11">
        <v>-0.5</v>
      </c>
      <c r="BP2074" s="13">
        <v>-5.5555555555555552E-2</v>
      </c>
      <c r="BQ2074" s="6">
        <v>28</v>
      </c>
      <c r="BR2074" s="6">
        <v>8</v>
      </c>
      <c r="BS2074" s="6">
        <v>9</v>
      </c>
      <c r="BT2074" s="6">
        <v>9</v>
      </c>
      <c r="BU2074" s="6">
        <v>4</v>
      </c>
      <c r="BV2074" s="6">
        <v>6</v>
      </c>
      <c r="BW2074" s="6">
        <v>7</v>
      </c>
      <c r="BX2074" s="6">
        <v>8</v>
      </c>
      <c r="BY2074" s="6">
        <v>9</v>
      </c>
      <c r="BZ2074" s="6">
        <v>7</v>
      </c>
      <c r="CA2074" s="6">
        <v>7</v>
      </c>
      <c r="CB2074" s="6">
        <v>8</v>
      </c>
      <c r="CC2074" s="11">
        <v>8.5</v>
      </c>
      <c r="CD2074" s="11">
        <v>-43.932099999999998</v>
      </c>
      <c r="CE2074" s="11">
        <v>5.87486</v>
      </c>
      <c r="CF2074" s="11">
        <v>10.188599999999999</v>
      </c>
      <c r="CG2074" s="11">
        <v>16</v>
      </c>
      <c r="CH2074" s="20">
        <v>1.17401</v>
      </c>
      <c r="CI2074" s="20">
        <v>1.16326</v>
      </c>
      <c r="CJ2074" s="20">
        <v>2.1704500000000002</v>
      </c>
      <c r="CK2074" s="20">
        <v>2.0766200000000001</v>
      </c>
      <c r="CL2074" s="20">
        <v>0.99605999999999995</v>
      </c>
      <c r="CM2074" s="20">
        <v>0.98784700000000003</v>
      </c>
      <c r="CN2074" s="20">
        <v>0.96607900000000002</v>
      </c>
      <c r="CO2074" s="20">
        <v>0.85178200000000004</v>
      </c>
      <c r="CP2074" s="20">
        <v>0.856236</v>
      </c>
      <c r="CQ2074" s="20">
        <v>0.79560399999999998</v>
      </c>
      <c r="CR2074" s="20">
        <v>2.4617399999999998</v>
      </c>
      <c r="CS2074" s="20">
        <v>2.38558</v>
      </c>
      <c r="CT2074" s="20">
        <v>0.90404200000000001</v>
      </c>
      <c r="CU2074" s="20">
        <v>0.89129999999999998</v>
      </c>
      <c r="CV2074" s="20">
        <v>0.80741200000000002</v>
      </c>
      <c r="CW2074" s="20">
        <v>0.91040399999999999</v>
      </c>
      <c r="CX2074" s="20">
        <v>0.89080899999999996</v>
      </c>
      <c r="CY2074" s="6" t="s">
        <v>709</v>
      </c>
      <c r="CZ2074" s="6" t="s">
        <v>710</v>
      </c>
      <c r="DA2074" s="6" t="s">
        <v>78</v>
      </c>
      <c r="DB2074" s="6"/>
      <c r="DC2074" s="6"/>
      <c r="DD2074" s="6"/>
      <c r="DE2074" s="6"/>
      <c r="DF2074" s="6"/>
      <c r="DG2074" s="6"/>
      <c r="DH2074" s="6" t="s">
        <v>333</v>
      </c>
      <c r="DI2074" s="6"/>
      <c r="DJ2074" s="6"/>
      <c r="DK2074" s="6"/>
      <c r="DL2074" s="6">
        <v>10</v>
      </c>
      <c r="DM2074" s="6" t="s">
        <v>383</v>
      </c>
      <c r="DN2074" s="6">
        <v>9</v>
      </c>
      <c r="DO2074" s="6" t="s">
        <v>384</v>
      </c>
      <c r="DP2074" s="6"/>
      <c r="DQ2074" s="6"/>
    </row>
    <row r="2075" spans="1:121" x14ac:dyDescent="0.2">
      <c r="A2075" s="6" t="s">
        <v>314</v>
      </c>
      <c r="B2075" s="6" t="s">
        <v>314</v>
      </c>
      <c r="C2075" s="6" t="s">
        <v>183</v>
      </c>
      <c r="D2075" s="6" t="s">
        <v>78</v>
      </c>
      <c r="E2075" s="6" t="s">
        <v>219</v>
      </c>
      <c r="F2075" s="11">
        <v>1</v>
      </c>
      <c r="G2075" s="13">
        <v>1</v>
      </c>
      <c r="H2075" s="11">
        <v>6.3451500497000008</v>
      </c>
      <c r="I2075" s="13">
        <v>0.47371967311651803</v>
      </c>
      <c r="J2075" s="11">
        <v>-7.438469790100001</v>
      </c>
      <c r="K2075" s="13">
        <v>-0.37683240899405529</v>
      </c>
      <c r="L2075" s="11">
        <v>-7.3009942595999995</v>
      </c>
      <c r="M2075" s="13">
        <v>-0.59352879169926642</v>
      </c>
      <c r="N2075" s="11">
        <v>-14.7394640497</v>
      </c>
      <c r="O2075" s="13">
        <v>-0.74670031630995637</v>
      </c>
      <c r="P2075" s="7">
        <v>13.394314</v>
      </c>
      <c r="Q2075" s="7">
        <v>5</v>
      </c>
      <c r="R2075" s="7">
        <v>5</v>
      </c>
      <c r="S2075" s="7">
        <v>5</v>
      </c>
      <c r="T2075" s="7">
        <v>12.419097563699999</v>
      </c>
      <c r="U2075" s="7">
        <v>13.596508695900001</v>
      </c>
      <c r="V2075" s="7">
        <v>19.7394640497</v>
      </c>
      <c r="W2075" s="7">
        <v>14.011962</v>
      </c>
      <c r="X2075" s="7">
        <v>10.9940302568</v>
      </c>
      <c r="Y2075" s="7">
        <v>12.300994259599999</v>
      </c>
      <c r="Z2075" s="7">
        <v>10.8886927661</v>
      </c>
      <c r="AA2075" s="7">
        <v>5</v>
      </c>
      <c r="AB2075" s="7">
        <v>10.782190999999999</v>
      </c>
      <c r="AC2075" s="7">
        <v>5</v>
      </c>
      <c r="AD2075" s="7">
        <v>5</v>
      </c>
      <c r="AE2075" s="7">
        <v>5</v>
      </c>
      <c r="AF2075" s="7">
        <v>5</v>
      </c>
      <c r="AG2075" s="9">
        <v>-35113.622220700003</v>
      </c>
      <c r="AH2075" s="13">
        <v>-0.99997152183515692</v>
      </c>
      <c r="AI2075" s="9">
        <v>15665.377447899999</v>
      </c>
      <c r="AJ2075" s="13">
        <v>0.44612120128876936</v>
      </c>
      <c r="AK2075" s="9">
        <v>-12052.364083799999</v>
      </c>
      <c r="AL2075" s="13">
        <v>-0.23734470583804715</v>
      </c>
      <c r="AM2075" s="9">
        <v>-38726.635584800002</v>
      </c>
      <c r="AN2075" s="13">
        <v>-0.9999741786456906</v>
      </c>
      <c r="AO2075" s="9">
        <v>-50778.999668600001</v>
      </c>
      <c r="AP2075" s="13">
        <v>-0.99998030720743347</v>
      </c>
      <c r="AQ2075" s="9">
        <v>35114.622220700003</v>
      </c>
      <c r="AR2075" s="9">
        <v>1</v>
      </c>
      <c r="AS2075" s="9">
        <v>1</v>
      </c>
      <c r="AT2075" s="9">
        <v>1</v>
      </c>
      <c r="AU2075" s="9">
        <v>36765.736868799999</v>
      </c>
      <c r="AV2075" s="9">
        <v>32896.792774100002</v>
      </c>
      <c r="AW2075" s="9">
        <v>50779.999668600001</v>
      </c>
      <c r="AX2075" s="9">
        <v>53435.779300100003</v>
      </c>
      <c r="AY2075" s="9">
        <v>56091.732285799997</v>
      </c>
      <c r="AZ2075" s="9">
        <v>38727.635584800002</v>
      </c>
      <c r="BA2075" s="9">
        <v>42589.546717700003</v>
      </c>
      <c r="BB2075" s="9">
        <v>1</v>
      </c>
      <c r="BC2075" s="9">
        <v>39617.816823100002</v>
      </c>
      <c r="BD2075" s="9">
        <v>1</v>
      </c>
      <c r="BE2075" s="9">
        <v>1</v>
      </c>
      <c r="BF2075" s="9">
        <v>1</v>
      </c>
      <c r="BG2075" s="11">
        <v>1.75</v>
      </c>
      <c r="BH2075" s="13">
        <v>0.58333333333333337</v>
      </c>
      <c r="BI2075" s="6">
        <v>1</v>
      </c>
      <c r="BJ2075" s="13">
        <v>0.33333333333333331</v>
      </c>
      <c r="BK2075" s="6">
        <v>1</v>
      </c>
      <c r="BL2075" s="13">
        <v>0.25</v>
      </c>
      <c r="BM2075" s="11">
        <v>-0.25</v>
      </c>
      <c r="BN2075" s="13">
        <v>-0.05</v>
      </c>
      <c r="BO2075" s="11">
        <v>0.75</v>
      </c>
      <c r="BP2075" s="13">
        <v>0.1875</v>
      </c>
      <c r="BQ2075" s="6">
        <v>3</v>
      </c>
      <c r="BR2075" s="6">
        <v>4</v>
      </c>
      <c r="BS2075" s="6">
        <v>4</v>
      </c>
      <c r="BT2075" s="6">
        <v>4</v>
      </c>
      <c r="BU2075" s="6">
        <v>4</v>
      </c>
      <c r="BV2075" s="6">
        <v>4</v>
      </c>
      <c r="BW2075" s="6">
        <v>5</v>
      </c>
      <c r="BX2075" s="6">
        <v>4</v>
      </c>
      <c r="BY2075" s="6">
        <v>4</v>
      </c>
      <c r="BZ2075" s="6">
        <v>5</v>
      </c>
      <c r="CA2075" s="6">
        <v>5</v>
      </c>
      <c r="CB2075" s="6">
        <v>5</v>
      </c>
      <c r="CC2075" s="11">
        <v>4.75</v>
      </c>
      <c r="CD2075" s="11">
        <v>-1.8075300000000001</v>
      </c>
      <c r="CE2075" s="11">
        <v>-4.1025499999999999</v>
      </c>
      <c r="CF2075" s="11">
        <v>1.4641599999999999</v>
      </c>
      <c r="CG2075" s="11">
        <v>-3</v>
      </c>
      <c r="CH2075" s="20">
        <v>0.21424199999999999</v>
      </c>
      <c r="CI2075" s="20">
        <v>0.110109</v>
      </c>
      <c r="CJ2075" s="20">
        <v>7.0842000000000002E-2</v>
      </c>
      <c r="CK2075" s="20">
        <v>6.4461000000000004E-2</v>
      </c>
      <c r="CL2075" s="20">
        <v>0.243452</v>
      </c>
      <c r="CM2075" s="20">
        <v>0.27015600000000001</v>
      </c>
      <c r="CN2075" s="20">
        <v>0.39020199999999999</v>
      </c>
      <c r="CO2075" s="20">
        <v>0.27918700000000002</v>
      </c>
      <c r="CP2075" s="20">
        <v>0.23197599999999999</v>
      </c>
      <c r="CQ2075" s="20">
        <v>0.26935300000000001</v>
      </c>
      <c r="CR2075" s="20">
        <v>0.24608099999999999</v>
      </c>
      <c r="CS2075" s="20">
        <v>0.22172600000000001</v>
      </c>
      <c r="CT2075" s="20">
        <v>0.26325199999999999</v>
      </c>
      <c r="CU2075" s="20">
        <v>0.245585</v>
      </c>
      <c r="CV2075" s="20">
        <v>0.23788599999999999</v>
      </c>
      <c r="CW2075" s="20">
        <v>0.23380899999999999</v>
      </c>
      <c r="CX2075" s="20">
        <v>0.22617699999999999</v>
      </c>
      <c r="CY2075" s="6" t="s">
        <v>709</v>
      </c>
      <c r="CZ2075" s="6" t="s">
        <v>710</v>
      </c>
      <c r="DA2075" s="6" t="s">
        <v>78</v>
      </c>
      <c r="DB2075" s="6"/>
      <c r="DC2075" s="6"/>
      <c r="DD2075" s="6"/>
      <c r="DE2075" s="6"/>
      <c r="DF2075" s="6"/>
      <c r="DG2075" s="6"/>
      <c r="DH2075" s="6" t="s">
        <v>333</v>
      </c>
      <c r="DI2075" s="6"/>
      <c r="DJ2075" s="6"/>
      <c r="DK2075" s="6"/>
      <c r="DL2075" s="6">
        <v>10</v>
      </c>
      <c r="DM2075" s="6" t="s">
        <v>383</v>
      </c>
      <c r="DN2075" s="6">
        <v>9</v>
      </c>
      <c r="DO2075" s="6" t="s">
        <v>384</v>
      </c>
      <c r="DP2075" s="6"/>
      <c r="DQ2075" s="6"/>
    </row>
    <row r="2076" spans="1:121" x14ac:dyDescent="0.2">
      <c r="A2076" s="6" t="s">
        <v>315</v>
      </c>
      <c r="B2076" s="6" t="s">
        <v>315</v>
      </c>
      <c r="C2076" s="6" t="s">
        <v>184</v>
      </c>
      <c r="D2076" s="6" t="s">
        <v>78</v>
      </c>
      <c r="E2076" s="6" t="s">
        <v>219</v>
      </c>
      <c r="F2076" s="11">
        <v>-30</v>
      </c>
      <c r="G2076" s="13">
        <v>-0.31</v>
      </c>
      <c r="H2076" s="11">
        <v>-1</v>
      </c>
      <c r="I2076" s="13">
        <v>-1.0309278350515464E-2</v>
      </c>
      <c r="J2076" s="11">
        <v>-19</v>
      </c>
      <c r="K2076" s="13">
        <v>-0.19791666666666663</v>
      </c>
      <c r="L2076" s="11">
        <v>-10</v>
      </c>
      <c r="M2076" s="13">
        <v>-0.12987012987012986</v>
      </c>
      <c r="N2076" s="11">
        <v>-29</v>
      </c>
      <c r="O2076" s="13">
        <v>-0.30208333333333331</v>
      </c>
      <c r="P2076" s="7">
        <v>97</v>
      </c>
      <c r="Q2076" s="7">
        <v>99</v>
      </c>
      <c r="R2076" s="7">
        <v>100</v>
      </c>
      <c r="S2076" s="7">
        <v>105</v>
      </c>
      <c r="T2076" s="7">
        <v>104</v>
      </c>
      <c r="U2076" s="7">
        <v>100</v>
      </c>
      <c r="V2076" s="7">
        <v>96</v>
      </c>
      <c r="W2076" s="7">
        <v>94</v>
      </c>
      <c r="X2076" s="7">
        <v>82</v>
      </c>
      <c r="Y2076" s="7">
        <v>77</v>
      </c>
      <c r="Z2076" s="7">
        <v>70</v>
      </c>
      <c r="AA2076" s="7">
        <v>66</v>
      </c>
      <c r="AB2076" s="7">
        <v>66</v>
      </c>
      <c r="AC2076" s="7">
        <v>72</v>
      </c>
      <c r="AD2076" s="7">
        <v>68</v>
      </c>
      <c r="AE2076" s="7">
        <v>68</v>
      </c>
      <c r="AF2076" s="7">
        <v>67</v>
      </c>
      <c r="AG2076" s="9">
        <v>11457</v>
      </c>
      <c r="AH2076" s="13">
        <v>0.3793457386928018</v>
      </c>
      <c r="AI2076" s="9">
        <v>7678</v>
      </c>
      <c r="AJ2076" s="13">
        <v>0.25422157473015033</v>
      </c>
      <c r="AK2076" s="9">
        <v>-4042</v>
      </c>
      <c r="AL2076" s="13">
        <v>-0.10670538542766632</v>
      </c>
      <c r="AM2076" s="9">
        <v>7821</v>
      </c>
      <c r="AN2076" s="13">
        <v>0.2311306814823571</v>
      </c>
      <c r="AO2076" s="9">
        <v>3779</v>
      </c>
      <c r="AP2076" s="13">
        <v>9.9762407602956724E-2</v>
      </c>
      <c r="AQ2076" s="9">
        <v>30202</v>
      </c>
      <c r="AR2076" s="9">
        <v>33012</v>
      </c>
      <c r="AS2076" s="9">
        <v>32397</v>
      </c>
      <c r="AT2076" s="9">
        <v>33818</v>
      </c>
      <c r="AU2076" s="9">
        <v>35060</v>
      </c>
      <c r="AV2076" s="9">
        <v>36906</v>
      </c>
      <c r="AW2076" s="9">
        <v>37880</v>
      </c>
      <c r="AX2076" s="9">
        <v>39517</v>
      </c>
      <c r="AY2076" s="9">
        <v>36123</v>
      </c>
      <c r="AZ2076" s="9">
        <v>33838</v>
      </c>
      <c r="BA2076" s="9">
        <v>36705</v>
      </c>
      <c r="BB2076" s="9">
        <v>35863</v>
      </c>
      <c r="BC2076" s="9">
        <v>36120</v>
      </c>
      <c r="BD2076" s="9">
        <v>39183</v>
      </c>
      <c r="BE2076" s="9">
        <v>41153</v>
      </c>
      <c r="BF2076" s="9">
        <v>41659</v>
      </c>
      <c r="BG2076" s="11">
        <v>-5</v>
      </c>
      <c r="BH2076" s="13">
        <v>-0.29411764705882354</v>
      </c>
      <c r="BI2076" s="6">
        <v>0</v>
      </c>
      <c r="BJ2076" s="13">
        <v>0</v>
      </c>
      <c r="BK2076" s="6">
        <v>-2</v>
      </c>
      <c r="BL2076" s="13">
        <v>-0.11764705882352941</v>
      </c>
      <c r="BM2076" s="11">
        <v>-3</v>
      </c>
      <c r="BN2076" s="13">
        <v>-0.2</v>
      </c>
      <c r="BO2076" s="11">
        <v>-5</v>
      </c>
      <c r="BP2076" s="13">
        <v>-0.29411764705882354</v>
      </c>
      <c r="BQ2076" s="6">
        <v>17</v>
      </c>
      <c r="BR2076" s="6">
        <v>18</v>
      </c>
      <c r="BS2076" s="6">
        <v>17</v>
      </c>
      <c r="BT2076" s="6">
        <v>17</v>
      </c>
      <c r="BU2076" s="6">
        <v>17</v>
      </c>
      <c r="BV2076" s="6">
        <v>16</v>
      </c>
      <c r="BW2076" s="6">
        <v>15</v>
      </c>
      <c r="BX2076" s="6">
        <v>15</v>
      </c>
      <c r="BY2076" s="6">
        <v>14</v>
      </c>
      <c r="BZ2076" s="6">
        <v>13</v>
      </c>
      <c r="CA2076" s="6">
        <v>13</v>
      </c>
      <c r="CB2076" s="6">
        <v>12</v>
      </c>
      <c r="CC2076" s="11">
        <v>12</v>
      </c>
      <c r="CD2076" s="11">
        <v>-34</v>
      </c>
      <c r="CE2076" s="11">
        <v>-8</v>
      </c>
      <c r="CF2076" s="11">
        <v>11</v>
      </c>
      <c r="CG2076" s="11">
        <v>3</v>
      </c>
      <c r="CH2076" s="20">
        <v>0.96</v>
      </c>
      <c r="CI2076" s="20">
        <v>1.04</v>
      </c>
      <c r="CJ2076" s="20">
        <v>1.01</v>
      </c>
      <c r="CK2076" s="20">
        <v>1.07</v>
      </c>
      <c r="CL2076" s="20">
        <v>1.04</v>
      </c>
      <c r="CM2076" s="20">
        <v>1</v>
      </c>
      <c r="CN2076" s="20">
        <v>0.95</v>
      </c>
      <c r="CO2076" s="20">
        <v>0.95</v>
      </c>
      <c r="CP2076" s="20">
        <v>0.86</v>
      </c>
      <c r="CQ2076" s="20">
        <v>0.82</v>
      </c>
      <c r="CR2076" s="20">
        <v>0.76</v>
      </c>
      <c r="CS2076" s="20">
        <v>0.72</v>
      </c>
      <c r="CT2076" s="20">
        <v>0.77</v>
      </c>
      <c r="CU2076" s="20">
        <v>0.86</v>
      </c>
      <c r="CV2076" s="20">
        <v>0.81</v>
      </c>
      <c r="CW2076" s="20">
        <v>0.83</v>
      </c>
      <c r="CX2076" s="20">
        <v>0.81</v>
      </c>
      <c r="CY2076" s="6" t="s">
        <v>709</v>
      </c>
      <c r="CZ2076" s="6" t="s">
        <v>710</v>
      </c>
      <c r="DA2076" s="6" t="s">
        <v>78</v>
      </c>
      <c r="DB2076" s="6"/>
      <c r="DC2076" s="6"/>
      <c r="DD2076" s="6"/>
      <c r="DE2076" s="6"/>
      <c r="DF2076" s="6"/>
      <c r="DG2076" s="6"/>
      <c r="DH2076" s="6" t="s">
        <v>333</v>
      </c>
      <c r="DI2076" s="6"/>
      <c r="DJ2076" s="6"/>
      <c r="DK2076" s="6"/>
      <c r="DL2076" s="6">
        <v>10</v>
      </c>
      <c r="DM2076" s="6" t="s">
        <v>383</v>
      </c>
      <c r="DN2076" s="6">
        <v>9</v>
      </c>
      <c r="DO2076" s="6" t="s">
        <v>384</v>
      </c>
      <c r="DP2076" s="6"/>
      <c r="DQ2076" s="6"/>
    </row>
    <row r="2077" spans="1:121" x14ac:dyDescent="0.2">
      <c r="A2077" s="6" t="s">
        <v>316</v>
      </c>
      <c r="B2077" s="6" t="s">
        <v>316</v>
      </c>
      <c r="C2077" s="6" t="s">
        <v>185</v>
      </c>
      <c r="D2077" s="6" t="s">
        <v>78</v>
      </c>
      <c r="E2077" s="6" t="s">
        <v>219</v>
      </c>
      <c r="F2077" s="11">
        <v>1</v>
      </c>
      <c r="G2077" s="13">
        <v>1</v>
      </c>
      <c r="H2077" s="11">
        <v>-7</v>
      </c>
      <c r="I2077" s="13">
        <v>-0.41176470588235298</v>
      </c>
      <c r="J2077" s="11">
        <v>2</v>
      </c>
      <c r="K2077" s="13">
        <v>0.2</v>
      </c>
      <c r="L2077" s="11">
        <v>-7</v>
      </c>
      <c r="M2077" s="13">
        <v>-0.58333333333333337</v>
      </c>
      <c r="N2077" s="11">
        <v>-5</v>
      </c>
      <c r="O2077" s="13">
        <v>-0.5</v>
      </c>
      <c r="P2077" s="7">
        <v>17</v>
      </c>
      <c r="Q2077" s="7">
        <v>5</v>
      </c>
      <c r="R2077" s="7">
        <v>5</v>
      </c>
      <c r="S2077" s="7">
        <v>11</v>
      </c>
      <c r="T2077" s="7">
        <v>12</v>
      </c>
      <c r="U2077" s="7">
        <v>11</v>
      </c>
      <c r="V2077" s="7">
        <v>10</v>
      </c>
      <c r="W2077" s="7">
        <v>23</v>
      </c>
      <c r="X2077" s="7">
        <v>13</v>
      </c>
      <c r="Y2077" s="7">
        <v>12</v>
      </c>
      <c r="Z2077" s="7">
        <v>5</v>
      </c>
      <c r="AA2077" s="7">
        <v>5</v>
      </c>
      <c r="AB2077" s="7">
        <v>5</v>
      </c>
      <c r="AC2077" s="7">
        <v>5</v>
      </c>
      <c r="AD2077" s="7">
        <v>5</v>
      </c>
      <c r="AE2077" s="7">
        <v>5</v>
      </c>
      <c r="AF2077" s="7">
        <v>5</v>
      </c>
      <c r="AG2077" s="9">
        <v>-11745</v>
      </c>
      <c r="AH2077" s="13">
        <v>-0.99991486463476931</v>
      </c>
      <c r="AI2077" s="9">
        <v>1853</v>
      </c>
      <c r="AJ2077" s="13">
        <v>0.15775583177251831</v>
      </c>
      <c r="AK2077" s="9">
        <v>4479</v>
      </c>
      <c r="AL2077" s="13">
        <v>0.32936245312155304</v>
      </c>
      <c r="AM2077" s="9">
        <v>-18077</v>
      </c>
      <c r="AN2077" s="13">
        <v>-0.99994468414647653</v>
      </c>
      <c r="AO2077" s="9">
        <v>-13598</v>
      </c>
      <c r="AP2077" s="13">
        <v>-0.99992646518126338</v>
      </c>
      <c r="AQ2077" s="9">
        <v>11746</v>
      </c>
      <c r="AR2077" s="9">
        <v>1</v>
      </c>
      <c r="AS2077" s="9">
        <v>1</v>
      </c>
      <c r="AT2077" s="9">
        <v>16019</v>
      </c>
      <c r="AU2077" s="9">
        <v>15295</v>
      </c>
      <c r="AV2077" s="9">
        <v>11896</v>
      </c>
      <c r="AW2077" s="9">
        <v>13599</v>
      </c>
      <c r="AX2077" s="9">
        <v>24631</v>
      </c>
      <c r="AY2077" s="9">
        <v>12852</v>
      </c>
      <c r="AZ2077" s="9">
        <v>18078</v>
      </c>
      <c r="BA2077" s="9">
        <v>1</v>
      </c>
      <c r="BB2077" s="9">
        <v>1</v>
      </c>
      <c r="BC2077" s="9">
        <v>1</v>
      </c>
      <c r="BD2077" s="9">
        <v>1</v>
      </c>
      <c r="BE2077" s="9">
        <v>1</v>
      </c>
      <c r="BF2077" s="9">
        <v>1</v>
      </c>
      <c r="BG2077" s="11">
        <v>-1</v>
      </c>
      <c r="BH2077" s="13">
        <v>-0.25</v>
      </c>
      <c r="BI2077" s="6">
        <v>0</v>
      </c>
      <c r="BJ2077" s="13">
        <v>0</v>
      </c>
      <c r="BK2077" s="6">
        <v>0</v>
      </c>
      <c r="BL2077" s="13">
        <v>0</v>
      </c>
      <c r="BM2077" s="11">
        <v>-1</v>
      </c>
      <c r="BN2077" s="13">
        <v>-0.25</v>
      </c>
      <c r="BO2077" s="11">
        <v>-1</v>
      </c>
      <c r="BP2077" s="13">
        <v>-0.25</v>
      </c>
      <c r="BQ2077" s="6">
        <v>4</v>
      </c>
      <c r="BR2077" s="6">
        <v>4</v>
      </c>
      <c r="BS2077" s="6">
        <v>4</v>
      </c>
      <c r="BT2077" s="6">
        <v>4</v>
      </c>
      <c r="BU2077" s="6">
        <v>4</v>
      </c>
      <c r="BV2077" s="6">
        <v>4</v>
      </c>
      <c r="BW2077" s="6">
        <v>4</v>
      </c>
      <c r="BX2077" s="6">
        <v>4</v>
      </c>
      <c r="BY2077" s="6">
        <v>3</v>
      </c>
      <c r="BZ2077" s="6">
        <v>2</v>
      </c>
      <c r="CA2077" s="6">
        <v>3</v>
      </c>
      <c r="CB2077" s="6">
        <v>3</v>
      </c>
      <c r="CC2077" s="11">
        <v>3</v>
      </c>
      <c r="CD2077" s="11">
        <v>-11</v>
      </c>
      <c r="CE2077" s="11">
        <v>-1</v>
      </c>
      <c r="CF2077" s="11">
        <v>2</v>
      </c>
      <c r="CG2077" s="11">
        <v>1</v>
      </c>
      <c r="CH2077" s="20">
        <v>0.41</v>
      </c>
      <c r="CI2077" s="20">
        <v>0.23</v>
      </c>
      <c r="CJ2077" s="20">
        <v>0.23</v>
      </c>
      <c r="CK2077" s="20">
        <v>0.28000000000000003</v>
      </c>
      <c r="CL2077" s="20">
        <v>0.28000000000000003</v>
      </c>
      <c r="CM2077" s="20">
        <v>0.26</v>
      </c>
      <c r="CN2077" s="20">
        <v>0.23</v>
      </c>
      <c r="CO2077" s="20">
        <v>0.54</v>
      </c>
      <c r="CP2077" s="20">
        <v>0.31</v>
      </c>
      <c r="CQ2077" s="20">
        <v>0.31</v>
      </c>
      <c r="CR2077" s="20">
        <v>0.26</v>
      </c>
      <c r="CS2077" s="20">
        <v>0.2</v>
      </c>
      <c r="CT2077" s="20">
        <v>0.25</v>
      </c>
      <c r="CU2077" s="20">
        <v>0.24</v>
      </c>
      <c r="CV2077" s="20">
        <v>0.23</v>
      </c>
      <c r="CW2077" s="20">
        <v>0.2</v>
      </c>
      <c r="CX2077" s="20">
        <v>0.19</v>
      </c>
      <c r="CY2077" s="6" t="s">
        <v>709</v>
      </c>
      <c r="CZ2077" s="6" t="s">
        <v>710</v>
      </c>
      <c r="DA2077" s="6" t="s">
        <v>78</v>
      </c>
      <c r="DB2077" s="6"/>
      <c r="DC2077" s="6"/>
      <c r="DD2077" s="6"/>
      <c r="DE2077" s="6"/>
      <c r="DF2077" s="6"/>
      <c r="DG2077" s="6"/>
      <c r="DH2077" s="6" t="s">
        <v>333</v>
      </c>
      <c r="DI2077" s="6"/>
      <c r="DJ2077" s="6"/>
      <c r="DK2077" s="6"/>
      <c r="DL2077" s="6">
        <v>10</v>
      </c>
      <c r="DM2077" s="6" t="s">
        <v>383</v>
      </c>
      <c r="DN2077" s="6">
        <v>9</v>
      </c>
      <c r="DO2077" s="6" t="s">
        <v>384</v>
      </c>
      <c r="DP2077" s="6"/>
      <c r="DQ2077" s="6"/>
    </row>
    <row r="2078" spans="1:121" x14ac:dyDescent="0.2">
      <c r="A2078" s="6" t="s">
        <v>317</v>
      </c>
      <c r="B2078" s="6" t="s">
        <v>317</v>
      </c>
      <c r="C2078" s="6" t="s">
        <v>186</v>
      </c>
      <c r="D2078" s="6" t="s">
        <v>78</v>
      </c>
      <c r="E2078" s="6" t="s">
        <v>219</v>
      </c>
      <c r="F2078" s="11">
        <v>1</v>
      </c>
      <c r="G2078" s="13">
        <v>0.02</v>
      </c>
      <c r="H2078" s="11">
        <v>-6</v>
      </c>
      <c r="I2078" s="13">
        <v>-0.11320754716981132</v>
      </c>
      <c r="J2078" s="11">
        <v>10</v>
      </c>
      <c r="K2078" s="13">
        <v>0.21276595744680851</v>
      </c>
      <c r="L2078" s="11">
        <v>-3</v>
      </c>
      <c r="M2078" s="13">
        <v>-5.2631578947368418E-2</v>
      </c>
      <c r="N2078" s="11">
        <v>7</v>
      </c>
      <c r="O2078" s="13">
        <v>0.14893617021276595</v>
      </c>
      <c r="P2078" s="7">
        <v>53</v>
      </c>
      <c r="Q2078" s="7">
        <v>47</v>
      </c>
      <c r="R2078" s="7">
        <v>51</v>
      </c>
      <c r="S2078" s="7">
        <v>53</v>
      </c>
      <c r="T2078" s="7">
        <v>50</v>
      </c>
      <c r="U2078" s="7">
        <v>52</v>
      </c>
      <c r="V2078" s="7">
        <v>47</v>
      </c>
      <c r="W2078" s="7">
        <v>44</v>
      </c>
      <c r="X2078" s="7">
        <v>47</v>
      </c>
      <c r="Y2078" s="7">
        <v>57</v>
      </c>
      <c r="Z2078" s="7">
        <v>53</v>
      </c>
      <c r="AA2078" s="7">
        <v>52</v>
      </c>
      <c r="AB2078" s="7">
        <v>51</v>
      </c>
      <c r="AC2078" s="7">
        <v>53</v>
      </c>
      <c r="AD2078" s="7">
        <v>53</v>
      </c>
      <c r="AE2078" s="7">
        <v>51</v>
      </c>
      <c r="AF2078" s="7">
        <v>54</v>
      </c>
      <c r="AG2078" s="9">
        <v>3295</v>
      </c>
      <c r="AH2078" s="13">
        <v>8.3825175536786423E-2</v>
      </c>
      <c r="AI2078" s="9">
        <v>-6252</v>
      </c>
      <c r="AJ2078" s="13">
        <v>-0.15905159255113463</v>
      </c>
      <c r="AK2078" s="9">
        <v>762</v>
      </c>
      <c r="AL2078" s="13">
        <v>2.3051790900290418E-2</v>
      </c>
      <c r="AM2078" s="9">
        <v>8785</v>
      </c>
      <c r="AN2078" s="13">
        <v>0.25977290200484948</v>
      </c>
      <c r="AO2078" s="9">
        <v>9547</v>
      </c>
      <c r="AP2078" s="13">
        <v>0.28881292352371735</v>
      </c>
      <c r="AQ2078" s="9">
        <v>39308</v>
      </c>
      <c r="AR2078" s="9">
        <v>43586</v>
      </c>
      <c r="AS2078" s="9">
        <v>38714</v>
      </c>
      <c r="AT2078" s="9">
        <v>35574</v>
      </c>
      <c r="AU2078" s="9">
        <v>34053</v>
      </c>
      <c r="AV2078" s="9">
        <v>35531</v>
      </c>
      <c r="AW2078" s="9">
        <v>33056</v>
      </c>
      <c r="AX2078" s="9">
        <v>32583</v>
      </c>
      <c r="AY2078" s="9">
        <v>32414</v>
      </c>
      <c r="AZ2078" s="9">
        <v>33818</v>
      </c>
      <c r="BA2078" s="9">
        <v>34418</v>
      </c>
      <c r="BB2078" s="9">
        <v>35694</v>
      </c>
      <c r="BC2078" s="9">
        <v>31555</v>
      </c>
      <c r="BD2078" s="9">
        <v>38176</v>
      </c>
      <c r="BE2078" s="9">
        <v>42768</v>
      </c>
      <c r="BF2078" s="9">
        <v>42603</v>
      </c>
      <c r="BG2078" s="11">
        <v>4</v>
      </c>
      <c r="BH2078" s="13">
        <v>0.44444444444444442</v>
      </c>
      <c r="BI2078" s="6">
        <v>0</v>
      </c>
      <c r="BJ2078" s="13">
        <v>0</v>
      </c>
      <c r="BK2078" s="6">
        <v>1</v>
      </c>
      <c r="BL2078" s="13">
        <v>0.1111111111111111</v>
      </c>
      <c r="BM2078" s="11">
        <v>3</v>
      </c>
      <c r="BN2078" s="13">
        <v>0.3</v>
      </c>
      <c r="BO2078" s="11">
        <v>4</v>
      </c>
      <c r="BP2078" s="13">
        <v>0.44444444444444442</v>
      </c>
      <c r="BQ2078" s="6">
        <v>9</v>
      </c>
      <c r="BR2078" s="6">
        <v>8</v>
      </c>
      <c r="BS2078" s="6">
        <v>9</v>
      </c>
      <c r="BT2078" s="6">
        <v>9</v>
      </c>
      <c r="BU2078" s="6">
        <v>9</v>
      </c>
      <c r="BV2078" s="6">
        <v>9</v>
      </c>
      <c r="BW2078" s="6">
        <v>10</v>
      </c>
      <c r="BX2078" s="6">
        <v>10</v>
      </c>
      <c r="BY2078" s="6">
        <v>10</v>
      </c>
      <c r="BZ2078" s="6">
        <v>11</v>
      </c>
      <c r="CA2078" s="6">
        <v>12</v>
      </c>
      <c r="CB2078" s="6">
        <v>13</v>
      </c>
      <c r="CC2078" s="11">
        <v>13</v>
      </c>
      <c r="CD2078" s="11">
        <v>-16</v>
      </c>
      <c r="CE2078" s="11">
        <v>11</v>
      </c>
      <c r="CF2078" s="11">
        <v>6</v>
      </c>
      <c r="CG2078" s="11">
        <v>17</v>
      </c>
      <c r="CH2078" s="20">
        <v>0.4</v>
      </c>
      <c r="CI2078" s="20">
        <v>0.38</v>
      </c>
      <c r="CJ2078" s="20">
        <v>0.41</v>
      </c>
      <c r="CK2078" s="20">
        <v>0.42</v>
      </c>
      <c r="CL2078" s="20">
        <v>0.38</v>
      </c>
      <c r="CM2078" s="20">
        <v>0.38</v>
      </c>
      <c r="CN2078" s="20">
        <v>0.33</v>
      </c>
      <c r="CO2078" s="20">
        <v>0.3</v>
      </c>
      <c r="CP2078" s="20">
        <v>0.34</v>
      </c>
      <c r="CQ2078" s="20">
        <v>0.41</v>
      </c>
      <c r="CR2078" s="20">
        <v>0.38</v>
      </c>
      <c r="CS2078" s="20">
        <v>0.37</v>
      </c>
      <c r="CT2078" s="20">
        <v>0.38</v>
      </c>
      <c r="CU2078" s="20">
        <v>0.4</v>
      </c>
      <c r="CV2078" s="20">
        <v>0.39</v>
      </c>
      <c r="CW2078" s="20">
        <v>0.38</v>
      </c>
      <c r="CX2078" s="20">
        <v>0.39</v>
      </c>
      <c r="CY2078" s="6" t="s">
        <v>709</v>
      </c>
      <c r="CZ2078" s="6" t="s">
        <v>710</v>
      </c>
      <c r="DA2078" s="6" t="s">
        <v>78</v>
      </c>
      <c r="DB2078" s="6"/>
      <c r="DC2078" s="6"/>
      <c r="DD2078" s="6"/>
      <c r="DE2078" s="6"/>
      <c r="DF2078" s="6"/>
      <c r="DG2078" s="6"/>
      <c r="DH2078" s="6" t="s">
        <v>333</v>
      </c>
      <c r="DI2078" s="6"/>
      <c r="DJ2078" s="6"/>
      <c r="DK2078" s="6"/>
      <c r="DL2078" s="6">
        <v>10</v>
      </c>
      <c r="DM2078" s="6" t="s">
        <v>383</v>
      </c>
      <c r="DN2078" s="6">
        <v>9</v>
      </c>
      <c r="DO2078" s="6" t="s">
        <v>384</v>
      </c>
      <c r="DP2078" s="6"/>
      <c r="DQ2078" s="6"/>
    </row>
    <row r="2079" spans="1:121" x14ac:dyDescent="0.2">
      <c r="A2079" s="6" t="s">
        <v>318</v>
      </c>
      <c r="B2079" s="6" t="s">
        <v>318</v>
      </c>
      <c r="C2079" s="6" t="s">
        <v>187</v>
      </c>
      <c r="D2079" s="6" t="s">
        <v>78</v>
      </c>
      <c r="E2079" s="6" t="s">
        <v>219</v>
      </c>
      <c r="F2079" s="11">
        <v>-29</v>
      </c>
      <c r="G2079" s="13">
        <v>-1</v>
      </c>
      <c r="H2079" s="11">
        <v>43.810428000000002</v>
      </c>
      <c r="I2079" s="13">
        <v>1.4991346611158962</v>
      </c>
      <c r="J2079" s="11">
        <v>35.248009999999994</v>
      </c>
      <c r="K2079" s="13">
        <v>0.48262308860368885</v>
      </c>
      <c r="L2079" s="11">
        <v>-108.28224899999999</v>
      </c>
      <c r="M2079" s="13">
        <v>-1</v>
      </c>
      <c r="N2079" s="11">
        <v>-73.034238999999999</v>
      </c>
      <c r="O2079" s="13">
        <v>-1</v>
      </c>
      <c r="P2079" s="7">
        <v>29.223811000000001</v>
      </c>
      <c r="Q2079" s="7">
        <v>38.689106000000002</v>
      </c>
      <c r="R2079" s="7">
        <v>17.187338</v>
      </c>
      <c r="S2079" s="7">
        <v>16.216923000000001</v>
      </c>
      <c r="T2079" s="7">
        <v>78.602576999999997</v>
      </c>
      <c r="U2079" s="7">
        <v>73.945922999999993</v>
      </c>
      <c r="V2079" s="7">
        <v>73.034238999999999</v>
      </c>
      <c r="W2079" s="7">
        <v>92.998902999999999</v>
      </c>
      <c r="X2079" s="7">
        <v>107.93722099999999</v>
      </c>
      <c r="Y2079" s="7">
        <v>108.28224899999999</v>
      </c>
      <c r="Z2079" s="7">
        <v>0</v>
      </c>
      <c r="AA2079" s="7">
        <v>0</v>
      </c>
      <c r="AB2079" s="7">
        <v>0</v>
      </c>
      <c r="AC2079" s="7">
        <v>0</v>
      </c>
      <c r="AD2079" s="7">
        <v>0</v>
      </c>
      <c r="AE2079" s="7">
        <v>0</v>
      </c>
      <c r="AF2079" s="7">
        <v>0</v>
      </c>
      <c r="AG2079" s="9">
        <v>-33855.8163088</v>
      </c>
      <c r="AH2079" s="13">
        <v>-1</v>
      </c>
      <c r="AI2079" s="9">
        <v>-12788.137649600001</v>
      </c>
      <c r="AJ2079" s="13">
        <v>-0.37772350644152197</v>
      </c>
      <c r="AK2079" s="9">
        <v>-1987.4033320999988</v>
      </c>
      <c r="AL2079" s="13">
        <v>-9.4334234172122416E-2</v>
      </c>
      <c r="AM2079" s="9">
        <v>-19080.2753271</v>
      </c>
      <c r="AN2079" s="13">
        <v>-1</v>
      </c>
      <c r="AO2079" s="9">
        <v>-21067.678659199999</v>
      </c>
      <c r="AP2079" s="13">
        <v>-1</v>
      </c>
      <c r="AQ2079" s="9">
        <v>33855.8163088</v>
      </c>
      <c r="AR2079" s="9">
        <v>30446.5971885</v>
      </c>
      <c r="AS2079" s="9">
        <v>27585.895585599999</v>
      </c>
      <c r="AT2079" s="9">
        <v>27644.6507576</v>
      </c>
      <c r="AU2079" s="9">
        <v>19618.322876800001</v>
      </c>
      <c r="AV2079" s="9">
        <v>20937.8252894</v>
      </c>
      <c r="AW2079" s="9">
        <v>21067.678659199999</v>
      </c>
      <c r="AX2079" s="9">
        <v>19198.545325499999</v>
      </c>
      <c r="AY2079" s="9">
        <v>20773.0767471</v>
      </c>
      <c r="AZ2079" s="9">
        <v>19080.2753271</v>
      </c>
      <c r="BA2079" s="9">
        <v>0</v>
      </c>
      <c r="BB2079" s="9">
        <v>0</v>
      </c>
      <c r="BC2079" s="9">
        <v>0</v>
      </c>
      <c r="BD2079" s="9">
        <v>0</v>
      </c>
      <c r="BE2079" s="9">
        <v>0</v>
      </c>
      <c r="BF2079" s="9">
        <v>0</v>
      </c>
      <c r="BG2079" s="11">
        <v>-1</v>
      </c>
      <c r="BH2079" s="13">
        <v>-1</v>
      </c>
      <c r="BI2079" s="6">
        <v>0</v>
      </c>
      <c r="BJ2079" s="13">
        <v>0</v>
      </c>
      <c r="BK2079" s="6">
        <v>0</v>
      </c>
      <c r="BL2079" s="13">
        <v>0</v>
      </c>
      <c r="BM2079" s="11">
        <v>-1</v>
      </c>
      <c r="BN2079" s="13">
        <v>-1</v>
      </c>
      <c r="BO2079" s="11">
        <v>-1</v>
      </c>
      <c r="BP2079" s="13">
        <v>-1</v>
      </c>
      <c r="BQ2079" s="6">
        <v>1</v>
      </c>
      <c r="BR2079" s="6">
        <v>1</v>
      </c>
      <c r="BS2079" s="6">
        <v>1</v>
      </c>
      <c r="BT2079" s="6">
        <v>1</v>
      </c>
      <c r="BU2079" s="6">
        <v>1</v>
      </c>
      <c r="BV2079" s="6">
        <v>1</v>
      </c>
      <c r="BW2079" s="6">
        <v>1</v>
      </c>
      <c r="BX2079" s="6">
        <v>0</v>
      </c>
      <c r="BY2079" s="6">
        <v>0</v>
      </c>
      <c r="BZ2079" s="6">
        <v>0</v>
      </c>
      <c r="CA2079" s="6">
        <v>0</v>
      </c>
      <c r="CB2079" s="6">
        <v>0</v>
      </c>
      <c r="CC2079" s="11">
        <v>0</v>
      </c>
      <c r="CD2079" s="11">
        <v>-38.675400000000003</v>
      </c>
      <c r="CE2079" s="11">
        <v>6.2570499999999996</v>
      </c>
      <c r="CF2079" s="11">
        <v>3.1945100000000002</v>
      </c>
      <c r="CG2079" s="11">
        <v>9</v>
      </c>
      <c r="CH2079" s="20">
        <v>1.0071399999999999</v>
      </c>
      <c r="CI2079" s="20">
        <v>1.4337800000000001</v>
      </c>
      <c r="CJ2079" s="20">
        <v>0.63919199999999998</v>
      </c>
      <c r="CK2079" s="20">
        <v>0.60180299999999998</v>
      </c>
      <c r="CL2079" s="20">
        <v>2.83826</v>
      </c>
      <c r="CM2079" s="20">
        <v>2.6301899999999998</v>
      </c>
      <c r="CN2079" s="20">
        <v>2.4964400000000002</v>
      </c>
      <c r="CO2079" s="20">
        <v>3.05932</v>
      </c>
      <c r="CP2079" s="20">
        <v>3.6213299999999999</v>
      </c>
      <c r="CQ2079" s="20">
        <v>3.6303899999999998</v>
      </c>
      <c r="CR2079" s="20">
        <v>0</v>
      </c>
      <c r="CS2079" s="20">
        <v>0</v>
      </c>
      <c r="CT2079" s="20">
        <v>0</v>
      </c>
      <c r="CU2079" s="20">
        <v>0</v>
      </c>
      <c r="CV2079" s="20">
        <v>0</v>
      </c>
      <c r="CW2079" s="20">
        <v>0</v>
      </c>
      <c r="CX2079" s="20">
        <v>0</v>
      </c>
      <c r="CY2079" s="6" t="s">
        <v>709</v>
      </c>
      <c r="CZ2079" s="6" t="s">
        <v>710</v>
      </c>
      <c r="DA2079" s="6" t="s">
        <v>78</v>
      </c>
      <c r="DB2079" s="6"/>
      <c r="DC2079" s="6"/>
      <c r="DD2079" s="6"/>
      <c r="DE2079" s="6"/>
      <c r="DF2079" s="6"/>
      <c r="DG2079" s="6"/>
      <c r="DH2079" s="6" t="s">
        <v>333</v>
      </c>
      <c r="DI2079" s="6"/>
      <c r="DJ2079" s="6"/>
      <c r="DK2079" s="6"/>
      <c r="DL2079" s="6">
        <v>10</v>
      </c>
      <c r="DM2079" s="6" t="s">
        <v>383</v>
      </c>
      <c r="DN2079" s="6">
        <v>9</v>
      </c>
      <c r="DO2079" s="6" t="s">
        <v>384</v>
      </c>
      <c r="DP2079" s="6"/>
      <c r="DQ2079" s="6"/>
    </row>
    <row r="2080" spans="1:121" x14ac:dyDescent="0.2">
      <c r="A2080" s="6" t="s">
        <v>319</v>
      </c>
      <c r="B2080" s="6" t="s">
        <v>319</v>
      </c>
      <c r="C2080" s="6" t="s">
        <v>188</v>
      </c>
      <c r="D2080" s="6" t="s">
        <v>78</v>
      </c>
      <c r="E2080" s="6" t="s">
        <v>219</v>
      </c>
      <c r="F2080" s="11">
        <v>37</v>
      </c>
      <c r="G2080" s="13">
        <v>2.1764705882399999</v>
      </c>
      <c r="H2080" s="11">
        <v>17.130770766200001</v>
      </c>
      <c r="I2080" s="13">
        <v>1.0046579215251827</v>
      </c>
      <c r="J2080" s="11">
        <v>-12.205195953</v>
      </c>
      <c r="K2080" s="13">
        <v>-0.35706377414555923</v>
      </c>
      <c r="L2080" s="11">
        <v>32.372664547100001</v>
      </c>
      <c r="M2080" s="13">
        <v>1.4730299777617717</v>
      </c>
      <c r="N2080" s="11">
        <v>20.167468594100001</v>
      </c>
      <c r="O2080" s="13">
        <v>0.59000056032704495</v>
      </c>
      <c r="P2080" s="7">
        <v>17.051346930299999</v>
      </c>
      <c r="Q2080" s="7">
        <v>15.969024741</v>
      </c>
      <c r="R2080" s="7">
        <v>14.516853081200001</v>
      </c>
      <c r="S2080" s="7">
        <v>15.0667357563</v>
      </c>
      <c r="T2080" s="7">
        <v>18.8456470235</v>
      </c>
      <c r="U2080" s="7">
        <v>20.599889439399998</v>
      </c>
      <c r="V2080" s="7">
        <v>34.182117696500001</v>
      </c>
      <c r="W2080" s="7">
        <v>28.909089844099999</v>
      </c>
      <c r="X2080" s="7">
        <v>18.475944353500001</v>
      </c>
      <c r="Y2080" s="7">
        <v>21.9769217435</v>
      </c>
      <c r="Z2080" s="7">
        <v>30.342240972100001</v>
      </c>
      <c r="AA2080" s="7">
        <v>39.361772373999997</v>
      </c>
      <c r="AB2080" s="7">
        <v>37.1242480931</v>
      </c>
      <c r="AC2080" s="7">
        <v>46.014529721400002</v>
      </c>
      <c r="AD2080" s="7">
        <v>54.7659821843</v>
      </c>
      <c r="AE2080" s="7">
        <v>50.369433032800004</v>
      </c>
      <c r="AF2080" s="7">
        <v>54.349586290600001</v>
      </c>
      <c r="AG2080" s="9">
        <v>-28.424706400001014</v>
      </c>
      <c r="AH2080" s="13">
        <v>-1.5886509271412518E-3</v>
      </c>
      <c r="AI2080" s="9">
        <v>-4129.9949061000007</v>
      </c>
      <c r="AJ2080" s="13">
        <v>-0.23082455608632704</v>
      </c>
      <c r="AK2080" s="9">
        <v>3922.8893514999982</v>
      </c>
      <c r="AL2080" s="13">
        <v>0.28504481189749781</v>
      </c>
      <c r="AM2080" s="9">
        <v>178.68084820000149</v>
      </c>
      <c r="AN2080" s="13">
        <v>1.010338296296074E-2</v>
      </c>
      <c r="AO2080" s="9">
        <v>4101.5701996999996</v>
      </c>
      <c r="AP2080" s="13">
        <v>0.29802811175666405</v>
      </c>
      <c r="AQ2080" s="9">
        <v>17892.355025500001</v>
      </c>
      <c r="AR2080" s="9">
        <v>15671.6306374</v>
      </c>
      <c r="AS2080" s="9">
        <v>13676.394672</v>
      </c>
      <c r="AT2080" s="9">
        <v>15982.198043300001</v>
      </c>
      <c r="AU2080" s="9">
        <v>18616.666625999998</v>
      </c>
      <c r="AV2080" s="9">
        <v>15448.3145632</v>
      </c>
      <c r="AW2080" s="9">
        <v>13762.3601194</v>
      </c>
      <c r="AX2080" s="9">
        <v>16653.8298565</v>
      </c>
      <c r="AY2080" s="9">
        <v>16320.2229434</v>
      </c>
      <c r="AZ2080" s="9">
        <v>17685.249470899998</v>
      </c>
      <c r="BA2080" s="9">
        <v>16382.118068600001</v>
      </c>
      <c r="BB2080" s="9">
        <v>15174.818394800001</v>
      </c>
      <c r="BC2080" s="9">
        <v>18761.0364739</v>
      </c>
      <c r="BD2080" s="9">
        <v>17316.384286500001</v>
      </c>
      <c r="BE2080" s="9">
        <v>19772.784996300001</v>
      </c>
      <c r="BF2080" s="9">
        <v>17863.9303191</v>
      </c>
      <c r="BG2080" s="11">
        <v>5.75</v>
      </c>
      <c r="BH2080" s="13">
        <v>2.875</v>
      </c>
      <c r="BI2080" s="6">
        <v>4</v>
      </c>
      <c r="BJ2080" s="13">
        <v>2</v>
      </c>
      <c r="BK2080" s="6">
        <v>-2</v>
      </c>
      <c r="BL2080" s="13">
        <v>-0.33333333333333331</v>
      </c>
      <c r="BM2080" s="11">
        <v>3.75</v>
      </c>
      <c r="BN2080" s="13">
        <v>0.9375</v>
      </c>
      <c r="BO2080" s="11">
        <v>1.75</v>
      </c>
      <c r="BP2080" s="13">
        <v>0.29166666666666669</v>
      </c>
      <c r="BQ2080" s="6">
        <v>2</v>
      </c>
      <c r="BR2080" s="6">
        <v>3</v>
      </c>
      <c r="BS2080" s="6">
        <v>5</v>
      </c>
      <c r="BT2080" s="6">
        <v>6</v>
      </c>
      <c r="BU2080" s="6">
        <v>6</v>
      </c>
      <c r="BV2080" s="6">
        <v>5</v>
      </c>
      <c r="BW2080" s="6">
        <v>4</v>
      </c>
      <c r="BX2080" s="6">
        <v>5</v>
      </c>
      <c r="BY2080" s="6">
        <v>5</v>
      </c>
      <c r="BZ2080" s="6">
        <v>6</v>
      </c>
      <c r="CA2080" s="6">
        <v>7</v>
      </c>
      <c r="CB2080" s="6">
        <v>8</v>
      </c>
      <c r="CC2080" s="11">
        <v>7.75</v>
      </c>
      <c r="CD2080" s="11">
        <v>33.900199999999998</v>
      </c>
      <c r="CE2080" s="11">
        <v>1.5341499999999999</v>
      </c>
      <c r="CF2080" s="11">
        <v>1.86392</v>
      </c>
      <c r="CG2080" s="11">
        <v>4</v>
      </c>
      <c r="CH2080" s="20">
        <v>0.119798</v>
      </c>
      <c r="CI2080" s="20">
        <v>0.11946900000000001</v>
      </c>
      <c r="CJ2080" s="20">
        <v>0.10705099999999999</v>
      </c>
      <c r="CK2080" s="20">
        <v>0.109571</v>
      </c>
      <c r="CL2080" s="20">
        <v>0.13241700000000001</v>
      </c>
      <c r="CM2080" s="20">
        <v>0.141928</v>
      </c>
      <c r="CN2080" s="20">
        <v>0.231073</v>
      </c>
      <c r="CO2080" s="20">
        <v>0.20266300000000001</v>
      </c>
      <c r="CP2080" s="20">
        <v>0.142206</v>
      </c>
      <c r="CQ2080" s="20">
        <v>0.16430700000000001</v>
      </c>
      <c r="CR2080" s="20">
        <v>0.22328100000000001</v>
      </c>
      <c r="CS2080" s="20">
        <v>0.28299099999999999</v>
      </c>
      <c r="CT2080" s="20">
        <v>0.28032099999999999</v>
      </c>
      <c r="CU2080" s="20">
        <v>0.34801300000000002</v>
      </c>
      <c r="CV2080" s="20">
        <v>0.40971000000000002</v>
      </c>
      <c r="CW2080" s="20">
        <v>0.37836500000000001</v>
      </c>
      <c r="CX2080" s="20">
        <v>0.40402900000000003</v>
      </c>
      <c r="CY2080" s="6" t="s">
        <v>709</v>
      </c>
      <c r="CZ2080" s="6" t="s">
        <v>710</v>
      </c>
      <c r="DA2080" s="6" t="s">
        <v>78</v>
      </c>
      <c r="DB2080" s="6"/>
      <c r="DC2080" s="6"/>
      <c r="DD2080" s="6"/>
      <c r="DE2080" s="6"/>
      <c r="DF2080" s="6"/>
      <c r="DG2080" s="6"/>
      <c r="DH2080" s="6" t="s">
        <v>333</v>
      </c>
      <c r="DI2080" s="6"/>
      <c r="DJ2080" s="6"/>
      <c r="DK2080" s="6"/>
      <c r="DL2080" s="6">
        <v>10</v>
      </c>
      <c r="DM2080" s="6" t="s">
        <v>383</v>
      </c>
      <c r="DN2080" s="6">
        <v>9</v>
      </c>
      <c r="DO2080" s="6" t="s">
        <v>384</v>
      </c>
      <c r="DP2080" s="6"/>
      <c r="DQ2080" s="6"/>
    </row>
    <row r="2081" spans="1:121" x14ac:dyDescent="0.2">
      <c r="A2081" s="6" t="s">
        <v>320</v>
      </c>
      <c r="B2081" s="6" t="s">
        <v>320</v>
      </c>
      <c r="C2081" s="6" t="s">
        <v>189</v>
      </c>
      <c r="D2081" s="6" t="s">
        <v>78</v>
      </c>
      <c r="E2081" s="6" t="s">
        <v>219</v>
      </c>
      <c r="F2081" s="11">
        <v>1</v>
      </c>
      <c r="G2081" s="13">
        <v>1</v>
      </c>
      <c r="H2081" s="11">
        <v>0</v>
      </c>
      <c r="I2081" s="13">
        <v>0</v>
      </c>
      <c r="J2081" s="11">
        <v>0</v>
      </c>
      <c r="K2081" s="13">
        <v>0</v>
      </c>
      <c r="L2081" s="11">
        <v>35.633904828399999</v>
      </c>
      <c r="M2081" s="13">
        <v>7.1267809656800001</v>
      </c>
      <c r="N2081" s="11">
        <v>35.633904828399999</v>
      </c>
      <c r="O2081" s="13">
        <v>7.1267809656800001</v>
      </c>
      <c r="P2081" s="7">
        <v>5</v>
      </c>
      <c r="Q2081" s="7">
        <v>5</v>
      </c>
      <c r="R2081" s="7">
        <v>5</v>
      </c>
      <c r="S2081" s="7">
        <v>5</v>
      </c>
      <c r="T2081" s="7">
        <v>5</v>
      </c>
      <c r="U2081" s="7">
        <v>5</v>
      </c>
      <c r="V2081" s="7">
        <v>5</v>
      </c>
      <c r="W2081" s="7">
        <v>5</v>
      </c>
      <c r="X2081" s="7">
        <v>0</v>
      </c>
      <c r="Y2081" s="7">
        <v>5</v>
      </c>
      <c r="Z2081" s="7">
        <v>18.542418842299998</v>
      </c>
      <c r="AA2081" s="7">
        <v>22.527514533000002</v>
      </c>
      <c r="AB2081" s="7">
        <v>32.060036573200001</v>
      </c>
      <c r="AC2081" s="7">
        <v>34.571969476900001</v>
      </c>
      <c r="AD2081" s="7">
        <v>32.194154828400002</v>
      </c>
      <c r="AE2081" s="7">
        <v>36.1680013788</v>
      </c>
      <c r="AF2081" s="7">
        <v>40.633904828399999</v>
      </c>
      <c r="AG2081" s="9">
        <v>33076.775244700002</v>
      </c>
      <c r="AH2081" s="13">
        <v>33076.775244700002</v>
      </c>
      <c r="AI2081" s="9">
        <v>0</v>
      </c>
      <c r="AJ2081" s="13">
        <v>0</v>
      </c>
      <c r="AK2081" s="9">
        <v>0</v>
      </c>
      <c r="AL2081" s="13">
        <v>0</v>
      </c>
      <c r="AM2081" s="9">
        <v>33076.775244700002</v>
      </c>
      <c r="AN2081" s="13">
        <v>33076.775244700002</v>
      </c>
      <c r="AO2081" s="9">
        <v>33076.775244700002</v>
      </c>
      <c r="AP2081" s="13">
        <v>33076.775244700002</v>
      </c>
      <c r="AQ2081" s="9">
        <v>1</v>
      </c>
      <c r="AR2081" s="9">
        <v>1</v>
      </c>
      <c r="AS2081" s="9">
        <v>1</v>
      </c>
      <c r="AT2081" s="9">
        <v>1</v>
      </c>
      <c r="AU2081" s="9">
        <v>1</v>
      </c>
      <c r="AV2081" s="9">
        <v>1</v>
      </c>
      <c r="AW2081" s="9">
        <v>1</v>
      </c>
      <c r="AX2081" s="9">
        <v>1</v>
      </c>
      <c r="AY2081" s="9">
        <v>0</v>
      </c>
      <c r="AZ2081" s="9">
        <v>1</v>
      </c>
      <c r="BA2081" s="9">
        <v>45522.491647299998</v>
      </c>
      <c r="BB2081" s="9">
        <v>39890.174772300001</v>
      </c>
      <c r="BC2081" s="9">
        <v>33781.657867900001</v>
      </c>
      <c r="BD2081" s="9">
        <v>31758.975473400002</v>
      </c>
      <c r="BE2081" s="9">
        <v>35085.189625999999</v>
      </c>
      <c r="BF2081" s="9">
        <v>33077.775244700002</v>
      </c>
      <c r="BG2081" s="11">
        <v>1</v>
      </c>
      <c r="BH2081" s="13" t="e">
        <v>#DIV/0!</v>
      </c>
      <c r="BI2081" s="6">
        <v>0</v>
      </c>
      <c r="BJ2081" s="13" t="e">
        <v>#DIV/0!</v>
      </c>
      <c r="BK2081" s="6">
        <v>1</v>
      </c>
      <c r="BL2081" s="13" t="e">
        <v>#DIV/0!</v>
      </c>
      <c r="BM2081" s="11">
        <v>0</v>
      </c>
      <c r="BN2081" s="13">
        <v>0</v>
      </c>
      <c r="BO2081" s="11">
        <v>1</v>
      </c>
      <c r="BP2081" s="13" t="e">
        <v>#DIV/0!</v>
      </c>
      <c r="BQ2081" s="6">
        <v>0</v>
      </c>
      <c r="BR2081" s="6">
        <v>0</v>
      </c>
      <c r="BS2081" s="6">
        <v>0</v>
      </c>
      <c r="BT2081" s="6">
        <v>0</v>
      </c>
      <c r="BU2081" s="6">
        <v>0</v>
      </c>
      <c r="BV2081" s="6">
        <v>0</v>
      </c>
      <c r="BW2081" s="6">
        <v>1</v>
      </c>
      <c r="BX2081" s="6">
        <v>1</v>
      </c>
      <c r="BY2081" s="6">
        <v>1</v>
      </c>
      <c r="BZ2081" s="6">
        <v>1</v>
      </c>
      <c r="CA2081" s="6">
        <v>1</v>
      </c>
      <c r="CB2081" s="6">
        <v>1</v>
      </c>
      <c r="CC2081" s="11">
        <v>1</v>
      </c>
      <c r="CD2081" s="11">
        <v>34.5717</v>
      </c>
      <c r="CE2081" s="11">
        <v>1.49186</v>
      </c>
      <c r="CF2081" s="11">
        <v>0.45036100000000001</v>
      </c>
      <c r="CG2081" s="11">
        <v>1</v>
      </c>
      <c r="CH2081" s="20">
        <v>8.6760500000000004E-2</v>
      </c>
      <c r="CI2081" s="20">
        <v>0.108099</v>
      </c>
      <c r="CJ2081" s="20">
        <v>9.25903E-2</v>
      </c>
      <c r="CK2081" s="20">
        <v>7.5776300000000005E-2</v>
      </c>
      <c r="CL2081" s="20">
        <v>9.0336799999999995E-2</v>
      </c>
      <c r="CM2081" s="20">
        <v>9.1143000000000002E-2</v>
      </c>
      <c r="CN2081" s="20">
        <v>2.82981E-2</v>
      </c>
      <c r="CO2081" s="20">
        <v>9.7196000000000001E-3</v>
      </c>
      <c r="CP2081" s="20">
        <v>0</v>
      </c>
      <c r="CQ2081" s="20">
        <v>6.4896800000000004E-2</v>
      </c>
      <c r="CR2081" s="20">
        <v>0.31933699999999998</v>
      </c>
      <c r="CS2081" s="20">
        <v>0.38269999999999998</v>
      </c>
      <c r="CT2081" s="20">
        <v>0.57949200000000001</v>
      </c>
      <c r="CU2081" s="20">
        <v>0.633409</v>
      </c>
      <c r="CV2081" s="20">
        <v>0.58975599999999995</v>
      </c>
      <c r="CW2081" s="20">
        <v>0.66613599999999995</v>
      </c>
      <c r="CX2081" s="20">
        <v>0.73795200000000005</v>
      </c>
      <c r="CY2081" s="6" t="s">
        <v>709</v>
      </c>
      <c r="CZ2081" s="6" t="s">
        <v>710</v>
      </c>
      <c r="DA2081" s="6" t="s">
        <v>78</v>
      </c>
      <c r="DB2081" s="6"/>
      <c r="DC2081" s="6"/>
      <c r="DD2081" s="6"/>
      <c r="DE2081" s="6"/>
      <c r="DF2081" s="6"/>
      <c r="DG2081" s="6"/>
      <c r="DH2081" s="6" t="s">
        <v>333</v>
      </c>
      <c r="DI2081" s="6"/>
      <c r="DJ2081" s="6"/>
      <c r="DK2081" s="6"/>
      <c r="DL2081" s="6">
        <v>10</v>
      </c>
      <c r="DM2081" s="6" t="s">
        <v>383</v>
      </c>
      <c r="DN2081" s="6">
        <v>9</v>
      </c>
      <c r="DO2081" s="6" t="s">
        <v>384</v>
      </c>
      <c r="DP2081" s="6"/>
      <c r="DQ2081" s="6"/>
    </row>
    <row r="2082" spans="1:121" x14ac:dyDescent="0.2">
      <c r="A2082" s="6" t="s">
        <v>321</v>
      </c>
      <c r="B2082" s="6" t="s">
        <v>321</v>
      </c>
      <c r="C2082" s="6" t="s">
        <v>190</v>
      </c>
      <c r="D2082" s="6" t="s">
        <v>78</v>
      </c>
      <c r="E2082" s="6" t="s">
        <v>219</v>
      </c>
      <c r="F2082" s="11">
        <v>-39</v>
      </c>
      <c r="G2082" s="13">
        <v>-0.26</v>
      </c>
      <c r="H2082" s="11">
        <v>-34.724592947000005</v>
      </c>
      <c r="I2082" s="13">
        <v>-0.23180456986794967</v>
      </c>
      <c r="J2082" s="11">
        <v>23.609710804000017</v>
      </c>
      <c r="K2082" s="13">
        <v>0.20516523791282895</v>
      </c>
      <c r="L2082" s="11">
        <v>-27.667952204000017</v>
      </c>
      <c r="M2082" s="13">
        <v>-0.19950028995387489</v>
      </c>
      <c r="N2082" s="11">
        <v>-4.0582414</v>
      </c>
      <c r="O2082" s="13">
        <v>-3.526557649311101E-2</v>
      </c>
      <c r="P2082" s="7">
        <v>149.801157789</v>
      </c>
      <c r="Q2082" s="7">
        <v>139.485936802</v>
      </c>
      <c r="R2082" s="7">
        <v>139.02699768400001</v>
      </c>
      <c r="S2082" s="7">
        <v>118.425932991</v>
      </c>
      <c r="T2082" s="7">
        <v>129.91874791999999</v>
      </c>
      <c r="U2082" s="7">
        <v>124.996055494</v>
      </c>
      <c r="V2082" s="7">
        <v>115.076564842</v>
      </c>
      <c r="W2082" s="7">
        <v>132.80005511100001</v>
      </c>
      <c r="X2082" s="7">
        <v>130.66903023899999</v>
      </c>
      <c r="Y2082" s="7">
        <v>138.68627564600001</v>
      </c>
      <c r="Z2082" s="7">
        <v>114.526436641</v>
      </c>
      <c r="AA2082" s="7">
        <v>146.04856456300001</v>
      </c>
      <c r="AB2082" s="7">
        <v>120.35875989</v>
      </c>
      <c r="AC2082" s="7">
        <v>124.813646195</v>
      </c>
      <c r="AD2082" s="7">
        <v>118.026071227</v>
      </c>
      <c r="AE2082" s="7">
        <v>113.334253577</v>
      </c>
      <c r="AF2082" s="7">
        <v>111.018323442</v>
      </c>
      <c r="AG2082" s="9">
        <v>8084.025654699999</v>
      </c>
      <c r="AH2082" s="13">
        <v>0.48177747533190207</v>
      </c>
      <c r="AI2082" s="9">
        <v>1972.7100172999999</v>
      </c>
      <c r="AJ2082" s="13">
        <v>0.11756608554850222</v>
      </c>
      <c r="AK2082" s="9">
        <v>2627.2127853999991</v>
      </c>
      <c r="AL2082" s="13">
        <v>0.14010087362688986</v>
      </c>
      <c r="AM2082" s="9">
        <v>3484.102852</v>
      </c>
      <c r="AN2082" s="13">
        <v>0.16296460303217997</v>
      </c>
      <c r="AO2082" s="9">
        <v>6111.3156373999991</v>
      </c>
      <c r="AP2082" s="13">
        <v>0.32589695991413753</v>
      </c>
      <c r="AQ2082" s="9">
        <v>16779.584079</v>
      </c>
      <c r="AR2082" s="9">
        <v>15877.2045186</v>
      </c>
      <c r="AS2082" s="9">
        <v>17115.6628695</v>
      </c>
      <c r="AT2082" s="9">
        <v>17293.4985304</v>
      </c>
      <c r="AU2082" s="9">
        <v>18853.702214500001</v>
      </c>
      <c r="AV2082" s="9">
        <v>19553.127524399999</v>
      </c>
      <c r="AW2082" s="9">
        <v>18752.2940963</v>
      </c>
      <c r="AX2082" s="9">
        <v>19175.826274999999</v>
      </c>
      <c r="AY2082" s="9">
        <v>20540.243202900001</v>
      </c>
      <c r="AZ2082" s="9">
        <v>21379.506881699999</v>
      </c>
      <c r="BA2082" s="9">
        <v>17658.752093999999</v>
      </c>
      <c r="BB2082" s="9">
        <v>19561.0592105</v>
      </c>
      <c r="BC2082" s="9">
        <v>20463.6345865</v>
      </c>
      <c r="BD2082" s="9">
        <v>20259.4433059</v>
      </c>
      <c r="BE2082" s="9">
        <v>22554.981174</v>
      </c>
      <c r="BF2082" s="9">
        <v>24863.609733699999</v>
      </c>
      <c r="BG2082" s="11">
        <v>10.25</v>
      </c>
      <c r="BH2082" s="13">
        <v>1.0249999999999999</v>
      </c>
      <c r="BI2082" s="6">
        <v>-3</v>
      </c>
      <c r="BJ2082" s="13">
        <v>-0.3</v>
      </c>
      <c r="BK2082" s="6">
        <v>1</v>
      </c>
      <c r="BL2082" s="13">
        <v>0.14285714285714285</v>
      </c>
      <c r="BM2082" s="11">
        <v>12.25</v>
      </c>
      <c r="BN2082" s="13">
        <v>1.53125</v>
      </c>
      <c r="BO2082" s="11">
        <v>13.25</v>
      </c>
      <c r="BP2082" s="13">
        <v>1.8928571428571428</v>
      </c>
      <c r="BQ2082" s="6">
        <v>10</v>
      </c>
      <c r="BR2082" s="6">
        <v>7</v>
      </c>
      <c r="BS2082" s="6">
        <v>7</v>
      </c>
      <c r="BT2082" s="6">
        <v>7</v>
      </c>
      <c r="BU2082" s="6">
        <v>7</v>
      </c>
      <c r="BV2082" s="6">
        <v>7</v>
      </c>
      <c r="BW2082" s="6">
        <v>8</v>
      </c>
      <c r="BX2082" s="6">
        <v>9</v>
      </c>
      <c r="BY2082" s="6">
        <v>11</v>
      </c>
      <c r="BZ2082" s="6">
        <v>21</v>
      </c>
      <c r="CA2082" s="6">
        <v>24</v>
      </c>
      <c r="CB2082" s="6">
        <v>23</v>
      </c>
      <c r="CC2082" s="11">
        <v>20.25</v>
      </c>
      <c r="CD2082" s="11">
        <v>-109.71</v>
      </c>
      <c r="CE2082" s="11">
        <v>54.552599999999998</v>
      </c>
      <c r="CF2082" s="11">
        <v>16.3751</v>
      </c>
      <c r="CG2082" s="11">
        <v>71</v>
      </c>
      <c r="CH2082" s="20">
        <v>0.63874900000000001</v>
      </c>
      <c r="CI2082" s="20">
        <v>0.609626</v>
      </c>
      <c r="CJ2082" s="20">
        <v>0.58063299999999995</v>
      </c>
      <c r="CK2082" s="20">
        <v>0.49378699999999998</v>
      </c>
      <c r="CL2082" s="20">
        <v>0.529312</v>
      </c>
      <c r="CM2082" s="20">
        <v>0.50021499999999997</v>
      </c>
      <c r="CN2082" s="20">
        <v>0.44381799999999999</v>
      </c>
      <c r="CO2082" s="20">
        <v>0.49531199999999997</v>
      </c>
      <c r="CP2082" s="20">
        <v>0.47735699999999998</v>
      </c>
      <c r="CQ2082" s="20">
        <v>0.498942</v>
      </c>
      <c r="CR2082" s="20">
        <v>0.41580499999999998</v>
      </c>
      <c r="CS2082" s="20">
        <v>0.51443899999999998</v>
      </c>
      <c r="CT2082" s="20">
        <v>0.44870500000000002</v>
      </c>
      <c r="CU2082" s="20">
        <v>0.47261999999999998</v>
      </c>
      <c r="CV2082" s="20">
        <v>0.44239600000000001</v>
      </c>
      <c r="CW2082" s="20">
        <v>0.42453999999999997</v>
      </c>
      <c r="CX2082" s="20">
        <v>0.40767300000000001</v>
      </c>
      <c r="CY2082" s="6" t="s">
        <v>709</v>
      </c>
      <c r="CZ2082" s="6" t="s">
        <v>710</v>
      </c>
      <c r="DA2082" s="6" t="s">
        <v>78</v>
      </c>
      <c r="DB2082" s="6"/>
      <c r="DC2082" s="6"/>
      <c r="DD2082" s="6"/>
      <c r="DE2082" s="6"/>
      <c r="DF2082" s="6"/>
      <c r="DG2082" s="6"/>
      <c r="DH2082" s="6" t="s">
        <v>333</v>
      </c>
      <c r="DI2082" s="6"/>
      <c r="DJ2082" s="6"/>
      <c r="DK2082" s="6"/>
      <c r="DL2082" s="6">
        <v>10</v>
      </c>
      <c r="DM2082" s="6" t="s">
        <v>383</v>
      </c>
      <c r="DN2082" s="6">
        <v>9</v>
      </c>
      <c r="DO2082" s="6" t="s">
        <v>384</v>
      </c>
      <c r="DP2082" s="6"/>
      <c r="DQ2082" s="6"/>
    </row>
    <row r="2083" spans="1:121" x14ac:dyDescent="0.2">
      <c r="A2083" s="6" t="s">
        <v>322</v>
      </c>
      <c r="B2083" s="6" t="s">
        <v>322</v>
      </c>
      <c r="C2083" s="6" t="s">
        <v>191</v>
      </c>
      <c r="D2083" s="6" t="s">
        <v>78</v>
      </c>
      <c r="E2083" s="6" t="s">
        <v>219</v>
      </c>
      <c r="F2083" s="11">
        <v>1</v>
      </c>
      <c r="G2083" s="13">
        <v>1</v>
      </c>
      <c r="H2083" s="11">
        <v>6</v>
      </c>
      <c r="I2083" s="13">
        <v>1.2</v>
      </c>
      <c r="J2083" s="11">
        <v>0</v>
      </c>
      <c r="K2083" s="13">
        <v>0</v>
      </c>
      <c r="L2083" s="11">
        <v>-6</v>
      </c>
      <c r="M2083" s="13">
        <v>-0.54545454545454541</v>
      </c>
      <c r="N2083" s="11">
        <v>-6</v>
      </c>
      <c r="O2083" s="13">
        <v>-0.54545454545454541</v>
      </c>
      <c r="P2083" s="7">
        <v>5</v>
      </c>
      <c r="Q2083" s="7">
        <v>5</v>
      </c>
      <c r="R2083" s="7">
        <v>5</v>
      </c>
      <c r="S2083" s="7">
        <v>11</v>
      </c>
      <c r="T2083" s="7">
        <v>11</v>
      </c>
      <c r="U2083" s="7">
        <v>10</v>
      </c>
      <c r="V2083" s="7">
        <v>11</v>
      </c>
      <c r="W2083" s="7">
        <v>17</v>
      </c>
      <c r="X2083" s="7">
        <v>17</v>
      </c>
      <c r="Y2083" s="7">
        <v>11</v>
      </c>
      <c r="Z2083" s="7">
        <v>5</v>
      </c>
      <c r="AA2083" s="7">
        <v>5</v>
      </c>
      <c r="AB2083" s="7">
        <v>5</v>
      </c>
      <c r="AC2083" s="7">
        <v>5</v>
      </c>
      <c r="AD2083" s="7">
        <v>5</v>
      </c>
      <c r="AE2083" s="7">
        <v>5</v>
      </c>
      <c r="AF2083" s="7">
        <v>5</v>
      </c>
      <c r="AG2083" s="9">
        <v>0</v>
      </c>
      <c r="AH2083" s="13">
        <v>0</v>
      </c>
      <c r="AI2083" s="9">
        <v>9654</v>
      </c>
      <c r="AJ2083" s="13">
        <v>9654</v>
      </c>
      <c r="AK2083" s="9">
        <v>787</v>
      </c>
      <c r="AL2083" s="13">
        <v>8.1512169860176079E-2</v>
      </c>
      <c r="AM2083" s="9">
        <v>-10441</v>
      </c>
      <c r="AN2083" s="13">
        <v>-0.99990423290557362</v>
      </c>
      <c r="AO2083" s="9">
        <v>-9654</v>
      </c>
      <c r="AP2083" s="13">
        <v>-0.99989642672190571</v>
      </c>
      <c r="AQ2083" s="9">
        <v>1</v>
      </c>
      <c r="AR2083" s="9">
        <v>1</v>
      </c>
      <c r="AS2083" s="9">
        <v>1</v>
      </c>
      <c r="AT2083" s="9">
        <v>7593</v>
      </c>
      <c r="AU2083" s="9">
        <v>8158</v>
      </c>
      <c r="AV2083" s="9">
        <v>7261</v>
      </c>
      <c r="AW2083" s="9">
        <v>9655</v>
      </c>
      <c r="AX2083" s="9">
        <v>6151</v>
      </c>
      <c r="AY2083" s="9">
        <v>7853</v>
      </c>
      <c r="AZ2083" s="9">
        <v>10442</v>
      </c>
      <c r="BA2083" s="9">
        <v>1</v>
      </c>
      <c r="BB2083" s="9">
        <v>1</v>
      </c>
      <c r="BC2083" s="9">
        <v>1</v>
      </c>
      <c r="BD2083" s="9">
        <v>1</v>
      </c>
      <c r="BE2083" s="9">
        <v>1</v>
      </c>
      <c r="BF2083" s="9">
        <v>1</v>
      </c>
      <c r="BG2083" s="11">
        <v>-2</v>
      </c>
      <c r="BH2083" s="13">
        <v>-0.66666666666666663</v>
      </c>
      <c r="BI2083" s="6">
        <v>-1</v>
      </c>
      <c r="BJ2083" s="13">
        <v>-0.33333333333333331</v>
      </c>
      <c r="BK2083" s="6">
        <v>-1</v>
      </c>
      <c r="BL2083" s="13">
        <v>-0.5</v>
      </c>
      <c r="BM2083" s="11">
        <v>0</v>
      </c>
      <c r="BN2083" s="13">
        <v>0</v>
      </c>
      <c r="BO2083" s="11">
        <v>-1</v>
      </c>
      <c r="BP2083" s="13">
        <v>-0.5</v>
      </c>
      <c r="BQ2083" s="6">
        <v>3</v>
      </c>
      <c r="BR2083" s="6">
        <v>3</v>
      </c>
      <c r="BS2083" s="6">
        <v>2</v>
      </c>
      <c r="BT2083" s="6">
        <v>2</v>
      </c>
      <c r="BU2083" s="6">
        <v>2</v>
      </c>
      <c r="BV2083" s="6">
        <v>1</v>
      </c>
      <c r="BW2083" s="6">
        <v>1</v>
      </c>
      <c r="BX2083" s="6">
        <v>1</v>
      </c>
      <c r="BY2083" s="6">
        <v>1</v>
      </c>
      <c r="BZ2083" s="6">
        <v>1</v>
      </c>
      <c r="CA2083" s="6">
        <v>1</v>
      </c>
      <c r="CB2083" s="6">
        <v>1</v>
      </c>
      <c r="CC2083" s="11">
        <v>1</v>
      </c>
      <c r="CD2083" s="11">
        <v>-6</v>
      </c>
      <c r="CE2083" s="11">
        <v>1</v>
      </c>
      <c r="CF2083" s="11">
        <v>1</v>
      </c>
      <c r="CG2083" s="11">
        <v>2</v>
      </c>
      <c r="CH2083" s="20">
        <v>0.16</v>
      </c>
      <c r="CI2083" s="20">
        <v>0.23</v>
      </c>
      <c r="CJ2083" s="20">
        <v>0.25</v>
      </c>
      <c r="CK2083" s="20">
        <v>0.3</v>
      </c>
      <c r="CL2083" s="20">
        <v>0.3</v>
      </c>
      <c r="CM2083" s="20">
        <v>0.28000000000000003</v>
      </c>
      <c r="CN2083" s="20">
        <v>0.3</v>
      </c>
      <c r="CO2083" s="20">
        <v>0.45</v>
      </c>
      <c r="CP2083" s="20">
        <v>0.47</v>
      </c>
      <c r="CQ2083" s="20">
        <v>0.28999999999999998</v>
      </c>
      <c r="CR2083" s="20">
        <v>0.15</v>
      </c>
      <c r="CS2083" s="20">
        <v>0.1</v>
      </c>
      <c r="CT2083" s="20">
        <v>0.18</v>
      </c>
      <c r="CU2083" s="20">
        <v>7.0000000000000007E-2</v>
      </c>
      <c r="CV2083" s="20">
        <v>0.06</v>
      </c>
      <c r="CW2083" s="20">
        <v>0.06</v>
      </c>
      <c r="CX2083" s="20">
        <v>0.05</v>
      </c>
      <c r="CY2083" s="6" t="s">
        <v>709</v>
      </c>
      <c r="CZ2083" s="6" t="s">
        <v>710</v>
      </c>
      <c r="DA2083" s="6" t="s">
        <v>78</v>
      </c>
      <c r="DB2083" s="6"/>
      <c r="DC2083" s="6"/>
      <c r="DD2083" s="6"/>
      <c r="DE2083" s="6"/>
      <c r="DF2083" s="6"/>
      <c r="DG2083" s="6"/>
      <c r="DH2083" s="6" t="s">
        <v>333</v>
      </c>
      <c r="DI2083" s="6"/>
      <c r="DJ2083" s="6"/>
      <c r="DK2083" s="6"/>
      <c r="DL2083" s="6">
        <v>10</v>
      </c>
      <c r="DM2083" s="6" t="s">
        <v>383</v>
      </c>
      <c r="DN2083" s="6">
        <v>9</v>
      </c>
      <c r="DO2083" s="6" t="s">
        <v>384</v>
      </c>
      <c r="DP2083" s="6"/>
      <c r="DQ2083" s="6"/>
    </row>
    <row r="2084" spans="1:121" x14ac:dyDescent="0.2">
      <c r="A2084" s="6" t="s">
        <v>323</v>
      </c>
      <c r="B2084" s="6" t="s">
        <v>323</v>
      </c>
      <c r="C2084" s="6" t="s">
        <v>192</v>
      </c>
      <c r="D2084" s="6" t="s">
        <v>78</v>
      </c>
      <c r="E2084" s="6" t="s">
        <v>219</v>
      </c>
      <c r="F2084" s="11">
        <v>-9</v>
      </c>
      <c r="G2084" s="13">
        <v>-7.7586206896599993E-2</v>
      </c>
      <c r="H2084" s="11">
        <v>-6.7991684429999992</v>
      </c>
      <c r="I2084" s="13">
        <v>-5.8400102592167942E-2</v>
      </c>
      <c r="J2084" s="11">
        <v>7.9597316140000061</v>
      </c>
      <c r="K2084" s="13">
        <v>7.2608895660430064E-2</v>
      </c>
      <c r="L2084" s="11">
        <v>-11.038508645000007</v>
      </c>
      <c r="M2084" s="13">
        <v>-9.3877262009571402E-2</v>
      </c>
      <c r="N2084" s="11">
        <v>-3.0787770310000013</v>
      </c>
      <c r="O2084" s="13">
        <v>-2.8084690671281165E-2</v>
      </c>
      <c r="P2084" s="7">
        <v>116.42391265099999</v>
      </c>
      <c r="Q2084" s="7">
        <v>117.17057980200001</v>
      </c>
      <c r="R2084" s="7">
        <v>107.05276894799999</v>
      </c>
      <c r="S2084" s="7">
        <v>104.957813715</v>
      </c>
      <c r="T2084" s="7">
        <v>126.92002934600001</v>
      </c>
      <c r="U2084" s="7">
        <v>118.430788355</v>
      </c>
      <c r="V2084" s="7">
        <v>109.624744208</v>
      </c>
      <c r="W2084" s="7">
        <v>108.905548204</v>
      </c>
      <c r="X2084" s="7">
        <v>110.764732775</v>
      </c>
      <c r="Y2084" s="7">
        <v>117.584475822</v>
      </c>
      <c r="Z2084" s="7">
        <v>120.899701776</v>
      </c>
      <c r="AA2084" s="7">
        <v>109.526409953</v>
      </c>
      <c r="AB2084" s="7">
        <v>111.903657044</v>
      </c>
      <c r="AC2084" s="7">
        <v>96.019242579600004</v>
      </c>
      <c r="AD2084" s="7">
        <v>108.45914571500001</v>
      </c>
      <c r="AE2084" s="7">
        <v>107.78068633300001</v>
      </c>
      <c r="AF2084" s="7">
        <v>106.54596717699999</v>
      </c>
      <c r="AG2084" s="9">
        <v>4027.9777824300008</v>
      </c>
      <c r="AH2084" s="13">
        <v>0.549194472065481</v>
      </c>
      <c r="AI2084" s="9">
        <v>1631.8611054500007</v>
      </c>
      <c r="AJ2084" s="13">
        <v>0.22249603813632257</v>
      </c>
      <c r="AK2084" s="9">
        <v>1144.945343379999</v>
      </c>
      <c r="AL2084" s="13">
        <v>0.12769573304846585</v>
      </c>
      <c r="AM2084" s="9">
        <v>1251.1713336000012</v>
      </c>
      <c r="AN2084" s="13">
        <v>0.12374181411769616</v>
      </c>
      <c r="AO2084" s="9">
        <v>2396.1166769800002</v>
      </c>
      <c r="AP2084" s="13">
        <v>0.26723884882866822</v>
      </c>
      <c r="AQ2084" s="9">
        <v>7334.3378116699996</v>
      </c>
      <c r="AR2084" s="9">
        <v>7383.8017479700002</v>
      </c>
      <c r="AS2084" s="9">
        <v>7403.5051381900003</v>
      </c>
      <c r="AT2084" s="9">
        <v>7560.0716116000003</v>
      </c>
      <c r="AU2084" s="9">
        <v>7808.0046290700002</v>
      </c>
      <c r="AV2084" s="9">
        <v>8072.6940132</v>
      </c>
      <c r="AW2084" s="9">
        <v>8966.1989171200003</v>
      </c>
      <c r="AX2084" s="9">
        <v>10297.09561</v>
      </c>
      <c r="AY2084" s="9">
        <v>10487.2561002</v>
      </c>
      <c r="AZ2084" s="9">
        <v>10111.144260499999</v>
      </c>
      <c r="BA2084" s="9">
        <v>10664.2951994</v>
      </c>
      <c r="BB2084" s="9">
        <v>10669.2639476</v>
      </c>
      <c r="BC2084" s="9">
        <v>10755.703377</v>
      </c>
      <c r="BD2084" s="9">
        <v>10858.571398100001</v>
      </c>
      <c r="BE2084" s="9">
        <v>10738.326816000001</v>
      </c>
      <c r="BF2084" s="9">
        <v>11362.3155941</v>
      </c>
      <c r="BG2084" s="11">
        <v>-2.5</v>
      </c>
      <c r="BH2084" s="13">
        <v>-0.17857142857142858</v>
      </c>
      <c r="BI2084" s="6">
        <v>2</v>
      </c>
      <c r="BJ2084" s="13">
        <v>0.14285714285714285</v>
      </c>
      <c r="BK2084" s="6">
        <v>-3</v>
      </c>
      <c r="BL2084" s="13">
        <v>-0.1875</v>
      </c>
      <c r="BM2084" s="11">
        <v>-1.5</v>
      </c>
      <c r="BN2084" s="13">
        <v>-0.11538461538461539</v>
      </c>
      <c r="BO2084" s="11">
        <v>-4.5</v>
      </c>
      <c r="BP2084" s="13">
        <v>-0.28125</v>
      </c>
      <c r="BQ2084" s="6">
        <v>14</v>
      </c>
      <c r="BR2084" s="6">
        <v>18</v>
      </c>
      <c r="BS2084" s="6">
        <v>18</v>
      </c>
      <c r="BT2084" s="6">
        <v>16</v>
      </c>
      <c r="BU2084" s="6">
        <v>13</v>
      </c>
      <c r="BV2084" s="6">
        <v>13</v>
      </c>
      <c r="BW2084" s="6">
        <v>13</v>
      </c>
      <c r="BX2084" s="6">
        <v>12</v>
      </c>
      <c r="BY2084" s="6">
        <v>11</v>
      </c>
      <c r="BZ2084" s="6">
        <v>11</v>
      </c>
      <c r="CA2084" s="6">
        <v>11</v>
      </c>
      <c r="CB2084" s="6">
        <v>13</v>
      </c>
      <c r="CC2084" s="11">
        <v>11.5</v>
      </c>
      <c r="CD2084" s="11">
        <v>-49.079900000000002</v>
      </c>
      <c r="CE2084" s="11">
        <v>26.4754</v>
      </c>
      <c r="CF2084" s="11">
        <v>12.7265</v>
      </c>
      <c r="CG2084" s="11">
        <v>39</v>
      </c>
      <c r="CH2084" s="20">
        <v>0.66893100000000005</v>
      </c>
      <c r="CI2084" s="20">
        <v>0.70759000000000005</v>
      </c>
      <c r="CJ2084" s="20">
        <v>0.62533799999999995</v>
      </c>
      <c r="CK2084" s="20">
        <v>0.60890299999999997</v>
      </c>
      <c r="CL2084" s="20">
        <v>0.71892599999999995</v>
      </c>
      <c r="CM2084" s="20">
        <v>0.66153700000000004</v>
      </c>
      <c r="CN2084" s="20">
        <v>0.593449</v>
      </c>
      <c r="CO2084" s="20">
        <v>0.58320399999999994</v>
      </c>
      <c r="CP2084" s="20">
        <v>0.60977999999999999</v>
      </c>
      <c r="CQ2084" s="20">
        <v>0.64582200000000001</v>
      </c>
      <c r="CR2084" s="20">
        <v>0.66278899999999996</v>
      </c>
      <c r="CS2084" s="20">
        <v>0.58614599999999994</v>
      </c>
      <c r="CT2084" s="20">
        <v>0.62707400000000002</v>
      </c>
      <c r="CU2084" s="20">
        <v>0.54075600000000001</v>
      </c>
      <c r="CV2084" s="20">
        <v>0.59884300000000001</v>
      </c>
      <c r="CW2084" s="20">
        <v>0.59331999999999996</v>
      </c>
      <c r="CX2084" s="20">
        <v>0.58114299999999997</v>
      </c>
      <c r="CY2084" s="6" t="s">
        <v>709</v>
      </c>
      <c r="CZ2084" s="6" t="s">
        <v>710</v>
      </c>
      <c r="DA2084" s="6" t="s">
        <v>78</v>
      </c>
      <c r="DB2084" s="6"/>
      <c r="DC2084" s="6"/>
      <c r="DD2084" s="6"/>
      <c r="DE2084" s="6"/>
      <c r="DF2084" s="6"/>
      <c r="DG2084" s="6"/>
      <c r="DH2084" s="6" t="s">
        <v>333</v>
      </c>
      <c r="DI2084" s="6"/>
      <c r="DJ2084" s="6"/>
      <c r="DK2084" s="6"/>
      <c r="DL2084" s="6">
        <v>10</v>
      </c>
      <c r="DM2084" s="6" t="s">
        <v>383</v>
      </c>
      <c r="DN2084" s="6">
        <v>9</v>
      </c>
      <c r="DO2084" s="6" t="s">
        <v>384</v>
      </c>
      <c r="DP2084" s="6"/>
      <c r="DQ2084" s="6"/>
    </row>
    <row r="2085" spans="1:121" x14ac:dyDescent="0.2">
      <c r="A2085" s="6" t="s">
        <v>325</v>
      </c>
      <c r="B2085" s="6" t="s">
        <v>325</v>
      </c>
      <c r="C2085" s="6" t="s">
        <v>193</v>
      </c>
      <c r="D2085" s="6" t="s">
        <v>78</v>
      </c>
      <c r="E2085" s="6" t="s">
        <v>219</v>
      </c>
      <c r="F2085" s="11">
        <v>44</v>
      </c>
      <c r="G2085" s="13">
        <v>0.39639639639599999</v>
      </c>
      <c r="H2085" s="11">
        <v>56.885651567000011</v>
      </c>
      <c r="I2085" s="13">
        <v>0.51256779057425828</v>
      </c>
      <c r="J2085" s="11">
        <v>-13.229069807000002</v>
      </c>
      <c r="K2085" s="13">
        <v>-7.8806680616749197E-2</v>
      </c>
      <c r="L2085" s="11">
        <v>0.71798781399999712</v>
      </c>
      <c r="M2085" s="13">
        <v>4.6430142924308278E-3</v>
      </c>
      <c r="N2085" s="11">
        <v>-12.511081993000005</v>
      </c>
      <c r="O2085" s="13">
        <v>-7.4529566868760971E-2</v>
      </c>
      <c r="P2085" s="7">
        <v>110.981713274</v>
      </c>
      <c r="Q2085" s="7">
        <v>141.10849706299999</v>
      </c>
      <c r="R2085" s="7">
        <v>145.031866761</v>
      </c>
      <c r="S2085" s="7">
        <v>149.94989279999999</v>
      </c>
      <c r="T2085" s="7">
        <v>148.264818421</v>
      </c>
      <c r="U2085" s="7">
        <v>173.63828451200001</v>
      </c>
      <c r="V2085" s="7">
        <v>167.86736484100001</v>
      </c>
      <c r="W2085" s="7">
        <v>146.13753237899999</v>
      </c>
      <c r="X2085" s="7">
        <v>148.09541084</v>
      </c>
      <c r="Y2085" s="7">
        <v>154.63829503400001</v>
      </c>
      <c r="Z2085" s="7">
        <v>162.57337231899999</v>
      </c>
      <c r="AA2085" s="7">
        <v>153.25252654600001</v>
      </c>
      <c r="AB2085" s="7">
        <v>150.980021897</v>
      </c>
      <c r="AC2085" s="7">
        <v>149.31652170300001</v>
      </c>
      <c r="AD2085" s="7">
        <v>150.849293663</v>
      </c>
      <c r="AE2085" s="7">
        <v>151.8319673</v>
      </c>
      <c r="AF2085" s="7">
        <v>155.35628284800001</v>
      </c>
      <c r="AG2085" s="9">
        <v>7003.2011895000014</v>
      </c>
      <c r="AH2085" s="13">
        <v>0.48503352401154687</v>
      </c>
      <c r="AI2085" s="9">
        <v>-325.10421040000074</v>
      </c>
      <c r="AJ2085" s="13">
        <v>-2.2516337396921465E-2</v>
      </c>
      <c r="AK2085" s="9">
        <v>5486.7083903000002</v>
      </c>
      <c r="AL2085" s="13">
        <v>0.38875637603328095</v>
      </c>
      <c r="AM2085" s="9">
        <v>1841.5970096000019</v>
      </c>
      <c r="AN2085" s="13">
        <v>9.3958090362480637E-2</v>
      </c>
      <c r="AO2085" s="9">
        <v>7328.3053999000022</v>
      </c>
      <c r="AP2085" s="13">
        <v>0.51924127310408708</v>
      </c>
      <c r="AQ2085" s="9">
        <v>14438.5920618</v>
      </c>
      <c r="AR2085" s="9">
        <v>15668.1270647</v>
      </c>
      <c r="AS2085" s="9">
        <v>14222.9492018</v>
      </c>
      <c r="AT2085" s="9">
        <v>17426.135503599999</v>
      </c>
      <c r="AU2085" s="9">
        <v>16298.5528454</v>
      </c>
      <c r="AV2085" s="9">
        <v>14860.0475085</v>
      </c>
      <c r="AW2085" s="9">
        <v>14113.487851399999</v>
      </c>
      <c r="AX2085" s="9">
        <v>15186.573326600001</v>
      </c>
      <c r="AY2085" s="9">
        <v>18875.137407900002</v>
      </c>
      <c r="AZ2085" s="9">
        <v>19600.1962417</v>
      </c>
      <c r="BA2085" s="9">
        <v>20503.658496299999</v>
      </c>
      <c r="BB2085" s="9">
        <v>18777.022747999999</v>
      </c>
      <c r="BC2085" s="9">
        <v>20948.312296399999</v>
      </c>
      <c r="BD2085" s="9">
        <v>21752.550768199999</v>
      </c>
      <c r="BE2085" s="9">
        <v>21097.647068099999</v>
      </c>
      <c r="BF2085" s="9">
        <v>21441.793251300001</v>
      </c>
      <c r="BG2085" s="11">
        <v>-18.25</v>
      </c>
      <c r="BH2085" s="13">
        <v>-0.53676470588235292</v>
      </c>
      <c r="BI2085" s="6">
        <v>-9</v>
      </c>
      <c r="BJ2085" s="13">
        <v>-0.26470588235294118</v>
      </c>
      <c r="BK2085" s="6">
        <v>1</v>
      </c>
      <c r="BL2085" s="13">
        <v>0.04</v>
      </c>
      <c r="BM2085" s="11">
        <v>-10.25</v>
      </c>
      <c r="BN2085" s="13">
        <v>-0.39423076923076922</v>
      </c>
      <c r="BO2085" s="11">
        <v>-9.25</v>
      </c>
      <c r="BP2085" s="13">
        <v>-0.37</v>
      </c>
      <c r="BQ2085" s="6">
        <v>34</v>
      </c>
      <c r="BR2085" s="6">
        <v>27</v>
      </c>
      <c r="BS2085" s="6">
        <v>29</v>
      </c>
      <c r="BT2085" s="6">
        <v>25</v>
      </c>
      <c r="BU2085" s="6">
        <v>26</v>
      </c>
      <c r="BV2085" s="6">
        <v>26</v>
      </c>
      <c r="BW2085" s="6">
        <v>26</v>
      </c>
      <c r="BX2085" s="6">
        <v>25</v>
      </c>
      <c r="BY2085" s="6">
        <v>25</v>
      </c>
      <c r="BZ2085" s="6">
        <v>14</v>
      </c>
      <c r="CA2085" s="6">
        <v>13</v>
      </c>
      <c r="CB2085" s="6">
        <v>15</v>
      </c>
      <c r="CC2085" s="11">
        <v>15.75</v>
      </c>
      <c r="CD2085" s="11">
        <v>33.265000000000001</v>
      </c>
      <c r="CE2085" s="11">
        <v>-1.0220400000000001</v>
      </c>
      <c r="CF2085" s="11">
        <v>12.131600000000001</v>
      </c>
      <c r="CG2085" s="11">
        <v>11</v>
      </c>
      <c r="CH2085" s="20">
        <v>0.93876700000000002</v>
      </c>
      <c r="CI2085" s="20">
        <v>1.2493300000000001</v>
      </c>
      <c r="CJ2085" s="20">
        <v>1.24919</v>
      </c>
      <c r="CK2085" s="20">
        <v>1.30593</v>
      </c>
      <c r="CL2085" s="20">
        <v>1.2816700000000001</v>
      </c>
      <c r="CM2085" s="20">
        <v>1.49404</v>
      </c>
      <c r="CN2085" s="20">
        <v>1.40673</v>
      </c>
      <c r="CO2085" s="20">
        <v>1.21028</v>
      </c>
      <c r="CP2085" s="20">
        <v>1.2351700000000001</v>
      </c>
      <c r="CQ2085" s="20">
        <v>1.2962800000000001</v>
      </c>
      <c r="CR2085" s="20">
        <v>1.3801000000000001</v>
      </c>
      <c r="CS2085" s="20">
        <v>1.27982</v>
      </c>
      <c r="CT2085" s="20">
        <v>1.4401600000000001</v>
      </c>
      <c r="CU2085" s="20">
        <v>1.4466600000000001</v>
      </c>
      <c r="CV2085" s="20">
        <v>1.46123</v>
      </c>
      <c r="CW2085" s="20">
        <v>1.48193</v>
      </c>
      <c r="CX2085" s="20">
        <v>1.5158199999999999</v>
      </c>
      <c r="CY2085" s="6" t="s">
        <v>709</v>
      </c>
      <c r="CZ2085" s="6" t="s">
        <v>710</v>
      </c>
      <c r="DA2085" s="6" t="s">
        <v>78</v>
      </c>
      <c r="DB2085" s="6"/>
      <c r="DC2085" s="6"/>
      <c r="DD2085" s="6"/>
      <c r="DE2085" s="6"/>
      <c r="DF2085" s="6"/>
      <c r="DG2085" s="6"/>
      <c r="DH2085" s="6" t="s">
        <v>333</v>
      </c>
      <c r="DI2085" s="6"/>
      <c r="DJ2085" s="6"/>
      <c r="DK2085" s="6"/>
      <c r="DL2085" s="6">
        <v>10</v>
      </c>
      <c r="DM2085" s="6" t="s">
        <v>383</v>
      </c>
      <c r="DN2085" s="6">
        <v>9</v>
      </c>
      <c r="DO2085" s="6" t="s">
        <v>384</v>
      </c>
      <c r="DP2085" s="6"/>
      <c r="DQ2085" s="6"/>
    </row>
    <row r="2086" spans="1:121" x14ac:dyDescent="0.2">
      <c r="A2086" s="6" t="s">
        <v>327</v>
      </c>
      <c r="B2086" s="6" t="s">
        <v>327</v>
      </c>
      <c r="C2086" s="6" t="s">
        <v>194</v>
      </c>
      <c r="D2086" s="6" t="s">
        <v>78</v>
      </c>
      <c r="E2086" s="6" t="s">
        <v>219</v>
      </c>
      <c r="F2086" s="11">
        <v>1</v>
      </c>
      <c r="G2086" s="13">
        <v>1.57480314961E-3</v>
      </c>
      <c r="H2086" s="11">
        <v>41.367828000000031</v>
      </c>
      <c r="I2086" s="13">
        <v>6.5118137137770898E-2</v>
      </c>
      <c r="J2086" s="11">
        <v>-27.015883000000031</v>
      </c>
      <c r="K2086" s="13">
        <v>-3.9926444341056383E-2</v>
      </c>
      <c r="L2086" s="11">
        <v>-13.466444862000003</v>
      </c>
      <c r="M2086" s="13">
        <v>-2.0729552103054733E-2</v>
      </c>
      <c r="N2086" s="11">
        <v>-40.482327862000034</v>
      </c>
      <c r="O2086" s="13">
        <v>-5.9828339135853469E-2</v>
      </c>
      <c r="P2086" s="7">
        <v>635.27351699999997</v>
      </c>
      <c r="Q2086" s="7">
        <v>639.76434700000004</v>
      </c>
      <c r="R2086" s="7">
        <v>645.04582200000004</v>
      </c>
      <c r="S2086" s="7">
        <v>644.86651300000005</v>
      </c>
      <c r="T2086" s="7">
        <v>653.12764100000004</v>
      </c>
      <c r="U2086" s="7">
        <v>662.11369400000001</v>
      </c>
      <c r="V2086" s="7">
        <v>676.641345</v>
      </c>
      <c r="W2086" s="7">
        <v>674.72331599999995</v>
      </c>
      <c r="X2086" s="7">
        <v>649.92463899999996</v>
      </c>
      <c r="Y2086" s="7">
        <v>649.62546199999997</v>
      </c>
      <c r="Z2086" s="7">
        <v>622.90371100000004</v>
      </c>
      <c r="AA2086" s="7">
        <v>625.58580300000006</v>
      </c>
      <c r="AB2086" s="7">
        <v>636.25455899999997</v>
      </c>
      <c r="AC2086" s="7">
        <v>630.49766599999998</v>
      </c>
      <c r="AD2086" s="7">
        <v>634.42166399999996</v>
      </c>
      <c r="AE2086" s="7">
        <v>636.71587424999996</v>
      </c>
      <c r="AF2086" s="7">
        <v>636.15901713799997</v>
      </c>
      <c r="AG2086" s="9">
        <v>7891.9831245999994</v>
      </c>
      <c r="AH2086" s="13">
        <v>0.3096721196502516</v>
      </c>
      <c r="AI2086" s="9">
        <v>5644.3801520999987</v>
      </c>
      <c r="AJ2086" s="13">
        <v>0.22147882708520208</v>
      </c>
      <c r="AK2086" s="9">
        <v>2626.0267797000015</v>
      </c>
      <c r="AL2086" s="13">
        <v>8.4358561625623663E-2</v>
      </c>
      <c r="AM2086" s="9">
        <v>-378.42380720000074</v>
      </c>
      <c r="AN2086" s="13">
        <v>-1.1210772856766912E-2</v>
      </c>
      <c r="AO2086" s="9">
        <v>2247.6029725000008</v>
      </c>
      <c r="AP2086" s="13">
        <v>7.2202064095948301E-2</v>
      </c>
      <c r="AQ2086" s="9">
        <v>25484.964980100001</v>
      </c>
      <c r="AR2086" s="9">
        <v>25872.1534221</v>
      </c>
      <c r="AS2086" s="9">
        <v>27181.8633572</v>
      </c>
      <c r="AT2086" s="9">
        <v>28460.082609199999</v>
      </c>
      <c r="AU2086" s="9">
        <v>28101.1923508</v>
      </c>
      <c r="AV2086" s="9">
        <v>29745.988926400001</v>
      </c>
      <c r="AW2086" s="9">
        <v>31129.3451322</v>
      </c>
      <c r="AX2086" s="9">
        <v>31695.453984299998</v>
      </c>
      <c r="AY2086" s="9">
        <v>33301.2426739</v>
      </c>
      <c r="AZ2086" s="9">
        <v>33755.371911900002</v>
      </c>
      <c r="BA2086" s="9">
        <v>34517.488597900003</v>
      </c>
      <c r="BB2086" s="9">
        <v>34238.6298675</v>
      </c>
      <c r="BC2086" s="9">
        <v>34135.023562800001</v>
      </c>
      <c r="BD2086" s="9">
        <v>33740.0685773</v>
      </c>
      <c r="BE2086" s="9">
        <v>33529.964967200001</v>
      </c>
      <c r="BF2086" s="9">
        <v>33376.948104700001</v>
      </c>
      <c r="BG2086" s="11">
        <v>2</v>
      </c>
      <c r="BH2086" s="13">
        <v>5.7142857142857141E-2</v>
      </c>
      <c r="BI2086" s="6">
        <v>2</v>
      </c>
      <c r="BJ2086" s="13">
        <v>5.7142857142857141E-2</v>
      </c>
      <c r="BK2086" s="6">
        <v>0</v>
      </c>
      <c r="BL2086" s="13">
        <v>0</v>
      </c>
      <c r="BM2086" s="11">
        <v>0</v>
      </c>
      <c r="BN2086" s="13">
        <v>0</v>
      </c>
      <c r="BO2086" s="11">
        <v>0</v>
      </c>
      <c r="BP2086" s="13">
        <v>0</v>
      </c>
      <c r="BQ2086" s="6">
        <v>35</v>
      </c>
      <c r="BR2086" s="6">
        <v>35</v>
      </c>
      <c r="BS2086" s="6">
        <v>36</v>
      </c>
      <c r="BT2086" s="6">
        <v>37</v>
      </c>
      <c r="BU2086" s="6">
        <v>36</v>
      </c>
      <c r="BV2086" s="6">
        <v>36</v>
      </c>
      <c r="BW2086" s="6">
        <v>37</v>
      </c>
      <c r="BX2086" s="6">
        <v>37</v>
      </c>
      <c r="BY2086" s="6">
        <v>35</v>
      </c>
      <c r="BZ2086" s="6">
        <v>36</v>
      </c>
      <c r="CA2086" s="6">
        <v>36</v>
      </c>
      <c r="CB2086" s="6">
        <v>37</v>
      </c>
      <c r="CC2086" s="11">
        <v>37</v>
      </c>
      <c r="CD2086" s="11">
        <v>-31.314900000000002</v>
      </c>
      <c r="CE2086" s="11">
        <v>-37.242699999999999</v>
      </c>
      <c r="CF2086" s="11">
        <v>69.442999999999998</v>
      </c>
      <c r="CG2086" s="11">
        <v>32</v>
      </c>
      <c r="CH2086" s="20">
        <v>1.6176900000000001</v>
      </c>
      <c r="CI2086" s="20">
        <v>1.70183</v>
      </c>
      <c r="CJ2086" s="20">
        <v>1.6815800000000001</v>
      </c>
      <c r="CK2086" s="20">
        <v>1.7121500000000001</v>
      </c>
      <c r="CL2086" s="20">
        <v>1.7251700000000001</v>
      </c>
      <c r="CM2086" s="20">
        <v>1.75227</v>
      </c>
      <c r="CN2086" s="20">
        <v>1.7565500000000001</v>
      </c>
      <c r="CO2086" s="20">
        <v>1.71373</v>
      </c>
      <c r="CP2086" s="20">
        <v>1.6438200000000001</v>
      </c>
      <c r="CQ2086" s="20">
        <v>1.64194</v>
      </c>
      <c r="CR2086" s="20">
        <v>1.63182</v>
      </c>
      <c r="CS2086" s="20">
        <v>1.6668799999999999</v>
      </c>
      <c r="CT2086" s="20">
        <v>1.83927</v>
      </c>
      <c r="CU2086" s="20">
        <v>1.88625</v>
      </c>
      <c r="CV2086" s="20">
        <v>1.9139299999999999</v>
      </c>
      <c r="CW2086" s="20">
        <v>1.9452400000000001</v>
      </c>
      <c r="CX2086" s="20">
        <v>1.9564600000000001</v>
      </c>
      <c r="CY2086" s="6" t="s">
        <v>709</v>
      </c>
      <c r="CZ2086" s="6" t="s">
        <v>710</v>
      </c>
      <c r="DA2086" s="6" t="s">
        <v>78</v>
      </c>
      <c r="DB2086" s="6"/>
      <c r="DC2086" s="6"/>
      <c r="DD2086" s="6"/>
      <c r="DE2086" s="6"/>
      <c r="DF2086" s="6"/>
      <c r="DG2086" s="6"/>
      <c r="DH2086" s="6" t="s">
        <v>333</v>
      </c>
      <c r="DI2086" s="6"/>
      <c r="DJ2086" s="6"/>
      <c r="DK2086" s="6"/>
      <c r="DL2086" s="6">
        <v>10</v>
      </c>
      <c r="DM2086" s="6" t="s">
        <v>383</v>
      </c>
      <c r="DN2086" s="6">
        <v>9</v>
      </c>
      <c r="DO2086" s="6" t="s">
        <v>384</v>
      </c>
      <c r="DP2086" s="6"/>
      <c r="DQ2086" s="6"/>
    </row>
    <row r="2087" spans="1:121" x14ac:dyDescent="0.2">
      <c r="A2087" s="6" t="s">
        <v>1</v>
      </c>
      <c r="B2087" s="6" t="s">
        <v>1</v>
      </c>
      <c r="C2087" s="6" t="s">
        <v>2</v>
      </c>
      <c r="D2087" s="6" t="s">
        <v>163</v>
      </c>
      <c r="E2087" s="6" t="s">
        <v>302</v>
      </c>
      <c r="F2087" s="11">
        <v>-316</v>
      </c>
      <c r="G2087" s="13">
        <v>-0.413071895425</v>
      </c>
      <c r="H2087" s="11">
        <v>-95.697097559000099</v>
      </c>
      <c r="I2087" s="13">
        <v>-0.12506318782813308</v>
      </c>
      <c r="J2087" s="11">
        <v>-138.98292527699994</v>
      </c>
      <c r="K2087" s="13">
        <v>-0.20759432993903959</v>
      </c>
      <c r="L2087" s="11">
        <v>-81.679765022000026</v>
      </c>
      <c r="M2087" s="13">
        <v>-0.15396462347114157</v>
      </c>
      <c r="N2087" s="11">
        <v>-220.66269029899996</v>
      </c>
      <c r="O2087" s="13">
        <v>-0.32959677056637299</v>
      </c>
      <c r="P2087" s="7">
        <v>765.18997493100005</v>
      </c>
      <c r="Q2087" s="7">
        <v>643.43947247000006</v>
      </c>
      <c r="R2087" s="7">
        <v>674.16751885400004</v>
      </c>
      <c r="S2087" s="7">
        <v>693.20182375700006</v>
      </c>
      <c r="T2087" s="7">
        <v>772.32733735600004</v>
      </c>
      <c r="U2087" s="7">
        <v>725.28150107800002</v>
      </c>
      <c r="V2087" s="7">
        <v>669.49287737199995</v>
      </c>
      <c r="W2087" s="7">
        <v>624.29734227400002</v>
      </c>
      <c r="X2087" s="7">
        <v>627.89926796600002</v>
      </c>
      <c r="Y2087" s="7">
        <v>530.50995209500002</v>
      </c>
      <c r="Z2087" s="7">
        <v>529.19953121900005</v>
      </c>
      <c r="AA2087" s="7">
        <v>508.818691113</v>
      </c>
      <c r="AB2087" s="7">
        <v>477.460824194</v>
      </c>
      <c r="AC2087" s="7">
        <v>465.04623155100001</v>
      </c>
      <c r="AD2087" s="7">
        <v>490.12538881900002</v>
      </c>
      <c r="AE2087" s="7">
        <v>469.402147775</v>
      </c>
      <c r="AF2087" s="7">
        <v>448.83018707299999</v>
      </c>
      <c r="AG2087" s="9">
        <v>9051.8501174000012</v>
      </c>
      <c r="AH2087" s="13">
        <v>0.41588685593480562</v>
      </c>
      <c r="AI2087" s="9">
        <v>3256.6685539999999</v>
      </c>
      <c r="AJ2087" s="13">
        <v>0.14962749362600372</v>
      </c>
      <c r="AK2087" s="9">
        <v>386.22677399999884</v>
      </c>
      <c r="AL2087" s="13">
        <v>1.54355843612439E-2</v>
      </c>
      <c r="AM2087" s="9">
        <v>5408.9547894000025</v>
      </c>
      <c r="AN2087" s="13">
        <v>0.21288333831185541</v>
      </c>
      <c r="AO2087" s="9">
        <v>5795.1815634000013</v>
      </c>
      <c r="AP2087" s="13">
        <v>0.23160490140071516</v>
      </c>
      <c r="AQ2087" s="9">
        <v>21765.1748023</v>
      </c>
      <c r="AR2087" s="9">
        <v>24473.311993200001</v>
      </c>
      <c r="AS2087" s="9">
        <v>24256.513314200001</v>
      </c>
      <c r="AT2087" s="9">
        <v>24544.109356100002</v>
      </c>
      <c r="AU2087" s="9">
        <v>26211.851468000001</v>
      </c>
      <c r="AV2087" s="9">
        <v>25679.637479500001</v>
      </c>
      <c r="AW2087" s="9">
        <v>25021.8433563</v>
      </c>
      <c r="AX2087" s="9">
        <v>26209.496749499998</v>
      </c>
      <c r="AY2087" s="9">
        <v>26115.823047400001</v>
      </c>
      <c r="AZ2087" s="9">
        <v>25408.070130299999</v>
      </c>
      <c r="BA2087" s="9">
        <v>25925.5139872</v>
      </c>
      <c r="BB2087" s="9">
        <v>27587.860003000002</v>
      </c>
      <c r="BC2087" s="9">
        <v>29607.686322599999</v>
      </c>
      <c r="BD2087" s="9">
        <v>30667.5863445</v>
      </c>
      <c r="BE2087" s="9">
        <v>31344.567477199998</v>
      </c>
      <c r="BF2087" s="9">
        <v>30817.024919700001</v>
      </c>
      <c r="BG2087" s="11">
        <v>1</v>
      </c>
      <c r="BH2087" s="13">
        <v>3.125E-2</v>
      </c>
      <c r="BI2087" s="6">
        <v>1</v>
      </c>
      <c r="BJ2087" s="13">
        <v>3.125E-2</v>
      </c>
      <c r="BK2087" s="6">
        <v>0</v>
      </c>
      <c r="BL2087" s="13">
        <v>0</v>
      </c>
      <c r="BM2087" s="11">
        <v>0</v>
      </c>
      <c r="BN2087" s="13">
        <v>0</v>
      </c>
      <c r="BO2087" s="11">
        <v>0</v>
      </c>
      <c r="BP2087" s="13">
        <v>0</v>
      </c>
      <c r="BQ2087" s="6">
        <v>32</v>
      </c>
      <c r="BR2087" s="6">
        <v>31</v>
      </c>
      <c r="BS2087" s="6">
        <v>32</v>
      </c>
      <c r="BT2087" s="6">
        <v>33</v>
      </c>
      <c r="BU2087" s="6">
        <v>35</v>
      </c>
      <c r="BV2087" s="6">
        <v>35</v>
      </c>
      <c r="BW2087" s="6">
        <v>33</v>
      </c>
      <c r="BX2087" s="6">
        <v>32</v>
      </c>
      <c r="BY2087" s="6">
        <v>33</v>
      </c>
      <c r="BZ2087" s="6">
        <v>33</v>
      </c>
      <c r="CA2087" s="6">
        <v>33</v>
      </c>
      <c r="CB2087" s="6">
        <v>33</v>
      </c>
      <c r="CC2087" s="11">
        <v>33</v>
      </c>
      <c r="CD2087" s="11">
        <v>-330.23899999999998</v>
      </c>
      <c r="CE2087" s="11">
        <v>-69.765199999999993</v>
      </c>
      <c r="CF2087" s="11">
        <v>83.644499999999994</v>
      </c>
      <c r="CG2087" s="11">
        <v>14</v>
      </c>
      <c r="CH2087" s="20">
        <v>0.51885899999999996</v>
      </c>
      <c r="CI2087" s="20">
        <v>0.42136899999999999</v>
      </c>
      <c r="CJ2087" s="20">
        <v>0.41550199999999998</v>
      </c>
      <c r="CK2087" s="20">
        <v>0.408474</v>
      </c>
      <c r="CL2087" s="20">
        <v>0.44641799999999998</v>
      </c>
      <c r="CM2087" s="20">
        <v>0.41334100000000001</v>
      </c>
      <c r="CN2087" s="20">
        <v>0.37908999999999998</v>
      </c>
      <c r="CO2087" s="20">
        <v>0.36525299999999999</v>
      </c>
      <c r="CP2087" s="20">
        <v>0.36841499999999999</v>
      </c>
      <c r="CQ2087" s="20">
        <v>0.306809</v>
      </c>
      <c r="CR2087" s="20">
        <v>0.30107</v>
      </c>
      <c r="CS2087" s="20">
        <v>0.28345300000000001</v>
      </c>
      <c r="CT2087" s="20">
        <v>0.25886100000000001</v>
      </c>
      <c r="CU2087" s="20">
        <v>0.24968499999999999</v>
      </c>
      <c r="CV2087" s="20">
        <v>0.25311899999999998</v>
      </c>
      <c r="CW2087" s="20">
        <v>0.24008599999999999</v>
      </c>
      <c r="CX2087" s="20">
        <v>0.22575899999999999</v>
      </c>
      <c r="CY2087" s="6" t="s">
        <v>677</v>
      </c>
      <c r="CZ2087" s="6" t="s">
        <v>678</v>
      </c>
      <c r="DA2087" s="6" t="s">
        <v>163</v>
      </c>
      <c r="DB2087" s="6"/>
      <c r="DC2087" s="6">
        <v>41180</v>
      </c>
      <c r="DD2087" s="6">
        <v>476</v>
      </c>
      <c r="DE2087" s="6" t="s">
        <v>508</v>
      </c>
      <c r="DF2087" s="6" t="s">
        <v>375</v>
      </c>
      <c r="DG2087" s="6" t="s">
        <v>364</v>
      </c>
      <c r="DH2087" s="6" t="s">
        <v>419</v>
      </c>
      <c r="DI2087" s="6" t="s">
        <v>509</v>
      </c>
      <c r="DJ2087" s="6">
        <v>29</v>
      </c>
      <c r="DK2087" s="6">
        <v>183</v>
      </c>
      <c r="DL2087" s="6">
        <v>1</v>
      </c>
      <c r="DM2087" s="6" t="s">
        <v>404</v>
      </c>
      <c r="DN2087" s="6">
        <v>1</v>
      </c>
      <c r="DO2087" s="6" t="s">
        <v>405</v>
      </c>
      <c r="DP2087" s="6"/>
      <c r="DQ2087" s="6"/>
    </row>
    <row r="2088" spans="1:121" x14ac:dyDescent="0.2">
      <c r="A2088" s="6" t="s">
        <v>310</v>
      </c>
      <c r="B2088" s="6" t="s">
        <v>310</v>
      </c>
      <c r="C2088" s="6" t="s">
        <v>173</v>
      </c>
      <c r="D2088" s="6" t="s">
        <v>163</v>
      </c>
      <c r="E2088" s="6" t="s">
        <v>302</v>
      </c>
      <c r="F2088" s="11">
        <v>-51</v>
      </c>
      <c r="G2088" s="13">
        <v>-0.63749999999999996</v>
      </c>
      <c r="H2088" s="11">
        <v>6.3666620000000052</v>
      </c>
      <c r="I2088" s="13">
        <v>8.0074244222884366E-2</v>
      </c>
      <c r="J2088" s="11">
        <v>-13.600652999999994</v>
      </c>
      <c r="K2088" s="13">
        <v>-0.15837521030868773</v>
      </c>
      <c r="L2088" s="11">
        <v>-43.102677876000001</v>
      </c>
      <c r="M2088" s="13">
        <v>-0.59636641542199054</v>
      </c>
      <c r="N2088" s="11">
        <v>-56.703330875999995</v>
      </c>
      <c r="O2088" s="13">
        <v>-0.66029196926718225</v>
      </c>
      <c r="P2088" s="7">
        <v>79.509485999999995</v>
      </c>
      <c r="Q2088" s="7">
        <v>88.2047710991</v>
      </c>
      <c r="R2088" s="7">
        <v>85.036206763300001</v>
      </c>
      <c r="S2088" s="7">
        <v>82.946377999999996</v>
      </c>
      <c r="T2088" s="7">
        <v>103.526852207</v>
      </c>
      <c r="U2088" s="7">
        <v>122.194826707</v>
      </c>
      <c r="V2088" s="7">
        <v>85.876148000000001</v>
      </c>
      <c r="W2088" s="7">
        <v>82.1477</v>
      </c>
      <c r="X2088" s="7">
        <v>73.972401000000005</v>
      </c>
      <c r="Y2088" s="7">
        <v>72.275495000000006</v>
      </c>
      <c r="Z2088" s="7">
        <v>65.939994999999996</v>
      </c>
      <c r="AA2088" s="7">
        <v>50.493735747499997</v>
      </c>
      <c r="AB2088" s="7">
        <v>31.15934</v>
      </c>
      <c r="AC2088" s="7">
        <v>29.822925000000001</v>
      </c>
      <c r="AD2088" s="7">
        <v>35.930459999999997</v>
      </c>
      <c r="AE2088" s="7">
        <v>34.202498249999998</v>
      </c>
      <c r="AF2088" s="7">
        <v>29.172817124000002</v>
      </c>
      <c r="AG2088" s="9">
        <v>-1245.6111433000042</v>
      </c>
      <c r="AH2088" s="13">
        <v>-1.7227143791021891E-2</v>
      </c>
      <c r="AI2088" s="9">
        <v>14102.169775000002</v>
      </c>
      <c r="AJ2088" s="13">
        <v>0.19503687630451455</v>
      </c>
      <c r="AK2088" s="9">
        <v>3558.3259812000033</v>
      </c>
      <c r="AL2088" s="13">
        <v>4.1180841669071731E-2</v>
      </c>
      <c r="AM2088" s="9">
        <v>-18906.10689950001</v>
      </c>
      <c r="AN2088" s="13">
        <v>-0.21014808070327204</v>
      </c>
      <c r="AO2088" s="9">
        <v>-15347.780918300006</v>
      </c>
      <c r="AP2088" s="13">
        <v>-0.17762131387270108</v>
      </c>
      <c r="AQ2088" s="9">
        <v>72305.1457868</v>
      </c>
      <c r="AR2088" s="9">
        <v>65764.505733099999</v>
      </c>
      <c r="AS2088" s="9">
        <v>71201.618054799997</v>
      </c>
      <c r="AT2088" s="9">
        <v>72561.092357899994</v>
      </c>
      <c r="AU2088" s="9">
        <v>72268.010865100005</v>
      </c>
      <c r="AV2088" s="9">
        <v>73489.966591100005</v>
      </c>
      <c r="AW2088" s="9">
        <v>86407.315561800002</v>
      </c>
      <c r="AX2088" s="9">
        <v>93849.796797000003</v>
      </c>
      <c r="AY2088" s="9">
        <v>94279.628401099995</v>
      </c>
      <c r="AZ2088" s="9">
        <v>89965.641543000005</v>
      </c>
      <c r="BA2088" s="9">
        <v>86227.213188499998</v>
      </c>
      <c r="BB2088" s="9">
        <v>110116.525509</v>
      </c>
      <c r="BC2088" s="9">
        <v>75220.060470600001</v>
      </c>
      <c r="BD2088" s="9">
        <v>73093.651477199994</v>
      </c>
      <c r="BE2088" s="9">
        <v>57388.229635299998</v>
      </c>
      <c r="BF2088" s="9">
        <v>71059.534643499996</v>
      </c>
      <c r="BG2088" s="11">
        <v>-3</v>
      </c>
      <c r="BH2088" s="13">
        <v>-0.5</v>
      </c>
      <c r="BI2088" s="6">
        <v>1</v>
      </c>
      <c r="BJ2088" s="13">
        <v>0.16666666666666666</v>
      </c>
      <c r="BK2088" s="6">
        <v>-1</v>
      </c>
      <c r="BL2088" s="13">
        <v>-0.14285714285714285</v>
      </c>
      <c r="BM2088" s="11">
        <v>-3</v>
      </c>
      <c r="BN2088" s="13">
        <v>-0.5</v>
      </c>
      <c r="BO2088" s="11">
        <v>-4</v>
      </c>
      <c r="BP2088" s="13">
        <v>-0.5714285714285714</v>
      </c>
      <c r="BQ2088" s="6">
        <v>6</v>
      </c>
      <c r="BR2088" s="6">
        <v>7</v>
      </c>
      <c r="BS2088" s="6">
        <v>7</v>
      </c>
      <c r="BT2088" s="6">
        <v>7</v>
      </c>
      <c r="BU2088" s="6">
        <v>7</v>
      </c>
      <c r="BV2088" s="6">
        <v>6</v>
      </c>
      <c r="BW2088" s="6">
        <v>6</v>
      </c>
      <c r="BX2088" s="6">
        <v>6</v>
      </c>
      <c r="BY2088" s="6">
        <v>5</v>
      </c>
      <c r="BZ2088" s="6">
        <v>3</v>
      </c>
      <c r="CA2088" s="6">
        <v>3</v>
      </c>
      <c r="CB2088" s="6">
        <v>3</v>
      </c>
      <c r="CC2088" s="11">
        <v>3</v>
      </c>
      <c r="CD2088" s="11">
        <v>-67.277000000000001</v>
      </c>
      <c r="CE2088" s="11">
        <v>8.2489399999999993</v>
      </c>
      <c r="CF2088" s="11">
        <v>8.6913400000000003</v>
      </c>
      <c r="CG2088" s="11">
        <v>17</v>
      </c>
      <c r="CH2088" s="20">
        <v>0.190023</v>
      </c>
      <c r="CI2088" s="20">
        <v>0.21266499999999999</v>
      </c>
      <c r="CJ2088" s="20">
        <v>0.19569</v>
      </c>
      <c r="CK2088" s="20">
        <v>0.17658799999999999</v>
      </c>
      <c r="CL2088" s="20">
        <v>0.201711</v>
      </c>
      <c r="CM2088" s="20">
        <v>0.213089</v>
      </c>
      <c r="CN2088" s="20">
        <v>0.138073</v>
      </c>
      <c r="CO2088" s="20">
        <v>0.123128</v>
      </c>
      <c r="CP2088" s="20">
        <v>0.12214800000000001</v>
      </c>
      <c r="CQ2088" s="20">
        <v>0.115355</v>
      </c>
      <c r="CR2088" s="20">
        <v>9.3199400000000002E-2</v>
      </c>
      <c r="CS2088" s="20">
        <v>6.4851099999999995E-2</v>
      </c>
      <c r="CT2088" s="20">
        <v>3.8652899999999997E-2</v>
      </c>
      <c r="CU2088" s="20">
        <v>3.5953400000000003E-2</v>
      </c>
      <c r="CV2088" s="20">
        <v>4.7094700000000003E-2</v>
      </c>
      <c r="CW2088" s="20">
        <v>5.2261299999999997E-2</v>
      </c>
      <c r="CX2088" s="20">
        <v>4.3408299999999997E-2</v>
      </c>
      <c r="CY2088" s="6" t="s">
        <v>677</v>
      </c>
      <c r="CZ2088" s="6" t="s">
        <v>678</v>
      </c>
      <c r="DA2088" s="6" t="s">
        <v>163</v>
      </c>
      <c r="DB2088" s="6"/>
      <c r="DC2088" s="6">
        <v>41180</v>
      </c>
      <c r="DD2088" s="6">
        <v>476</v>
      </c>
      <c r="DE2088" s="6" t="s">
        <v>508</v>
      </c>
      <c r="DF2088" s="6" t="s">
        <v>375</v>
      </c>
      <c r="DG2088" s="6" t="s">
        <v>364</v>
      </c>
      <c r="DH2088" s="6" t="s">
        <v>419</v>
      </c>
      <c r="DI2088" s="6" t="s">
        <v>509</v>
      </c>
      <c r="DJ2088" s="6">
        <v>29</v>
      </c>
      <c r="DK2088" s="6">
        <v>183</v>
      </c>
      <c r="DL2088" s="6">
        <v>1</v>
      </c>
      <c r="DM2088" s="6" t="s">
        <v>404</v>
      </c>
      <c r="DN2088" s="6">
        <v>1</v>
      </c>
      <c r="DO2088" s="6" t="s">
        <v>405</v>
      </c>
      <c r="DP2088" s="6"/>
      <c r="DQ2088" s="6"/>
    </row>
    <row r="2089" spans="1:121" x14ac:dyDescent="0.2">
      <c r="A2089" s="6" t="s">
        <v>311</v>
      </c>
      <c r="B2089" s="6" t="s">
        <v>311</v>
      </c>
      <c r="C2089" s="6" t="s">
        <v>174</v>
      </c>
      <c r="D2089" s="6" t="s">
        <v>163</v>
      </c>
      <c r="E2089" s="6" t="s">
        <v>302</v>
      </c>
      <c r="F2089" s="11">
        <v>-26</v>
      </c>
      <c r="G2089" s="13">
        <v>-7.5362318840600004E-2</v>
      </c>
      <c r="H2089" s="11">
        <v>46.690142999999978</v>
      </c>
      <c r="I2089" s="13">
        <v>0.1352251271648103</v>
      </c>
      <c r="J2089" s="11">
        <v>-14.748833795999985</v>
      </c>
      <c r="K2089" s="13">
        <v>-3.7627718020647849E-2</v>
      </c>
      <c r="L2089" s="11">
        <v>-58.282485398000006</v>
      </c>
      <c r="M2089" s="13">
        <v>-0.15450593149163735</v>
      </c>
      <c r="N2089" s="11">
        <v>-73.031319193999991</v>
      </c>
      <c r="O2089" s="13">
        <v>-0.18631994388960033</v>
      </c>
      <c r="P2089" s="7">
        <v>345.27712400000001</v>
      </c>
      <c r="Q2089" s="7">
        <v>348.10299400000002</v>
      </c>
      <c r="R2089" s="7">
        <v>347.71851700000002</v>
      </c>
      <c r="S2089" s="7">
        <v>353.24086799999998</v>
      </c>
      <c r="T2089" s="7">
        <v>369.38650699999999</v>
      </c>
      <c r="U2089" s="7">
        <v>391.98140799999999</v>
      </c>
      <c r="V2089" s="7">
        <v>391.96726699999999</v>
      </c>
      <c r="W2089" s="7">
        <v>429.85267900000002</v>
      </c>
      <c r="X2089" s="7">
        <v>378.869778</v>
      </c>
      <c r="Y2089" s="7">
        <v>377.21843320400001</v>
      </c>
      <c r="Z2089" s="7">
        <v>371.90180896599998</v>
      </c>
      <c r="AA2089" s="7">
        <v>332.61358039300001</v>
      </c>
      <c r="AB2089" s="7">
        <v>337.227697863</v>
      </c>
      <c r="AC2089" s="7">
        <v>343.459805786</v>
      </c>
      <c r="AD2089" s="7">
        <v>347.804460748</v>
      </c>
      <c r="AE2089" s="7">
        <v>326.54591780599998</v>
      </c>
      <c r="AF2089" s="7">
        <v>318.935947806</v>
      </c>
      <c r="AG2089" s="9">
        <v>34592.594010899993</v>
      </c>
      <c r="AH2089" s="13">
        <v>0.41876000985977718</v>
      </c>
      <c r="AI2089" s="9">
        <v>14971.318668799999</v>
      </c>
      <c r="AJ2089" s="13">
        <v>0.18123502248443968</v>
      </c>
      <c r="AK2089" s="9">
        <v>14263.320451099993</v>
      </c>
      <c r="AL2089" s="13">
        <v>0.14617274277306325</v>
      </c>
      <c r="AM2089" s="9">
        <v>5357.9548910000012</v>
      </c>
      <c r="AN2089" s="13">
        <v>4.7906532028871421E-2</v>
      </c>
      <c r="AO2089" s="9">
        <v>19621.275342099994</v>
      </c>
      <c r="AP2089" s="13">
        <v>0.2010819039853404</v>
      </c>
      <c r="AQ2089" s="9">
        <v>82607.205073100005</v>
      </c>
      <c r="AR2089" s="9">
        <v>91402.454780500004</v>
      </c>
      <c r="AS2089" s="9">
        <v>84739.175180100006</v>
      </c>
      <c r="AT2089" s="9">
        <v>90536.812225300004</v>
      </c>
      <c r="AU2089" s="9">
        <v>90401.850701400006</v>
      </c>
      <c r="AV2089" s="9">
        <v>99914.927140200001</v>
      </c>
      <c r="AW2089" s="9">
        <v>97578.523741900004</v>
      </c>
      <c r="AX2089" s="9">
        <v>98662.681255899995</v>
      </c>
      <c r="AY2089" s="9">
        <v>109399.271268</v>
      </c>
      <c r="AZ2089" s="9">
        <v>111841.844193</v>
      </c>
      <c r="BA2089" s="9">
        <v>110057.48856300001</v>
      </c>
      <c r="BB2089" s="9">
        <v>115072.367277</v>
      </c>
      <c r="BC2089" s="9">
        <v>115745.271689</v>
      </c>
      <c r="BD2089" s="9">
        <v>112777.181345</v>
      </c>
      <c r="BE2089" s="9">
        <v>110385.65183800001</v>
      </c>
      <c r="BF2089" s="9">
        <v>117199.799084</v>
      </c>
      <c r="BG2089" s="11">
        <v>-0.75</v>
      </c>
      <c r="BH2089" s="13">
        <v>-9.375E-2</v>
      </c>
      <c r="BI2089" s="6">
        <v>0</v>
      </c>
      <c r="BJ2089" s="13">
        <v>0</v>
      </c>
      <c r="BK2089" s="6">
        <v>1</v>
      </c>
      <c r="BL2089" s="13">
        <v>0.125</v>
      </c>
      <c r="BM2089" s="11">
        <v>-1.75</v>
      </c>
      <c r="BN2089" s="13">
        <v>-0.19444444444444445</v>
      </c>
      <c r="BO2089" s="11">
        <v>-0.75</v>
      </c>
      <c r="BP2089" s="13">
        <v>-9.375E-2</v>
      </c>
      <c r="BQ2089" s="6">
        <v>8</v>
      </c>
      <c r="BR2089" s="6">
        <v>9</v>
      </c>
      <c r="BS2089" s="6">
        <v>9</v>
      </c>
      <c r="BT2089" s="6">
        <v>8</v>
      </c>
      <c r="BU2089" s="6">
        <v>10</v>
      </c>
      <c r="BV2089" s="6">
        <v>9</v>
      </c>
      <c r="BW2089" s="6">
        <v>9</v>
      </c>
      <c r="BX2089" s="6">
        <v>8</v>
      </c>
      <c r="BY2089" s="6">
        <v>8</v>
      </c>
      <c r="BZ2089" s="6">
        <v>8</v>
      </c>
      <c r="CA2089" s="6">
        <v>8</v>
      </c>
      <c r="CB2089" s="6">
        <v>8</v>
      </c>
      <c r="CC2089" s="11">
        <v>7.25</v>
      </c>
      <c r="CD2089" s="11">
        <v>-7.8578900000000003</v>
      </c>
      <c r="CE2089" s="11">
        <v>-56.226199999999999</v>
      </c>
      <c r="CF2089" s="11">
        <v>37.742899999999999</v>
      </c>
      <c r="CG2089" s="11">
        <v>-18</v>
      </c>
      <c r="CH2089" s="20">
        <v>0.75315600000000005</v>
      </c>
      <c r="CI2089" s="20">
        <v>0.73577599999999999</v>
      </c>
      <c r="CJ2089" s="20">
        <v>0.71423800000000004</v>
      </c>
      <c r="CK2089" s="20">
        <v>0.71259600000000001</v>
      </c>
      <c r="CL2089" s="20">
        <v>0.75337200000000004</v>
      </c>
      <c r="CM2089" s="20">
        <v>0.79236499999999999</v>
      </c>
      <c r="CN2089" s="20">
        <v>0.77661999999999998</v>
      </c>
      <c r="CO2089" s="20">
        <v>0.84276700000000004</v>
      </c>
      <c r="CP2089" s="20">
        <v>0.734711</v>
      </c>
      <c r="CQ2089" s="20">
        <v>0.72858999999999996</v>
      </c>
      <c r="CR2089" s="20">
        <v>0.71269300000000002</v>
      </c>
      <c r="CS2089" s="20">
        <v>0.63234500000000005</v>
      </c>
      <c r="CT2089" s="20">
        <v>0.63167499999999999</v>
      </c>
      <c r="CU2089" s="20">
        <v>0.641876</v>
      </c>
      <c r="CV2089" s="20">
        <v>0.626139</v>
      </c>
      <c r="CW2089" s="20">
        <v>0.58147400000000005</v>
      </c>
      <c r="CX2089" s="20">
        <v>0.55514200000000002</v>
      </c>
      <c r="CY2089" s="6" t="s">
        <v>677</v>
      </c>
      <c r="CZ2089" s="6" t="s">
        <v>678</v>
      </c>
      <c r="DA2089" s="6" t="s">
        <v>163</v>
      </c>
      <c r="DB2089" s="6"/>
      <c r="DC2089" s="6">
        <v>41180</v>
      </c>
      <c r="DD2089" s="6">
        <v>476</v>
      </c>
      <c r="DE2089" s="6" t="s">
        <v>508</v>
      </c>
      <c r="DF2089" s="6" t="s">
        <v>375</v>
      </c>
      <c r="DG2089" s="6" t="s">
        <v>364</v>
      </c>
      <c r="DH2089" s="6" t="s">
        <v>419</v>
      </c>
      <c r="DI2089" s="6" t="s">
        <v>509</v>
      </c>
      <c r="DJ2089" s="6">
        <v>29</v>
      </c>
      <c r="DK2089" s="6">
        <v>183</v>
      </c>
      <c r="DL2089" s="6">
        <v>1</v>
      </c>
      <c r="DM2089" s="6" t="s">
        <v>404</v>
      </c>
      <c r="DN2089" s="6">
        <v>1</v>
      </c>
      <c r="DO2089" s="6" t="s">
        <v>405</v>
      </c>
      <c r="DP2089" s="6"/>
      <c r="DQ2089" s="6"/>
    </row>
    <row r="2090" spans="1:121" x14ac:dyDescent="0.2">
      <c r="A2090" s="6" t="s">
        <v>312</v>
      </c>
      <c r="B2090" s="6" t="s">
        <v>312</v>
      </c>
      <c r="C2090" s="6" t="s">
        <v>175</v>
      </c>
      <c r="D2090" s="6" t="s">
        <v>163</v>
      </c>
      <c r="E2090" s="6" t="s">
        <v>302</v>
      </c>
      <c r="F2090" s="11">
        <v>-891</v>
      </c>
      <c r="G2090" s="13">
        <v>-7.8021015761799997E-2</v>
      </c>
      <c r="H2090" s="11">
        <v>1121.2485524000003</v>
      </c>
      <c r="I2090" s="13">
        <v>9.8179964611648116E-2</v>
      </c>
      <c r="J2090" s="11">
        <v>-3746.8237334700007</v>
      </c>
      <c r="K2090" s="13">
        <v>-0.29875193184914411</v>
      </c>
      <c r="L2090" s="11">
        <v>1734.5031923700008</v>
      </c>
      <c r="M2090" s="13">
        <v>0.1972199686520964</v>
      </c>
      <c r="N2090" s="11">
        <v>-2012.3205410999999</v>
      </c>
      <c r="O2090" s="13">
        <v>-0.16045180983108914</v>
      </c>
      <c r="P2090" s="7">
        <v>11420.3397489</v>
      </c>
      <c r="Q2090" s="7">
        <v>11599.4614074</v>
      </c>
      <c r="R2090" s="7">
        <v>12493.5204885</v>
      </c>
      <c r="S2090" s="7">
        <v>13451.849125000001</v>
      </c>
      <c r="T2090" s="7">
        <v>13914.6322753</v>
      </c>
      <c r="U2090" s="7">
        <v>13255.4006436</v>
      </c>
      <c r="V2090" s="7">
        <v>12541.5883013</v>
      </c>
      <c r="W2090" s="7">
        <v>11318.940888200001</v>
      </c>
      <c r="X2090" s="7">
        <v>9312.6486826799992</v>
      </c>
      <c r="Y2090" s="7">
        <v>8794.7645678299996</v>
      </c>
      <c r="Z2090" s="7">
        <v>8652.3609485399993</v>
      </c>
      <c r="AA2090" s="7">
        <v>8546.4581127799993</v>
      </c>
      <c r="AB2090" s="7">
        <v>9025.3674232499998</v>
      </c>
      <c r="AC2090" s="7">
        <v>8879.0427900199993</v>
      </c>
      <c r="AD2090" s="7">
        <v>9978.5651307700009</v>
      </c>
      <c r="AE2090" s="7">
        <v>10448.8792025</v>
      </c>
      <c r="AF2090" s="7">
        <v>10529.2677602</v>
      </c>
      <c r="AG2090" s="9">
        <v>14022.473997100002</v>
      </c>
      <c r="AH2090" s="13">
        <v>0.30830867817254909</v>
      </c>
      <c r="AI2090" s="9">
        <v>5475.8156170000002</v>
      </c>
      <c r="AJ2090" s="13">
        <v>0.12039540776777465</v>
      </c>
      <c r="AK2090" s="9">
        <v>-942.14820250000048</v>
      </c>
      <c r="AL2090" s="13">
        <v>-1.8488812140673487E-2</v>
      </c>
      <c r="AM2090" s="9">
        <v>9488.806582600002</v>
      </c>
      <c r="AN2090" s="13">
        <v>0.18971694635288697</v>
      </c>
      <c r="AO2090" s="9">
        <v>8546.6583801000015</v>
      </c>
      <c r="AP2090" s="13">
        <v>0.1677204932311927</v>
      </c>
      <c r="AQ2090" s="9">
        <v>45481.930901899999</v>
      </c>
      <c r="AR2090" s="9">
        <v>45549.047500799999</v>
      </c>
      <c r="AS2090" s="9">
        <v>46024.602123199998</v>
      </c>
      <c r="AT2090" s="9">
        <v>47594.9460463</v>
      </c>
      <c r="AU2090" s="9">
        <v>51572.3644117</v>
      </c>
      <c r="AV2090" s="9">
        <v>50041.094208499999</v>
      </c>
      <c r="AW2090" s="9">
        <v>50957.7465189</v>
      </c>
      <c r="AX2090" s="9">
        <v>50928.1775452</v>
      </c>
      <c r="AY2090" s="9">
        <v>49682.048312899999</v>
      </c>
      <c r="AZ2090" s="9">
        <v>50015.598316399999</v>
      </c>
      <c r="BA2090" s="9">
        <v>51361.753686600001</v>
      </c>
      <c r="BB2090" s="9">
        <v>52126.556409999997</v>
      </c>
      <c r="BC2090" s="9">
        <v>54290.684571199999</v>
      </c>
      <c r="BD2090" s="9">
        <v>55144.698231599999</v>
      </c>
      <c r="BE2090" s="9">
        <v>56561.929313599998</v>
      </c>
      <c r="BF2090" s="9">
        <v>59504.404899000001</v>
      </c>
      <c r="BG2090" s="11">
        <v>-42.75</v>
      </c>
      <c r="BH2090" s="13">
        <v>-4.0791984732824429E-2</v>
      </c>
      <c r="BI2090" s="6">
        <v>115</v>
      </c>
      <c r="BJ2090" s="13">
        <v>0.10973282442748092</v>
      </c>
      <c r="BK2090" s="6">
        <v>-104</v>
      </c>
      <c r="BL2090" s="13">
        <v>-8.9423903697334481E-2</v>
      </c>
      <c r="BM2090" s="11">
        <v>-53.75</v>
      </c>
      <c r="BN2090" s="13">
        <v>-5.075542965061379E-2</v>
      </c>
      <c r="BO2090" s="11">
        <v>-157.75</v>
      </c>
      <c r="BP2090" s="13">
        <v>-0.13564058469475496</v>
      </c>
      <c r="BQ2090" s="6">
        <v>1048</v>
      </c>
      <c r="BR2090" s="6">
        <v>1101</v>
      </c>
      <c r="BS2090" s="6">
        <v>1129</v>
      </c>
      <c r="BT2090" s="6">
        <v>1163</v>
      </c>
      <c r="BU2090" s="6">
        <v>1161</v>
      </c>
      <c r="BV2090" s="6">
        <v>1100</v>
      </c>
      <c r="BW2090" s="6">
        <v>1059</v>
      </c>
      <c r="BX2090" s="6">
        <v>1008</v>
      </c>
      <c r="BY2090" s="6">
        <v>990</v>
      </c>
      <c r="BZ2090" s="6">
        <v>992</v>
      </c>
      <c r="CA2090" s="6">
        <v>989</v>
      </c>
      <c r="CB2090" s="6">
        <v>1009</v>
      </c>
      <c r="CC2090" s="11">
        <v>1005.25</v>
      </c>
      <c r="CD2090" s="11">
        <v>-756.15899999999999</v>
      </c>
      <c r="CE2090" s="11">
        <v>-1383.29</v>
      </c>
      <c r="CF2090" s="11">
        <v>1248.3800000000001</v>
      </c>
      <c r="CG2090" s="11">
        <v>-135</v>
      </c>
      <c r="CH2090" s="20">
        <v>1.7175</v>
      </c>
      <c r="CI2090" s="20">
        <v>1.6786700000000001</v>
      </c>
      <c r="CJ2090" s="20">
        <v>1.67909</v>
      </c>
      <c r="CK2090" s="20">
        <v>1.66475</v>
      </c>
      <c r="CL2090" s="20">
        <v>1.6231199999999999</v>
      </c>
      <c r="CM2090" s="20">
        <v>1.4595199999999999</v>
      </c>
      <c r="CN2090" s="20">
        <v>1.3717600000000001</v>
      </c>
      <c r="CO2090" s="20">
        <v>1.3147599999999999</v>
      </c>
      <c r="CP2090" s="20">
        <v>1.23414</v>
      </c>
      <c r="CQ2090" s="20">
        <v>1.24194</v>
      </c>
      <c r="CR2090" s="20">
        <v>1.2250099999999999</v>
      </c>
      <c r="CS2090" s="20">
        <v>1.1891099999999999</v>
      </c>
      <c r="CT2090" s="20">
        <v>1.2073</v>
      </c>
      <c r="CU2090" s="20">
        <v>1.1490400000000001</v>
      </c>
      <c r="CV2090" s="20">
        <v>1.20949</v>
      </c>
      <c r="CW2090" s="20">
        <v>1.22688</v>
      </c>
      <c r="CX2090" s="20">
        <v>1.2102299999999999</v>
      </c>
      <c r="CY2090" s="6" t="s">
        <v>677</v>
      </c>
      <c r="CZ2090" s="6" t="s">
        <v>678</v>
      </c>
      <c r="DA2090" s="6" t="s">
        <v>163</v>
      </c>
      <c r="DB2090" s="6"/>
      <c r="DC2090" s="6">
        <v>41180</v>
      </c>
      <c r="DD2090" s="6">
        <v>476</v>
      </c>
      <c r="DE2090" s="6" t="s">
        <v>508</v>
      </c>
      <c r="DF2090" s="6" t="s">
        <v>375</v>
      </c>
      <c r="DG2090" s="6" t="s">
        <v>364</v>
      </c>
      <c r="DH2090" s="6" t="s">
        <v>419</v>
      </c>
      <c r="DI2090" s="6" t="s">
        <v>509</v>
      </c>
      <c r="DJ2090" s="6">
        <v>29</v>
      </c>
      <c r="DK2090" s="6">
        <v>183</v>
      </c>
      <c r="DL2090" s="6">
        <v>1</v>
      </c>
      <c r="DM2090" s="6" t="s">
        <v>404</v>
      </c>
      <c r="DN2090" s="6">
        <v>1</v>
      </c>
      <c r="DO2090" s="6" t="s">
        <v>405</v>
      </c>
      <c r="DP2090" s="6"/>
      <c r="DQ2090" s="6"/>
    </row>
    <row r="2091" spans="1:121" x14ac:dyDescent="0.2">
      <c r="A2091" s="6" t="s">
        <v>792</v>
      </c>
      <c r="B2091" s="6" t="s">
        <v>176</v>
      </c>
      <c r="C2091" s="6" t="s">
        <v>177</v>
      </c>
      <c r="D2091" s="6" t="s">
        <v>163</v>
      </c>
      <c r="E2091" s="6" t="s">
        <v>302</v>
      </c>
      <c r="F2091" s="11">
        <v>3389</v>
      </c>
      <c r="G2091" s="13">
        <v>0.25791476407899999</v>
      </c>
      <c r="H2091" s="11">
        <v>83.554072599999927</v>
      </c>
      <c r="I2091" s="13">
        <v>6.3588426145610244E-3</v>
      </c>
      <c r="J2091" s="11">
        <v>-3715.6231267200001</v>
      </c>
      <c r="K2091" s="13">
        <v>-0.28098895116778455</v>
      </c>
      <c r="L2091" s="11">
        <v>7021.0350546199988</v>
      </c>
      <c r="M2091" s="13">
        <v>0.73845351691316174</v>
      </c>
      <c r="N2091" s="11">
        <v>3305.4119278999988</v>
      </c>
      <c r="O2091" s="13">
        <v>0.24996728654178604</v>
      </c>
      <c r="P2091" s="7">
        <v>13139.8239687</v>
      </c>
      <c r="Q2091" s="7">
        <v>12523.239634899999</v>
      </c>
      <c r="R2091" s="7">
        <v>13172.9367604</v>
      </c>
      <c r="S2091" s="7">
        <v>12520.987703500001</v>
      </c>
      <c r="T2091" s="7">
        <v>12723.5848721</v>
      </c>
      <c r="U2091" s="7">
        <v>12971.6008475</v>
      </c>
      <c r="V2091" s="7">
        <v>13223.3780413</v>
      </c>
      <c r="W2091" s="7">
        <v>12375.0369145</v>
      </c>
      <c r="X2091" s="7">
        <v>10227.6378513</v>
      </c>
      <c r="Y2091" s="7">
        <v>9507.7549145800003</v>
      </c>
      <c r="Z2091" s="7">
        <v>10292.4695594</v>
      </c>
      <c r="AA2091" s="7">
        <v>10682.1679711</v>
      </c>
      <c r="AB2091" s="7">
        <v>12375.205882599999</v>
      </c>
      <c r="AC2091" s="7">
        <v>13066.9910955</v>
      </c>
      <c r="AD2091" s="7">
        <v>15107.1218811</v>
      </c>
      <c r="AE2091" s="7">
        <v>15807.888043000001</v>
      </c>
      <c r="AF2091" s="7">
        <v>16528.789969199999</v>
      </c>
      <c r="AG2091" s="9">
        <v>31829.859716299994</v>
      </c>
      <c r="AH2091" s="13">
        <v>0.59470129089941426</v>
      </c>
      <c r="AI2091" s="9">
        <v>21720.484759200001</v>
      </c>
      <c r="AJ2091" s="13">
        <v>0.40582020908632616</v>
      </c>
      <c r="AK2091" s="9">
        <v>-5682.3922477000015</v>
      </c>
      <c r="AL2091" s="13">
        <v>-7.552062642697828E-2</v>
      </c>
      <c r="AM2091" s="9">
        <v>15791.767204799995</v>
      </c>
      <c r="AN2091" s="13">
        <v>0.22702196678217615</v>
      </c>
      <c r="AO2091" s="9">
        <v>10109.374957099993</v>
      </c>
      <c r="AP2091" s="13">
        <v>0.13435649921112328</v>
      </c>
      <c r="AQ2091" s="9">
        <v>53522.432527700003</v>
      </c>
      <c r="AR2091" s="9">
        <v>60284.1625002</v>
      </c>
      <c r="AS2091" s="9">
        <v>59422.889834299996</v>
      </c>
      <c r="AT2091" s="9">
        <v>64300.197098500001</v>
      </c>
      <c r="AU2091" s="9">
        <v>68607.900285299998</v>
      </c>
      <c r="AV2091" s="9">
        <v>70958.701158800002</v>
      </c>
      <c r="AW2091" s="9">
        <v>75242.917286900003</v>
      </c>
      <c r="AX2091" s="9">
        <v>69187.972956600002</v>
      </c>
      <c r="AY2091" s="9">
        <v>65196.775393199998</v>
      </c>
      <c r="AZ2091" s="9">
        <v>69560.525039200002</v>
      </c>
      <c r="BA2091" s="9">
        <v>72589.027697500002</v>
      </c>
      <c r="BB2091" s="9">
        <v>71568.843238799993</v>
      </c>
      <c r="BC2091" s="9">
        <v>76786.665966</v>
      </c>
      <c r="BD2091" s="9">
        <v>83577.228482699997</v>
      </c>
      <c r="BE2091" s="9">
        <v>84517.609045699995</v>
      </c>
      <c r="BF2091" s="9">
        <v>85352.292243999997</v>
      </c>
      <c r="BG2091" s="11">
        <v>0.75</v>
      </c>
      <c r="BH2091" s="13">
        <v>2.6785714285714286E-3</v>
      </c>
      <c r="BI2091" s="6">
        <v>37</v>
      </c>
      <c r="BJ2091" s="13">
        <v>0.13214285714285715</v>
      </c>
      <c r="BK2091" s="6">
        <v>-25</v>
      </c>
      <c r="BL2091" s="13">
        <v>-7.8864353312302835E-2</v>
      </c>
      <c r="BM2091" s="11">
        <v>-11.25</v>
      </c>
      <c r="BN2091" s="13">
        <v>-3.8527397260273974E-2</v>
      </c>
      <c r="BO2091" s="11">
        <v>-36.25</v>
      </c>
      <c r="BP2091" s="13">
        <v>-0.11435331230283911</v>
      </c>
      <c r="BQ2091" s="6">
        <v>280</v>
      </c>
      <c r="BR2091" s="6">
        <v>289</v>
      </c>
      <c r="BS2091" s="6">
        <v>304</v>
      </c>
      <c r="BT2091" s="6">
        <v>317</v>
      </c>
      <c r="BU2091" s="6">
        <v>309</v>
      </c>
      <c r="BV2091" s="6">
        <v>306</v>
      </c>
      <c r="BW2091" s="6">
        <v>292</v>
      </c>
      <c r="BX2091" s="6">
        <v>280</v>
      </c>
      <c r="BY2091" s="6">
        <v>273</v>
      </c>
      <c r="BZ2091" s="6">
        <v>277</v>
      </c>
      <c r="CA2091" s="6">
        <v>279</v>
      </c>
      <c r="CB2091" s="6">
        <v>279</v>
      </c>
      <c r="CC2091" s="11">
        <v>280.75</v>
      </c>
      <c r="CD2091" s="11">
        <v>6590.69</v>
      </c>
      <c r="CE2091" s="11">
        <v>-4638.0600000000004</v>
      </c>
      <c r="CF2091" s="11">
        <v>1436.34</v>
      </c>
      <c r="CG2091" s="11">
        <v>-3202</v>
      </c>
      <c r="CH2091" s="20">
        <v>1.0322</v>
      </c>
      <c r="CI2091" s="20">
        <v>1.0116499999999999</v>
      </c>
      <c r="CJ2091" s="20">
        <v>1.0563800000000001</v>
      </c>
      <c r="CK2091" s="20">
        <v>0.97930700000000004</v>
      </c>
      <c r="CL2091" s="20">
        <v>0.98773299999999997</v>
      </c>
      <c r="CM2091" s="20">
        <v>0.99629400000000001</v>
      </c>
      <c r="CN2091" s="20">
        <v>1.02142</v>
      </c>
      <c r="CO2091" s="20">
        <v>0.993197</v>
      </c>
      <c r="CP2091" s="20">
        <v>0.92269199999999996</v>
      </c>
      <c r="CQ2091" s="20">
        <v>0.86463900000000005</v>
      </c>
      <c r="CR2091" s="20">
        <v>0.91049199999999997</v>
      </c>
      <c r="CS2091" s="20">
        <v>0.92197499999999999</v>
      </c>
      <c r="CT2091" s="20">
        <v>1.0430600000000001</v>
      </c>
      <c r="CU2091" s="20">
        <v>1.09161</v>
      </c>
      <c r="CV2091" s="20">
        <v>1.2151700000000001</v>
      </c>
      <c r="CW2091" s="20">
        <v>1.25864</v>
      </c>
      <c r="CX2091" s="20">
        <v>1.2965500000000001</v>
      </c>
      <c r="CY2091" s="6" t="s">
        <v>677</v>
      </c>
      <c r="CZ2091" s="6" t="s">
        <v>678</v>
      </c>
      <c r="DA2091" s="6" t="s">
        <v>163</v>
      </c>
      <c r="DB2091" s="6"/>
      <c r="DC2091" s="6">
        <v>41180</v>
      </c>
      <c r="DD2091" s="6">
        <v>476</v>
      </c>
      <c r="DE2091" s="6" t="s">
        <v>508</v>
      </c>
      <c r="DF2091" s="6" t="s">
        <v>375</v>
      </c>
      <c r="DG2091" s="6" t="s">
        <v>364</v>
      </c>
      <c r="DH2091" s="6" t="s">
        <v>419</v>
      </c>
      <c r="DI2091" s="6" t="s">
        <v>509</v>
      </c>
      <c r="DJ2091" s="6">
        <v>29</v>
      </c>
      <c r="DK2091" s="6">
        <v>183</v>
      </c>
      <c r="DL2091" s="6">
        <v>1</v>
      </c>
      <c r="DM2091" s="6" t="s">
        <v>404</v>
      </c>
      <c r="DN2091" s="6">
        <v>1</v>
      </c>
      <c r="DO2091" s="6" t="s">
        <v>405</v>
      </c>
      <c r="DP2091" s="6"/>
      <c r="DQ2091" s="6"/>
    </row>
    <row r="2092" spans="1:121" x14ac:dyDescent="0.2">
      <c r="A2092" s="6" t="s">
        <v>313</v>
      </c>
      <c r="B2092" s="6" t="s">
        <v>313</v>
      </c>
      <c r="C2092" s="6" t="s">
        <v>178</v>
      </c>
      <c r="D2092" s="6" t="s">
        <v>163</v>
      </c>
      <c r="E2092" s="6" t="s">
        <v>302</v>
      </c>
      <c r="F2092" s="11">
        <v>1888</v>
      </c>
      <c r="G2092" s="13">
        <v>0.51096075778100003</v>
      </c>
      <c r="H2092" s="11">
        <v>1101.2248417999995</v>
      </c>
      <c r="I2092" s="13">
        <v>0.29800482944065337</v>
      </c>
      <c r="J2092" s="11">
        <v>182.76171483000053</v>
      </c>
      <c r="K2092" s="13">
        <v>3.8102740982799997E-2</v>
      </c>
      <c r="L2092" s="11">
        <v>603.53959282999949</v>
      </c>
      <c r="M2092" s="13">
        <v>0.12120943363499571</v>
      </c>
      <c r="N2092" s="11">
        <v>786.30130766000002</v>
      </c>
      <c r="O2092" s="13">
        <v>0.16393058627226184</v>
      </c>
      <c r="P2092" s="7">
        <v>3695.3254880700001</v>
      </c>
      <c r="Q2092" s="7">
        <v>3699.81074446</v>
      </c>
      <c r="R2092" s="7">
        <v>4172.4167379700002</v>
      </c>
      <c r="S2092" s="7">
        <v>4204.3246392000001</v>
      </c>
      <c r="T2092" s="7">
        <v>4369.7345489500003</v>
      </c>
      <c r="U2092" s="7">
        <v>4452.1347051800003</v>
      </c>
      <c r="V2092" s="7">
        <v>4796.5503298699996</v>
      </c>
      <c r="W2092" s="7">
        <v>4527.1247730900004</v>
      </c>
      <c r="X2092" s="7">
        <v>4336.83946638</v>
      </c>
      <c r="Y2092" s="7">
        <v>4979.3120447000001</v>
      </c>
      <c r="Z2092" s="7">
        <v>5077.1546069599999</v>
      </c>
      <c r="AA2092" s="7">
        <v>5288.9241777200004</v>
      </c>
      <c r="AB2092" s="7">
        <v>4860.5135040699997</v>
      </c>
      <c r="AC2092" s="7">
        <v>5019.8533252799998</v>
      </c>
      <c r="AD2092" s="7">
        <v>5393.8767869900003</v>
      </c>
      <c r="AE2092" s="7">
        <v>5421.7085836099996</v>
      </c>
      <c r="AF2092" s="7">
        <v>5582.8516375299996</v>
      </c>
      <c r="AG2092" s="9">
        <v>23215.100769600002</v>
      </c>
      <c r="AH2092" s="13">
        <v>0.44799161799459331</v>
      </c>
      <c r="AI2092" s="9">
        <v>8369.676827299998</v>
      </c>
      <c r="AJ2092" s="13">
        <v>0.16151319355305066</v>
      </c>
      <c r="AK2092" s="9">
        <v>5300.1035585999998</v>
      </c>
      <c r="AL2092" s="13">
        <v>8.805611553041362E-2</v>
      </c>
      <c r="AM2092" s="9">
        <v>9545.3203837000037</v>
      </c>
      <c r="AN2092" s="13">
        <v>0.14575195322575654</v>
      </c>
      <c r="AO2092" s="9">
        <v>14845.423942300004</v>
      </c>
      <c r="AP2092" s="13">
        <v>0.2466424195882008</v>
      </c>
      <c r="AQ2092" s="9">
        <v>51820.3909116</v>
      </c>
      <c r="AR2092" s="9">
        <v>53240.107932699997</v>
      </c>
      <c r="AS2092" s="9">
        <v>55576.612030099997</v>
      </c>
      <c r="AT2092" s="9">
        <v>57836.657367400003</v>
      </c>
      <c r="AU2092" s="9">
        <v>58565.031283999997</v>
      </c>
      <c r="AV2092" s="9">
        <v>60291.194300299998</v>
      </c>
      <c r="AW2092" s="9">
        <v>60190.067738899997</v>
      </c>
      <c r="AX2092" s="9">
        <v>63738.910539700002</v>
      </c>
      <c r="AY2092" s="9">
        <v>62624.315040399997</v>
      </c>
      <c r="AZ2092" s="9">
        <v>65490.171297499997</v>
      </c>
      <c r="BA2092" s="9">
        <v>65562.870062799993</v>
      </c>
      <c r="BB2092" s="9">
        <v>66956.690133700002</v>
      </c>
      <c r="BC2092" s="9">
        <v>67347.275712300005</v>
      </c>
      <c r="BD2092" s="9">
        <v>69289.839339300001</v>
      </c>
      <c r="BE2092" s="9">
        <v>73248.789021499993</v>
      </c>
      <c r="BF2092" s="9">
        <v>75035.491681200001</v>
      </c>
      <c r="BG2092" s="11">
        <v>25.5</v>
      </c>
      <c r="BH2092" s="13">
        <v>4.4736842105263158E-2</v>
      </c>
      <c r="BI2092" s="6">
        <v>21</v>
      </c>
      <c r="BJ2092" s="13">
        <v>3.6842105263157891E-2</v>
      </c>
      <c r="BK2092" s="6">
        <v>-14</v>
      </c>
      <c r="BL2092" s="13">
        <v>-2.3688663282571912E-2</v>
      </c>
      <c r="BM2092" s="11">
        <v>18.5</v>
      </c>
      <c r="BN2092" s="13">
        <v>3.2062391681109186E-2</v>
      </c>
      <c r="BO2092" s="11">
        <v>4.5</v>
      </c>
      <c r="BP2092" s="13">
        <v>7.6142131979695434E-3</v>
      </c>
      <c r="BQ2092" s="6">
        <v>570</v>
      </c>
      <c r="BR2092" s="6">
        <v>572</v>
      </c>
      <c r="BS2092" s="6">
        <v>565</v>
      </c>
      <c r="BT2092" s="6">
        <v>591</v>
      </c>
      <c r="BU2092" s="6">
        <v>584</v>
      </c>
      <c r="BV2092" s="6">
        <v>564</v>
      </c>
      <c r="BW2092" s="6">
        <v>577</v>
      </c>
      <c r="BX2092" s="6">
        <v>549</v>
      </c>
      <c r="BY2092" s="6">
        <v>573</v>
      </c>
      <c r="BZ2092" s="6">
        <v>592</v>
      </c>
      <c r="CA2092" s="6">
        <v>598</v>
      </c>
      <c r="CB2092" s="6">
        <v>608</v>
      </c>
      <c r="CC2092" s="11">
        <v>595.5</v>
      </c>
      <c r="CD2092" s="11">
        <v>1785.74</v>
      </c>
      <c r="CE2092" s="11">
        <v>-302.15800000000002</v>
      </c>
      <c r="CF2092" s="11">
        <v>403.94400000000002</v>
      </c>
      <c r="CG2092" s="11">
        <v>102</v>
      </c>
      <c r="CH2092" s="20">
        <v>0.81522899999999998</v>
      </c>
      <c r="CI2092" s="20">
        <v>0.79718699999999998</v>
      </c>
      <c r="CJ2092" s="20">
        <v>0.85312299999999996</v>
      </c>
      <c r="CK2092" s="20">
        <v>0.818577</v>
      </c>
      <c r="CL2092" s="20">
        <v>0.82441200000000003</v>
      </c>
      <c r="CM2092" s="20">
        <v>0.80857100000000004</v>
      </c>
      <c r="CN2092" s="20">
        <v>0.84506700000000001</v>
      </c>
      <c r="CO2092" s="20">
        <v>0.80749800000000005</v>
      </c>
      <c r="CP2092" s="20">
        <v>0.82195700000000005</v>
      </c>
      <c r="CQ2092" s="20">
        <v>0.94182999999999995</v>
      </c>
      <c r="CR2092" s="20">
        <v>0.93826299999999996</v>
      </c>
      <c r="CS2092" s="20">
        <v>0.95250400000000002</v>
      </c>
      <c r="CT2092" s="20">
        <v>0.84997999999999996</v>
      </c>
      <c r="CU2092" s="20">
        <v>0.87115799999999999</v>
      </c>
      <c r="CV2092" s="20">
        <v>0.90188699999999999</v>
      </c>
      <c r="CW2092" s="20">
        <v>0.89965799999999996</v>
      </c>
      <c r="CX2092" s="20">
        <v>0.90525699999999998</v>
      </c>
      <c r="CY2092" s="6" t="s">
        <v>677</v>
      </c>
      <c r="CZ2092" s="6" t="s">
        <v>678</v>
      </c>
      <c r="DA2092" s="6" t="s">
        <v>163</v>
      </c>
      <c r="DB2092" s="6"/>
      <c r="DC2092" s="6">
        <v>41180</v>
      </c>
      <c r="DD2092" s="6">
        <v>476</v>
      </c>
      <c r="DE2092" s="6" t="s">
        <v>508</v>
      </c>
      <c r="DF2092" s="6" t="s">
        <v>375</v>
      </c>
      <c r="DG2092" s="6" t="s">
        <v>364</v>
      </c>
      <c r="DH2092" s="6" t="s">
        <v>419</v>
      </c>
      <c r="DI2092" s="6" t="s">
        <v>509</v>
      </c>
      <c r="DJ2092" s="6">
        <v>29</v>
      </c>
      <c r="DK2092" s="6">
        <v>183</v>
      </c>
      <c r="DL2092" s="6">
        <v>1</v>
      </c>
      <c r="DM2092" s="6" t="s">
        <v>404</v>
      </c>
      <c r="DN2092" s="6">
        <v>1</v>
      </c>
      <c r="DO2092" s="6" t="s">
        <v>405</v>
      </c>
      <c r="DP2092" s="6"/>
      <c r="DQ2092" s="6"/>
    </row>
    <row r="2093" spans="1:121" x14ac:dyDescent="0.2">
      <c r="A2093" s="6" t="s">
        <v>793</v>
      </c>
      <c r="B2093" s="6" t="s">
        <v>179</v>
      </c>
      <c r="C2093" s="6" t="s">
        <v>180</v>
      </c>
      <c r="D2093" s="6" t="s">
        <v>163</v>
      </c>
      <c r="E2093" s="6" t="s">
        <v>302</v>
      </c>
      <c r="F2093" s="11">
        <v>5685</v>
      </c>
      <c r="G2093" s="13">
        <v>0.36</v>
      </c>
      <c r="H2093" s="11">
        <v>2956</v>
      </c>
      <c r="I2093" s="13">
        <v>0.18853243191530072</v>
      </c>
      <c r="J2093" s="11">
        <v>-609</v>
      </c>
      <c r="K2093" s="13">
        <v>-3.2680440032197479E-2</v>
      </c>
      <c r="L2093" s="11">
        <v>3338</v>
      </c>
      <c r="M2093" s="13">
        <v>0.18517696660379451</v>
      </c>
      <c r="N2093" s="11">
        <v>2729</v>
      </c>
      <c r="O2093" s="13">
        <v>0.1464448618191575</v>
      </c>
      <c r="P2093" s="7">
        <v>15679</v>
      </c>
      <c r="Q2093" s="7">
        <v>16255</v>
      </c>
      <c r="R2093" s="7">
        <v>16524</v>
      </c>
      <c r="S2093" s="7">
        <v>16650</v>
      </c>
      <c r="T2093" s="7">
        <v>16960</v>
      </c>
      <c r="U2093" s="7">
        <v>17717</v>
      </c>
      <c r="V2093" s="7">
        <v>18635</v>
      </c>
      <c r="W2093" s="7">
        <v>18522</v>
      </c>
      <c r="X2093" s="7">
        <v>18342</v>
      </c>
      <c r="Y2093" s="7">
        <v>18026</v>
      </c>
      <c r="Z2093" s="7">
        <v>18373</v>
      </c>
      <c r="AA2093" s="7">
        <v>18437</v>
      </c>
      <c r="AB2093" s="7">
        <v>18957</v>
      </c>
      <c r="AC2093" s="7">
        <v>19771</v>
      </c>
      <c r="AD2093" s="7">
        <v>20516</v>
      </c>
      <c r="AE2093" s="7">
        <v>20863</v>
      </c>
      <c r="AF2093" s="7">
        <v>21364</v>
      </c>
      <c r="AG2093" s="9">
        <v>9710</v>
      </c>
      <c r="AH2093" s="13">
        <v>0.40808607211902159</v>
      </c>
      <c r="AI2093" s="9">
        <v>4388</v>
      </c>
      <c r="AJ2093" s="13">
        <v>0.18441623938808105</v>
      </c>
      <c r="AK2093" s="9">
        <v>1642</v>
      </c>
      <c r="AL2093" s="13">
        <v>5.8264140231353345E-2</v>
      </c>
      <c r="AM2093" s="9">
        <v>3680</v>
      </c>
      <c r="AN2093" s="13">
        <v>0.12339055793991416</v>
      </c>
      <c r="AO2093" s="9">
        <v>5322</v>
      </c>
      <c r="AP2093" s="13">
        <v>0.18884394294230361</v>
      </c>
      <c r="AQ2093" s="9">
        <v>23794</v>
      </c>
      <c r="AR2093" s="9">
        <v>24762</v>
      </c>
      <c r="AS2093" s="9">
        <v>25870</v>
      </c>
      <c r="AT2093" s="9">
        <v>26590</v>
      </c>
      <c r="AU2093" s="9">
        <v>27362</v>
      </c>
      <c r="AV2093" s="9">
        <v>27815</v>
      </c>
      <c r="AW2093" s="9">
        <v>28182</v>
      </c>
      <c r="AX2093" s="9">
        <v>28898</v>
      </c>
      <c r="AY2093" s="9">
        <v>29252</v>
      </c>
      <c r="AZ2093" s="9">
        <v>29824</v>
      </c>
      <c r="BA2093" s="9">
        <v>29096</v>
      </c>
      <c r="BB2093" s="9">
        <v>29679</v>
      </c>
      <c r="BC2093" s="9">
        <v>30483</v>
      </c>
      <c r="BD2093" s="9">
        <v>31840</v>
      </c>
      <c r="BE2093" s="9">
        <v>32882</v>
      </c>
      <c r="BF2093" s="9">
        <v>33504</v>
      </c>
      <c r="BG2093" s="11">
        <v>146</v>
      </c>
      <c r="BH2093" s="13">
        <v>0.15800865800865802</v>
      </c>
      <c r="BI2093" s="6">
        <v>49</v>
      </c>
      <c r="BJ2093" s="13">
        <v>5.3030303030303032E-2</v>
      </c>
      <c r="BK2093" s="6">
        <v>35</v>
      </c>
      <c r="BL2093" s="13">
        <v>3.5971223021582732E-2</v>
      </c>
      <c r="BM2093" s="11">
        <v>62</v>
      </c>
      <c r="BN2093" s="13">
        <v>6.1507936507936505E-2</v>
      </c>
      <c r="BO2093" s="11">
        <v>97</v>
      </c>
      <c r="BP2093" s="13">
        <v>9.9691675231243573E-2</v>
      </c>
      <c r="BQ2093" s="6">
        <v>924</v>
      </c>
      <c r="BR2093" s="6">
        <v>935</v>
      </c>
      <c r="BS2093" s="6">
        <v>943</v>
      </c>
      <c r="BT2093" s="6">
        <v>973</v>
      </c>
      <c r="BU2093" s="6">
        <v>1004</v>
      </c>
      <c r="BV2093" s="6">
        <v>1008</v>
      </c>
      <c r="BW2093" s="6">
        <v>1008</v>
      </c>
      <c r="BX2093" s="6">
        <v>1005</v>
      </c>
      <c r="BY2093" s="6">
        <v>999</v>
      </c>
      <c r="BZ2093" s="6">
        <v>1003</v>
      </c>
      <c r="CA2093" s="6">
        <v>1037</v>
      </c>
      <c r="CB2093" s="6">
        <v>1058</v>
      </c>
      <c r="CC2093" s="11">
        <v>1070</v>
      </c>
      <c r="CD2093" s="11">
        <v>4976</v>
      </c>
      <c r="CE2093" s="11">
        <v>-1005</v>
      </c>
      <c r="CF2093" s="11">
        <v>1714</v>
      </c>
      <c r="CG2093" s="11">
        <v>709</v>
      </c>
      <c r="CH2093" s="20">
        <v>1.29</v>
      </c>
      <c r="CI2093" s="20">
        <v>1.28</v>
      </c>
      <c r="CJ2093" s="20">
        <v>1.24</v>
      </c>
      <c r="CK2093" s="20">
        <v>1.19</v>
      </c>
      <c r="CL2093" s="20">
        <v>1.19</v>
      </c>
      <c r="CM2093" s="20">
        <v>1.21</v>
      </c>
      <c r="CN2093" s="20">
        <v>1.25</v>
      </c>
      <c r="CO2093" s="20">
        <v>1.26</v>
      </c>
      <c r="CP2093" s="20">
        <v>1.31</v>
      </c>
      <c r="CQ2093" s="20">
        <v>1.27</v>
      </c>
      <c r="CR2093" s="20">
        <v>1.26</v>
      </c>
      <c r="CS2093" s="20">
        <v>1.24</v>
      </c>
      <c r="CT2093" s="20">
        <v>1.24</v>
      </c>
      <c r="CU2093" s="20">
        <v>1.28</v>
      </c>
      <c r="CV2093" s="20">
        <v>1.27</v>
      </c>
      <c r="CW2093" s="20">
        <v>1.27</v>
      </c>
      <c r="CX2093" s="20">
        <v>1.27</v>
      </c>
      <c r="CY2093" s="6" t="s">
        <v>677</v>
      </c>
      <c r="CZ2093" s="6" t="s">
        <v>678</v>
      </c>
      <c r="DA2093" s="6" t="s">
        <v>163</v>
      </c>
      <c r="DB2093" s="6"/>
      <c r="DC2093" s="6">
        <v>41180</v>
      </c>
      <c r="DD2093" s="6">
        <v>476</v>
      </c>
      <c r="DE2093" s="6" t="s">
        <v>508</v>
      </c>
      <c r="DF2093" s="6" t="s">
        <v>375</v>
      </c>
      <c r="DG2093" s="6" t="s">
        <v>364</v>
      </c>
      <c r="DH2093" s="6" t="s">
        <v>419</v>
      </c>
      <c r="DI2093" s="6" t="s">
        <v>509</v>
      </c>
      <c r="DJ2093" s="6">
        <v>29</v>
      </c>
      <c r="DK2093" s="6">
        <v>183</v>
      </c>
      <c r="DL2093" s="6">
        <v>1</v>
      </c>
      <c r="DM2093" s="6" t="s">
        <v>404</v>
      </c>
      <c r="DN2093" s="6">
        <v>1</v>
      </c>
      <c r="DO2093" s="6" t="s">
        <v>405</v>
      </c>
      <c r="DP2093" s="6"/>
      <c r="DQ2093" s="6"/>
    </row>
    <row r="2094" spans="1:121" x14ac:dyDescent="0.2">
      <c r="A2094" s="6" t="s">
        <v>794</v>
      </c>
      <c r="B2094" s="6" t="s">
        <v>181</v>
      </c>
      <c r="C2094" s="6" t="s">
        <v>182</v>
      </c>
      <c r="D2094" s="6" t="s">
        <v>163</v>
      </c>
      <c r="E2094" s="6" t="s">
        <v>302</v>
      </c>
      <c r="F2094" s="11">
        <v>2720</v>
      </c>
      <c r="G2094" s="13">
        <v>1.29154795821</v>
      </c>
      <c r="H2094" s="11">
        <v>1013.79441903</v>
      </c>
      <c r="I2094" s="13">
        <v>0.4813093805653027</v>
      </c>
      <c r="J2094" s="11">
        <v>56.757093430000168</v>
      </c>
      <c r="K2094" s="13">
        <v>1.8190674539439153E-2</v>
      </c>
      <c r="L2094" s="11">
        <v>1649.4295293099999</v>
      </c>
      <c r="M2094" s="13">
        <v>0.51919835421663951</v>
      </c>
      <c r="N2094" s="11">
        <v>1706.1866227400001</v>
      </c>
      <c r="O2094" s="13">
        <v>0.54683359703904599</v>
      </c>
      <c r="P2094" s="7">
        <v>2106.3259100400001</v>
      </c>
      <c r="Q2094" s="7">
        <v>2633.4984396700002</v>
      </c>
      <c r="R2094" s="7">
        <v>2763.7611626399998</v>
      </c>
      <c r="S2094" s="7">
        <v>2842.3355558399999</v>
      </c>
      <c r="T2094" s="7">
        <v>2981.8844525300001</v>
      </c>
      <c r="U2094" s="7">
        <v>2996.0578915299998</v>
      </c>
      <c r="V2094" s="7">
        <v>3120.12032907</v>
      </c>
      <c r="W2094" s="7">
        <v>3067.6740940700001</v>
      </c>
      <c r="X2094" s="7">
        <v>3024.5275265599998</v>
      </c>
      <c r="Y2094" s="7">
        <v>3176.8774225000002</v>
      </c>
      <c r="Z2094" s="7">
        <v>3251.92943909</v>
      </c>
      <c r="AA2094" s="7">
        <v>3504.54035024</v>
      </c>
      <c r="AB2094" s="7">
        <v>3324.0159183400001</v>
      </c>
      <c r="AC2094" s="7">
        <v>3932.8108266099998</v>
      </c>
      <c r="AD2094" s="7">
        <v>4432.7025689599996</v>
      </c>
      <c r="AE2094" s="7">
        <v>4590.6431965299998</v>
      </c>
      <c r="AF2094" s="7">
        <v>4826.3069518100001</v>
      </c>
      <c r="AG2094" s="9">
        <v>17685.011285100001</v>
      </c>
      <c r="AH2094" s="13">
        <v>0.46026293495763709</v>
      </c>
      <c r="AI2094" s="9">
        <v>9820.6610466000056</v>
      </c>
      <c r="AJ2094" s="13">
        <v>0.25558854352219318</v>
      </c>
      <c r="AK2094" s="9">
        <v>1749.2732032999993</v>
      </c>
      <c r="AL2094" s="13">
        <v>3.6258594061967353E-2</v>
      </c>
      <c r="AM2094" s="9">
        <v>6115.0770351999963</v>
      </c>
      <c r="AN2094" s="13">
        <v>0.12231707974618478</v>
      </c>
      <c r="AO2094" s="9">
        <v>7864.3502384999956</v>
      </c>
      <c r="AP2094" s="13">
        <v>0.16301071914951432</v>
      </c>
      <c r="AQ2094" s="9">
        <v>38423.713798999997</v>
      </c>
      <c r="AR2094" s="9">
        <v>42919.544338699998</v>
      </c>
      <c r="AS2094" s="9">
        <v>43403.739494699999</v>
      </c>
      <c r="AT2094" s="9">
        <v>44367.916886600004</v>
      </c>
      <c r="AU2094" s="9">
        <v>46362.891899599999</v>
      </c>
      <c r="AV2094" s="9">
        <v>47937.356405699997</v>
      </c>
      <c r="AW2094" s="9">
        <v>48244.374845600003</v>
      </c>
      <c r="AX2094" s="9">
        <v>48377.203541000003</v>
      </c>
      <c r="AY2094" s="9">
        <v>46969.142027100002</v>
      </c>
      <c r="AZ2094" s="9">
        <v>49993.648048900002</v>
      </c>
      <c r="BA2094" s="9">
        <v>51207.469408800003</v>
      </c>
      <c r="BB2094" s="9">
        <v>52954.302935699998</v>
      </c>
      <c r="BC2094" s="9">
        <v>53307.1940904</v>
      </c>
      <c r="BD2094" s="9">
        <v>55301.799973000001</v>
      </c>
      <c r="BE2094" s="9">
        <v>56434.632120100003</v>
      </c>
      <c r="BF2094" s="9">
        <v>56108.725084099999</v>
      </c>
      <c r="BG2094" s="11">
        <v>9.5</v>
      </c>
      <c r="BH2094" s="13">
        <v>4.377880184331797E-2</v>
      </c>
      <c r="BI2094" s="6">
        <v>1</v>
      </c>
      <c r="BJ2094" s="13">
        <v>4.608294930875576E-3</v>
      </c>
      <c r="BK2094" s="6">
        <v>-3</v>
      </c>
      <c r="BL2094" s="13">
        <v>-1.3761467889908258E-2</v>
      </c>
      <c r="BM2094" s="11">
        <v>11.5</v>
      </c>
      <c r="BN2094" s="13">
        <v>5.3488372093023255E-2</v>
      </c>
      <c r="BO2094" s="11">
        <v>8.5</v>
      </c>
      <c r="BP2094" s="13">
        <v>3.8990825688073397E-2</v>
      </c>
      <c r="BQ2094" s="6">
        <v>217</v>
      </c>
      <c r="BR2094" s="6">
        <v>218</v>
      </c>
      <c r="BS2094" s="6">
        <v>221</v>
      </c>
      <c r="BT2094" s="6">
        <v>218</v>
      </c>
      <c r="BU2094" s="6">
        <v>218</v>
      </c>
      <c r="BV2094" s="6">
        <v>210</v>
      </c>
      <c r="BW2094" s="6">
        <v>215</v>
      </c>
      <c r="BX2094" s="6">
        <v>217</v>
      </c>
      <c r="BY2094" s="6">
        <v>217</v>
      </c>
      <c r="BZ2094" s="6">
        <v>216</v>
      </c>
      <c r="CA2094" s="6">
        <v>221</v>
      </c>
      <c r="CB2094" s="6">
        <v>236</v>
      </c>
      <c r="CC2094" s="11">
        <v>226.5</v>
      </c>
      <c r="CD2094" s="11">
        <v>2356.9699999999998</v>
      </c>
      <c r="CE2094" s="11">
        <v>132.76300000000001</v>
      </c>
      <c r="CF2094" s="11">
        <v>230.24700000000001</v>
      </c>
      <c r="CG2094" s="11">
        <v>363</v>
      </c>
      <c r="CH2094" s="20">
        <v>0.587009</v>
      </c>
      <c r="CI2094" s="20">
        <v>0.72289499999999995</v>
      </c>
      <c r="CJ2094" s="20">
        <v>0.72143599999999997</v>
      </c>
      <c r="CK2094" s="20">
        <v>0.69969599999999998</v>
      </c>
      <c r="CL2094" s="20">
        <v>0.707036</v>
      </c>
      <c r="CM2094" s="20">
        <v>0.68188499999999996</v>
      </c>
      <c r="CN2094" s="20">
        <v>0.68739899999999998</v>
      </c>
      <c r="CO2094" s="20">
        <v>0.68430599999999997</v>
      </c>
      <c r="CP2094" s="20">
        <v>0.71480500000000002</v>
      </c>
      <c r="CQ2094" s="20">
        <v>0.74478200000000006</v>
      </c>
      <c r="CR2094" s="20">
        <v>0.73519999999999996</v>
      </c>
      <c r="CS2094" s="20">
        <v>0.76911600000000002</v>
      </c>
      <c r="CT2094" s="20">
        <v>0.70410700000000004</v>
      </c>
      <c r="CU2094" s="20">
        <v>0.80829399999999996</v>
      </c>
      <c r="CV2094" s="20">
        <v>0.84771600000000003</v>
      </c>
      <c r="CW2094" s="20">
        <v>0.84898300000000004</v>
      </c>
      <c r="CX2094" s="20">
        <v>0.86650099999999997</v>
      </c>
      <c r="CY2094" s="6" t="s">
        <v>677</v>
      </c>
      <c r="CZ2094" s="6" t="s">
        <v>678</v>
      </c>
      <c r="DA2094" s="6" t="s">
        <v>163</v>
      </c>
      <c r="DB2094" s="6"/>
      <c r="DC2094" s="6">
        <v>41180</v>
      </c>
      <c r="DD2094" s="6">
        <v>476</v>
      </c>
      <c r="DE2094" s="6" t="s">
        <v>508</v>
      </c>
      <c r="DF2094" s="6" t="s">
        <v>375</v>
      </c>
      <c r="DG2094" s="6" t="s">
        <v>364</v>
      </c>
      <c r="DH2094" s="6" t="s">
        <v>419</v>
      </c>
      <c r="DI2094" s="6" t="s">
        <v>509</v>
      </c>
      <c r="DJ2094" s="6">
        <v>29</v>
      </c>
      <c r="DK2094" s="6">
        <v>183</v>
      </c>
      <c r="DL2094" s="6">
        <v>1</v>
      </c>
      <c r="DM2094" s="6" t="s">
        <v>404</v>
      </c>
      <c r="DN2094" s="6">
        <v>1</v>
      </c>
      <c r="DO2094" s="6" t="s">
        <v>405</v>
      </c>
      <c r="DP2094" s="6"/>
      <c r="DQ2094" s="6"/>
    </row>
    <row r="2095" spans="1:121" x14ac:dyDescent="0.2">
      <c r="A2095" s="6" t="s">
        <v>314</v>
      </c>
      <c r="B2095" s="6" t="s">
        <v>314</v>
      </c>
      <c r="C2095" s="6" t="s">
        <v>183</v>
      </c>
      <c r="D2095" s="6" t="s">
        <v>163</v>
      </c>
      <c r="E2095" s="6" t="s">
        <v>302</v>
      </c>
      <c r="F2095" s="11">
        <v>2365</v>
      </c>
      <c r="G2095" s="13">
        <v>1.1256544502600001</v>
      </c>
      <c r="H2095" s="11">
        <v>1616.69141085</v>
      </c>
      <c r="I2095" s="13">
        <v>0.7696598138674362</v>
      </c>
      <c r="J2095" s="11">
        <v>-67.531127190000007</v>
      </c>
      <c r="K2095" s="13">
        <v>-1.8167111860942768E-2</v>
      </c>
      <c r="L2095" s="11">
        <v>816.11508611000045</v>
      </c>
      <c r="M2095" s="13">
        <v>0.2236123172168632</v>
      </c>
      <c r="N2095" s="11">
        <v>748.58395892000044</v>
      </c>
      <c r="O2095" s="13">
        <v>0.20138281537555705</v>
      </c>
      <c r="P2095" s="7">
        <v>2100.5272481699999</v>
      </c>
      <c r="Q2095" s="7">
        <v>3118.2619344</v>
      </c>
      <c r="R2095" s="7">
        <v>4478.5138641599997</v>
      </c>
      <c r="S2095" s="7">
        <v>4130.6717659200003</v>
      </c>
      <c r="T2095" s="7">
        <v>3776.1338592400002</v>
      </c>
      <c r="U2095" s="7">
        <v>3715.8127338200002</v>
      </c>
      <c r="V2095" s="7">
        <v>3717.2186590199999</v>
      </c>
      <c r="W2095" s="7">
        <v>3842.8177563700001</v>
      </c>
      <c r="X2095" s="7">
        <v>3718.2968016499999</v>
      </c>
      <c r="Y2095" s="7">
        <v>3649.6875318299999</v>
      </c>
      <c r="Z2095" s="7">
        <v>3671.10707774</v>
      </c>
      <c r="AA2095" s="7">
        <v>3883.3586326700001</v>
      </c>
      <c r="AB2095" s="7">
        <v>3947.1235517</v>
      </c>
      <c r="AC2095" s="7">
        <v>4169.7972771599998</v>
      </c>
      <c r="AD2095" s="7">
        <v>4234.8060045599996</v>
      </c>
      <c r="AE2095" s="7">
        <v>4354.0701152700003</v>
      </c>
      <c r="AF2095" s="7">
        <v>4465.8026179400003</v>
      </c>
      <c r="AG2095" s="9">
        <v>84968.299042400002</v>
      </c>
      <c r="AH2095" s="13">
        <v>1.9795056990978619</v>
      </c>
      <c r="AI2095" s="9">
        <v>41518.116756699994</v>
      </c>
      <c r="AJ2095" s="13">
        <v>0.96724719291705252</v>
      </c>
      <c r="AK2095" s="9">
        <v>26860.096582700004</v>
      </c>
      <c r="AL2095" s="13">
        <v>0.3180888659657502</v>
      </c>
      <c r="AM2095" s="9">
        <v>16590.085703000004</v>
      </c>
      <c r="AN2095" s="13">
        <v>0.14905441208440393</v>
      </c>
      <c r="AO2095" s="9">
        <v>43450.182285700008</v>
      </c>
      <c r="AP2095" s="13">
        <v>0.51455582695727375</v>
      </c>
      <c r="AQ2095" s="9">
        <v>42923.998188600002</v>
      </c>
      <c r="AR2095" s="9">
        <v>48508.403842599997</v>
      </c>
      <c r="AS2095" s="9">
        <v>67829.499479299993</v>
      </c>
      <c r="AT2095" s="9">
        <v>71996.840709399999</v>
      </c>
      <c r="AU2095" s="9">
        <v>75549.011803799993</v>
      </c>
      <c r="AV2095" s="9">
        <v>78158.354351300004</v>
      </c>
      <c r="AW2095" s="9">
        <v>84442.114945299996</v>
      </c>
      <c r="AX2095" s="9">
        <v>93611.766081099995</v>
      </c>
      <c r="AY2095" s="9">
        <v>104425.18829200001</v>
      </c>
      <c r="AZ2095" s="9">
        <v>111302.211528</v>
      </c>
      <c r="BA2095" s="9">
        <v>107698.81750999999</v>
      </c>
      <c r="BB2095" s="9">
        <v>116204.604563</v>
      </c>
      <c r="BC2095" s="9">
        <v>116421.138601</v>
      </c>
      <c r="BD2095" s="9">
        <v>124555.600809</v>
      </c>
      <c r="BE2095" s="9">
        <v>127429.66910100001</v>
      </c>
      <c r="BF2095" s="9">
        <v>127892.297231</v>
      </c>
      <c r="BG2095" s="11">
        <v>-5.5</v>
      </c>
      <c r="BH2095" s="13">
        <v>-4.5454545454545456E-2</v>
      </c>
      <c r="BI2095" s="6">
        <v>1</v>
      </c>
      <c r="BJ2095" s="13">
        <v>8.2644628099173556E-3</v>
      </c>
      <c r="BK2095" s="6">
        <v>-7</v>
      </c>
      <c r="BL2095" s="13">
        <v>-5.737704918032787E-2</v>
      </c>
      <c r="BM2095" s="11">
        <v>0.5</v>
      </c>
      <c r="BN2095" s="13">
        <v>4.3478260869565218E-3</v>
      </c>
      <c r="BO2095" s="11">
        <v>-6.5</v>
      </c>
      <c r="BP2095" s="13">
        <v>-5.3278688524590161E-2</v>
      </c>
      <c r="BQ2095" s="6">
        <v>121</v>
      </c>
      <c r="BR2095" s="6">
        <v>119</v>
      </c>
      <c r="BS2095" s="6">
        <v>116</v>
      </c>
      <c r="BT2095" s="6">
        <v>122</v>
      </c>
      <c r="BU2095" s="6">
        <v>112</v>
      </c>
      <c r="BV2095" s="6">
        <v>111</v>
      </c>
      <c r="BW2095" s="6">
        <v>115</v>
      </c>
      <c r="BX2095" s="6">
        <v>109</v>
      </c>
      <c r="BY2095" s="6">
        <v>105</v>
      </c>
      <c r="BZ2095" s="6">
        <v>110</v>
      </c>
      <c r="CA2095" s="6">
        <v>117</v>
      </c>
      <c r="CB2095" s="6">
        <v>112</v>
      </c>
      <c r="CC2095" s="11">
        <v>115.5</v>
      </c>
      <c r="CD2095" s="11">
        <v>2779.03</v>
      </c>
      <c r="CE2095" s="11">
        <v>-643.37099999999998</v>
      </c>
      <c r="CF2095" s="11">
        <v>229.613</v>
      </c>
      <c r="CG2095" s="11">
        <v>-413</v>
      </c>
      <c r="CH2095" s="20">
        <v>0.74337399999999998</v>
      </c>
      <c r="CI2095" s="20">
        <v>1.1176299999999999</v>
      </c>
      <c r="CJ2095" s="20">
        <v>1.5938300000000001</v>
      </c>
      <c r="CK2095" s="20">
        <v>1.4449700000000001</v>
      </c>
      <c r="CL2095" s="20">
        <v>1.3205800000000001</v>
      </c>
      <c r="CM2095" s="20">
        <v>1.2845</v>
      </c>
      <c r="CN2095" s="20">
        <v>1.2723500000000001</v>
      </c>
      <c r="CO2095" s="20">
        <v>1.3433900000000001</v>
      </c>
      <c r="CP2095" s="20">
        <v>1.3706400000000001</v>
      </c>
      <c r="CQ2095" s="20">
        <v>1.3688899999999999</v>
      </c>
      <c r="CR2095" s="20">
        <v>1.3772599999999999</v>
      </c>
      <c r="CS2095" s="20">
        <v>1.4428099999999999</v>
      </c>
      <c r="CT2095" s="20">
        <v>1.43014</v>
      </c>
      <c r="CU2095" s="20">
        <v>1.4973700000000001</v>
      </c>
      <c r="CV2095" s="20">
        <v>1.4666999999999999</v>
      </c>
      <c r="CW2095" s="20">
        <v>1.4741899999999999</v>
      </c>
      <c r="CX2095" s="20">
        <v>1.4864200000000001</v>
      </c>
      <c r="CY2095" s="6" t="s">
        <v>677</v>
      </c>
      <c r="CZ2095" s="6" t="s">
        <v>678</v>
      </c>
      <c r="DA2095" s="6" t="s">
        <v>163</v>
      </c>
      <c r="DB2095" s="6"/>
      <c r="DC2095" s="6">
        <v>41180</v>
      </c>
      <c r="DD2095" s="6">
        <v>476</v>
      </c>
      <c r="DE2095" s="6" t="s">
        <v>508</v>
      </c>
      <c r="DF2095" s="6" t="s">
        <v>375</v>
      </c>
      <c r="DG2095" s="6" t="s">
        <v>364</v>
      </c>
      <c r="DH2095" s="6" t="s">
        <v>419</v>
      </c>
      <c r="DI2095" s="6" t="s">
        <v>509</v>
      </c>
      <c r="DJ2095" s="6">
        <v>29</v>
      </c>
      <c r="DK2095" s="6">
        <v>183</v>
      </c>
      <c r="DL2095" s="6">
        <v>1</v>
      </c>
      <c r="DM2095" s="6" t="s">
        <v>404</v>
      </c>
      <c r="DN2095" s="6">
        <v>1</v>
      </c>
      <c r="DO2095" s="6" t="s">
        <v>405</v>
      </c>
      <c r="DP2095" s="6"/>
      <c r="DQ2095" s="6"/>
    </row>
    <row r="2096" spans="1:121" x14ac:dyDescent="0.2">
      <c r="A2096" s="6" t="s">
        <v>315</v>
      </c>
      <c r="B2096" s="6" t="s">
        <v>315</v>
      </c>
      <c r="C2096" s="6" t="s">
        <v>184</v>
      </c>
      <c r="D2096" s="6" t="s">
        <v>163</v>
      </c>
      <c r="E2096" s="6" t="s">
        <v>302</v>
      </c>
      <c r="F2096" s="11">
        <v>4793</v>
      </c>
      <c r="G2096" s="13">
        <v>1.76</v>
      </c>
      <c r="H2096" s="11">
        <v>5366</v>
      </c>
      <c r="I2096" s="13">
        <v>1.9706206390011016</v>
      </c>
      <c r="J2096" s="11">
        <v>-70</v>
      </c>
      <c r="K2096" s="13">
        <v>-8.6537272839658803E-3</v>
      </c>
      <c r="L2096" s="11">
        <v>-503</v>
      </c>
      <c r="M2096" s="13">
        <v>-6.2726025688988649E-2</v>
      </c>
      <c r="N2096" s="11">
        <v>-573</v>
      </c>
      <c r="O2096" s="13">
        <v>-7.0836939053034981E-2</v>
      </c>
      <c r="P2096" s="7">
        <v>2723</v>
      </c>
      <c r="Q2096" s="7">
        <v>2915</v>
      </c>
      <c r="R2096" s="7">
        <v>3216</v>
      </c>
      <c r="S2096" s="7">
        <v>6606</v>
      </c>
      <c r="T2096" s="7">
        <v>7188</v>
      </c>
      <c r="U2096" s="7">
        <v>8039</v>
      </c>
      <c r="V2096" s="7">
        <v>8089</v>
      </c>
      <c r="W2096" s="7">
        <v>7616</v>
      </c>
      <c r="X2096" s="7">
        <v>7739</v>
      </c>
      <c r="Y2096" s="7">
        <v>8019</v>
      </c>
      <c r="Z2096" s="7">
        <v>8022</v>
      </c>
      <c r="AA2096" s="7">
        <v>8251</v>
      </c>
      <c r="AB2096" s="7">
        <v>8308</v>
      </c>
      <c r="AC2096" s="7">
        <v>7623</v>
      </c>
      <c r="AD2096" s="7">
        <v>7442</v>
      </c>
      <c r="AE2096" s="7">
        <v>7476</v>
      </c>
      <c r="AF2096" s="7">
        <v>7516</v>
      </c>
      <c r="AG2096" s="9">
        <v>29843</v>
      </c>
      <c r="AH2096" s="13">
        <v>0.66902055731163268</v>
      </c>
      <c r="AI2096" s="9">
        <v>20047</v>
      </c>
      <c r="AJ2096" s="13">
        <v>0.4494137691393727</v>
      </c>
      <c r="AK2096" s="9">
        <v>-212</v>
      </c>
      <c r="AL2096" s="13">
        <v>-3.2789927924026354E-3</v>
      </c>
      <c r="AM2096" s="9">
        <v>10008</v>
      </c>
      <c r="AN2096" s="13">
        <v>0.1553024425064399</v>
      </c>
      <c r="AO2096" s="9">
        <v>9796</v>
      </c>
      <c r="AP2096" s="13">
        <v>0.15151421412441612</v>
      </c>
      <c r="AQ2096" s="9">
        <v>44607</v>
      </c>
      <c r="AR2096" s="9">
        <v>47333</v>
      </c>
      <c r="AS2096" s="9">
        <v>48591</v>
      </c>
      <c r="AT2096" s="9">
        <v>56951</v>
      </c>
      <c r="AU2096" s="9">
        <v>58969</v>
      </c>
      <c r="AV2096" s="9">
        <v>61686</v>
      </c>
      <c r="AW2096" s="9">
        <v>64654</v>
      </c>
      <c r="AX2096" s="9">
        <v>67632</v>
      </c>
      <c r="AY2096" s="9">
        <v>63744</v>
      </c>
      <c r="AZ2096" s="9">
        <v>64442</v>
      </c>
      <c r="BA2096" s="9">
        <v>65572</v>
      </c>
      <c r="BB2096" s="9">
        <v>67307</v>
      </c>
      <c r="BC2096" s="9">
        <v>70331</v>
      </c>
      <c r="BD2096" s="9">
        <v>70974</v>
      </c>
      <c r="BE2096" s="9">
        <v>71547</v>
      </c>
      <c r="BF2096" s="9">
        <v>74450</v>
      </c>
      <c r="BG2096" s="11">
        <v>135</v>
      </c>
      <c r="BH2096" s="13">
        <v>0.27663934426229508</v>
      </c>
      <c r="BI2096" s="6">
        <v>103</v>
      </c>
      <c r="BJ2096" s="13">
        <v>0.21106557377049182</v>
      </c>
      <c r="BK2096" s="6">
        <v>-25</v>
      </c>
      <c r="BL2096" s="13">
        <v>-4.2301184433164128E-2</v>
      </c>
      <c r="BM2096" s="11">
        <v>57</v>
      </c>
      <c r="BN2096" s="13">
        <v>0.10070671378091872</v>
      </c>
      <c r="BO2096" s="11">
        <v>32</v>
      </c>
      <c r="BP2096" s="13">
        <v>5.4145516074450083E-2</v>
      </c>
      <c r="BQ2096" s="6">
        <v>488</v>
      </c>
      <c r="BR2096" s="6">
        <v>513</v>
      </c>
      <c r="BS2096" s="6">
        <v>554</v>
      </c>
      <c r="BT2096" s="6">
        <v>591</v>
      </c>
      <c r="BU2096" s="6">
        <v>580</v>
      </c>
      <c r="BV2096" s="6">
        <v>566</v>
      </c>
      <c r="BW2096" s="6">
        <v>566</v>
      </c>
      <c r="BX2096" s="6">
        <v>592</v>
      </c>
      <c r="BY2096" s="6">
        <v>606</v>
      </c>
      <c r="BZ2096" s="6">
        <v>593</v>
      </c>
      <c r="CA2096" s="6">
        <v>598</v>
      </c>
      <c r="CB2096" s="6">
        <v>615</v>
      </c>
      <c r="CC2096" s="11">
        <v>623</v>
      </c>
      <c r="CD2096" s="11">
        <v>4712</v>
      </c>
      <c r="CE2096" s="11">
        <v>-217</v>
      </c>
      <c r="CF2096" s="11">
        <v>298</v>
      </c>
      <c r="CG2096" s="11">
        <v>81</v>
      </c>
      <c r="CH2096" s="20">
        <v>0.59</v>
      </c>
      <c r="CI2096" s="20">
        <v>0.61</v>
      </c>
      <c r="CJ2096" s="20">
        <v>0.62</v>
      </c>
      <c r="CK2096" s="20">
        <v>1.22</v>
      </c>
      <c r="CL2096" s="20">
        <v>1.29</v>
      </c>
      <c r="CM2096" s="20">
        <v>1.39</v>
      </c>
      <c r="CN2096" s="20">
        <v>1.38</v>
      </c>
      <c r="CO2096" s="20">
        <v>1.34</v>
      </c>
      <c r="CP2096" s="20">
        <v>1.41</v>
      </c>
      <c r="CQ2096" s="20">
        <v>1.47</v>
      </c>
      <c r="CR2096" s="20">
        <v>1.45</v>
      </c>
      <c r="CS2096" s="20">
        <v>1.46</v>
      </c>
      <c r="CT2096" s="20">
        <v>1.44</v>
      </c>
      <c r="CU2096" s="20">
        <v>1.32</v>
      </c>
      <c r="CV2096" s="20">
        <v>1.24</v>
      </c>
      <c r="CW2096" s="20">
        <v>1.22</v>
      </c>
      <c r="CX2096" s="20">
        <v>1.2</v>
      </c>
      <c r="CY2096" s="6" t="s">
        <v>677</v>
      </c>
      <c r="CZ2096" s="6" t="s">
        <v>678</v>
      </c>
      <c r="DA2096" s="6" t="s">
        <v>163</v>
      </c>
      <c r="DB2096" s="6"/>
      <c r="DC2096" s="6">
        <v>41180</v>
      </c>
      <c r="DD2096" s="6">
        <v>476</v>
      </c>
      <c r="DE2096" s="6" t="s">
        <v>508</v>
      </c>
      <c r="DF2096" s="6" t="s">
        <v>375</v>
      </c>
      <c r="DG2096" s="6" t="s">
        <v>364</v>
      </c>
      <c r="DH2096" s="6" t="s">
        <v>419</v>
      </c>
      <c r="DI2096" s="6" t="s">
        <v>509</v>
      </c>
      <c r="DJ2096" s="6">
        <v>29</v>
      </c>
      <c r="DK2096" s="6">
        <v>183</v>
      </c>
      <c r="DL2096" s="6">
        <v>1</v>
      </c>
      <c r="DM2096" s="6" t="s">
        <v>404</v>
      </c>
      <c r="DN2096" s="6">
        <v>1</v>
      </c>
      <c r="DO2096" s="6" t="s">
        <v>405</v>
      </c>
      <c r="DP2096" s="6"/>
      <c r="DQ2096" s="6"/>
    </row>
    <row r="2097" spans="1:121" x14ac:dyDescent="0.2">
      <c r="A2097" s="6" t="s">
        <v>316</v>
      </c>
      <c r="B2097" s="6" t="s">
        <v>316</v>
      </c>
      <c r="C2097" s="6" t="s">
        <v>185</v>
      </c>
      <c r="D2097" s="6" t="s">
        <v>163</v>
      </c>
      <c r="E2097" s="6" t="s">
        <v>302</v>
      </c>
      <c r="F2097" s="11">
        <v>988</v>
      </c>
      <c r="G2097" s="13">
        <v>0.69</v>
      </c>
      <c r="H2097" s="11">
        <v>672</v>
      </c>
      <c r="I2097" s="13">
        <v>0.46666666666666662</v>
      </c>
      <c r="J2097" s="11">
        <v>-128</v>
      </c>
      <c r="K2097" s="13">
        <v>-6.0606060606060608E-2</v>
      </c>
      <c r="L2097" s="11">
        <v>444</v>
      </c>
      <c r="M2097" s="13">
        <v>0.22379032258064516</v>
      </c>
      <c r="N2097" s="11">
        <v>316</v>
      </c>
      <c r="O2097" s="13">
        <v>0.14962121212121213</v>
      </c>
      <c r="P2097" s="7">
        <v>1440</v>
      </c>
      <c r="Q2097" s="7">
        <v>1549</v>
      </c>
      <c r="R2097" s="7">
        <v>1712</v>
      </c>
      <c r="S2097" s="7">
        <v>2017</v>
      </c>
      <c r="T2097" s="7">
        <v>2097</v>
      </c>
      <c r="U2097" s="7">
        <v>2144</v>
      </c>
      <c r="V2097" s="7">
        <v>2112</v>
      </c>
      <c r="W2097" s="7">
        <v>2069</v>
      </c>
      <c r="X2097" s="7">
        <v>1990</v>
      </c>
      <c r="Y2097" s="7">
        <v>1984</v>
      </c>
      <c r="Z2097" s="7">
        <v>1991</v>
      </c>
      <c r="AA2097" s="7">
        <v>1977</v>
      </c>
      <c r="AB2097" s="7">
        <v>2031</v>
      </c>
      <c r="AC2097" s="7">
        <v>2267</v>
      </c>
      <c r="AD2097" s="7">
        <v>2340</v>
      </c>
      <c r="AE2097" s="7">
        <v>2349</v>
      </c>
      <c r="AF2097" s="7">
        <v>2428</v>
      </c>
      <c r="AG2097" s="9">
        <v>16083</v>
      </c>
      <c r="AH2097" s="13">
        <v>0.55012827090815808</v>
      </c>
      <c r="AI2097" s="9">
        <v>7333</v>
      </c>
      <c r="AJ2097" s="13">
        <v>0.25082948520608861</v>
      </c>
      <c r="AK2097" s="9">
        <v>880</v>
      </c>
      <c r="AL2097" s="13">
        <v>2.4064756070881644E-2</v>
      </c>
      <c r="AM2097" s="9">
        <v>7870</v>
      </c>
      <c r="AN2097" s="13">
        <v>0.21015808587908569</v>
      </c>
      <c r="AO2097" s="9">
        <v>8750</v>
      </c>
      <c r="AP2097" s="13">
        <v>0.23928024502297093</v>
      </c>
      <c r="AQ2097" s="9">
        <v>29235</v>
      </c>
      <c r="AR2097" s="9">
        <v>30593</v>
      </c>
      <c r="AS2097" s="9">
        <v>31008</v>
      </c>
      <c r="AT2097" s="9">
        <v>32969</v>
      </c>
      <c r="AU2097" s="9">
        <v>34252</v>
      </c>
      <c r="AV2097" s="9">
        <v>35557</v>
      </c>
      <c r="AW2097" s="9">
        <v>36568</v>
      </c>
      <c r="AX2097" s="9">
        <v>35330</v>
      </c>
      <c r="AY2097" s="9">
        <v>38050</v>
      </c>
      <c r="AZ2097" s="9">
        <v>37448</v>
      </c>
      <c r="BA2097" s="9">
        <v>36345</v>
      </c>
      <c r="BB2097" s="9">
        <v>38430</v>
      </c>
      <c r="BC2097" s="9">
        <v>40043</v>
      </c>
      <c r="BD2097" s="9">
        <v>40657</v>
      </c>
      <c r="BE2097" s="9">
        <v>42633</v>
      </c>
      <c r="BF2097" s="9">
        <v>45318</v>
      </c>
      <c r="BG2097" s="11">
        <v>75</v>
      </c>
      <c r="BH2097" s="13">
        <v>0.27173913043478259</v>
      </c>
      <c r="BI2097" s="6">
        <v>35</v>
      </c>
      <c r="BJ2097" s="13">
        <v>0.12681159420289856</v>
      </c>
      <c r="BK2097" s="6">
        <v>-11</v>
      </c>
      <c r="BL2097" s="13">
        <v>-3.5369774919614148E-2</v>
      </c>
      <c r="BM2097" s="11">
        <v>51</v>
      </c>
      <c r="BN2097" s="13">
        <v>0.17</v>
      </c>
      <c r="BO2097" s="11">
        <v>40</v>
      </c>
      <c r="BP2097" s="13">
        <v>0.12861736334405144</v>
      </c>
      <c r="BQ2097" s="6">
        <v>276</v>
      </c>
      <c r="BR2097" s="6">
        <v>283</v>
      </c>
      <c r="BS2097" s="6">
        <v>299</v>
      </c>
      <c r="BT2097" s="6">
        <v>311</v>
      </c>
      <c r="BU2097" s="6">
        <v>304</v>
      </c>
      <c r="BV2097" s="6">
        <v>313</v>
      </c>
      <c r="BW2097" s="6">
        <v>300</v>
      </c>
      <c r="BX2097" s="6">
        <v>306</v>
      </c>
      <c r="BY2097" s="6">
        <v>311</v>
      </c>
      <c r="BZ2097" s="6">
        <v>327</v>
      </c>
      <c r="CA2097" s="6">
        <v>351</v>
      </c>
      <c r="CB2097" s="6">
        <v>348</v>
      </c>
      <c r="CC2097" s="11">
        <v>351</v>
      </c>
      <c r="CD2097" s="11">
        <v>904</v>
      </c>
      <c r="CE2097" s="11">
        <v>-73</v>
      </c>
      <c r="CF2097" s="11">
        <v>157</v>
      </c>
      <c r="CG2097" s="11">
        <v>84</v>
      </c>
      <c r="CH2097" s="20">
        <v>0.76</v>
      </c>
      <c r="CI2097" s="20">
        <v>0.78</v>
      </c>
      <c r="CJ2097" s="20">
        <v>0.79</v>
      </c>
      <c r="CK2097" s="20">
        <v>0.87</v>
      </c>
      <c r="CL2097" s="20">
        <v>0.87</v>
      </c>
      <c r="CM2097" s="20">
        <v>0.86</v>
      </c>
      <c r="CN2097" s="20">
        <v>0.84</v>
      </c>
      <c r="CO2097" s="20">
        <v>0.85</v>
      </c>
      <c r="CP2097" s="20">
        <v>0.86</v>
      </c>
      <c r="CQ2097" s="20">
        <v>0.88</v>
      </c>
      <c r="CR2097" s="20">
        <v>0.88</v>
      </c>
      <c r="CS2097" s="20">
        <v>0.86</v>
      </c>
      <c r="CT2097" s="20">
        <v>0.85</v>
      </c>
      <c r="CU2097" s="20">
        <v>0.93</v>
      </c>
      <c r="CV2097" s="20">
        <v>0.92</v>
      </c>
      <c r="CW2097" s="20">
        <v>0.9</v>
      </c>
      <c r="CX2097" s="20">
        <v>0.91</v>
      </c>
      <c r="CY2097" s="6" t="s">
        <v>677</v>
      </c>
      <c r="CZ2097" s="6" t="s">
        <v>678</v>
      </c>
      <c r="DA2097" s="6" t="s">
        <v>163</v>
      </c>
      <c r="DB2097" s="6"/>
      <c r="DC2097" s="6">
        <v>41180</v>
      </c>
      <c r="DD2097" s="6">
        <v>476</v>
      </c>
      <c r="DE2097" s="6" t="s">
        <v>508</v>
      </c>
      <c r="DF2097" s="6" t="s">
        <v>375</v>
      </c>
      <c r="DG2097" s="6" t="s">
        <v>364</v>
      </c>
      <c r="DH2097" s="6" t="s">
        <v>419</v>
      </c>
      <c r="DI2097" s="6" t="s">
        <v>509</v>
      </c>
      <c r="DJ2097" s="6">
        <v>29</v>
      </c>
      <c r="DK2097" s="6">
        <v>183</v>
      </c>
      <c r="DL2097" s="6">
        <v>1</v>
      </c>
      <c r="DM2097" s="6" t="s">
        <v>404</v>
      </c>
      <c r="DN2097" s="6">
        <v>1</v>
      </c>
      <c r="DO2097" s="6" t="s">
        <v>405</v>
      </c>
      <c r="DP2097" s="6"/>
      <c r="DQ2097" s="6"/>
    </row>
    <row r="2098" spans="1:121" x14ac:dyDescent="0.2">
      <c r="A2098" s="6" t="s">
        <v>317</v>
      </c>
      <c r="B2098" s="6" t="s">
        <v>317</v>
      </c>
      <c r="C2098" s="6" t="s">
        <v>186</v>
      </c>
      <c r="D2098" s="6" t="s">
        <v>163</v>
      </c>
      <c r="E2098" s="6" t="s">
        <v>302</v>
      </c>
      <c r="F2098" s="11">
        <v>1388</v>
      </c>
      <c r="G2098" s="13">
        <v>0.28999999999999998</v>
      </c>
      <c r="H2098" s="11">
        <v>438</v>
      </c>
      <c r="I2098" s="13">
        <v>9.1211995002082463E-2</v>
      </c>
      <c r="J2098" s="11">
        <v>-227</v>
      </c>
      <c r="K2098" s="13">
        <v>-4.3320610687022899E-2</v>
      </c>
      <c r="L2098" s="11">
        <v>1177</v>
      </c>
      <c r="M2098" s="13">
        <v>0.23478954717733891</v>
      </c>
      <c r="N2098" s="11">
        <v>950</v>
      </c>
      <c r="O2098" s="13">
        <v>0.18129770992366412</v>
      </c>
      <c r="P2098" s="7">
        <v>4802</v>
      </c>
      <c r="Q2098" s="7">
        <v>4826</v>
      </c>
      <c r="R2098" s="7">
        <v>4768</v>
      </c>
      <c r="S2098" s="7">
        <v>4361</v>
      </c>
      <c r="T2098" s="7">
        <v>4600</v>
      </c>
      <c r="U2098" s="7">
        <v>5000</v>
      </c>
      <c r="V2098" s="7">
        <v>5240</v>
      </c>
      <c r="W2098" s="7">
        <v>5150</v>
      </c>
      <c r="X2098" s="7">
        <v>4865</v>
      </c>
      <c r="Y2098" s="7">
        <v>5013</v>
      </c>
      <c r="Z2098" s="7">
        <v>5159</v>
      </c>
      <c r="AA2098" s="7">
        <v>5228</v>
      </c>
      <c r="AB2098" s="7">
        <v>5480</v>
      </c>
      <c r="AC2098" s="7">
        <v>5918</v>
      </c>
      <c r="AD2098" s="7">
        <v>5859</v>
      </c>
      <c r="AE2098" s="7">
        <v>6039</v>
      </c>
      <c r="AF2098" s="7">
        <v>6190</v>
      </c>
      <c r="AG2098" s="9">
        <v>15650</v>
      </c>
      <c r="AH2098" s="13">
        <v>0.313708982299998</v>
      </c>
      <c r="AI2098" s="9">
        <v>2406</v>
      </c>
      <c r="AJ2098" s="13">
        <v>4.822899753442781E-2</v>
      </c>
      <c r="AK2098" s="9">
        <v>7390</v>
      </c>
      <c r="AL2098" s="13">
        <v>0.14131910580766069</v>
      </c>
      <c r="AM2098" s="9">
        <v>5854</v>
      </c>
      <c r="AN2098" s="13">
        <v>9.808488179213512E-2</v>
      </c>
      <c r="AO2098" s="9">
        <v>13244</v>
      </c>
      <c r="AP2098" s="13">
        <v>0.25326525538791045</v>
      </c>
      <c r="AQ2098" s="9">
        <v>49887</v>
      </c>
      <c r="AR2098" s="9">
        <v>47582</v>
      </c>
      <c r="AS2098" s="9">
        <v>46295</v>
      </c>
      <c r="AT2098" s="9">
        <v>45460</v>
      </c>
      <c r="AU2098" s="9">
        <v>48707</v>
      </c>
      <c r="AV2098" s="9">
        <v>50298</v>
      </c>
      <c r="AW2098" s="9">
        <v>52293</v>
      </c>
      <c r="AX2098" s="9">
        <v>53205</v>
      </c>
      <c r="AY2098" s="9">
        <v>53091</v>
      </c>
      <c r="AZ2098" s="9">
        <v>59683</v>
      </c>
      <c r="BA2098" s="9">
        <v>64152</v>
      </c>
      <c r="BB2098" s="9">
        <v>63562</v>
      </c>
      <c r="BC2098" s="9">
        <v>64353</v>
      </c>
      <c r="BD2098" s="9">
        <v>62916</v>
      </c>
      <c r="BE2098" s="9">
        <v>63559</v>
      </c>
      <c r="BF2098" s="9">
        <v>65537</v>
      </c>
      <c r="BG2098" s="11">
        <v>247</v>
      </c>
      <c r="BH2098" s="13">
        <v>0.37367624810892586</v>
      </c>
      <c r="BI2098" s="6">
        <v>105</v>
      </c>
      <c r="BJ2098" s="13">
        <v>0.15885022692889561</v>
      </c>
      <c r="BK2098" s="6">
        <v>17</v>
      </c>
      <c r="BL2098" s="13">
        <v>2.2193211488250653E-2</v>
      </c>
      <c r="BM2098" s="11">
        <v>125</v>
      </c>
      <c r="BN2098" s="13">
        <v>0.15964240102171137</v>
      </c>
      <c r="BO2098" s="11">
        <v>142</v>
      </c>
      <c r="BP2098" s="13">
        <v>0.18537859007832899</v>
      </c>
      <c r="BQ2098" s="6">
        <v>661</v>
      </c>
      <c r="BR2098" s="6">
        <v>691</v>
      </c>
      <c r="BS2098" s="6">
        <v>714</v>
      </c>
      <c r="BT2098" s="6">
        <v>766</v>
      </c>
      <c r="BU2098" s="6">
        <v>786</v>
      </c>
      <c r="BV2098" s="6">
        <v>794</v>
      </c>
      <c r="BW2098" s="6">
        <v>783</v>
      </c>
      <c r="BX2098" s="6">
        <v>769</v>
      </c>
      <c r="BY2098" s="6">
        <v>794</v>
      </c>
      <c r="BZ2098" s="6">
        <v>839</v>
      </c>
      <c r="CA2098" s="6">
        <v>852</v>
      </c>
      <c r="CB2098" s="6">
        <v>902</v>
      </c>
      <c r="CC2098" s="11">
        <v>908</v>
      </c>
      <c r="CD2098" s="11">
        <v>-99</v>
      </c>
      <c r="CE2098" s="11">
        <v>961</v>
      </c>
      <c r="CF2098" s="11">
        <v>525</v>
      </c>
      <c r="CG2098" s="11">
        <v>1486</v>
      </c>
      <c r="CH2098" s="20">
        <v>0.8</v>
      </c>
      <c r="CI2098" s="20">
        <v>0.78</v>
      </c>
      <c r="CJ2098" s="20">
        <v>0.73</v>
      </c>
      <c r="CK2098" s="20">
        <v>0.63</v>
      </c>
      <c r="CL2098" s="20">
        <v>0.63</v>
      </c>
      <c r="CM2098" s="20">
        <v>0.64</v>
      </c>
      <c r="CN2098" s="20">
        <v>0.64</v>
      </c>
      <c r="CO2098" s="20">
        <v>0.62</v>
      </c>
      <c r="CP2098" s="20">
        <v>0.61</v>
      </c>
      <c r="CQ2098" s="20">
        <v>0.62</v>
      </c>
      <c r="CR2098" s="20">
        <v>0.61</v>
      </c>
      <c r="CS2098" s="20">
        <v>0.6</v>
      </c>
      <c r="CT2098" s="20">
        <v>0.6</v>
      </c>
      <c r="CU2098" s="20">
        <v>0.64</v>
      </c>
      <c r="CV2098" s="20">
        <v>0.6</v>
      </c>
      <c r="CW2098" s="20">
        <v>0.6</v>
      </c>
      <c r="CX2098" s="20">
        <v>0.59</v>
      </c>
      <c r="CY2098" s="6" t="s">
        <v>677</v>
      </c>
      <c r="CZ2098" s="6" t="s">
        <v>678</v>
      </c>
      <c r="DA2098" s="6" t="s">
        <v>163</v>
      </c>
      <c r="DB2098" s="6"/>
      <c r="DC2098" s="6">
        <v>41180</v>
      </c>
      <c r="DD2098" s="6">
        <v>476</v>
      </c>
      <c r="DE2098" s="6" t="s">
        <v>508</v>
      </c>
      <c r="DF2098" s="6" t="s">
        <v>375</v>
      </c>
      <c r="DG2098" s="6" t="s">
        <v>364</v>
      </c>
      <c r="DH2098" s="6" t="s">
        <v>419</v>
      </c>
      <c r="DI2098" s="6" t="s">
        <v>509</v>
      </c>
      <c r="DJ2098" s="6">
        <v>29</v>
      </c>
      <c r="DK2098" s="6">
        <v>183</v>
      </c>
      <c r="DL2098" s="6">
        <v>1</v>
      </c>
      <c r="DM2098" s="6" t="s">
        <v>404</v>
      </c>
      <c r="DN2098" s="6">
        <v>1</v>
      </c>
      <c r="DO2098" s="6" t="s">
        <v>405</v>
      </c>
      <c r="DP2098" s="6"/>
      <c r="DQ2098" s="6"/>
    </row>
    <row r="2099" spans="1:121" x14ac:dyDescent="0.2">
      <c r="A2099" s="6" t="s">
        <v>318</v>
      </c>
      <c r="B2099" s="6" t="s">
        <v>318</v>
      </c>
      <c r="C2099" s="6" t="s">
        <v>187</v>
      </c>
      <c r="D2099" s="6" t="s">
        <v>163</v>
      </c>
      <c r="E2099" s="6" t="s">
        <v>302</v>
      </c>
      <c r="F2099" s="11">
        <v>700</v>
      </c>
      <c r="G2099" s="13">
        <v>0.94212651413199999</v>
      </c>
      <c r="H2099" s="11">
        <v>53.710741999999982</v>
      </c>
      <c r="I2099" s="13">
        <v>7.2241805258579553E-2</v>
      </c>
      <c r="J2099" s="11">
        <v>306.65163199999995</v>
      </c>
      <c r="K2099" s="13">
        <v>0.38466261755041697</v>
      </c>
      <c r="L2099" s="11">
        <v>338.81298515000003</v>
      </c>
      <c r="M2099" s="13">
        <v>0.30693808642444631</v>
      </c>
      <c r="N2099" s="11">
        <v>645.46461714999998</v>
      </c>
      <c r="O2099" s="13">
        <v>0.8096683117248068</v>
      </c>
      <c r="P2099" s="7">
        <v>743.48560099999997</v>
      </c>
      <c r="Q2099" s="7">
        <v>732.45669899999996</v>
      </c>
      <c r="R2099" s="7">
        <v>695.18995600000005</v>
      </c>
      <c r="S2099" s="7">
        <v>675.81996200000003</v>
      </c>
      <c r="T2099" s="7">
        <v>758.93356300000005</v>
      </c>
      <c r="U2099" s="7">
        <v>805.857845</v>
      </c>
      <c r="V2099" s="7">
        <v>797.19634299999996</v>
      </c>
      <c r="W2099" s="7">
        <v>947.06150500000001</v>
      </c>
      <c r="X2099" s="7">
        <v>963.15690199999995</v>
      </c>
      <c r="Y2099" s="7">
        <v>1103.8479749999999</v>
      </c>
      <c r="Z2099" s="7">
        <v>1031.3052909999999</v>
      </c>
      <c r="AA2099" s="7">
        <v>1097.179793</v>
      </c>
      <c r="AB2099" s="7">
        <v>1248.9296879999999</v>
      </c>
      <c r="AC2099" s="7">
        <v>1215.9594219999999</v>
      </c>
      <c r="AD2099" s="7">
        <v>1352.9970880000001</v>
      </c>
      <c r="AE2099" s="7">
        <v>1383.55311975</v>
      </c>
      <c r="AF2099" s="7">
        <v>1442.6609601499999</v>
      </c>
      <c r="AG2099" s="9">
        <v>27614.749827700005</v>
      </c>
      <c r="AH2099" s="13">
        <v>0.44465793101982726</v>
      </c>
      <c r="AI2099" s="9">
        <v>18512.488433700004</v>
      </c>
      <c r="AJ2099" s="13">
        <v>0.29809159439497762</v>
      </c>
      <c r="AK2099" s="9">
        <v>-6212.5187340999983</v>
      </c>
      <c r="AL2099" s="13">
        <v>-7.7063246945074118E-2</v>
      </c>
      <c r="AM2099" s="9">
        <v>15314.780128099999</v>
      </c>
      <c r="AN2099" s="13">
        <v>0.20583461781958989</v>
      </c>
      <c r="AO2099" s="9">
        <v>9102.261394000001</v>
      </c>
      <c r="AP2099" s="13">
        <v>0.11290908689163975</v>
      </c>
      <c r="AQ2099" s="9">
        <v>62103.356088499997</v>
      </c>
      <c r="AR2099" s="9">
        <v>63045.878002600002</v>
      </c>
      <c r="AS2099" s="9">
        <v>65201.702556299999</v>
      </c>
      <c r="AT2099" s="9">
        <v>80923.514951799996</v>
      </c>
      <c r="AU2099" s="9">
        <v>69944.457966200003</v>
      </c>
      <c r="AV2099" s="9">
        <v>86269.463465399996</v>
      </c>
      <c r="AW2099" s="9">
        <v>80615.844522200001</v>
      </c>
      <c r="AX2099" s="9">
        <v>73809.472940799998</v>
      </c>
      <c r="AY2099" s="9">
        <v>71532.467147899995</v>
      </c>
      <c r="AZ2099" s="9">
        <v>74403.325788100003</v>
      </c>
      <c r="BA2099" s="9">
        <v>64753.999485100001</v>
      </c>
      <c r="BB2099" s="9">
        <v>81788.740208599993</v>
      </c>
      <c r="BC2099" s="9">
        <v>82276.900026500007</v>
      </c>
      <c r="BD2099" s="9">
        <v>85093.079119300004</v>
      </c>
      <c r="BE2099" s="9">
        <v>84654.8990395</v>
      </c>
      <c r="BF2099" s="9">
        <v>89718.105916200002</v>
      </c>
      <c r="BG2099" s="11">
        <v>17.25</v>
      </c>
      <c r="BH2099" s="13">
        <v>0.42073170731707316</v>
      </c>
      <c r="BI2099" s="6">
        <v>12</v>
      </c>
      <c r="BJ2099" s="13">
        <v>0.29268292682926828</v>
      </c>
      <c r="BK2099" s="6">
        <v>6</v>
      </c>
      <c r="BL2099" s="13">
        <v>0.11320754716981132</v>
      </c>
      <c r="BM2099" s="11">
        <v>-0.75</v>
      </c>
      <c r="BN2099" s="13">
        <v>-1.2711864406779662E-2</v>
      </c>
      <c r="BO2099" s="11">
        <v>5.25</v>
      </c>
      <c r="BP2099" s="13">
        <v>9.9056603773584911E-2</v>
      </c>
      <c r="BQ2099" s="6">
        <v>41</v>
      </c>
      <c r="BR2099" s="6">
        <v>48</v>
      </c>
      <c r="BS2099" s="6">
        <v>50</v>
      </c>
      <c r="BT2099" s="6">
        <v>53</v>
      </c>
      <c r="BU2099" s="6">
        <v>51</v>
      </c>
      <c r="BV2099" s="6">
        <v>57</v>
      </c>
      <c r="BW2099" s="6">
        <v>59</v>
      </c>
      <c r="BX2099" s="6">
        <v>56</v>
      </c>
      <c r="BY2099" s="6">
        <v>57</v>
      </c>
      <c r="BZ2099" s="6">
        <v>54</v>
      </c>
      <c r="CA2099" s="6">
        <v>61</v>
      </c>
      <c r="CB2099" s="6">
        <v>59</v>
      </c>
      <c r="CC2099" s="11">
        <v>58.25</v>
      </c>
      <c r="CD2099" s="11">
        <v>458.71699999999998</v>
      </c>
      <c r="CE2099" s="11">
        <v>159.18600000000001</v>
      </c>
      <c r="CF2099" s="11">
        <v>81.271900000000002</v>
      </c>
      <c r="CG2099" s="11">
        <v>240</v>
      </c>
      <c r="CH2099" s="20">
        <v>0.56691499999999995</v>
      </c>
      <c r="CI2099" s="20">
        <v>0.54068099999999997</v>
      </c>
      <c r="CJ2099" s="20">
        <v>0.49534099999999998</v>
      </c>
      <c r="CK2099" s="20">
        <v>0.45317400000000002</v>
      </c>
      <c r="CL2099" s="20">
        <v>0.48889100000000002</v>
      </c>
      <c r="CM2099" s="20">
        <v>0.49868400000000002</v>
      </c>
      <c r="CN2099" s="20">
        <v>0.47184100000000001</v>
      </c>
      <c r="CO2099" s="20">
        <v>0.54661700000000002</v>
      </c>
      <c r="CP2099" s="20">
        <v>0.56453200000000003</v>
      </c>
      <c r="CQ2099" s="20">
        <v>0.63392400000000004</v>
      </c>
      <c r="CR2099" s="20">
        <v>0.56806400000000001</v>
      </c>
      <c r="CS2099" s="20">
        <v>0.57322799999999996</v>
      </c>
      <c r="CT2099" s="20">
        <v>0.61601099999999998</v>
      </c>
      <c r="CU2099" s="20">
        <v>0.583789</v>
      </c>
      <c r="CV2099" s="20">
        <v>0.61960499999999996</v>
      </c>
      <c r="CW2099" s="20">
        <v>0.62091200000000002</v>
      </c>
      <c r="CX2099" s="20">
        <v>0.62777099999999997</v>
      </c>
      <c r="CY2099" s="6" t="s">
        <v>677</v>
      </c>
      <c r="CZ2099" s="6" t="s">
        <v>678</v>
      </c>
      <c r="DA2099" s="6" t="s">
        <v>163</v>
      </c>
      <c r="DB2099" s="6"/>
      <c r="DC2099" s="6">
        <v>41180</v>
      </c>
      <c r="DD2099" s="6">
        <v>476</v>
      </c>
      <c r="DE2099" s="6" t="s">
        <v>508</v>
      </c>
      <c r="DF2099" s="6" t="s">
        <v>375</v>
      </c>
      <c r="DG2099" s="6" t="s">
        <v>364</v>
      </c>
      <c r="DH2099" s="6" t="s">
        <v>419</v>
      </c>
      <c r="DI2099" s="6" t="s">
        <v>509</v>
      </c>
      <c r="DJ2099" s="6">
        <v>29</v>
      </c>
      <c r="DK2099" s="6">
        <v>183</v>
      </c>
      <c r="DL2099" s="6">
        <v>1</v>
      </c>
      <c r="DM2099" s="6" t="s">
        <v>404</v>
      </c>
      <c r="DN2099" s="6">
        <v>1</v>
      </c>
      <c r="DO2099" s="6" t="s">
        <v>405</v>
      </c>
      <c r="DP2099" s="6"/>
      <c r="DQ2099" s="6"/>
    </row>
    <row r="2100" spans="1:121" x14ac:dyDescent="0.2">
      <c r="A2100" s="6" t="s">
        <v>319</v>
      </c>
      <c r="B2100" s="6" t="s">
        <v>319</v>
      </c>
      <c r="C2100" s="6" t="s">
        <v>188</v>
      </c>
      <c r="D2100" s="6" t="s">
        <v>163</v>
      </c>
      <c r="E2100" s="6" t="s">
        <v>302</v>
      </c>
      <c r="F2100" s="11">
        <v>5196</v>
      </c>
      <c r="G2100" s="13">
        <v>1.05459711792</v>
      </c>
      <c r="H2100" s="11">
        <v>2956.7173553800003</v>
      </c>
      <c r="I2100" s="13">
        <v>0.60016045669935081</v>
      </c>
      <c r="J2100" s="11">
        <v>605.86222625999926</v>
      </c>
      <c r="K2100" s="13">
        <v>7.685425362014435E-2</v>
      </c>
      <c r="L2100" s="11">
        <v>1633.5602688800009</v>
      </c>
      <c r="M2100" s="13">
        <v>0.19242977277878243</v>
      </c>
      <c r="N2100" s="11">
        <v>2239.4224951400001</v>
      </c>
      <c r="O2100" s="13">
        <v>0.28407307296013412</v>
      </c>
      <c r="P2100" s="7">
        <v>4926.5447637799998</v>
      </c>
      <c r="Q2100" s="7">
        <v>5045.8378203700004</v>
      </c>
      <c r="R2100" s="7">
        <v>5283.48370127</v>
      </c>
      <c r="S2100" s="7">
        <v>5547.7780214100003</v>
      </c>
      <c r="T2100" s="7">
        <v>6271.3771045200001</v>
      </c>
      <c r="U2100" s="7">
        <v>7163.9729242000003</v>
      </c>
      <c r="V2100" s="7">
        <v>7883.2621191600001</v>
      </c>
      <c r="W2100" s="7">
        <v>7736.05757128</v>
      </c>
      <c r="X2100" s="7">
        <v>7411.6644811899996</v>
      </c>
      <c r="Y2100" s="7">
        <v>8489.1243454199994</v>
      </c>
      <c r="Z2100" s="7">
        <v>8852.9143891599997</v>
      </c>
      <c r="AA2100" s="7">
        <v>9584.0412287599993</v>
      </c>
      <c r="AB2100" s="7">
        <v>9946.9504326499991</v>
      </c>
      <c r="AC2100" s="7">
        <v>9718.3947207900001</v>
      </c>
      <c r="AD2100" s="7">
        <v>10121.525658099999</v>
      </c>
      <c r="AE2100" s="7">
        <v>9845.2097516400008</v>
      </c>
      <c r="AF2100" s="7">
        <v>10122.6846143</v>
      </c>
      <c r="AG2100" s="9">
        <v>10612.90006</v>
      </c>
      <c r="AH2100" s="13">
        <v>0.41608526269210655</v>
      </c>
      <c r="AI2100" s="9">
        <v>4640.7080223999983</v>
      </c>
      <c r="AJ2100" s="13">
        <v>0.18194180720266481</v>
      </c>
      <c r="AK2100" s="9">
        <v>1958.3649193999991</v>
      </c>
      <c r="AL2100" s="13">
        <v>6.4959965494516339E-2</v>
      </c>
      <c r="AM2100" s="9">
        <v>4013.8271182000026</v>
      </c>
      <c r="AN2100" s="13">
        <v>0.12501943894306738</v>
      </c>
      <c r="AO2100" s="9">
        <v>5972.1920376000016</v>
      </c>
      <c r="AP2100" s="13">
        <v>0.19810066287746916</v>
      </c>
      <c r="AQ2100" s="9">
        <v>25506.551208600002</v>
      </c>
      <c r="AR2100" s="9">
        <v>26306.252888300001</v>
      </c>
      <c r="AS2100" s="9">
        <v>26864.6391568</v>
      </c>
      <c r="AT2100" s="9">
        <v>27355.422910500001</v>
      </c>
      <c r="AU2100" s="9">
        <v>27061.282109700001</v>
      </c>
      <c r="AV2100" s="9">
        <v>28353.449650400002</v>
      </c>
      <c r="AW2100" s="9">
        <v>30147.259231</v>
      </c>
      <c r="AX2100" s="9">
        <v>32035.363382700001</v>
      </c>
      <c r="AY2100" s="9">
        <v>34009.461731199997</v>
      </c>
      <c r="AZ2100" s="9">
        <v>32105.624150399999</v>
      </c>
      <c r="BA2100" s="9">
        <v>30432.402943699999</v>
      </c>
      <c r="BB2100" s="9">
        <v>31412.083340100002</v>
      </c>
      <c r="BC2100" s="9">
        <v>31316.747197199998</v>
      </c>
      <c r="BD2100" s="9">
        <v>33551.0189426</v>
      </c>
      <c r="BE2100" s="9">
        <v>34533.450537500001</v>
      </c>
      <c r="BF2100" s="9">
        <v>36119.451268600002</v>
      </c>
      <c r="BG2100" s="11">
        <v>134</v>
      </c>
      <c r="BH2100" s="13">
        <v>0.27070707070707073</v>
      </c>
      <c r="BI2100" s="6">
        <v>106</v>
      </c>
      <c r="BJ2100" s="13">
        <v>0.21414141414141413</v>
      </c>
      <c r="BK2100" s="6">
        <v>-9</v>
      </c>
      <c r="BL2100" s="13">
        <v>-1.4975041597337771E-2</v>
      </c>
      <c r="BM2100" s="11">
        <v>37</v>
      </c>
      <c r="BN2100" s="13">
        <v>6.25E-2</v>
      </c>
      <c r="BO2100" s="11">
        <v>28</v>
      </c>
      <c r="BP2100" s="13">
        <v>4.6589018302828619E-2</v>
      </c>
      <c r="BQ2100" s="6">
        <v>495</v>
      </c>
      <c r="BR2100" s="6">
        <v>519</v>
      </c>
      <c r="BS2100" s="6">
        <v>554</v>
      </c>
      <c r="BT2100" s="6">
        <v>601</v>
      </c>
      <c r="BU2100" s="6">
        <v>598</v>
      </c>
      <c r="BV2100" s="6">
        <v>591</v>
      </c>
      <c r="BW2100" s="6">
        <v>592</v>
      </c>
      <c r="BX2100" s="6">
        <v>589</v>
      </c>
      <c r="BY2100" s="6">
        <v>619</v>
      </c>
      <c r="BZ2100" s="6">
        <v>633</v>
      </c>
      <c r="CA2100" s="6">
        <v>634</v>
      </c>
      <c r="CB2100" s="6">
        <v>633</v>
      </c>
      <c r="CC2100" s="11">
        <v>629</v>
      </c>
      <c r="CD2100" s="11">
        <v>4214.3599999999997</v>
      </c>
      <c r="CE2100" s="11">
        <v>443.25400000000002</v>
      </c>
      <c r="CF2100" s="11">
        <v>538.53099999999995</v>
      </c>
      <c r="CG2100" s="11">
        <v>982</v>
      </c>
      <c r="CH2100" s="20">
        <v>0.765822</v>
      </c>
      <c r="CI2100" s="20">
        <v>0.75192599999999998</v>
      </c>
      <c r="CJ2100" s="20">
        <v>0.74648000000000003</v>
      </c>
      <c r="CK2100" s="20">
        <v>0.72902699999999998</v>
      </c>
      <c r="CL2100" s="20">
        <v>0.78611699999999995</v>
      </c>
      <c r="CM2100" s="20">
        <v>0.85872199999999999</v>
      </c>
      <c r="CN2100" s="20">
        <v>0.92276800000000003</v>
      </c>
      <c r="CO2100" s="20">
        <v>0.951519</v>
      </c>
      <c r="CP2100" s="20">
        <v>0.99660499999999996</v>
      </c>
      <c r="CQ2100" s="20">
        <v>1.0871299999999999</v>
      </c>
      <c r="CR2100" s="20">
        <v>1.08145</v>
      </c>
      <c r="CS2100" s="20">
        <v>1.1247499999999999</v>
      </c>
      <c r="CT2100" s="20">
        <v>1.1146100000000001</v>
      </c>
      <c r="CU2100" s="20">
        <v>1.05867</v>
      </c>
      <c r="CV2100" s="20">
        <v>1.04884</v>
      </c>
      <c r="CW2100" s="20">
        <v>0.99527699999999997</v>
      </c>
      <c r="CX2100" s="20">
        <v>0.99094300000000002</v>
      </c>
      <c r="CY2100" s="6" t="s">
        <v>677</v>
      </c>
      <c r="CZ2100" s="6" t="s">
        <v>678</v>
      </c>
      <c r="DA2100" s="6" t="s">
        <v>163</v>
      </c>
      <c r="DB2100" s="6"/>
      <c r="DC2100" s="6">
        <v>41180</v>
      </c>
      <c r="DD2100" s="6">
        <v>476</v>
      </c>
      <c r="DE2100" s="6" t="s">
        <v>508</v>
      </c>
      <c r="DF2100" s="6" t="s">
        <v>375</v>
      </c>
      <c r="DG2100" s="6" t="s">
        <v>364</v>
      </c>
      <c r="DH2100" s="6" t="s">
        <v>419</v>
      </c>
      <c r="DI2100" s="6" t="s">
        <v>509</v>
      </c>
      <c r="DJ2100" s="6">
        <v>29</v>
      </c>
      <c r="DK2100" s="6">
        <v>183</v>
      </c>
      <c r="DL2100" s="6">
        <v>1</v>
      </c>
      <c r="DM2100" s="6" t="s">
        <v>404</v>
      </c>
      <c r="DN2100" s="6">
        <v>1</v>
      </c>
      <c r="DO2100" s="6" t="s">
        <v>405</v>
      </c>
      <c r="DP2100" s="6"/>
      <c r="DQ2100" s="6"/>
    </row>
    <row r="2101" spans="1:121" x14ac:dyDescent="0.2">
      <c r="A2101" s="6" t="s">
        <v>320</v>
      </c>
      <c r="B2101" s="6" t="s">
        <v>320</v>
      </c>
      <c r="C2101" s="6" t="s">
        <v>189</v>
      </c>
      <c r="D2101" s="6" t="s">
        <v>163</v>
      </c>
      <c r="E2101" s="6" t="s">
        <v>302</v>
      </c>
      <c r="F2101" s="11">
        <v>2045</v>
      </c>
      <c r="G2101" s="13">
        <v>0.80766192732999997</v>
      </c>
      <c r="H2101" s="11">
        <v>116.52060809000022</v>
      </c>
      <c r="I2101" s="13">
        <v>4.6024997663356194E-2</v>
      </c>
      <c r="J2101" s="11">
        <v>661.10782362999998</v>
      </c>
      <c r="K2101" s="13">
        <v>0.24964407672429345</v>
      </c>
      <c r="L2101" s="11">
        <v>1267.6628377499997</v>
      </c>
      <c r="M2101" s="13">
        <v>0.38305963747359073</v>
      </c>
      <c r="N2101" s="11">
        <v>1928.7706613799996</v>
      </c>
      <c r="O2101" s="13">
        <v>0.72833228372532133</v>
      </c>
      <c r="P2101" s="7">
        <v>2531.68091267</v>
      </c>
      <c r="Q2101" s="7">
        <v>2409.4606199099999</v>
      </c>
      <c r="R2101" s="7">
        <v>2605.45049724</v>
      </c>
      <c r="S2101" s="7">
        <v>2925.0303021099999</v>
      </c>
      <c r="T2101" s="7">
        <v>2549.5903942899999</v>
      </c>
      <c r="U2101" s="7">
        <v>2483.3489537700002</v>
      </c>
      <c r="V2101" s="7">
        <v>2648.2015207600002</v>
      </c>
      <c r="W2101" s="7">
        <v>2858.9703592699998</v>
      </c>
      <c r="X2101" s="7">
        <v>2923.6518454100001</v>
      </c>
      <c r="Y2101" s="7">
        <v>3309.3093443900002</v>
      </c>
      <c r="Z2101" s="7">
        <v>3888.5057544299998</v>
      </c>
      <c r="AA2101" s="7">
        <v>3225.9970621500001</v>
      </c>
      <c r="AB2101" s="7">
        <v>4117.2643739799996</v>
      </c>
      <c r="AC2101" s="7">
        <v>3988.9655415000002</v>
      </c>
      <c r="AD2101" s="7">
        <v>4195.5670638299998</v>
      </c>
      <c r="AE2101" s="7">
        <v>4335.0251190400004</v>
      </c>
      <c r="AF2101" s="7">
        <v>4576.9721821399999</v>
      </c>
      <c r="AG2101" s="9">
        <v>12510.445877100003</v>
      </c>
      <c r="AH2101" s="13">
        <v>0.67638933479232244</v>
      </c>
      <c r="AI2101" s="9">
        <v>5971.3340237000011</v>
      </c>
      <c r="AJ2101" s="13">
        <v>0.32284593912886644</v>
      </c>
      <c r="AK2101" s="9">
        <v>2081.5765695000009</v>
      </c>
      <c r="AL2101" s="13">
        <v>8.5076004392206611E-2</v>
      </c>
      <c r="AM2101" s="9">
        <v>4457.5352839000006</v>
      </c>
      <c r="AN2101" s="13">
        <v>0.16789946963277522</v>
      </c>
      <c r="AO2101" s="9">
        <v>6539.1118534000016</v>
      </c>
      <c r="AP2101" s="13">
        <v>0.26725969004090894</v>
      </c>
      <c r="AQ2101" s="9">
        <v>18495.924216399999</v>
      </c>
      <c r="AR2101" s="9">
        <v>21097.825855700001</v>
      </c>
      <c r="AS2101" s="9">
        <v>22833.3033263</v>
      </c>
      <c r="AT2101" s="9">
        <v>22027.632724800002</v>
      </c>
      <c r="AU2101" s="9">
        <v>20593.115253600001</v>
      </c>
      <c r="AV2101" s="9">
        <v>22392.3824279</v>
      </c>
      <c r="AW2101" s="9">
        <v>24467.2582401</v>
      </c>
      <c r="AX2101" s="9">
        <v>23520.414324199999</v>
      </c>
      <c r="AY2101" s="9">
        <v>27602.8035709</v>
      </c>
      <c r="AZ2101" s="9">
        <v>26548.834809600001</v>
      </c>
      <c r="BA2101" s="9">
        <v>24852.499552400001</v>
      </c>
      <c r="BB2101" s="9">
        <v>32660.390471999999</v>
      </c>
      <c r="BC2101" s="9">
        <v>27336.612794699999</v>
      </c>
      <c r="BD2101" s="9">
        <v>28799.6046307</v>
      </c>
      <c r="BE2101" s="9">
        <v>30971.914737200001</v>
      </c>
      <c r="BF2101" s="9">
        <v>31006.370093500002</v>
      </c>
      <c r="BG2101" s="11">
        <v>45.25</v>
      </c>
      <c r="BH2101" s="13">
        <v>0.68560606060606055</v>
      </c>
      <c r="BI2101" s="6">
        <v>21</v>
      </c>
      <c r="BJ2101" s="13">
        <v>0.31818181818181818</v>
      </c>
      <c r="BK2101" s="6">
        <v>6</v>
      </c>
      <c r="BL2101" s="13">
        <v>6.8965517241379309E-2</v>
      </c>
      <c r="BM2101" s="11">
        <v>18.25</v>
      </c>
      <c r="BN2101" s="13">
        <v>0.19623655913978494</v>
      </c>
      <c r="BO2101" s="11">
        <v>24.25</v>
      </c>
      <c r="BP2101" s="13">
        <v>0.27873563218390807</v>
      </c>
      <c r="BQ2101" s="6">
        <v>66</v>
      </c>
      <c r="BR2101" s="6">
        <v>73</v>
      </c>
      <c r="BS2101" s="6">
        <v>79</v>
      </c>
      <c r="BT2101" s="6">
        <v>87</v>
      </c>
      <c r="BU2101" s="6">
        <v>89</v>
      </c>
      <c r="BV2101" s="6">
        <v>87</v>
      </c>
      <c r="BW2101" s="6">
        <v>93</v>
      </c>
      <c r="BX2101" s="6">
        <v>90</v>
      </c>
      <c r="BY2101" s="6">
        <v>99</v>
      </c>
      <c r="BZ2101" s="6">
        <v>112</v>
      </c>
      <c r="CA2101" s="6">
        <v>109</v>
      </c>
      <c r="CB2101" s="6">
        <v>115</v>
      </c>
      <c r="CC2101" s="11">
        <v>111.25</v>
      </c>
      <c r="CD2101" s="11">
        <v>851.81399999999996</v>
      </c>
      <c r="CE2101" s="11">
        <v>916.73400000000004</v>
      </c>
      <c r="CF2101" s="11">
        <v>276.74299999999999</v>
      </c>
      <c r="CG2101" s="11">
        <v>1194</v>
      </c>
      <c r="CH2101" s="20">
        <v>1.1795899999999999</v>
      </c>
      <c r="CI2101" s="20">
        <v>1.0284500000000001</v>
      </c>
      <c r="CJ2101" s="20">
        <v>1.02396</v>
      </c>
      <c r="CK2101" s="20">
        <v>1.0651200000000001</v>
      </c>
      <c r="CL2101" s="20">
        <v>0.90542999999999996</v>
      </c>
      <c r="CM2101" s="20">
        <v>0.847464</v>
      </c>
      <c r="CN2101" s="20">
        <v>0.86874899999999999</v>
      </c>
      <c r="CO2101" s="20">
        <v>0.91596200000000005</v>
      </c>
      <c r="CP2101" s="20">
        <v>0.90656099999999995</v>
      </c>
      <c r="CQ2101" s="20">
        <v>0.98461600000000005</v>
      </c>
      <c r="CR2101" s="20">
        <v>1.1116900000000001</v>
      </c>
      <c r="CS2101" s="20">
        <v>0.89458000000000004</v>
      </c>
      <c r="CT2101" s="20">
        <v>1.1044</v>
      </c>
      <c r="CU2101" s="20">
        <v>1.0526500000000001</v>
      </c>
      <c r="CV2101" s="20">
        <v>1.0645899999999999</v>
      </c>
      <c r="CW2101" s="20">
        <v>1.0745</v>
      </c>
      <c r="CX2101" s="20">
        <v>1.0946</v>
      </c>
      <c r="CY2101" s="6" t="s">
        <v>677</v>
      </c>
      <c r="CZ2101" s="6" t="s">
        <v>678</v>
      </c>
      <c r="DA2101" s="6" t="s">
        <v>163</v>
      </c>
      <c r="DB2101" s="6"/>
      <c r="DC2101" s="6">
        <v>41180</v>
      </c>
      <c r="DD2101" s="6">
        <v>476</v>
      </c>
      <c r="DE2101" s="6" t="s">
        <v>508</v>
      </c>
      <c r="DF2101" s="6" t="s">
        <v>375</v>
      </c>
      <c r="DG2101" s="6" t="s">
        <v>364</v>
      </c>
      <c r="DH2101" s="6" t="s">
        <v>419</v>
      </c>
      <c r="DI2101" s="6" t="s">
        <v>509</v>
      </c>
      <c r="DJ2101" s="6">
        <v>29</v>
      </c>
      <c r="DK2101" s="6">
        <v>183</v>
      </c>
      <c r="DL2101" s="6">
        <v>1</v>
      </c>
      <c r="DM2101" s="6" t="s">
        <v>404</v>
      </c>
      <c r="DN2101" s="6">
        <v>1</v>
      </c>
      <c r="DO2101" s="6" t="s">
        <v>405</v>
      </c>
      <c r="DP2101" s="6"/>
      <c r="DQ2101" s="6"/>
    </row>
    <row r="2102" spans="1:121" x14ac:dyDescent="0.2">
      <c r="A2102" s="6" t="s">
        <v>321</v>
      </c>
      <c r="B2102" s="6" t="s">
        <v>321</v>
      </c>
      <c r="C2102" s="6" t="s">
        <v>190</v>
      </c>
      <c r="D2102" s="6" t="s">
        <v>163</v>
      </c>
      <c r="E2102" s="6" t="s">
        <v>302</v>
      </c>
      <c r="F2102" s="11">
        <v>7005</v>
      </c>
      <c r="G2102" s="13">
        <v>0.65712945591000005</v>
      </c>
      <c r="H2102" s="11">
        <v>2864.8121702999997</v>
      </c>
      <c r="I2102" s="13">
        <v>0.26873401848539752</v>
      </c>
      <c r="J2102" s="11">
        <v>1513.1173505000006</v>
      </c>
      <c r="K2102" s="13">
        <v>0.11187383347089098</v>
      </c>
      <c r="L2102" s="11">
        <v>2626.9757514999983</v>
      </c>
      <c r="M2102" s="13">
        <v>0.17468534135393529</v>
      </c>
      <c r="N2102" s="11">
        <v>4140.0931019999989</v>
      </c>
      <c r="O2102" s="13">
        <v>0.30610189361326218</v>
      </c>
      <c r="P2102" s="7">
        <v>10660.4001475</v>
      </c>
      <c r="Q2102" s="7">
        <v>11181.3999362</v>
      </c>
      <c r="R2102" s="7">
        <v>11428.082866299999</v>
      </c>
      <c r="S2102" s="7">
        <v>11985.1044535</v>
      </c>
      <c r="T2102" s="7">
        <v>12735.5411131</v>
      </c>
      <c r="U2102" s="7">
        <v>13287.9164504</v>
      </c>
      <c r="V2102" s="7">
        <v>13525.2123178</v>
      </c>
      <c r="W2102" s="7">
        <v>14005.3118909</v>
      </c>
      <c r="X2102" s="7">
        <v>14650.898653800001</v>
      </c>
      <c r="Y2102" s="7">
        <v>15038.329668300001</v>
      </c>
      <c r="Z2102" s="7">
        <v>15503.2332336</v>
      </c>
      <c r="AA2102" s="7">
        <v>17122.031495800002</v>
      </c>
      <c r="AB2102" s="7">
        <v>16067.628375300001</v>
      </c>
      <c r="AC2102" s="7">
        <v>15977.222308599999</v>
      </c>
      <c r="AD2102" s="7">
        <v>16406.087927199998</v>
      </c>
      <c r="AE2102" s="7">
        <v>17236.404475899999</v>
      </c>
      <c r="AF2102" s="7">
        <v>17665.305419799999</v>
      </c>
      <c r="AG2102" s="9">
        <v>12549.660724399997</v>
      </c>
      <c r="AH2102" s="13">
        <v>0.35850404092038168</v>
      </c>
      <c r="AI2102" s="9">
        <v>7997.9414199000021</v>
      </c>
      <c r="AJ2102" s="13">
        <v>0.22847584337509905</v>
      </c>
      <c r="AK2102" s="9">
        <v>705.78157210000063</v>
      </c>
      <c r="AL2102" s="13">
        <v>1.6412160826040138E-2</v>
      </c>
      <c r="AM2102" s="9">
        <v>3845.9377323999943</v>
      </c>
      <c r="AN2102" s="13">
        <v>8.7988891271637906E-2</v>
      </c>
      <c r="AO2102" s="9">
        <v>4551.7193044999949</v>
      </c>
      <c r="AP2102" s="13">
        <v>0.10584513993213313</v>
      </c>
      <c r="AQ2102" s="9">
        <v>35005.6325507</v>
      </c>
      <c r="AR2102" s="9">
        <v>36480.588249499997</v>
      </c>
      <c r="AS2102" s="9">
        <v>37544.387667800002</v>
      </c>
      <c r="AT2102" s="9">
        <v>40096.5247839</v>
      </c>
      <c r="AU2102" s="9">
        <v>40575.179059499998</v>
      </c>
      <c r="AV2102" s="9">
        <v>42714.890868499999</v>
      </c>
      <c r="AW2102" s="9">
        <v>43003.573970600002</v>
      </c>
      <c r="AX2102" s="9">
        <v>44148.430773100001</v>
      </c>
      <c r="AY2102" s="9">
        <v>44266.526519599996</v>
      </c>
      <c r="AZ2102" s="9">
        <v>43709.355542700003</v>
      </c>
      <c r="BA2102" s="9">
        <v>43271.820075800002</v>
      </c>
      <c r="BB2102" s="9">
        <v>41952.583208600001</v>
      </c>
      <c r="BC2102" s="9">
        <v>44865.9698537</v>
      </c>
      <c r="BD2102" s="9">
        <v>44921.301844200003</v>
      </c>
      <c r="BE2102" s="9">
        <v>46487.195574600002</v>
      </c>
      <c r="BF2102" s="9">
        <v>47555.293275099997</v>
      </c>
      <c r="BG2102" s="11">
        <v>632.75</v>
      </c>
      <c r="BH2102" s="13">
        <v>1.090948275862069</v>
      </c>
      <c r="BI2102" s="6">
        <v>108</v>
      </c>
      <c r="BJ2102" s="13">
        <v>0.18620689655172415</v>
      </c>
      <c r="BK2102" s="6">
        <v>62</v>
      </c>
      <c r="BL2102" s="13">
        <v>9.0116279069767435E-2</v>
      </c>
      <c r="BM2102" s="11">
        <v>462.75</v>
      </c>
      <c r="BN2102" s="13">
        <v>0.61699999999999999</v>
      </c>
      <c r="BO2102" s="11">
        <v>524.75</v>
      </c>
      <c r="BP2102" s="13">
        <v>0.76271802325581395</v>
      </c>
      <c r="BQ2102" s="6">
        <v>580</v>
      </c>
      <c r="BR2102" s="6">
        <v>631</v>
      </c>
      <c r="BS2102" s="6">
        <v>665</v>
      </c>
      <c r="BT2102" s="6">
        <v>688</v>
      </c>
      <c r="BU2102" s="6">
        <v>685</v>
      </c>
      <c r="BV2102" s="6">
        <v>738</v>
      </c>
      <c r="BW2102" s="6">
        <v>750</v>
      </c>
      <c r="BX2102" s="6">
        <v>759</v>
      </c>
      <c r="BY2102" s="6">
        <v>803</v>
      </c>
      <c r="BZ2102" s="6">
        <v>961</v>
      </c>
      <c r="CA2102" s="6">
        <v>1019</v>
      </c>
      <c r="CB2102" s="6">
        <v>1145</v>
      </c>
      <c r="CC2102" s="11">
        <v>1212.75</v>
      </c>
      <c r="CD2102" s="11">
        <v>1957.43</v>
      </c>
      <c r="CE2102" s="11">
        <v>3882.16</v>
      </c>
      <c r="CF2102" s="11">
        <v>1165.31</v>
      </c>
      <c r="CG2102" s="11">
        <v>5047</v>
      </c>
      <c r="CH2102" s="20">
        <v>1.00573</v>
      </c>
      <c r="CI2102" s="20">
        <v>0.97340400000000005</v>
      </c>
      <c r="CJ2102" s="20">
        <v>0.91443700000000006</v>
      </c>
      <c r="CK2102" s="20">
        <v>0.90298999999999996</v>
      </c>
      <c r="CL2102" s="20">
        <v>0.92565799999999998</v>
      </c>
      <c r="CM2102" s="20">
        <v>0.92514799999999997</v>
      </c>
      <c r="CN2102" s="20">
        <v>0.90322899999999995</v>
      </c>
      <c r="CO2102" s="20">
        <v>0.91649700000000001</v>
      </c>
      <c r="CP2102" s="20">
        <v>0.93503899999999995</v>
      </c>
      <c r="CQ2102" s="20">
        <v>0.92671800000000004</v>
      </c>
      <c r="CR2102" s="20">
        <v>0.93437999999999999</v>
      </c>
      <c r="CS2102" s="20">
        <v>0.98446900000000004</v>
      </c>
      <c r="CT2102" s="20">
        <v>0.88893299999999997</v>
      </c>
      <c r="CU2102" s="20">
        <v>0.87139800000000001</v>
      </c>
      <c r="CV2102" s="20">
        <v>0.851796</v>
      </c>
      <c r="CW2102" s="20">
        <v>0.868919</v>
      </c>
      <c r="CX2102" s="20">
        <v>0.85423199999999999</v>
      </c>
      <c r="CY2102" s="6" t="s">
        <v>677</v>
      </c>
      <c r="CZ2102" s="6" t="s">
        <v>678</v>
      </c>
      <c r="DA2102" s="6" t="s">
        <v>163</v>
      </c>
      <c r="DB2102" s="6"/>
      <c r="DC2102" s="6">
        <v>41180</v>
      </c>
      <c r="DD2102" s="6">
        <v>476</v>
      </c>
      <c r="DE2102" s="6" t="s">
        <v>508</v>
      </c>
      <c r="DF2102" s="6" t="s">
        <v>375</v>
      </c>
      <c r="DG2102" s="6" t="s">
        <v>364</v>
      </c>
      <c r="DH2102" s="6" t="s">
        <v>419</v>
      </c>
      <c r="DI2102" s="6" t="s">
        <v>509</v>
      </c>
      <c r="DJ2102" s="6">
        <v>29</v>
      </c>
      <c r="DK2102" s="6">
        <v>183</v>
      </c>
      <c r="DL2102" s="6">
        <v>1</v>
      </c>
      <c r="DM2102" s="6" t="s">
        <v>404</v>
      </c>
      <c r="DN2102" s="6">
        <v>1</v>
      </c>
      <c r="DO2102" s="6" t="s">
        <v>405</v>
      </c>
      <c r="DP2102" s="6"/>
      <c r="DQ2102" s="6"/>
    </row>
    <row r="2103" spans="1:121" x14ac:dyDescent="0.2">
      <c r="A2103" s="6" t="s">
        <v>322</v>
      </c>
      <c r="B2103" s="6" t="s">
        <v>322</v>
      </c>
      <c r="C2103" s="6" t="s">
        <v>191</v>
      </c>
      <c r="D2103" s="6" t="s">
        <v>163</v>
      </c>
      <c r="E2103" s="6" t="s">
        <v>302</v>
      </c>
      <c r="F2103" s="11">
        <v>-273</v>
      </c>
      <c r="G2103" s="13">
        <v>-0.09</v>
      </c>
      <c r="H2103" s="11">
        <v>982</v>
      </c>
      <c r="I2103" s="13">
        <v>0.30851398052152057</v>
      </c>
      <c r="J2103" s="11">
        <v>-367</v>
      </c>
      <c r="K2103" s="13">
        <v>-8.8115246098439376E-2</v>
      </c>
      <c r="L2103" s="11">
        <v>-888</v>
      </c>
      <c r="M2103" s="13">
        <v>-0.23380726698262244</v>
      </c>
      <c r="N2103" s="11">
        <v>-1255</v>
      </c>
      <c r="O2103" s="13">
        <v>-0.30132052821128452</v>
      </c>
      <c r="P2103" s="7">
        <v>3183</v>
      </c>
      <c r="Q2103" s="7">
        <v>3704</v>
      </c>
      <c r="R2103" s="7">
        <v>3929</v>
      </c>
      <c r="S2103" s="7">
        <v>4028</v>
      </c>
      <c r="T2103" s="7">
        <v>4097</v>
      </c>
      <c r="U2103" s="7">
        <v>3945</v>
      </c>
      <c r="V2103" s="7">
        <v>4165</v>
      </c>
      <c r="W2103" s="7">
        <v>4329</v>
      </c>
      <c r="X2103" s="7">
        <v>3953</v>
      </c>
      <c r="Y2103" s="7">
        <v>3798</v>
      </c>
      <c r="Z2103" s="7">
        <v>3796</v>
      </c>
      <c r="AA2103" s="7">
        <v>3864</v>
      </c>
      <c r="AB2103" s="7">
        <v>3866</v>
      </c>
      <c r="AC2103" s="7">
        <v>3907</v>
      </c>
      <c r="AD2103" s="7">
        <v>2684</v>
      </c>
      <c r="AE2103" s="7">
        <v>2840</v>
      </c>
      <c r="AF2103" s="7">
        <v>2910</v>
      </c>
      <c r="AG2103" s="9">
        <v>-1248</v>
      </c>
      <c r="AH2103" s="13">
        <v>-6.1550601696587097E-2</v>
      </c>
      <c r="AI2103" s="9">
        <v>4745</v>
      </c>
      <c r="AJ2103" s="13">
        <v>0.23402051686723219</v>
      </c>
      <c r="AK2103" s="9">
        <v>-406</v>
      </c>
      <c r="AL2103" s="13">
        <v>-1.6226369849326565E-2</v>
      </c>
      <c r="AM2103" s="9">
        <v>-5587</v>
      </c>
      <c r="AN2103" s="13">
        <v>-0.22697542149096081</v>
      </c>
      <c r="AO2103" s="9">
        <v>-5993</v>
      </c>
      <c r="AP2103" s="13">
        <v>-0.23951880420446825</v>
      </c>
      <c r="AQ2103" s="9">
        <v>20276</v>
      </c>
      <c r="AR2103" s="9">
        <v>21946</v>
      </c>
      <c r="AS2103" s="9">
        <v>23586</v>
      </c>
      <c r="AT2103" s="9">
        <v>23274</v>
      </c>
      <c r="AU2103" s="9">
        <v>23632</v>
      </c>
      <c r="AV2103" s="9">
        <v>24929</v>
      </c>
      <c r="AW2103" s="9">
        <v>25021</v>
      </c>
      <c r="AX2103" s="9">
        <v>24882</v>
      </c>
      <c r="AY2103" s="9">
        <v>25227</v>
      </c>
      <c r="AZ2103" s="9">
        <v>24615</v>
      </c>
      <c r="BA2103" s="9">
        <v>23694</v>
      </c>
      <c r="BB2103" s="9">
        <v>23911</v>
      </c>
      <c r="BC2103" s="9">
        <v>24740</v>
      </c>
      <c r="BD2103" s="9">
        <v>25093</v>
      </c>
      <c r="BE2103" s="9">
        <v>18909</v>
      </c>
      <c r="BF2103" s="9">
        <v>19028</v>
      </c>
      <c r="BG2103" s="11">
        <v>6</v>
      </c>
      <c r="BH2103" s="13">
        <v>5.3097345132743362E-2</v>
      </c>
      <c r="BI2103" s="6">
        <v>6</v>
      </c>
      <c r="BJ2103" s="13">
        <v>5.3097345132743362E-2</v>
      </c>
      <c r="BK2103" s="6">
        <v>-5</v>
      </c>
      <c r="BL2103" s="13">
        <v>-4.2016806722689079E-2</v>
      </c>
      <c r="BM2103" s="11">
        <v>5</v>
      </c>
      <c r="BN2103" s="13">
        <v>4.3859649122807015E-2</v>
      </c>
      <c r="BO2103" s="11">
        <v>0</v>
      </c>
      <c r="BP2103" s="13">
        <v>0</v>
      </c>
      <c r="BQ2103" s="6">
        <v>113</v>
      </c>
      <c r="BR2103" s="6">
        <v>123</v>
      </c>
      <c r="BS2103" s="6">
        <v>121</v>
      </c>
      <c r="BT2103" s="6">
        <v>119</v>
      </c>
      <c r="BU2103" s="6">
        <v>127</v>
      </c>
      <c r="BV2103" s="6">
        <v>123</v>
      </c>
      <c r="BW2103" s="6">
        <v>114</v>
      </c>
      <c r="BX2103" s="6">
        <v>114</v>
      </c>
      <c r="BY2103" s="6">
        <v>118</v>
      </c>
      <c r="BZ2103" s="6">
        <v>123</v>
      </c>
      <c r="CA2103" s="6">
        <v>121</v>
      </c>
      <c r="CB2103" s="6">
        <v>117</v>
      </c>
      <c r="CC2103" s="11">
        <v>119</v>
      </c>
      <c r="CD2103" s="11">
        <v>-1200</v>
      </c>
      <c r="CE2103" s="11">
        <v>579</v>
      </c>
      <c r="CF2103" s="11">
        <v>348</v>
      </c>
      <c r="CG2103" s="11">
        <v>927</v>
      </c>
      <c r="CH2103" s="20">
        <v>1.96</v>
      </c>
      <c r="CI2103" s="20">
        <v>2.14</v>
      </c>
      <c r="CJ2103" s="20">
        <v>2.12</v>
      </c>
      <c r="CK2103" s="20">
        <v>2.04</v>
      </c>
      <c r="CL2103" s="20">
        <v>2.02</v>
      </c>
      <c r="CM2103" s="20">
        <v>1.88</v>
      </c>
      <c r="CN2103" s="20">
        <v>1.91</v>
      </c>
      <c r="CO2103" s="20">
        <v>1.98</v>
      </c>
      <c r="CP2103" s="20">
        <v>1.84</v>
      </c>
      <c r="CQ2103" s="20">
        <v>1.75</v>
      </c>
      <c r="CR2103" s="20">
        <v>1.71</v>
      </c>
      <c r="CS2103" s="20">
        <v>1.68</v>
      </c>
      <c r="CT2103" s="20">
        <v>1.62</v>
      </c>
      <c r="CU2103" s="20">
        <v>1.59</v>
      </c>
      <c r="CV2103" s="20">
        <v>1.03</v>
      </c>
      <c r="CW2103" s="20">
        <v>1.06</v>
      </c>
      <c r="CX2103" s="20">
        <v>1.05</v>
      </c>
      <c r="CY2103" s="6" t="s">
        <v>677</v>
      </c>
      <c r="CZ2103" s="6" t="s">
        <v>678</v>
      </c>
      <c r="DA2103" s="6" t="s">
        <v>163</v>
      </c>
      <c r="DB2103" s="6"/>
      <c r="DC2103" s="6">
        <v>41180</v>
      </c>
      <c r="DD2103" s="6">
        <v>476</v>
      </c>
      <c r="DE2103" s="6" t="s">
        <v>508</v>
      </c>
      <c r="DF2103" s="6" t="s">
        <v>375</v>
      </c>
      <c r="DG2103" s="6" t="s">
        <v>364</v>
      </c>
      <c r="DH2103" s="6" t="s">
        <v>419</v>
      </c>
      <c r="DI2103" s="6" t="s">
        <v>509</v>
      </c>
      <c r="DJ2103" s="6">
        <v>29</v>
      </c>
      <c r="DK2103" s="6">
        <v>183</v>
      </c>
      <c r="DL2103" s="6">
        <v>1</v>
      </c>
      <c r="DM2103" s="6" t="s">
        <v>404</v>
      </c>
      <c r="DN2103" s="6">
        <v>1</v>
      </c>
      <c r="DO2103" s="6" t="s">
        <v>405</v>
      </c>
      <c r="DP2103" s="6"/>
      <c r="DQ2103" s="6"/>
    </row>
    <row r="2104" spans="1:121" x14ac:dyDescent="0.2">
      <c r="A2104" s="6" t="s">
        <v>323</v>
      </c>
      <c r="B2104" s="6" t="s">
        <v>323</v>
      </c>
      <c r="C2104" s="6" t="s">
        <v>192</v>
      </c>
      <c r="D2104" s="6" t="s">
        <v>163</v>
      </c>
      <c r="E2104" s="6" t="s">
        <v>302</v>
      </c>
      <c r="F2104" s="11">
        <v>8419</v>
      </c>
      <c r="G2104" s="13">
        <v>0.80066571564400002</v>
      </c>
      <c r="H2104" s="11">
        <v>3611.8322506999993</v>
      </c>
      <c r="I2104" s="13">
        <v>0.34349837184698251</v>
      </c>
      <c r="J2104" s="11">
        <v>619.40925520000019</v>
      </c>
      <c r="K2104" s="13">
        <v>4.3846775132354854E-2</v>
      </c>
      <c r="L2104" s="11">
        <v>4187.5035019999996</v>
      </c>
      <c r="M2104" s="13">
        <v>0.28397388059032097</v>
      </c>
      <c r="N2104" s="11">
        <v>4806.9127571999998</v>
      </c>
      <c r="O2104" s="13">
        <v>0.34027199460838181</v>
      </c>
      <c r="P2104" s="7">
        <v>10514.845328900001</v>
      </c>
      <c r="Q2104" s="7">
        <v>11184.411401900001</v>
      </c>
      <c r="R2104" s="7">
        <v>11747.2052829</v>
      </c>
      <c r="S2104" s="7">
        <v>12991.141531499999</v>
      </c>
      <c r="T2104" s="7">
        <v>13409.535625</v>
      </c>
      <c r="U2104" s="7">
        <v>14173.079248</v>
      </c>
      <c r="V2104" s="7">
        <v>14126.6775796</v>
      </c>
      <c r="W2104" s="7">
        <v>14342.997982499999</v>
      </c>
      <c r="X2104" s="7">
        <v>14394.4483507</v>
      </c>
      <c r="Y2104" s="7">
        <v>14746.0868348</v>
      </c>
      <c r="Z2104" s="7">
        <v>14767.833212199999</v>
      </c>
      <c r="AA2104" s="7">
        <v>15434.1333426</v>
      </c>
      <c r="AB2104" s="7">
        <v>16012.7094113</v>
      </c>
      <c r="AC2104" s="7">
        <v>16067.659412499999</v>
      </c>
      <c r="AD2104" s="7">
        <v>18076.277140800001</v>
      </c>
      <c r="AE2104" s="7">
        <v>18344.838845300001</v>
      </c>
      <c r="AF2104" s="7">
        <v>18933.5903368</v>
      </c>
      <c r="AG2104" s="9">
        <v>7151.4762353999995</v>
      </c>
      <c r="AH2104" s="13">
        <v>0.57658392718334095</v>
      </c>
      <c r="AI2104" s="9">
        <v>2244.2768163000001</v>
      </c>
      <c r="AJ2104" s="13">
        <v>0.1809436118969921</v>
      </c>
      <c r="AK2104" s="9">
        <v>346.47329779999927</v>
      </c>
      <c r="AL2104" s="13">
        <v>2.3654155123101869E-2</v>
      </c>
      <c r="AM2104" s="9">
        <v>4560.7261213000002</v>
      </c>
      <c r="AN2104" s="13">
        <v>0.30417142341962355</v>
      </c>
      <c r="AO2104" s="9">
        <v>4907.1994190999994</v>
      </c>
      <c r="AP2104" s="13">
        <v>0.33502049657630789</v>
      </c>
      <c r="AQ2104" s="9">
        <v>12403.1834712</v>
      </c>
      <c r="AR2104" s="9">
        <v>12683.843903999999</v>
      </c>
      <c r="AS2104" s="9">
        <v>13019.786074400001</v>
      </c>
      <c r="AT2104" s="9">
        <v>13155.355748399999</v>
      </c>
      <c r="AU2104" s="9">
        <v>13957.0360249</v>
      </c>
      <c r="AV2104" s="9">
        <v>13986.455173599999</v>
      </c>
      <c r="AW2104" s="9">
        <v>14647.4602875</v>
      </c>
      <c r="AX2104" s="9">
        <v>14893.621514500001</v>
      </c>
      <c r="AY2104" s="9">
        <v>15106.2476377</v>
      </c>
      <c r="AZ2104" s="9">
        <v>14993.933585299999</v>
      </c>
      <c r="BA2104" s="9">
        <v>15093.827057500001</v>
      </c>
      <c r="BB2104" s="9">
        <v>15596.617993100001</v>
      </c>
      <c r="BC2104" s="9">
        <v>15750.922613500001</v>
      </c>
      <c r="BD2104" s="9">
        <v>16111.677398</v>
      </c>
      <c r="BE2104" s="9">
        <v>18725.926197299999</v>
      </c>
      <c r="BF2104" s="9">
        <v>19554.659706599999</v>
      </c>
      <c r="BG2104" s="11">
        <v>182.75</v>
      </c>
      <c r="BH2104" s="13">
        <v>0.33470695970695968</v>
      </c>
      <c r="BI2104" s="6">
        <v>74</v>
      </c>
      <c r="BJ2104" s="13">
        <v>0.13553113553113552</v>
      </c>
      <c r="BK2104" s="6">
        <v>62</v>
      </c>
      <c r="BL2104" s="13">
        <v>0.1</v>
      </c>
      <c r="BM2104" s="11">
        <v>46.75</v>
      </c>
      <c r="BN2104" s="13">
        <v>6.8548387096774188E-2</v>
      </c>
      <c r="BO2104" s="11">
        <v>108.75</v>
      </c>
      <c r="BP2104" s="13">
        <v>0.17540322580645162</v>
      </c>
      <c r="BQ2104" s="6">
        <v>546</v>
      </c>
      <c r="BR2104" s="6">
        <v>574</v>
      </c>
      <c r="BS2104" s="6">
        <v>597</v>
      </c>
      <c r="BT2104" s="6">
        <v>620</v>
      </c>
      <c r="BU2104" s="6">
        <v>630</v>
      </c>
      <c r="BV2104" s="6">
        <v>648</v>
      </c>
      <c r="BW2104" s="6">
        <v>682</v>
      </c>
      <c r="BX2104" s="6">
        <v>699</v>
      </c>
      <c r="BY2104" s="6">
        <v>710</v>
      </c>
      <c r="BZ2104" s="6">
        <v>718</v>
      </c>
      <c r="CA2104" s="6">
        <v>709</v>
      </c>
      <c r="CB2104" s="6">
        <v>720</v>
      </c>
      <c r="CC2104" s="11">
        <v>728.75</v>
      </c>
      <c r="CD2104" s="11">
        <v>4878.21</v>
      </c>
      <c r="CE2104" s="11">
        <v>2391.13</v>
      </c>
      <c r="CF2104" s="11">
        <v>1149.4000000000001</v>
      </c>
      <c r="CG2104" s="11">
        <v>3540</v>
      </c>
      <c r="CH2104" s="20">
        <v>1.3367100000000001</v>
      </c>
      <c r="CI2104" s="20">
        <v>1.34537</v>
      </c>
      <c r="CJ2104" s="20">
        <v>1.31471</v>
      </c>
      <c r="CK2104" s="20">
        <v>1.36185</v>
      </c>
      <c r="CL2104" s="20">
        <v>1.35507</v>
      </c>
      <c r="CM2104" s="20">
        <v>1.3773599999999999</v>
      </c>
      <c r="CN2104" s="20">
        <v>1.32419</v>
      </c>
      <c r="CO2104" s="20">
        <v>1.34762</v>
      </c>
      <c r="CP2104" s="20">
        <v>1.3844000000000001</v>
      </c>
      <c r="CQ2104" s="20">
        <v>1.3873</v>
      </c>
      <c r="CR2104" s="20">
        <v>1.34395</v>
      </c>
      <c r="CS2104" s="20">
        <v>1.3482799999999999</v>
      </c>
      <c r="CT2104" s="20">
        <v>1.3315999999999999</v>
      </c>
      <c r="CU2104" s="20">
        <v>1.30335</v>
      </c>
      <c r="CV2104" s="20">
        <v>1.38246</v>
      </c>
      <c r="CW2104" s="20">
        <v>1.3590599999999999</v>
      </c>
      <c r="CX2104" s="20">
        <v>1.3599300000000001</v>
      </c>
      <c r="CY2104" s="6" t="s">
        <v>677</v>
      </c>
      <c r="CZ2104" s="6" t="s">
        <v>678</v>
      </c>
      <c r="DA2104" s="6" t="s">
        <v>163</v>
      </c>
      <c r="DB2104" s="6"/>
      <c r="DC2104" s="6">
        <v>41180</v>
      </c>
      <c r="DD2104" s="6">
        <v>476</v>
      </c>
      <c r="DE2104" s="6" t="s">
        <v>508</v>
      </c>
      <c r="DF2104" s="6" t="s">
        <v>375</v>
      </c>
      <c r="DG2104" s="6" t="s">
        <v>364</v>
      </c>
      <c r="DH2104" s="6" t="s">
        <v>419</v>
      </c>
      <c r="DI2104" s="6" t="s">
        <v>509</v>
      </c>
      <c r="DJ2104" s="6">
        <v>29</v>
      </c>
      <c r="DK2104" s="6">
        <v>183</v>
      </c>
      <c r="DL2104" s="6">
        <v>1</v>
      </c>
      <c r="DM2104" s="6" t="s">
        <v>404</v>
      </c>
      <c r="DN2104" s="6">
        <v>1</v>
      </c>
      <c r="DO2104" s="6" t="s">
        <v>405</v>
      </c>
      <c r="DP2104" s="6"/>
      <c r="DQ2104" s="6"/>
    </row>
    <row r="2105" spans="1:121" x14ac:dyDescent="0.2">
      <c r="A2105" s="6" t="s">
        <v>325</v>
      </c>
      <c r="B2105" s="6" t="s">
        <v>325</v>
      </c>
      <c r="C2105" s="6" t="s">
        <v>193</v>
      </c>
      <c r="D2105" s="6" t="s">
        <v>163</v>
      </c>
      <c r="E2105" s="6" t="s">
        <v>302</v>
      </c>
      <c r="F2105" s="11">
        <v>1701</v>
      </c>
      <c r="G2105" s="13">
        <v>0.25388059701499999</v>
      </c>
      <c r="H2105" s="11">
        <v>1310.3877729900005</v>
      </c>
      <c r="I2105" s="13">
        <v>0.19558056791449516</v>
      </c>
      <c r="J2105" s="11">
        <v>-334.83224073000019</v>
      </c>
      <c r="K2105" s="13">
        <v>-4.1799808512318154E-2</v>
      </c>
      <c r="L2105" s="11">
        <v>725.62165307999931</v>
      </c>
      <c r="M2105" s="13">
        <v>9.4536823067215073E-2</v>
      </c>
      <c r="N2105" s="11">
        <v>390.78941234999911</v>
      </c>
      <c r="O2105" s="13">
        <v>4.878539345332443E-2</v>
      </c>
      <c r="P2105" s="7">
        <v>6699.9896102299999</v>
      </c>
      <c r="Q2105" s="7">
        <v>6990.0057046299999</v>
      </c>
      <c r="R2105" s="7">
        <v>7493.9823143499998</v>
      </c>
      <c r="S2105" s="7">
        <v>7596.2246417400002</v>
      </c>
      <c r="T2105" s="7">
        <v>7551.7664137900001</v>
      </c>
      <c r="U2105" s="7">
        <v>7696.9817569200004</v>
      </c>
      <c r="V2105" s="7">
        <v>8010.3773832200004</v>
      </c>
      <c r="W2105" s="7">
        <v>7921.4297594400005</v>
      </c>
      <c r="X2105" s="7">
        <v>7601.3040248899997</v>
      </c>
      <c r="Y2105" s="7">
        <v>7675.5451424900002</v>
      </c>
      <c r="Z2105" s="7">
        <v>7840.7609785300001</v>
      </c>
      <c r="AA2105" s="7">
        <v>7779.04363835</v>
      </c>
      <c r="AB2105" s="7">
        <v>7984.5067626199998</v>
      </c>
      <c r="AC2105" s="7">
        <v>7975.43794832</v>
      </c>
      <c r="AD2105" s="7">
        <v>8168.4396465099999</v>
      </c>
      <c r="AE2105" s="7">
        <v>8282.1114876800002</v>
      </c>
      <c r="AF2105" s="7">
        <v>8401.1667955699995</v>
      </c>
      <c r="AG2105" s="9">
        <v>7466.3919817000024</v>
      </c>
      <c r="AH2105" s="13">
        <v>0.35407671227237048</v>
      </c>
      <c r="AI2105" s="9">
        <v>2427.4693823000016</v>
      </c>
      <c r="AJ2105" s="13">
        <v>0.11511723200888348</v>
      </c>
      <c r="AK2105" s="9">
        <v>599.71688920000088</v>
      </c>
      <c r="AL2105" s="13">
        <v>2.5504236687820335E-2</v>
      </c>
      <c r="AM2105" s="9">
        <v>4439.2057101999999</v>
      </c>
      <c r="AN2105" s="13">
        <v>0.18409155325914367</v>
      </c>
      <c r="AO2105" s="9">
        <v>5038.9225994000008</v>
      </c>
      <c r="AP2105" s="13">
        <v>0.21429090449351368</v>
      </c>
      <c r="AQ2105" s="9">
        <v>21086.933206599999</v>
      </c>
      <c r="AR2105" s="9">
        <v>20985.0167888</v>
      </c>
      <c r="AS2105" s="9">
        <v>21266.804252499998</v>
      </c>
      <c r="AT2105" s="9">
        <v>21712.6423297</v>
      </c>
      <c r="AU2105" s="9">
        <v>22321.165579799999</v>
      </c>
      <c r="AV2105" s="9">
        <v>22874.546910000001</v>
      </c>
      <c r="AW2105" s="9">
        <v>23514.4025889</v>
      </c>
      <c r="AX2105" s="9">
        <v>24170.962175100001</v>
      </c>
      <c r="AY2105" s="9">
        <v>24146.976594899999</v>
      </c>
      <c r="AZ2105" s="9">
        <v>24114.119478100001</v>
      </c>
      <c r="BA2105" s="9">
        <v>24735.384081600001</v>
      </c>
      <c r="BB2105" s="9">
        <v>25460.339476599998</v>
      </c>
      <c r="BC2105" s="9">
        <v>26078.410011</v>
      </c>
      <c r="BD2105" s="9">
        <v>26666.692709300001</v>
      </c>
      <c r="BE2105" s="9">
        <v>28022.0386856</v>
      </c>
      <c r="BF2105" s="9">
        <v>28553.325188300001</v>
      </c>
      <c r="BG2105" s="11">
        <v>30.75</v>
      </c>
      <c r="BH2105" s="13">
        <v>4.7307692307692308E-2</v>
      </c>
      <c r="BI2105" s="6">
        <v>72</v>
      </c>
      <c r="BJ2105" s="13">
        <v>0.11076923076923077</v>
      </c>
      <c r="BK2105" s="6">
        <v>0</v>
      </c>
      <c r="BL2105" s="13">
        <v>0</v>
      </c>
      <c r="BM2105" s="11">
        <v>-41.25</v>
      </c>
      <c r="BN2105" s="13">
        <v>-5.713296398891967E-2</v>
      </c>
      <c r="BO2105" s="11">
        <v>-41.25</v>
      </c>
      <c r="BP2105" s="13">
        <v>-5.713296398891967E-2</v>
      </c>
      <c r="BQ2105" s="6">
        <v>650</v>
      </c>
      <c r="BR2105" s="6">
        <v>652</v>
      </c>
      <c r="BS2105" s="6">
        <v>685</v>
      </c>
      <c r="BT2105" s="6">
        <v>722</v>
      </c>
      <c r="BU2105" s="6">
        <v>718</v>
      </c>
      <c r="BV2105" s="6">
        <v>711</v>
      </c>
      <c r="BW2105" s="6">
        <v>722</v>
      </c>
      <c r="BX2105" s="6">
        <v>740</v>
      </c>
      <c r="BY2105" s="6">
        <v>759</v>
      </c>
      <c r="BZ2105" s="6">
        <v>642</v>
      </c>
      <c r="CA2105" s="6">
        <v>652</v>
      </c>
      <c r="CB2105" s="6">
        <v>673</v>
      </c>
      <c r="CC2105" s="11">
        <v>680.75</v>
      </c>
      <c r="CD2105" s="11">
        <v>1030.49</v>
      </c>
      <c r="CE2105" s="11">
        <v>-61.700499999999998</v>
      </c>
      <c r="CF2105" s="11">
        <v>732.39</v>
      </c>
      <c r="CG2105" s="11">
        <v>670</v>
      </c>
      <c r="CH2105" s="20">
        <v>1.25393</v>
      </c>
      <c r="CI2105" s="20">
        <v>1.2327300000000001</v>
      </c>
      <c r="CJ2105" s="20">
        <v>1.23668</v>
      </c>
      <c r="CK2105" s="20">
        <v>1.1954199999999999</v>
      </c>
      <c r="CL2105" s="20">
        <v>1.1646000000000001</v>
      </c>
      <c r="CM2105" s="20">
        <v>1.15221</v>
      </c>
      <c r="CN2105" s="20">
        <v>1.1623399999999999</v>
      </c>
      <c r="CO2105" s="20">
        <v>1.15103</v>
      </c>
      <c r="CP2105" s="20">
        <v>1.1075600000000001</v>
      </c>
      <c r="CQ2105" s="20">
        <v>1.1021000000000001</v>
      </c>
      <c r="CR2105" s="20">
        <v>1.10493</v>
      </c>
      <c r="CS2105" s="20">
        <v>1.0604199999999999</v>
      </c>
      <c r="CT2105" s="20">
        <v>1.13025</v>
      </c>
      <c r="CU2105" s="20">
        <v>1.1129599999999999</v>
      </c>
      <c r="CV2105" s="20">
        <v>1.0960000000000001</v>
      </c>
      <c r="CW2105" s="20">
        <v>1.08788</v>
      </c>
      <c r="CX2105" s="20">
        <v>1.0794299999999999</v>
      </c>
      <c r="CY2105" s="6" t="s">
        <v>677</v>
      </c>
      <c r="CZ2105" s="6" t="s">
        <v>678</v>
      </c>
      <c r="DA2105" s="6" t="s">
        <v>163</v>
      </c>
      <c r="DB2105" s="6"/>
      <c r="DC2105" s="6">
        <v>41180</v>
      </c>
      <c r="DD2105" s="6">
        <v>476</v>
      </c>
      <c r="DE2105" s="6" t="s">
        <v>508</v>
      </c>
      <c r="DF2105" s="6" t="s">
        <v>375</v>
      </c>
      <c r="DG2105" s="6" t="s">
        <v>364</v>
      </c>
      <c r="DH2105" s="6" t="s">
        <v>419</v>
      </c>
      <c r="DI2105" s="6" t="s">
        <v>509</v>
      </c>
      <c r="DJ2105" s="6">
        <v>29</v>
      </c>
      <c r="DK2105" s="6">
        <v>183</v>
      </c>
      <c r="DL2105" s="6">
        <v>1</v>
      </c>
      <c r="DM2105" s="6" t="s">
        <v>404</v>
      </c>
      <c r="DN2105" s="6">
        <v>1</v>
      </c>
      <c r="DO2105" s="6" t="s">
        <v>405</v>
      </c>
      <c r="DP2105" s="6"/>
      <c r="DQ2105" s="6"/>
    </row>
    <row r="2106" spans="1:121" x14ac:dyDescent="0.2">
      <c r="A2106" s="6" t="s">
        <v>327</v>
      </c>
      <c r="B2106" s="6" t="s">
        <v>327</v>
      </c>
      <c r="C2106" s="6" t="s">
        <v>194</v>
      </c>
      <c r="D2106" s="6" t="s">
        <v>163</v>
      </c>
      <c r="E2106" s="6" t="s">
        <v>302</v>
      </c>
      <c r="F2106" s="11">
        <v>5150</v>
      </c>
      <c r="G2106" s="13">
        <v>0.39336999694500002</v>
      </c>
      <c r="H2106" s="11">
        <v>3147.711824</v>
      </c>
      <c r="I2106" s="13">
        <v>0.240423857671829</v>
      </c>
      <c r="J2106" s="11">
        <v>852.43032800000037</v>
      </c>
      <c r="K2106" s="13">
        <v>5.2489372143295611E-2</v>
      </c>
      <c r="L2106" s="11">
        <v>1149.4265927999986</v>
      </c>
      <c r="M2106" s="13">
        <v>6.7247478803001762E-2</v>
      </c>
      <c r="N2106" s="11">
        <v>2001.856920799999</v>
      </c>
      <c r="O2106" s="13">
        <v>0.12326662888688653</v>
      </c>
      <c r="P2106" s="7">
        <v>13092.34389</v>
      </c>
      <c r="Q2106" s="7">
        <v>13628.289792</v>
      </c>
      <c r="R2106" s="7">
        <v>14157.300778999999</v>
      </c>
      <c r="S2106" s="7">
        <v>14594.733931999999</v>
      </c>
      <c r="T2106" s="7">
        <v>14952.508484</v>
      </c>
      <c r="U2106" s="7">
        <v>15590.887187</v>
      </c>
      <c r="V2106" s="7">
        <v>16240.055714</v>
      </c>
      <c r="W2106" s="7">
        <v>16756.204022000002</v>
      </c>
      <c r="X2106" s="7">
        <v>17201.211316000001</v>
      </c>
      <c r="Y2106" s="7">
        <v>17092.486042</v>
      </c>
      <c r="Z2106" s="7">
        <v>17025.076518000002</v>
      </c>
      <c r="AA2106" s="7">
        <v>17038.198045000001</v>
      </c>
      <c r="AB2106" s="7">
        <v>17505.704201</v>
      </c>
      <c r="AC2106" s="7">
        <v>17674.702947999998</v>
      </c>
      <c r="AD2106" s="7">
        <v>17765.947360999999</v>
      </c>
      <c r="AE2106" s="7">
        <v>17911.2018575</v>
      </c>
      <c r="AF2106" s="7">
        <v>18241.912634799999</v>
      </c>
      <c r="AG2106" s="9">
        <v>18551.408811199995</v>
      </c>
      <c r="AH2106" s="13">
        <v>0.47299451484046934</v>
      </c>
      <c r="AI2106" s="9">
        <v>10510.853375699997</v>
      </c>
      <c r="AJ2106" s="13">
        <v>0.2679891346040012</v>
      </c>
      <c r="AK2106" s="9">
        <v>4751.4945116000017</v>
      </c>
      <c r="AL2106" s="13">
        <v>9.5541907627311851E-2</v>
      </c>
      <c r="AM2106" s="9">
        <v>3289.0609238999969</v>
      </c>
      <c r="AN2106" s="13">
        <v>6.0367973779797877E-2</v>
      </c>
      <c r="AO2106" s="9">
        <v>8040.5554354999986</v>
      </c>
      <c r="AP2106" s="13">
        <v>0.16167755278162715</v>
      </c>
      <c r="AQ2106" s="9">
        <v>39221.192274200002</v>
      </c>
      <c r="AR2106" s="9">
        <v>41029.982330699997</v>
      </c>
      <c r="AS2106" s="9">
        <v>43913.978414700003</v>
      </c>
      <c r="AT2106" s="9">
        <v>46214.066407699996</v>
      </c>
      <c r="AU2106" s="9">
        <v>47539.314108899998</v>
      </c>
      <c r="AV2106" s="9">
        <v>49055.118696600002</v>
      </c>
      <c r="AW2106" s="9">
        <v>49732.045649899999</v>
      </c>
      <c r="AX2106" s="9">
        <v>51143.486356900001</v>
      </c>
      <c r="AY2106" s="9">
        <v>52439.143347800004</v>
      </c>
      <c r="AZ2106" s="9">
        <v>54483.540161500001</v>
      </c>
      <c r="BA2106" s="9">
        <v>54677.309407200002</v>
      </c>
      <c r="BB2106" s="9">
        <v>54630.135729100002</v>
      </c>
      <c r="BC2106" s="9">
        <v>54260.8921003</v>
      </c>
      <c r="BD2106" s="9">
        <v>54347.328953099997</v>
      </c>
      <c r="BE2106" s="9">
        <v>56193.757658900002</v>
      </c>
      <c r="BF2106" s="9">
        <v>57772.601085399998</v>
      </c>
      <c r="BG2106" s="11">
        <v>31.25</v>
      </c>
      <c r="BH2106" s="13">
        <v>0.14140271493212669</v>
      </c>
      <c r="BI2106" s="6">
        <v>9</v>
      </c>
      <c r="BJ2106" s="13">
        <v>4.072398190045249E-2</v>
      </c>
      <c r="BK2106" s="6">
        <v>6</v>
      </c>
      <c r="BL2106" s="13">
        <v>2.6086956521739129E-2</v>
      </c>
      <c r="BM2106" s="11">
        <v>16.25</v>
      </c>
      <c r="BN2106" s="13">
        <v>6.8855932203389827E-2</v>
      </c>
      <c r="BO2106" s="11">
        <v>22.25</v>
      </c>
      <c r="BP2106" s="13">
        <v>9.6739130434782605E-2</v>
      </c>
      <c r="BQ2106" s="6">
        <v>221</v>
      </c>
      <c r="BR2106" s="6">
        <v>220</v>
      </c>
      <c r="BS2106" s="6">
        <v>224</v>
      </c>
      <c r="BT2106" s="6">
        <v>230</v>
      </c>
      <c r="BU2106" s="6">
        <v>232</v>
      </c>
      <c r="BV2106" s="6">
        <v>235</v>
      </c>
      <c r="BW2106" s="6">
        <v>236</v>
      </c>
      <c r="BX2106" s="6">
        <v>246</v>
      </c>
      <c r="BY2106" s="6">
        <v>246</v>
      </c>
      <c r="BZ2106" s="6">
        <v>249</v>
      </c>
      <c r="CA2106" s="6">
        <v>250</v>
      </c>
      <c r="CB2106" s="6">
        <v>252</v>
      </c>
      <c r="CC2106" s="11">
        <v>252.25</v>
      </c>
      <c r="CD2106" s="11">
        <v>4485.95</v>
      </c>
      <c r="CE2106" s="11">
        <v>-767.53399999999999</v>
      </c>
      <c r="CF2106" s="11">
        <v>1431.15</v>
      </c>
      <c r="CG2106" s="11">
        <v>663</v>
      </c>
      <c r="CH2106" s="20">
        <v>0.73764099999999999</v>
      </c>
      <c r="CI2106" s="20">
        <v>0.722105</v>
      </c>
      <c r="CJ2106" s="20">
        <v>0.70710899999999999</v>
      </c>
      <c r="CK2106" s="20">
        <v>0.70018999999999998</v>
      </c>
      <c r="CL2106" s="20">
        <v>0.70459799999999995</v>
      </c>
      <c r="CM2106" s="20">
        <v>0.71784999999999999</v>
      </c>
      <c r="CN2106" s="20">
        <v>0.73000500000000001</v>
      </c>
      <c r="CO2106" s="20">
        <v>0.74670599999999998</v>
      </c>
      <c r="CP2106" s="20">
        <v>0.76005400000000001</v>
      </c>
      <c r="CQ2106" s="20">
        <v>0.73999700000000002</v>
      </c>
      <c r="CR2106" s="20">
        <v>0.74038300000000001</v>
      </c>
      <c r="CS2106" s="20">
        <v>0.74105699999999997</v>
      </c>
      <c r="CT2106" s="20">
        <v>0.75097899999999995</v>
      </c>
      <c r="CU2106" s="20">
        <v>0.76161199999999996</v>
      </c>
      <c r="CV2106" s="20">
        <v>0.74239100000000002</v>
      </c>
      <c r="CW2106" s="20">
        <v>0.73642200000000002</v>
      </c>
      <c r="CX2106" s="20">
        <v>0.73877800000000005</v>
      </c>
      <c r="CY2106" s="6" t="s">
        <v>677</v>
      </c>
      <c r="CZ2106" s="6" t="s">
        <v>678</v>
      </c>
      <c r="DA2106" s="6" t="s">
        <v>163</v>
      </c>
      <c r="DB2106" s="6"/>
      <c r="DC2106" s="6">
        <v>41180</v>
      </c>
      <c r="DD2106" s="6">
        <v>476</v>
      </c>
      <c r="DE2106" s="6" t="s">
        <v>508</v>
      </c>
      <c r="DF2106" s="6" t="s">
        <v>375</v>
      </c>
      <c r="DG2106" s="6" t="s">
        <v>364</v>
      </c>
      <c r="DH2106" s="6" t="s">
        <v>419</v>
      </c>
      <c r="DI2106" s="6" t="s">
        <v>509</v>
      </c>
      <c r="DJ2106" s="6">
        <v>29</v>
      </c>
      <c r="DK2106" s="6">
        <v>183</v>
      </c>
      <c r="DL2106" s="6">
        <v>1</v>
      </c>
      <c r="DM2106" s="6" t="s">
        <v>404</v>
      </c>
      <c r="DN2106" s="6">
        <v>1</v>
      </c>
      <c r="DO2106" s="6" t="s">
        <v>405</v>
      </c>
      <c r="DP2106" s="6"/>
      <c r="DQ2106" s="6"/>
    </row>
    <row r="2107" spans="1:121" x14ac:dyDescent="0.2">
      <c r="A2107" s="6" t="s">
        <v>1</v>
      </c>
      <c r="B2107" s="6" t="s">
        <v>1</v>
      </c>
      <c r="C2107" s="6" t="s">
        <v>2</v>
      </c>
      <c r="D2107" s="6" t="s">
        <v>94</v>
      </c>
      <c r="E2107" s="6" t="s">
        <v>235</v>
      </c>
      <c r="F2107" s="11">
        <v>36</v>
      </c>
      <c r="G2107" s="13">
        <v>1.5652173913</v>
      </c>
      <c r="H2107" s="11">
        <v>9.7246886126000014</v>
      </c>
      <c r="I2107" s="13">
        <v>0.43152988262089642</v>
      </c>
      <c r="J2107" s="11">
        <v>-4.9912424713000014</v>
      </c>
      <c r="K2107" s="13">
        <v>-0.15471891854526182</v>
      </c>
      <c r="L2107" s="11">
        <v>31.613481191800002</v>
      </c>
      <c r="M2107" s="13">
        <v>1.1593269343397703</v>
      </c>
      <c r="N2107" s="11">
        <v>26.6222387205</v>
      </c>
      <c r="O2107" s="13">
        <v>0.82523820627306532</v>
      </c>
      <c r="P2107" s="7">
        <v>22.535377048600001</v>
      </c>
      <c r="Q2107" s="7">
        <v>33.675644901799998</v>
      </c>
      <c r="R2107" s="7">
        <v>37.8015292101</v>
      </c>
      <c r="S2107" s="7">
        <v>41.574307622100001</v>
      </c>
      <c r="T2107" s="7">
        <v>39.749353162399998</v>
      </c>
      <c r="U2107" s="7">
        <v>41.6681353655</v>
      </c>
      <c r="V2107" s="7">
        <v>32.260065661200002</v>
      </c>
      <c r="W2107" s="7">
        <v>30.669150186300001</v>
      </c>
      <c r="X2107" s="7">
        <v>34.965511642400003</v>
      </c>
      <c r="Y2107" s="7">
        <v>27.268823189900001</v>
      </c>
      <c r="Z2107" s="7">
        <v>34.209230030900002</v>
      </c>
      <c r="AA2107" s="7">
        <v>34.197280667599998</v>
      </c>
      <c r="AB2107" s="7">
        <v>24.329210912899999</v>
      </c>
      <c r="AC2107" s="7">
        <v>50.583477067899999</v>
      </c>
      <c r="AD2107" s="7">
        <v>53.2551086621</v>
      </c>
      <c r="AE2107" s="7">
        <v>55.976023402099997</v>
      </c>
      <c r="AF2107" s="7">
        <v>58.882304381700003</v>
      </c>
      <c r="AG2107" s="9">
        <v>9285.5325109999976</v>
      </c>
      <c r="AH2107" s="13">
        <v>0.65335286708528617</v>
      </c>
      <c r="AI2107" s="9">
        <v>1996.6158341999999</v>
      </c>
      <c r="AJ2107" s="13">
        <v>0.14048679256651098</v>
      </c>
      <c r="AK2107" s="9">
        <v>2087.7864013999988</v>
      </c>
      <c r="AL2107" s="13">
        <v>0.12880620669310383</v>
      </c>
      <c r="AM2107" s="9">
        <v>5201.1302753999989</v>
      </c>
      <c r="AN2107" s="13">
        <v>0.28426871690813921</v>
      </c>
      <c r="AO2107" s="9">
        <v>7288.9166767999977</v>
      </c>
      <c r="AP2107" s="13">
        <v>0.44969049870769634</v>
      </c>
      <c r="AQ2107" s="9">
        <v>14212.124839100001</v>
      </c>
      <c r="AR2107" s="9">
        <v>14418.232437999999</v>
      </c>
      <c r="AS2107" s="9">
        <v>15249.8607534</v>
      </c>
      <c r="AT2107" s="9">
        <v>17611.144480399998</v>
      </c>
      <c r="AU2107" s="9">
        <v>16785.150178399999</v>
      </c>
      <c r="AV2107" s="9">
        <v>16908.704877299999</v>
      </c>
      <c r="AW2107" s="9">
        <v>16208.740673300001</v>
      </c>
      <c r="AX2107" s="9">
        <v>18667.1595638</v>
      </c>
      <c r="AY2107" s="9">
        <v>17981.181662800002</v>
      </c>
      <c r="AZ2107" s="9">
        <v>18296.5270747</v>
      </c>
      <c r="BA2107" s="9">
        <v>20078.637159400001</v>
      </c>
      <c r="BB2107" s="9">
        <v>19421.346074000001</v>
      </c>
      <c r="BC2107" s="9">
        <v>20399.064399700001</v>
      </c>
      <c r="BD2107" s="9">
        <v>21183.951847</v>
      </c>
      <c r="BE2107" s="9">
        <v>23498.9291256</v>
      </c>
      <c r="BF2107" s="9">
        <v>23497.657350099998</v>
      </c>
      <c r="BG2107" s="11">
        <v>2</v>
      </c>
      <c r="BH2107" s="13">
        <v>1</v>
      </c>
      <c r="BI2107" s="6">
        <v>2</v>
      </c>
      <c r="BJ2107" s="13">
        <v>1</v>
      </c>
      <c r="BK2107" s="6">
        <v>-2</v>
      </c>
      <c r="BL2107" s="13">
        <v>-0.5</v>
      </c>
      <c r="BM2107" s="11">
        <v>2</v>
      </c>
      <c r="BN2107" s="13">
        <v>1</v>
      </c>
      <c r="BO2107" s="11">
        <v>0</v>
      </c>
      <c r="BP2107" s="13">
        <v>0</v>
      </c>
      <c r="BQ2107" s="6">
        <v>2</v>
      </c>
      <c r="BR2107" s="6">
        <v>2</v>
      </c>
      <c r="BS2107" s="6">
        <v>2</v>
      </c>
      <c r="BT2107" s="6">
        <v>4</v>
      </c>
      <c r="BU2107" s="6">
        <v>2</v>
      </c>
      <c r="BV2107" s="6">
        <v>2</v>
      </c>
      <c r="BW2107" s="6">
        <v>2</v>
      </c>
      <c r="BX2107" s="6">
        <v>2</v>
      </c>
      <c r="BY2107" s="6">
        <v>3</v>
      </c>
      <c r="BZ2107" s="6">
        <v>3</v>
      </c>
      <c r="CA2107" s="6">
        <v>4</v>
      </c>
      <c r="CB2107" s="6">
        <v>4</v>
      </c>
      <c r="CC2107" s="11">
        <v>4</v>
      </c>
      <c r="CD2107" s="11">
        <v>35.938200000000002</v>
      </c>
      <c r="CE2107" s="11">
        <v>-2.05463</v>
      </c>
      <c r="CF2107" s="11">
        <v>2.46339</v>
      </c>
      <c r="CG2107" s="11">
        <v>0</v>
      </c>
      <c r="CH2107" s="20">
        <v>0.63634100000000005</v>
      </c>
      <c r="CI2107" s="20">
        <v>0.92081299999999999</v>
      </c>
      <c r="CJ2107" s="20">
        <v>1.00949</v>
      </c>
      <c r="CK2107" s="20">
        <v>1.13121</v>
      </c>
      <c r="CL2107" s="20">
        <v>1.1410400000000001</v>
      </c>
      <c r="CM2107" s="20">
        <v>1.20034</v>
      </c>
      <c r="CN2107" s="20">
        <v>1.0217799999999999</v>
      </c>
      <c r="CO2107" s="20">
        <v>0.98228099999999996</v>
      </c>
      <c r="CP2107" s="20">
        <v>1.12155</v>
      </c>
      <c r="CQ2107" s="20">
        <v>0.94671000000000005</v>
      </c>
      <c r="CR2107" s="20">
        <v>1.2326600000000001</v>
      </c>
      <c r="CS2107" s="20">
        <v>1.25648</v>
      </c>
      <c r="CT2107" s="20">
        <v>0.919346</v>
      </c>
      <c r="CU2107" s="20">
        <v>1.90564</v>
      </c>
      <c r="CV2107" s="20">
        <v>2.0335700000000001</v>
      </c>
      <c r="CW2107" s="20">
        <v>2.1554500000000001</v>
      </c>
      <c r="CX2107" s="20">
        <v>2.2934399999999999</v>
      </c>
      <c r="CY2107" s="6" t="s">
        <v>680</v>
      </c>
      <c r="CZ2107" s="6" t="s">
        <v>681</v>
      </c>
      <c r="DA2107" s="6" t="s">
        <v>94</v>
      </c>
      <c r="DB2107" s="6" t="s">
        <v>345</v>
      </c>
      <c r="DC2107" s="6"/>
      <c r="DD2107" s="6"/>
      <c r="DE2107" s="6"/>
      <c r="DF2107" s="6"/>
      <c r="DG2107" s="6"/>
      <c r="DH2107" s="6" t="s">
        <v>333</v>
      </c>
      <c r="DI2107" s="6"/>
      <c r="DJ2107" s="6"/>
      <c r="DK2107" s="6"/>
      <c r="DL2107" s="6">
        <v>4</v>
      </c>
      <c r="DM2107" s="6" t="s">
        <v>446</v>
      </c>
      <c r="DN2107" s="6">
        <v>8</v>
      </c>
      <c r="DO2107" s="6" t="s">
        <v>486</v>
      </c>
      <c r="DP2107" s="6"/>
      <c r="DQ2107" s="6"/>
    </row>
    <row r="2108" spans="1:121" x14ac:dyDescent="0.2">
      <c r="A2108" s="6" t="s">
        <v>310</v>
      </c>
      <c r="B2108" s="6" t="s">
        <v>310</v>
      </c>
      <c r="C2108" s="6" t="s">
        <v>173</v>
      </c>
      <c r="D2108" s="6" t="s">
        <v>94</v>
      </c>
      <c r="E2108" s="6" t="s">
        <v>235</v>
      </c>
      <c r="F2108" s="11">
        <v>1</v>
      </c>
      <c r="G2108" s="13">
        <v>1</v>
      </c>
      <c r="H2108" s="11">
        <v>-19.003203143499999</v>
      </c>
      <c r="I2108" s="13">
        <v>-0.79169446802128229</v>
      </c>
      <c r="J2108" s="11">
        <v>0</v>
      </c>
      <c r="K2108" s="13">
        <v>0</v>
      </c>
      <c r="L2108" s="11">
        <v>0</v>
      </c>
      <c r="M2108" s="13">
        <v>0</v>
      </c>
      <c r="N2108" s="11">
        <v>0</v>
      </c>
      <c r="O2108" s="13">
        <v>0</v>
      </c>
      <c r="P2108" s="7">
        <v>24.003203143499999</v>
      </c>
      <c r="Q2108" s="7">
        <v>18.193578753400001</v>
      </c>
      <c r="R2108" s="7">
        <v>5</v>
      </c>
      <c r="S2108" s="7">
        <v>5</v>
      </c>
      <c r="T2108" s="7">
        <v>5</v>
      </c>
      <c r="U2108" s="7">
        <v>5</v>
      </c>
      <c r="V2108" s="7">
        <v>5</v>
      </c>
      <c r="W2108" s="7">
        <v>5</v>
      </c>
      <c r="X2108" s="7">
        <v>5</v>
      </c>
      <c r="Y2108" s="7">
        <v>5</v>
      </c>
      <c r="Z2108" s="7">
        <v>5</v>
      </c>
      <c r="AA2108" s="7">
        <v>5</v>
      </c>
      <c r="AB2108" s="7">
        <v>5</v>
      </c>
      <c r="AC2108" s="7">
        <v>5</v>
      </c>
      <c r="AD2108" s="7">
        <v>5</v>
      </c>
      <c r="AE2108" s="7">
        <v>5</v>
      </c>
      <c r="AF2108" s="7">
        <v>5</v>
      </c>
      <c r="AG2108" s="9">
        <v>-33205.0074141</v>
      </c>
      <c r="AH2108" s="13">
        <v>-0.99996988496727324</v>
      </c>
      <c r="AI2108" s="9">
        <v>-33205.0074141</v>
      </c>
      <c r="AJ2108" s="13">
        <v>-0.99996988496727324</v>
      </c>
      <c r="AK2108" s="9">
        <v>0</v>
      </c>
      <c r="AL2108" s="13">
        <v>0</v>
      </c>
      <c r="AM2108" s="9">
        <v>0</v>
      </c>
      <c r="AN2108" s="13">
        <v>0</v>
      </c>
      <c r="AO2108" s="9">
        <v>0</v>
      </c>
      <c r="AP2108" s="13">
        <v>0</v>
      </c>
      <c r="AQ2108" s="9">
        <v>33206.0074141</v>
      </c>
      <c r="AR2108" s="9">
        <v>23893.519056599998</v>
      </c>
      <c r="AS2108" s="9">
        <v>1</v>
      </c>
      <c r="AT2108" s="9">
        <v>1</v>
      </c>
      <c r="AU2108" s="9">
        <v>1</v>
      </c>
      <c r="AV2108" s="9">
        <v>1</v>
      </c>
      <c r="AW2108" s="9">
        <v>1</v>
      </c>
      <c r="AX2108" s="9">
        <v>1</v>
      </c>
      <c r="AY2108" s="9">
        <v>1</v>
      </c>
      <c r="AZ2108" s="9">
        <v>1</v>
      </c>
      <c r="BA2108" s="9">
        <v>1</v>
      </c>
      <c r="BB2108" s="9">
        <v>1</v>
      </c>
      <c r="BC2108" s="9">
        <v>1</v>
      </c>
      <c r="BD2108" s="9">
        <v>1</v>
      </c>
      <c r="BE2108" s="9">
        <v>1</v>
      </c>
      <c r="BF2108" s="9">
        <v>1</v>
      </c>
      <c r="BG2108" s="11">
        <v>0</v>
      </c>
      <c r="BH2108" s="13">
        <v>0</v>
      </c>
      <c r="BI2108" s="6">
        <v>0</v>
      </c>
      <c r="BJ2108" s="13">
        <v>0</v>
      </c>
      <c r="BK2108" s="6">
        <v>0</v>
      </c>
      <c r="BL2108" s="13">
        <v>0</v>
      </c>
      <c r="BM2108" s="11">
        <v>0</v>
      </c>
      <c r="BN2108" s="13">
        <v>0</v>
      </c>
      <c r="BO2108" s="11">
        <v>0</v>
      </c>
      <c r="BP2108" s="13">
        <v>0</v>
      </c>
      <c r="BQ2108" s="6">
        <v>1</v>
      </c>
      <c r="BR2108" s="6">
        <v>1</v>
      </c>
      <c r="BS2108" s="6">
        <v>1</v>
      </c>
      <c r="BT2108" s="6">
        <v>1</v>
      </c>
      <c r="BU2108" s="6">
        <v>1</v>
      </c>
      <c r="BV2108" s="6">
        <v>1</v>
      </c>
      <c r="BW2108" s="6">
        <v>1</v>
      </c>
      <c r="BX2108" s="6">
        <v>1</v>
      </c>
      <c r="BY2108" s="6">
        <v>1</v>
      </c>
      <c r="BZ2108" s="6">
        <v>1</v>
      </c>
      <c r="CA2108" s="6">
        <v>1</v>
      </c>
      <c r="CB2108" s="6">
        <v>1</v>
      </c>
      <c r="CC2108" s="11">
        <v>1</v>
      </c>
      <c r="CD2108" s="11">
        <v>-28.151499999999999</v>
      </c>
      <c r="CE2108" s="11">
        <v>2.4902799999999998</v>
      </c>
      <c r="CF2108" s="11">
        <v>2.62384</v>
      </c>
      <c r="CG2108" s="11">
        <v>5</v>
      </c>
      <c r="CH2108" s="20">
        <v>2.3889200000000002</v>
      </c>
      <c r="CI2108" s="20">
        <v>1.8315699999999999</v>
      </c>
      <c r="CJ2108" s="20">
        <v>0.454955</v>
      </c>
      <c r="CK2108" s="20">
        <v>7.8850299999999998E-2</v>
      </c>
      <c r="CL2108" s="20">
        <v>8.1135399999999996E-2</v>
      </c>
      <c r="CM2108" s="20">
        <v>0.10079100000000001</v>
      </c>
      <c r="CN2108" s="20">
        <v>7.3256600000000005E-2</v>
      </c>
      <c r="CO2108" s="20">
        <v>0.17022499999999999</v>
      </c>
      <c r="CP2108" s="20">
        <v>0.170764</v>
      </c>
      <c r="CQ2108" s="20">
        <v>0.101518</v>
      </c>
      <c r="CR2108" s="20">
        <v>0.131134</v>
      </c>
      <c r="CS2108" s="20">
        <v>0.248002</v>
      </c>
      <c r="CT2108" s="20">
        <v>0.78699600000000003</v>
      </c>
      <c r="CU2108" s="20">
        <v>0.20755899999999999</v>
      </c>
      <c r="CV2108" s="20">
        <v>0.17596800000000001</v>
      </c>
      <c r="CW2108" s="20">
        <v>0.133441</v>
      </c>
      <c r="CX2108" s="20">
        <v>0.11128300000000001</v>
      </c>
      <c r="CY2108" s="6" t="s">
        <v>680</v>
      </c>
      <c r="CZ2108" s="6" t="s">
        <v>681</v>
      </c>
      <c r="DA2108" s="6" t="s">
        <v>94</v>
      </c>
      <c r="DB2108" s="6" t="s">
        <v>345</v>
      </c>
      <c r="DC2108" s="6"/>
      <c r="DD2108" s="6"/>
      <c r="DE2108" s="6"/>
      <c r="DF2108" s="6"/>
      <c r="DG2108" s="6"/>
      <c r="DH2108" s="6" t="s">
        <v>333</v>
      </c>
      <c r="DI2108" s="6"/>
      <c r="DJ2108" s="6"/>
      <c r="DK2108" s="6"/>
      <c r="DL2108" s="6">
        <v>4</v>
      </c>
      <c r="DM2108" s="6" t="s">
        <v>446</v>
      </c>
      <c r="DN2108" s="6">
        <v>8</v>
      </c>
      <c r="DO2108" s="6" t="s">
        <v>486</v>
      </c>
      <c r="DP2108" s="6"/>
      <c r="DQ2108" s="6"/>
    </row>
    <row r="2109" spans="1:121" x14ac:dyDescent="0.2">
      <c r="A2109" s="6" t="s">
        <v>311</v>
      </c>
      <c r="B2109" s="6" t="s">
        <v>311</v>
      </c>
      <c r="C2109" s="6" t="s">
        <v>174</v>
      </c>
      <c r="D2109" s="6" t="s">
        <v>94</v>
      </c>
      <c r="E2109" s="6" t="s">
        <v>235</v>
      </c>
      <c r="F2109" s="11">
        <v>1</v>
      </c>
      <c r="G2109" s="13">
        <v>1</v>
      </c>
      <c r="H2109" s="11">
        <v>0</v>
      </c>
      <c r="I2109" s="13"/>
      <c r="J2109" s="11">
        <v>0</v>
      </c>
      <c r="K2109" s="13"/>
      <c r="L2109" s="11">
        <v>5</v>
      </c>
      <c r="M2109" s="13"/>
      <c r="N2109" s="11">
        <v>5</v>
      </c>
      <c r="O2109" s="13"/>
      <c r="P2109" s="7">
        <v>0</v>
      </c>
      <c r="Q2109" s="7">
        <v>0</v>
      </c>
      <c r="R2109" s="7">
        <v>0</v>
      </c>
      <c r="S2109" s="7">
        <v>0</v>
      </c>
      <c r="T2109" s="7">
        <v>0</v>
      </c>
      <c r="U2109" s="7">
        <v>0</v>
      </c>
      <c r="V2109" s="7">
        <v>0</v>
      </c>
      <c r="W2109" s="7">
        <v>0</v>
      </c>
      <c r="X2109" s="7">
        <v>0</v>
      </c>
      <c r="Y2109" s="7">
        <v>0</v>
      </c>
      <c r="Z2109" s="7">
        <v>0</v>
      </c>
      <c r="AA2109" s="7">
        <v>0</v>
      </c>
      <c r="AB2109" s="7">
        <v>5</v>
      </c>
      <c r="AC2109" s="7">
        <v>5</v>
      </c>
      <c r="AD2109" s="7">
        <v>5</v>
      </c>
      <c r="AE2109" s="7">
        <v>5</v>
      </c>
      <c r="AF2109" s="7">
        <v>5</v>
      </c>
      <c r="AG2109" s="9">
        <v>1</v>
      </c>
      <c r="AH2109" s="13"/>
      <c r="AI2109" s="9">
        <v>0</v>
      </c>
      <c r="AJ2109" s="13"/>
      <c r="AK2109" s="9">
        <v>0</v>
      </c>
      <c r="AL2109" s="13"/>
      <c r="AM2109" s="9">
        <v>1</v>
      </c>
      <c r="AN2109" s="13"/>
      <c r="AO2109" s="9">
        <v>1</v>
      </c>
      <c r="AP2109" s="13"/>
      <c r="AQ2109" s="9">
        <v>0</v>
      </c>
      <c r="AR2109" s="9">
        <v>0</v>
      </c>
      <c r="AS2109" s="9">
        <v>0</v>
      </c>
      <c r="AT2109" s="9">
        <v>0</v>
      </c>
      <c r="AU2109" s="9">
        <v>0</v>
      </c>
      <c r="AV2109" s="9">
        <v>0</v>
      </c>
      <c r="AW2109" s="9">
        <v>0</v>
      </c>
      <c r="AX2109" s="9">
        <v>0</v>
      </c>
      <c r="AY2109" s="9">
        <v>0</v>
      </c>
      <c r="AZ2109" s="9">
        <v>0</v>
      </c>
      <c r="BA2109" s="9">
        <v>0</v>
      </c>
      <c r="BB2109" s="9">
        <v>0</v>
      </c>
      <c r="BC2109" s="9">
        <v>1</v>
      </c>
      <c r="BD2109" s="9">
        <v>1</v>
      </c>
      <c r="BE2109" s="9">
        <v>1</v>
      </c>
      <c r="BF2109" s="9">
        <v>1</v>
      </c>
      <c r="BG2109" s="11">
        <v>0</v>
      </c>
      <c r="BH2109" s="13" t="e">
        <v>#DIV/0!</v>
      </c>
      <c r="BI2109" s="6">
        <v>0</v>
      </c>
      <c r="BJ2109" s="13" t="e">
        <v>#DIV/0!</v>
      </c>
      <c r="BK2109" s="6">
        <v>0</v>
      </c>
      <c r="BL2109" s="13" t="e">
        <v>#DIV/0!</v>
      </c>
      <c r="BM2109" s="11">
        <v>0</v>
      </c>
      <c r="BN2109" s="13" t="e">
        <v>#DIV/0!</v>
      </c>
      <c r="BO2109" s="11">
        <v>0</v>
      </c>
      <c r="BP2109" s="13" t="e">
        <v>#DIV/0!</v>
      </c>
      <c r="BQ2109" s="6">
        <v>0</v>
      </c>
      <c r="BR2109" s="6">
        <v>0</v>
      </c>
      <c r="BS2109" s="6">
        <v>0</v>
      </c>
      <c r="BT2109" s="6">
        <v>0</v>
      </c>
      <c r="BU2109" s="6">
        <v>0</v>
      </c>
      <c r="BV2109" s="6">
        <v>0</v>
      </c>
      <c r="BW2109" s="6">
        <v>0</v>
      </c>
      <c r="BX2109" s="6">
        <v>0</v>
      </c>
      <c r="BY2109" s="6">
        <v>0</v>
      </c>
      <c r="BZ2109" s="6">
        <v>0</v>
      </c>
      <c r="CA2109" s="6">
        <v>0</v>
      </c>
      <c r="CB2109" s="6">
        <v>0</v>
      </c>
      <c r="CC2109" s="11">
        <v>0</v>
      </c>
      <c r="CD2109" s="11">
        <v>2.9353699999999998</v>
      </c>
      <c r="CE2109" s="11">
        <v>-0.16284399999999999</v>
      </c>
      <c r="CF2109" s="11">
        <v>0.10931200000000001</v>
      </c>
      <c r="CG2109" s="11">
        <v>0</v>
      </c>
      <c r="CH2109" s="20">
        <v>0</v>
      </c>
      <c r="CI2109" s="20">
        <v>0</v>
      </c>
      <c r="CJ2109" s="20">
        <v>0</v>
      </c>
      <c r="CK2109" s="20">
        <v>0</v>
      </c>
      <c r="CL2109" s="20">
        <v>0</v>
      </c>
      <c r="CM2109" s="20">
        <v>0</v>
      </c>
      <c r="CN2109" s="20">
        <v>0</v>
      </c>
      <c r="CO2109" s="20">
        <v>0</v>
      </c>
      <c r="CP2109" s="20">
        <v>0</v>
      </c>
      <c r="CQ2109" s="20">
        <v>0</v>
      </c>
      <c r="CR2109" s="20">
        <v>0</v>
      </c>
      <c r="CS2109" s="20">
        <v>0</v>
      </c>
      <c r="CT2109" s="20">
        <v>7.4205199999999999E-2</v>
      </c>
      <c r="CU2109" s="20">
        <v>0.106041</v>
      </c>
      <c r="CV2109" s="20">
        <v>0.302097</v>
      </c>
      <c r="CW2109" s="20">
        <v>0.34926800000000002</v>
      </c>
      <c r="CX2109" s="20">
        <v>0.38842700000000002</v>
      </c>
      <c r="CY2109" s="6" t="s">
        <v>680</v>
      </c>
      <c r="CZ2109" s="6" t="s">
        <v>681</v>
      </c>
      <c r="DA2109" s="6" t="s">
        <v>94</v>
      </c>
      <c r="DB2109" s="6" t="s">
        <v>345</v>
      </c>
      <c r="DC2109" s="6"/>
      <c r="DD2109" s="6"/>
      <c r="DE2109" s="6"/>
      <c r="DF2109" s="6"/>
      <c r="DG2109" s="6"/>
      <c r="DH2109" s="6" t="s">
        <v>333</v>
      </c>
      <c r="DI2109" s="6"/>
      <c r="DJ2109" s="6"/>
      <c r="DK2109" s="6"/>
      <c r="DL2109" s="6">
        <v>4</v>
      </c>
      <c r="DM2109" s="6" t="s">
        <v>446</v>
      </c>
      <c r="DN2109" s="6">
        <v>8</v>
      </c>
      <c r="DO2109" s="6" t="s">
        <v>486</v>
      </c>
      <c r="DP2109" s="6"/>
      <c r="DQ2109" s="6"/>
    </row>
    <row r="2110" spans="1:121" x14ac:dyDescent="0.2">
      <c r="A2110" s="6" t="s">
        <v>312</v>
      </c>
      <c r="B2110" s="6" t="s">
        <v>312</v>
      </c>
      <c r="C2110" s="6" t="s">
        <v>175</v>
      </c>
      <c r="D2110" s="6" t="s">
        <v>94</v>
      </c>
      <c r="E2110" s="6" t="s">
        <v>235</v>
      </c>
      <c r="F2110" s="11">
        <v>-65</v>
      </c>
      <c r="G2110" s="13">
        <v>-0.31862745098</v>
      </c>
      <c r="H2110" s="11">
        <v>-12.779225802000013</v>
      </c>
      <c r="I2110" s="13">
        <v>-6.2764486214494611E-2</v>
      </c>
      <c r="J2110" s="11">
        <v>-25.000740828999994</v>
      </c>
      <c r="K2110" s="13">
        <v>-0.13101275387595598</v>
      </c>
      <c r="L2110" s="11">
        <v>-26.358117489999984</v>
      </c>
      <c r="M2110" s="13">
        <v>-0.15895042175077254</v>
      </c>
      <c r="N2110" s="11">
        <v>-51.358858318999978</v>
      </c>
      <c r="O2110" s="13">
        <v>-0.26913864314341518</v>
      </c>
      <c r="P2110" s="7">
        <v>203.605997161</v>
      </c>
      <c r="Q2110" s="7">
        <v>253.12988896900001</v>
      </c>
      <c r="R2110" s="7">
        <v>222.498586332</v>
      </c>
      <c r="S2110" s="7">
        <v>246.925385697</v>
      </c>
      <c r="T2110" s="7">
        <v>194.63892299099999</v>
      </c>
      <c r="U2110" s="7">
        <v>220.60681003600001</v>
      </c>
      <c r="V2110" s="7">
        <v>190.82677135899999</v>
      </c>
      <c r="W2110" s="7">
        <v>262.33278313900001</v>
      </c>
      <c r="X2110" s="7">
        <v>215.54063987500001</v>
      </c>
      <c r="Y2110" s="7">
        <v>165.82603053</v>
      </c>
      <c r="Z2110" s="7">
        <v>163.786063904</v>
      </c>
      <c r="AA2110" s="7">
        <v>162.01825014299999</v>
      </c>
      <c r="AB2110" s="7">
        <v>147.41891667199999</v>
      </c>
      <c r="AC2110" s="7">
        <v>141.03382892499999</v>
      </c>
      <c r="AD2110" s="7">
        <v>142.89795425400001</v>
      </c>
      <c r="AE2110" s="7">
        <v>140.213341988</v>
      </c>
      <c r="AF2110" s="7">
        <v>139.46791304000001</v>
      </c>
      <c r="AG2110" s="9">
        <v>1795.3065666000002</v>
      </c>
      <c r="AH2110" s="13">
        <v>8.1084326108714466E-2</v>
      </c>
      <c r="AI2110" s="9">
        <v>307.4191307000001</v>
      </c>
      <c r="AJ2110" s="13">
        <v>1.3884466034646945E-2</v>
      </c>
      <c r="AK2110" s="9">
        <v>-457.86962649999987</v>
      </c>
      <c r="AL2110" s="13">
        <v>-2.0396312528807817E-2</v>
      </c>
      <c r="AM2110" s="9">
        <v>1945.7570624</v>
      </c>
      <c r="AN2110" s="13">
        <v>8.8480593542428029E-2</v>
      </c>
      <c r="AO2110" s="9">
        <v>1487.8874359000001</v>
      </c>
      <c r="AP2110" s="13">
        <v>6.6279603174994442E-2</v>
      </c>
      <c r="AQ2110" s="9">
        <v>22141.228185</v>
      </c>
      <c r="AR2110" s="9">
        <v>21616.2171691</v>
      </c>
      <c r="AS2110" s="9">
        <v>21372.486054699999</v>
      </c>
      <c r="AT2110" s="9">
        <v>22053.614451400001</v>
      </c>
      <c r="AU2110" s="9">
        <v>22530.947679299999</v>
      </c>
      <c r="AV2110" s="9">
        <v>22002.3412684</v>
      </c>
      <c r="AW2110" s="9">
        <v>22448.6473157</v>
      </c>
      <c r="AX2110" s="9">
        <v>33903.7542063</v>
      </c>
      <c r="AY2110" s="9">
        <v>33894.732927700003</v>
      </c>
      <c r="AZ2110" s="9">
        <v>21990.7776892</v>
      </c>
      <c r="BA2110" s="9">
        <v>22387.6722242</v>
      </c>
      <c r="BB2110" s="9">
        <v>23251.891175500001</v>
      </c>
      <c r="BC2110" s="9">
        <v>22100.632997299999</v>
      </c>
      <c r="BD2110" s="9">
        <v>23105.067684099999</v>
      </c>
      <c r="BE2110" s="9">
        <v>23919.311033499998</v>
      </c>
      <c r="BF2110" s="9">
        <v>23936.5347516</v>
      </c>
      <c r="BG2110" s="11">
        <v>-21.5</v>
      </c>
      <c r="BH2110" s="13">
        <v>-0.65151515151515149</v>
      </c>
      <c r="BI2110" s="6">
        <v>-6</v>
      </c>
      <c r="BJ2110" s="13">
        <v>-0.18181818181818182</v>
      </c>
      <c r="BK2110" s="6">
        <v>-12</v>
      </c>
      <c r="BL2110" s="13">
        <v>-0.44444444444444442</v>
      </c>
      <c r="BM2110" s="11">
        <v>-3.5</v>
      </c>
      <c r="BN2110" s="13">
        <v>-0.23333333333333334</v>
      </c>
      <c r="BO2110" s="11">
        <v>-15.5</v>
      </c>
      <c r="BP2110" s="13">
        <v>-0.57407407407407407</v>
      </c>
      <c r="BQ2110" s="6">
        <v>33</v>
      </c>
      <c r="BR2110" s="6">
        <v>32</v>
      </c>
      <c r="BS2110" s="6">
        <v>30</v>
      </c>
      <c r="BT2110" s="6">
        <v>27</v>
      </c>
      <c r="BU2110" s="6">
        <v>25</v>
      </c>
      <c r="BV2110" s="6">
        <v>23</v>
      </c>
      <c r="BW2110" s="6">
        <v>15</v>
      </c>
      <c r="BX2110" s="6">
        <v>15</v>
      </c>
      <c r="BY2110" s="6">
        <v>16</v>
      </c>
      <c r="BZ2110" s="6">
        <v>14</v>
      </c>
      <c r="CA2110" s="6">
        <v>16</v>
      </c>
      <c r="CB2110" s="6">
        <v>13</v>
      </c>
      <c r="CC2110" s="11">
        <v>11.5</v>
      </c>
      <c r="CD2110" s="11">
        <v>-61.732799999999997</v>
      </c>
      <c r="CE2110" s="11">
        <v>-24.661899999999999</v>
      </c>
      <c r="CF2110" s="11">
        <v>22.256599999999999</v>
      </c>
      <c r="CG2110" s="11">
        <v>-3</v>
      </c>
      <c r="CH2110" s="20">
        <v>1.2751300000000001</v>
      </c>
      <c r="CI2110" s="20">
        <v>1.5295700000000001</v>
      </c>
      <c r="CJ2110" s="20">
        <v>1.2957000000000001</v>
      </c>
      <c r="CK2110" s="20">
        <v>1.41106</v>
      </c>
      <c r="CL2110" s="20">
        <v>1.1275599999999999</v>
      </c>
      <c r="CM2110" s="20">
        <v>1.2278199999999999</v>
      </c>
      <c r="CN2110" s="20">
        <v>1.16751</v>
      </c>
      <c r="CO2110" s="20">
        <v>1.66812</v>
      </c>
      <c r="CP2110" s="20">
        <v>1.5615399999999999</v>
      </c>
      <c r="CQ2110" s="20">
        <v>1.40574</v>
      </c>
      <c r="CR2110" s="20">
        <v>1.46871</v>
      </c>
      <c r="CS2110" s="20">
        <v>1.48678</v>
      </c>
      <c r="CT2110" s="20">
        <v>1.3744400000000001</v>
      </c>
      <c r="CU2110" s="20">
        <v>1.2806500000000001</v>
      </c>
      <c r="CV2110" s="20">
        <v>1.28068</v>
      </c>
      <c r="CW2110" s="20">
        <v>1.2394700000000001</v>
      </c>
      <c r="CX2110" s="20">
        <v>1.24132</v>
      </c>
      <c r="CY2110" s="6" t="s">
        <v>680</v>
      </c>
      <c r="CZ2110" s="6" t="s">
        <v>681</v>
      </c>
      <c r="DA2110" s="6" t="s">
        <v>94</v>
      </c>
      <c r="DB2110" s="6" t="s">
        <v>345</v>
      </c>
      <c r="DC2110" s="6"/>
      <c r="DD2110" s="6"/>
      <c r="DE2110" s="6"/>
      <c r="DF2110" s="6"/>
      <c r="DG2110" s="6"/>
      <c r="DH2110" s="6" t="s">
        <v>333</v>
      </c>
      <c r="DI2110" s="6"/>
      <c r="DJ2110" s="6"/>
      <c r="DK2110" s="6"/>
      <c r="DL2110" s="6">
        <v>4</v>
      </c>
      <c r="DM2110" s="6" t="s">
        <v>446</v>
      </c>
      <c r="DN2110" s="6">
        <v>8</v>
      </c>
      <c r="DO2110" s="6" t="s">
        <v>486</v>
      </c>
      <c r="DP2110" s="6"/>
      <c r="DQ2110" s="6"/>
    </row>
    <row r="2111" spans="1:121" x14ac:dyDescent="0.2">
      <c r="A2111" s="6" t="s">
        <v>792</v>
      </c>
      <c r="B2111" s="6" t="s">
        <v>176</v>
      </c>
      <c r="C2111" s="6" t="s">
        <v>177</v>
      </c>
      <c r="D2111" s="6" t="s">
        <v>94</v>
      </c>
      <c r="E2111" s="6" t="s">
        <v>235</v>
      </c>
      <c r="F2111" s="11">
        <v>58</v>
      </c>
      <c r="G2111" s="13">
        <v>2.23076923077</v>
      </c>
      <c r="H2111" s="11">
        <v>47.429229600799999</v>
      </c>
      <c r="I2111" s="13">
        <v>1.8201989869190165</v>
      </c>
      <c r="J2111" s="11">
        <v>-17.718279417799998</v>
      </c>
      <c r="K2111" s="13">
        <v>-0.24110964960230252</v>
      </c>
      <c r="L2111" s="11">
        <v>28.447201253500005</v>
      </c>
      <c r="M2111" s="13">
        <v>0.51009792898122119</v>
      </c>
      <c r="N2111" s="11">
        <v>10.728921835700007</v>
      </c>
      <c r="O2111" s="13">
        <v>0.14599874645939626</v>
      </c>
      <c r="P2111" s="7">
        <v>26.0571673436</v>
      </c>
      <c r="Q2111" s="7">
        <v>31.409173946999999</v>
      </c>
      <c r="R2111" s="7">
        <v>53.542169807999997</v>
      </c>
      <c r="S2111" s="7">
        <v>56.922477899699999</v>
      </c>
      <c r="T2111" s="7">
        <v>64.6672848595</v>
      </c>
      <c r="U2111" s="7">
        <v>70.362963323800003</v>
      </c>
      <c r="V2111" s="7">
        <v>73.486396944399999</v>
      </c>
      <c r="W2111" s="7">
        <v>75.396870767899998</v>
      </c>
      <c r="X2111" s="7">
        <v>69.155724282099996</v>
      </c>
      <c r="Y2111" s="7">
        <v>55.768117526600001</v>
      </c>
      <c r="Z2111" s="7">
        <v>65.165788023199994</v>
      </c>
      <c r="AA2111" s="7">
        <v>55.0237433641</v>
      </c>
      <c r="AB2111" s="7">
        <v>69.997945263899993</v>
      </c>
      <c r="AC2111" s="7">
        <v>74.516633811800006</v>
      </c>
      <c r="AD2111" s="7">
        <v>77.547332077199997</v>
      </c>
      <c r="AE2111" s="7">
        <v>78.444652266999995</v>
      </c>
      <c r="AF2111" s="7">
        <v>84.215318780100006</v>
      </c>
      <c r="AG2111" s="9">
        <v>21038.390641300004</v>
      </c>
      <c r="AH2111" s="13">
        <v>1.20661003618673</v>
      </c>
      <c r="AI2111" s="9">
        <v>14502.190313200001</v>
      </c>
      <c r="AJ2111" s="13">
        <v>0.83174082452134901</v>
      </c>
      <c r="AK2111" s="9">
        <v>-4735.9787274999981</v>
      </c>
      <c r="AL2111" s="13">
        <v>-0.14828599536609838</v>
      </c>
      <c r="AM2111" s="9">
        <v>11272.179055600001</v>
      </c>
      <c r="AN2111" s="13">
        <v>0.41438543683931106</v>
      </c>
      <c r="AO2111" s="9">
        <v>6536.2003281000034</v>
      </c>
      <c r="AP2111" s="13">
        <v>0.20465188450627983</v>
      </c>
      <c r="AQ2111" s="9">
        <v>17435.948658099998</v>
      </c>
      <c r="AR2111" s="9">
        <v>31280.274621199998</v>
      </c>
      <c r="AS2111" s="9">
        <v>30618.571960599998</v>
      </c>
      <c r="AT2111" s="9">
        <v>27676.703994300002</v>
      </c>
      <c r="AU2111" s="9">
        <v>29315.243439999998</v>
      </c>
      <c r="AV2111" s="9">
        <v>31044.072924100001</v>
      </c>
      <c r="AW2111" s="9">
        <v>31938.138971299999</v>
      </c>
      <c r="AX2111" s="9">
        <v>32103.053122900001</v>
      </c>
      <c r="AY2111" s="9">
        <v>32484.440842399999</v>
      </c>
      <c r="AZ2111" s="9">
        <v>27202.160243800001</v>
      </c>
      <c r="BA2111" s="9">
        <v>29249.846181600002</v>
      </c>
      <c r="BB2111" s="9">
        <v>29880.845305800001</v>
      </c>
      <c r="BC2111" s="9">
        <v>31747.644026400001</v>
      </c>
      <c r="BD2111" s="9">
        <v>31133.686978900001</v>
      </c>
      <c r="BE2111" s="9">
        <v>37226.071931999999</v>
      </c>
      <c r="BF2111" s="9">
        <v>38474.339299400002</v>
      </c>
      <c r="BG2111" s="11">
        <v>2</v>
      </c>
      <c r="BH2111" s="13">
        <v>0.22222222222222221</v>
      </c>
      <c r="BI2111" s="6">
        <v>2</v>
      </c>
      <c r="BJ2111" s="13">
        <v>0.22222222222222221</v>
      </c>
      <c r="BK2111" s="6">
        <v>-2</v>
      </c>
      <c r="BL2111" s="13">
        <v>-0.18181818181818182</v>
      </c>
      <c r="BM2111" s="11">
        <v>2</v>
      </c>
      <c r="BN2111" s="13">
        <v>0.22222222222222221</v>
      </c>
      <c r="BO2111" s="11">
        <v>0</v>
      </c>
      <c r="BP2111" s="13">
        <v>0</v>
      </c>
      <c r="BQ2111" s="6">
        <v>9</v>
      </c>
      <c r="BR2111" s="6">
        <v>11</v>
      </c>
      <c r="BS2111" s="6">
        <v>11</v>
      </c>
      <c r="BT2111" s="6">
        <v>11</v>
      </c>
      <c r="BU2111" s="6">
        <v>11</v>
      </c>
      <c r="BV2111" s="6">
        <v>12</v>
      </c>
      <c r="BW2111" s="6">
        <v>9</v>
      </c>
      <c r="BX2111" s="6">
        <v>9</v>
      </c>
      <c r="BY2111" s="6">
        <v>9</v>
      </c>
      <c r="BZ2111" s="6">
        <v>11</v>
      </c>
      <c r="CA2111" s="6">
        <v>11</v>
      </c>
      <c r="CB2111" s="6">
        <v>12</v>
      </c>
      <c r="CC2111" s="11">
        <v>11</v>
      </c>
      <c r="CD2111" s="11">
        <v>64.507400000000004</v>
      </c>
      <c r="CE2111" s="11">
        <v>-9.1975999999999996</v>
      </c>
      <c r="CF2111" s="11">
        <v>2.84836</v>
      </c>
      <c r="CG2111" s="11">
        <v>-6</v>
      </c>
      <c r="CH2111" s="20">
        <v>8.5240399999999994E-2</v>
      </c>
      <c r="CI2111" s="20">
        <v>0.105943</v>
      </c>
      <c r="CJ2111" s="20">
        <v>0.18604599999999999</v>
      </c>
      <c r="CK2111" s="20">
        <v>0.20557900000000001</v>
      </c>
      <c r="CL2111" s="20">
        <v>0.24931200000000001</v>
      </c>
      <c r="CM2111" s="20">
        <v>0.273173</v>
      </c>
      <c r="CN2111" s="20">
        <v>0.31751299999999999</v>
      </c>
      <c r="CO2111" s="20">
        <v>0.331264</v>
      </c>
      <c r="CP2111" s="20">
        <v>0.34106900000000001</v>
      </c>
      <c r="CQ2111" s="20">
        <v>0.304452</v>
      </c>
      <c r="CR2111" s="20">
        <v>0.36511399999999999</v>
      </c>
      <c r="CS2111" s="20">
        <v>0.313224</v>
      </c>
      <c r="CT2111" s="20">
        <v>0.41121099999999999</v>
      </c>
      <c r="CU2111" s="20">
        <v>0.43680000000000002</v>
      </c>
      <c r="CV2111" s="20">
        <v>0.46121499999999999</v>
      </c>
      <c r="CW2111" s="20">
        <v>0.47022399999999998</v>
      </c>
      <c r="CX2111" s="20">
        <v>0.51154100000000002</v>
      </c>
      <c r="CY2111" s="6" t="s">
        <v>680</v>
      </c>
      <c r="CZ2111" s="6" t="s">
        <v>681</v>
      </c>
      <c r="DA2111" s="6" t="s">
        <v>94</v>
      </c>
      <c r="DB2111" s="6" t="s">
        <v>345</v>
      </c>
      <c r="DC2111" s="6"/>
      <c r="DD2111" s="6"/>
      <c r="DE2111" s="6"/>
      <c r="DF2111" s="6"/>
      <c r="DG2111" s="6"/>
      <c r="DH2111" s="6" t="s">
        <v>333</v>
      </c>
      <c r="DI2111" s="6"/>
      <c r="DJ2111" s="6"/>
      <c r="DK2111" s="6"/>
      <c r="DL2111" s="6">
        <v>4</v>
      </c>
      <c r="DM2111" s="6" t="s">
        <v>446</v>
      </c>
      <c r="DN2111" s="6">
        <v>8</v>
      </c>
      <c r="DO2111" s="6" t="s">
        <v>486</v>
      </c>
      <c r="DP2111" s="6"/>
      <c r="DQ2111" s="6"/>
    </row>
    <row r="2112" spans="1:121" x14ac:dyDescent="0.2">
      <c r="A2112" s="6" t="s">
        <v>313</v>
      </c>
      <c r="B2112" s="6" t="s">
        <v>313</v>
      </c>
      <c r="C2112" s="6" t="s">
        <v>178</v>
      </c>
      <c r="D2112" s="6" t="s">
        <v>94</v>
      </c>
      <c r="E2112" s="6" t="s">
        <v>235</v>
      </c>
      <c r="F2112" s="11">
        <v>-38</v>
      </c>
      <c r="G2112" s="13">
        <v>-0.67857142857099995</v>
      </c>
      <c r="H2112" s="11">
        <v>1.2344951062000007</v>
      </c>
      <c r="I2112" s="13">
        <v>2.2026617000687108E-2</v>
      </c>
      <c r="J2112" s="11">
        <v>-23.307911917799998</v>
      </c>
      <c r="K2112" s="13">
        <v>-0.40691114915932641</v>
      </c>
      <c r="L2112" s="11">
        <v>-15.770957908299998</v>
      </c>
      <c r="M2112" s="13">
        <v>-0.46423142313887239</v>
      </c>
      <c r="N2112" s="11">
        <v>-39.078869826099996</v>
      </c>
      <c r="O2112" s="13">
        <v>-0.68224163043289066</v>
      </c>
      <c r="P2112" s="7">
        <v>56.045606375299997</v>
      </c>
      <c r="Q2112" s="7">
        <v>58.585023628400002</v>
      </c>
      <c r="R2112" s="7">
        <v>60.971746524399997</v>
      </c>
      <c r="S2112" s="7">
        <v>57.376668938800002</v>
      </c>
      <c r="T2112" s="7">
        <v>61.834972333700001</v>
      </c>
      <c r="U2112" s="7">
        <v>57.945909391800001</v>
      </c>
      <c r="V2112" s="7">
        <v>57.280101481499997</v>
      </c>
      <c r="W2112" s="7">
        <v>60.539189855399997</v>
      </c>
      <c r="X2112" s="7">
        <v>54.470787749400003</v>
      </c>
      <c r="Y2112" s="7">
        <v>33.972189563699999</v>
      </c>
      <c r="Z2112" s="7">
        <v>28.8899079109</v>
      </c>
      <c r="AA2112" s="7">
        <v>17.763575466599999</v>
      </c>
      <c r="AB2112" s="7">
        <v>15.198843850699999</v>
      </c>
      <c r="AC2112" s="7">
        <v>16.611438641300001</v>
      </c>
      <c r="AD2112" s="7">
        <v>18.421111389899998</v>
      </c>
      <c r="AE2112" s="7">
        <v>18.502746708899998</v>
      </c>
      <c r="AF2112" s="7">
        <v>18.201231655400001</v>
      </c>
      <c r="AG2112" s="9">
        <v>47139.867960100004</v>
      </c>
      <c r="AH2112" s="13">
        <v>3.6110354596458998</v>
      </c>
      <c r="AI2112" s="9">
        <v>3545.1369520999979</v>
      </c>
      <c r="AJ2112" s="13">
        <v>0.27156663345280452</v>
      </c>
      <c r="AK2112" s="9">
        <v>7511.7483855000028</v>
      </c>
      <c r="AL2112" s="13">
        <v>0.45252783772331362</v>
      </c>
      <c r="AM2112" s="9">
        <v>36082.9826225</v>
      </c>
      <c r="AN2112" s="13">
        <v>1.4965189925021236</v>
      </c>
      <c r="AO2112" s="9">
        <v>43594.731008000002</v>
      </c>
      <c r="AP2112" s="13">
        <v>2.6262633340142951</v>
      </c>
      <c r="AQ2112" s="9">
        <v>13054.390766</v>
      </c>
      <c r="AR2112" s="9">
        <v>13328.6528392</v>
      </c>
      <c r="AS2112" s="9">
        <v>13349.756837200001</v>
      </c>
      <c r="AT2112" s="9">
        <v>14702.6587053</v>
      </c>
      <c r="AU2112" s="9">
        <v>15371.4141714</v>
      </c>
      <c r="AV2112" s="9">
        <v>16291.7348532</v>
      </c>
      <c r="AW2112" s="9">
        <v>16599.527718099998</v>
      </c>
      <c r="AX2112" s="9">
        <v>17717.186651399999</v>
      </c>
      <c r="AY2112" s="9">
        <v>18010.590008399999</v>
      </c>
      <c r="AZ2112" s="9">
        <v>24111.276103600001</v>
      </c>
      <c r="BA2112" s="9">
        <v>25037.642858300002</v>
      </c>
      <c r="BB2112" s="9">
        <v>24921.360343</v>
      </c>
      <c r="BC2112" s="9">
        <v>23484.978398899999</v>
      </c>
      <c r="BD2112" s="9">
        <v>37660.303557899999</v>
      </c>
      <c r="BE2112" s="9">
        <v>56082.7455242</v>
      </c>
      <c r="BF2112" s="9">
        <v>60194.258726100001</v>
      </c>
      <c r="BG2112" s="11">
        <v>-4</v>
      </c>
      <c r="BH2112" s="13">
        <v>-0.5</v>
      </c>
      <c r="BI2112" s="6">
        <v>-2</v>
      </c>
      <c r="BJ2112" s="13">
        <v>-0.25</v>
      </c>
      <c r="BK2112" s="6">
        <v>-2</v>
      </c>
      <c r="BL2112" s="13">
        <v>-0.33333333333333331</v>
      </c>
      <c r="BM2112" s="11">
        <v>0</v>
      </c>
      <c r="BN2112" s="13">
        <v>0</v>
      </c>
      <c r="BO2112" s="11">
        <v>-2</v>
      </c>
      <c r="BP2112" s="13">
        <v>-0.33333333333333331</v>
      </c>
      <c r="BQ2112" s="6">
        <v>8</v>
      </c>
      <c r="BR2112" s="6">
        <v>8</v>
      </c>
      <c r="BS2112" s="6">
        <v>8</v>
      </c>
      <c r="BT2112" s="6">
        <v>6</v>
      </c>
      <c r="BU2112" s="6">
        <v>6</v>
      </c>
      <c r="BV2112" s="6">
        <v>6</v>
      </c>
      <c r="BW2112" s="6">
        <v>4</v>
      </c>
      <c r="BX2112" s="6">
        <v>5</v>
      </c>
      <c r="BY2112" s="6">
        <v>3</v>
      </c>
      <c r="BZ2112" s="6">
        <v>3</v>
      </c>
      <c r="CA2112" s="6">
        <v>4</v>
      </c>
      <c r="CB2112" s="6">
        <v>4</v>
      </c>
      <c r="CC2112" s="11">
        <v>4</v>
      </c>
      <c r="CD2112" s="11">
        <v>-39.388100000000001</v>
      </c>
      <c r="CE2112" s="11">
        <v>-4.5827099999999996</v>
      </c>
      <c r="CF2112" s="11">
        <v>6.1264599999999998</v>
      </c>
      <c r="CG2112" s="11">
        <v>1</v>
      </c>
      <c r="CH2112" s="20">
        <v>0.51488900000000004</v>
      </c>
      <c r="CI2112" s="20">
        <v>0.52706900000000001</v>
      </c>
      <c r="CJ2112" s="20">
        <v>0.54017999999999999</v>
      </c>
      <c r="CK2112" s="20">
        <v>0.51583699999999999</v>
      </c>
      <c r="CL2112" s="20">
        <v>0.57936500000000002</v>
      </c>
      <c r="CM2112" s="20">
        <v>0.53195199999999998</v>
      </c>
      <c r="CN2112" s="20">
        <v>0.56449499999999997</v>
      </c>
      <c r="CO2112" s="20">
        <v>0.59113599999999999</v>
      </c>
      <c r="CP2112" s="20">
        <v>0.56437999999999999</v>
      </c>
      <c r="CQ2112" s="20">
        <v>0.38574700000000001</v>
      </c>
      <c r="CR2112" s="20">
        <v>0.33814499999999997</v>
      </c>
      <c r="CS2112" s="20">
        <v>0.21099599999999999</v>
      </c>
      <c r="CT2112" s="20">
        <v>0.18525</v>
      </c>
      <c r="CU2112" s="20">
        <v>0.20227899999999999</v>
      </c>
      <c r="CV2112" s="20">
        <v>0.227744</v>
      </c>
      <c r="CW2112" s="20">
        <v>0.23114899999999999</v>
      </c>
      <c r="CX2112" s="20">
        <v>0.22853699999999999</v>
      </c>
      <c r="CY2112" s="6" t="s">
        <v>680</v>
      </c>
      <c r="CZ2112" s="6" t="s">
        <v>681</v>
      </c>
      <c r="DA2112" s="6" t="s">
        <v>94</v>
      </c>
      <c r="DB2112" s="6" t="s">
        <v>345</v>
      </c>
      <c r="DC2112" s="6"/>
      <c r="DD2112" s="6"/>
      <c r="DE2112" s="6"/>
      <c r="DF2112" s="6"/>
      <c r="DG2112" s="6"/>
      <c r="DH2112" s="6" t="s">
        <v>333</v>
      </c>
      <c r="DI2112" s="6"/>
      <c r="DJ2112" s="6"/>
      <c r="DK2112" s="6"/>
      <c r="DL2112" s="6">
        <v>4</v>
      </c>
      <c r="DM2112" s="6" t="s">
        <v>446</v>
      </c>
      <c r="DN2112" s="6">
        <v>8</v>
      </c>
      <c r="DO2112" s="6" t="s">
        <v>486</v>
      </c>
      <c r="DP2112" s="6"/>
      <c r="DQ2112" s="6"/>
    </row>
    <row r="2113" spans="1:121" x14ac:dyDescent="0.2">
      <c r="A2113" s="6" t="s">
        <v>793</v>
      </c>
      <c r="B2113" s="6" t="s">
        <v>179</v>
      </c>
      <c r="C2113" s="6" t="s">
        <v>180</v>
      </c>
      <c r="D2113" s="6" t="s">
        <v>94</v>
      </c>
      <c r="E2113" s="6" t="s">
        <v>235</v>
      </c>
      <c r="F2113" s="11">
        <v>32</v>
      </c>
      <c r="G2113" s="13">
        <v>0.09</v>
      </c>
      <c r="H2113" s="11">
        <v>-14</v>
      </c>
      <c r="I2113" s="13">
        <v>-3.783783783783784E-2</v>
      </c>
      <c r="J2113" s="11">
        <v>-43</v>
      </c>
      <c r="K2113" s="13">
        <v>-0.1207865168539326</v>
      </c>
      <c r="L2113" s="11">
        <v>89</v>
      </c>
      <c r="M2113" s="13">
        <v>0.28434504792332266</v>
      </c>
      <c r="N2113" s="11">
        <v>46</v>
      </c>
      <c r="O2113" s="13">
        <v>0.12921348314606745</v>
      </c>
      <c r="P2113" s="7">
        <v>370</v>
      </c>
      <c r="Q2113" s="7">
        <v>342</v>
      </c>
      <c r="R2113" s="7">
        <v>343</v>
      </c>
      <c r="S2113" s="7">
        <v>372</v>
      </c>
      <c r="T2113" s="7">
        <v>362</v>
      </c>
      <c r="U2113" s="7">
        <v>361</v>
      </c>
      <c r="V2113" s="7">
        <v>356</v>
      </c>
      <c r="W2113" s="7">
        <v>350</v>
      </c>
      <c r="X2113" s="7">
        <v>332</v>
      </c>
      <c r="Y2113" s="7">
        <v>313</v>
      </c>
      <c r="Z2113" s="7">
        <v>343</v>
      </c>
      <c r="AA2113" s="7">
        <v>345</v>
      </c>
      <c r="AB2113" s="7">
        <v>340</v>
      </c>
      <c r="AC2113" s="7">
        <v>356</v>
      </c>
      <c r="AD2113" s="7">
        <v>371</v>
      </c>
      <c r="AE2113" s="7">
        <v>390</v>
      </c>
      <c r="AF2113" s="7">
        <v>402</v>
      </c>
      <c r="AG2113" s="9">
        <v>9045</v>
      </c>
      <c r="AH2113" s="13">
        <v>0.55240014657383663</v>
      </c>
      <c r="AI2113" s="9">
        <v>3599</v>
      </c>
      <c r="AJ2113" s="13">
        <v>0.2197996824233541</v>
      </c>
      <c r="AK2113" s="9">
        <v>3103</v>
      </c>
      <c r="AL2113" s="13">
        <v>0.1553597356431182</v>
      </c>
      <c r="AM2113" s="9">
        <v>2343</v>
      </c>
      <c r="AN2113" s="13">
        <v>0.10153406136245448</v>
      </c>
      <c r="AO2113" s="9">
        <v>5446</v>
      </c>
      <c r="AP2113" s="13">
        <v>0.27266810193761576</v>
      </c>
      <c r="AQ2113" s="9">
        <v>16374</v>
      </c>
      <c r="AR2113" s="9">
        <v>16868</v>
      </c>
      <c r="AS2113" s="9">
        <v>17329</v>
      </c>
      <c r="AT2113" s="9">
        <v>17471</v>
      </c>
      <c r="AU2113" s="9">
        <v>18414</v>
      </c>
      <c r="AV2113" s="9">
        <v>18623</v>
      </c>
      <c r="AW2113" s="9">
        <v>19973</v>
      </c>
      <c r="AX2113" s="9">
        <v>21227</v>
      </c>
      <c r="AY2113" s="9">
        <v>21237</v>
      </c>
      <c r="AZ2113" s="9">
        <v>23076</v>
      </c>
      <c r="BA2113" s="9">
        <v>22223</v>
      </c>
      <c r="BB2113" s="9">
        <v>24007</v>
      </c>
      <c r="BC2113" s="9">
        <v>24345</v>
      </c>
      <c r="BD2113" s="9">
        <v>25535</v>
      </c>
      <c r="BE2113" s="9">
        <v>25088</v>
      </c>
      <c r="BF2113" s="9">
        <v>25419</v>
      </c>
      <c r="BG2113" s="11">
        <v>-6</v>
      </c>
      <c r="BH2113" s="13">
        <v>-0.15789473684210525</v>
      </c>
      <c r="BI2113" s="6">
        <v>-3</v>
      </c>
      <c r="BJ2113" s="13">
        <v>-7.8947368421052627E-2</v>
      </c>
      <c r="BK2113" s="6">
        <v>-4</v>
      </c>
      <c r="BL2113" s="13">
        <v>-0.11428571428571428</v>
      </c>
      <c r="BM2113" s="11">
        <v>1</v>
      </c>
      <c r="BN2113" s="13">
        <v>3.2258064516129031E-2</v>
      </c>
      <c r="BO2113" s="11">
        <v>-3</v>
      </c>
      <c r="BP2113" s="13">
        <v>-8.5714285714285715E-2</v>
      </c>
      <c r="BQ2113" s="6">
        <v>38</v>
      </c>
      <c r="BR2113" s="6">
        <v>37</v>
      </c>
      <c r="BS2113" s="6">
        <v>37</v>
      </c>
      <c r="BT2113" s="6">
        <v>35</v>
      </c>
      <c r="BU2113" s="6">
        <v>34</v>
      </c>
      <c r="BV2113" s="6">
        <v>33</v>
      </c>
      <c r="BW2113" s="6">
        <v>31</v>
      </c>
      <c r="BX2113" s="6">
        <v>29</v>
      </c>
      <c r="BY2113" s="6">
        <v>28</v>
      </c>
      <c r="BZ2113" s="6">
        <v>28</v>
      </c>
      <c r="CA2113" s="6">
        <v>32</v>
      </c>
      <c r="CB2113" s="6">
        <v>32</v>
      </c>
      <c r="CC2113" s="11">
        <v>32</v>
      </c>
      <c r="CD2113" s="11">
        <v>15</v>
      </c>
      <c r="CE2113" s="11">
        <v>-24</v>
      </c>
      <c r="CF2113" s="11">
        <v>40</v>
      </c>
      <c r="CG2113" s="11">
        <v>16</v>
      </c>
      <c r="CH2113" s="20">
        <v>1.27</v>
      </c>
      <c r="CI2113" s="20">
        <v>1.1299999999999999</v>
      </c>
      <c r="CJ2113" s="20">
        <v>1.1200000000000001</v>
      </c>
      <c r="CK2113" s="20">
        <v>1.23</v>
      </c>
      <c r="CL2113" s="20">
        <v>1.26</v>
      </c>
      <c r="CM2113" s="20">
        <v>1.25</v>
      </c>
      <c r="CN2113" s="20">
        <v>1.33</v>
      </c>
      <c r="CO2113" s="20">
        <v>1.31</v>
      </c>
      <c r="CP2113" s="20">
        <v>1.29</v>
      </c>
      <c r="CQ2113" s="20">
        <v>1.32</v>
      </c>
      <c r="CR2113" s="20">
        <v>1.49</v>
      </c>
      <c r="CS2113" s="20">
        <v>1.53</v>
      </c>
      <c r="CT2113" s="20">
        <v>1.55</v>
      </c>
      <c r="CU2113" s="20">
        <v>1.62</v>
      </c>
      <c r="CV2113" s="20">
        <v>1.69</v>
      </c>
      <c r="CW2113" s="20">
        <v>1.78</v>
      </c>
      <c r="CX2113" s="20">
        <v>1.85</v>
      </c>
      <c r="CY2113" s="6" t="s">
        <v>680</v>
      </c>
      <c r="CZ2113" s="6" t="s">
        <v>681</v>
      </c>
      <c r="DA2113" s="6" t="s">
        <v>94</v>
      </c>
      <c r="DB2113" s="6" t="s">
        <v>345</v>
      </c>
      <c r="DC2113" s="6"/>
      <c r="DD2113" s="6"/>
      <c r="DE2113" s="6"/>
      <c r="DF2113" s="6"/>
      <c r="DG2113" s="6"/>
      <c r="DH2113" s="6" t="s">
        <v>333</v>
      </c>
      <c r="DI2113" s="6"/>
      <c r="DJ2113" s="6"/>
      <c r="DK2113" s="6"/>
      <c r="DL2113" s="6">
        <v>4</v>
      </c>
      <c r="DM2113" s="6" t="s">
        <v>446</v>
      </c>
      <c r="DN2113" s="6">
        <v>8</v>
      </c>
      <c r="DO2113" s="6" t="s">
        <v>486</v>
      </c>
      <c r="DP2113" s="6"/>
      <c r="DQ2113" s="6"/>
    </row>
    <row r="2114" spans="1:121" x14ac:dyDescent="0.2">
      <c r="A2114" s="6" t="s">
        <v>794</v>
      </c>
      <c r="B2114" s="6" t="s">
        <v>181</v>
      </c>
      <c r="C2114" s="6" t="s">
        <v>182</v>
      </c>
      <c r="D2114" s="6" t="s">
        <v>94</v>
      </c>
      <c r="E2114" s="6" t="s">
        <v>235</v>
      </c>
      <c r="F2114" s="11">
        <v>-38</v>
      </c>
      <c r="G2114" s="13">
        <v>-0.27338129496399999</v>
      </c>
      <c r="H2114" s="11">
        <v>25.044550272000009</v>
      </c>
      <c r="I2114" s="13">
        <v>0.18059673795387413</v>
      </c>
      <c r="J2114" s="11">
        <v>-24.805103494999997</v>
      </c>
      <c r="K2114" s="13">
        <v>-0.15150819653196457</v>
      </c>
      <c r="L2114" s="11">
        <v>-38.058165505000005</v>
      </c>
      <c r="M2114" s="13">
        <v>-0.27396512655097816</v>
      </c>
      <c r="N2114" s="11">
        <v>-62.863269000000003</v>
      </c>
      <c r="O2114" s="13">
        <v>-0.38396536084655258</v>
      </c>
      <c r="P2114" s="7">
        <v>138.67664807099999</v>
      </c>
      <c r="Q2114" s="7">
        <v>180.094960676</v>
      </c>
      <c r="R2114" s="7">
        <v>216.05685199800001</v>
      </c>
      <c r="S2114" s="7">
        <v>133.263398322</v>
      </c>
      <c r="T2114" s="7">
        <v>135.48572878900001</v>
      </c>
      <c r="U2114" s="7">
        <v>150.55980677299999</v>
      </c>
      <c r="V2114" s="7">
        <v>163.721198343</v>
      </c>
      <c r="W2114" s="7">
        <v>165.78495963</v>
      </c>
      <c r="X2114" s="7">
        <v>160.90113873499999</v>
      </c>
      <c r="Y2114" s="7">
        <v>138.916094848</v>
      </c>
      <c r="Z2114" s="7">
        <v>125.870448981</v>
      </c>
      <c r="AA2114" s="7">
        <v>118.641973593</v>
      </c>
      <c r="AB2114" s="7">
        <v>116.65195217199999</v>
      </c>
      <c r="AC2114" s="7">
        <v>119.107947545</v>
      </c>
      <c r="AD2114" s="7">
        <v>103.069305215</v>
      </c>
      <c r="AE2114" s="7">
        <v>95.148199476200006</v>
      </c>
      <c r="AF2114" s="7">
        <v>100.857929343</v>
      </c>
      <c r="AG2114" s="9">
        <v>14171.068708199993</v>
      </c>
      <c r="AH2114" s="13">
        <v>0.42739817614687542</v>
      </c>
      <c r="AI2114" s="9">
        <v>7593.9541461999979</v>
      </c>
      <c r="AJ2114" s="13">
        <v>0.22903298393795896</v>
      </c>
      <c r="AK2114" s="9">
        <v>492.51562399999966</v>
      </c>
      <c r="AL2114" s="13">
        <v>1.2086109777738548E-2</v>
      </c>
      <c r="AM2114" s="9">
        <v>6084.5989379999955</v>
      </c>
      <c r="AN2114" s="13">
        <v>0.1475302285831421</v>
      </c>
      <c r="AO2114" s="9">
        <v>6577.1145619999952</v>
      </c>
      <c r="AP2114" s="13">
        <v>0.16139940489907137</v>
      </c>
      <c r="AQ2114" s="9">
        <v>33156.596118300004</v>
      </c>
      <c r="AR2114" s="9">
        <v>28092.794437699999</v>
      </c>
      <c r="AS2114" s="9">
        <v>27123.7536664</v>
      </c>
      <c r="AT2114" s="9">
        <v>39969.325046099999</v>
      </c>
      <c r="AU2114" s="9">
        <v>42808.056633300002</v>
      </c>
      <c r="AV2114" s="9">
        <v>42066.895149700002</v>
      </c>
      <c r="AW2114" s="9">
        <v>40750.550264500002</v>
      </c>
      <c r="AX2114" s="9">
        <v>43168.396822800001</v>
      </c>
      <c r="AY2114" s="9">
        <v>40754.302786799999</v>
      </c>
      <c r="AZ2114" s="9">
        <v>41243.065888500001</v>
      </c>
      <c r="BA2114" s="9">
        <v>43714.525465400002</v>
      </c>
      <c r="BB2114" s="9">
        <v>43882.935208000003</v>
      </c>
      <c r="BC2114" s="9">
        <v>47226.064755699997</v>
      </c>
      <c r="BD2114" s="9">
        <v>46176.123762800002</v>
      </c>
      <c r="BE2114" s="9">
        <v>46611.633148399997</v>
      </c>
      <c r="BF2114" s="9">
        <v>47327.664826499997</v>
      </c>
      <c r="BG2114" s="11">
        <v>-4.75</v>
      </c>
      <c r="BH2114" s="13">
        <v>-0.43181818181818182</v>
      </c>
      <c r="BI2114" s="6">
        <v>0</v>
      </c>
      <c r="BJ2114" s="13">
        <v>0</v>
      </c>
      <c r="BK2114" s="6">
        <v>-3</v>
      </c>
      <c r="BL2114" s="13">
        <v>-0.27272727272727271</v>
      </c>
      <c r="BM2114" s="11">
        <v>-1.75</v>
      </c>
      <c r="BN2114" s="13">
        <v>-0.21875</v>
      </c>
      <c r="BO2114" s="11">
        <v>-4.75</v>
      </c>
      <c r="BP2114" s="13">
        <v>-0.43181818181818182</v>
      </c>
      <c r="BQ2114" s="6">
        <v>11</v>
      </c>
      <c r="BR2114" s="6">
        <v>11</v>
      </c>
      <c r="BS2114" s="6">
        <v>11</v>
      </c>
      <c r="BT2114" s="6">
        <v>11</v>
      </c>
      <c r="BU2114" s="6">
        <v>10</v>
      </c>
      <c r="BV2114" s="6">
        <v>10</v>
      </c>
      <c r="BW2114" s="6">
        <v>8</v>
      </c>
      <c r="BX2114" s="6">
        <v>8</v>
      </c>
      <c r="BY2114" s="6">
        <v>6</v>
      </c>
      <c r="BZ2114" s="6">
        <v>5</v>
      </c>
      <c r="CA2114" s="6">
        <v>7</v>
      </c>
      <c r="CB2114" s="6">
        <v>7</v>
      </c>
      <c r="CC2114" s="11">
        <v>6.25</v>
      </c>
      <c r="CD2114" s="11">
        <v>-61.718600000000002</v>
      </c>
      <c r="CE2114" s="11">
        <v>8.7408400000000004</v>
      </c>
      <c r="CF2114" s="11">
        <v>15.159000000000001</v>
      </c>
      <c r="CG2114" s="11">
        <v>24</v>
      </c>
      <c r="CH2114" s="20">
        <v>1.60941</v>
      </c>
      <c r="CI2114" s="20">
        <v>2.0641600000000002</v>
      </c>
      <c r="CJ2114" s="20">
        <v>2.4437199999999999</v>
      </c>
      <c r="CK2114" s="20">
        <v>1.51481</v>
      </c>
      <c r="CL2114" s="20">
        <v>1.59541</v>
      </c>
      <c r="CM2114" s="20">
        <v>1.7320899999999999</v>
      </c>
      <c r="CN2114" s="20">
        <v>2.0176099999999999</v>
      </c>
      <c r="CO2114" s="20">
        <v>2.0245000000000002</v>
      </c>
      <c r="CP2114" s="20">
        <v>2.07884</v>
      </c>
      <c r="CQ2114" s="20">
        <v>1.9550399999999999</v>
      </c>
      <c r="CR2114" s="20">
        <v>1.80236</v>
      </c>
      <c r="CS2114" s="20">
        <v>1.71729</v>
      </c>
      <c r="CT2114" s="20">
        <v>1.7222200000000001</v>
      </c>
      <c r="CU2114" s="20">
        <v>1.7176899999999999</v>
      </c>
      <c r="CV2114" s="20">
        <v>1.4574400000000001</v>
      </c>
      <c r="CW2114" s="20">
        <v>1.32477</v>
      </c>
      <c r="CX2114" s="20">
        <v>1.40218</v>
      </c>
      <c r="CY2114" s="6" t="s">
        <v>680</v>
      </c>
      <c r="CZ2114" s="6" t="s">
        <v>681</v>
      </c>
      <c r="DA2114" s="6" t="s">
        <v>94</v>
      </c>
      <c r="DB2114" s="6" t="s">
        <v>345</v>
      </c>
      <c r="DC2114" s="6"/>
      <c r="DD2114" s="6"/>
      <c r="DE2114" s="6"/>
      <c r="DF2114" s="6"/>
      <c r="DG2114" s="6"/>
      <c r="DH2114" s="6" t="s">
        <v>333</v>
      </c>
      <c r="DI2114" s="6"/>
      <c r="DJ2114" s="6"/>
      <c r="DK2114" s="6"/>
      <c r="DL2114" s="6">
        <v>4</v>
      </c>
      <c r="DM2114" s="6" t="s">
        <v>446</v>
      </c>
      <c r="DN2114" s="6">
        <v>8</v>
      </c>
      <c r="DO2114" s="6" t="s">
        <v>486</v>
      </c>
      <c r="DP2114" s="6"/>
      <c r="DQ2114" s="6"/>
    </row>
    <row r="2115" spans="1:121" x14ac:dyDescent="0.2">
      <c r="A2115" s="6" t="s">
        <v>314</v>
      </c>
      <c r="B2115" s="6" t="s">
        <v>314</v>
      </c>
      <c r="C2115" s="6" t="s">
        <v>183</v>
      </c>
      <c r="D2115" s="6" t="s">
        <v>94</v>
      </c>
      <c r="E2115" s="6" t="s">
        <v>235</v>
      </c>
      <c r="F2115" s="11">
        <v>4</v>
      </c>
      <c r="G2115" s="13">
        <v>0.14285714285699999</v>
      </c>
      <c r="H2115" s="11">
        <v>10.488915334399998</v>
      </c>
      <c r="I2115" s="13">
        <v>0.37507082775392042</v>
      </c>
      <c r="J2115" s="11">
        <v>-4.3356823343999977</v>
      </c>
      <c r="K2115" s="13">
        <v>-0.11274962170969256</v>
      </c>
      <c r="L2115" s="11">
        <v>-2.0848243718000035</v>
      </c>
      <c r="M2115" s="13">
        <v>-6.1105587033527357E-2</v>
      </c>
      <c r="N2115" s="11">
        <v>-6.4205067062000012</v>
      </c>
      <c r="O2115" s="13">
        <v>-0.16696557692084102</v>
      </c>
      <c r="P2115" s="7">
        <v>27.965159</v>
      </c>
      <c r="Q2115" s="7">
        <v>36.085831531099998</v>
      </c>
      <c r="R2115" s="7">
        <v>31.3892431264</v>
      </c>
      <c r="S2115" s="7">
        <v>40.0606350881</v>
      </c>
      <c r="T2115" s="7">
        <v>37.197349630399998</v>
      </c>
      <c r="U2115" s="7">
        <v>37.895487086899998</v>
      </c>
      <c r="V2115" s="7">
        <v>38.454074334399998</v>
      </c>
      <c r="W2115" s="7">
        <v>33.099884256000003</v>
      </c>
      <c r="X2115" s="7">
        <v>28.516555892900001</v>
      </c>
      <c r="Y2115" s="7">
        <v>34.118392</v>
      </c>
      <c r="Z2115" s="7">
        <v>22.000648000000002</v>
      </c>
      <c r="AA2115" s="7">
        <v>21.886199000000001</v>
      </c>
      <c r="AB2115" s="7">
        <v>28.539345000000001</v>
      </c>
      <c r="AC2115" s="7">
        <v>35.314774999999997</v>
      </c>
      <c r="AD2115" s="7">
        <v>32.365076000000002</v>
      </c>
      <c r="AE2115" s="7">
        <v>30.609746000000001</v>
      </c>
      <c r="AF2115" s="7">
        <v>32.033567628199997</v>
      </c>
      <c r="AG2115" s="9">
        <v>5324.6297713999993</v>
      </c>
      <c r="AH2115" s="13">
        <v>0.23058167415854136</v>
      </c>
      <c r="AI2115" s="9">
        <v>-3996.9556119000008</v>
      </c>
      <c r="AJ2115" s="13">
        <v>-0.17308709827668592</v>
      </c>
      <c r="AK2115" s="9">
        <v>3720.4466119999997</v>
      </c>
      <c r="AL2115" s="13">
        <v>0.19483666217085949</v>
      </c>
      <c r="AM2115" s="9">
        <v>5601.1387713000004</v>
      </c>
      <c r="AN2115" s="13">
        <v>0.24549542141379399</v>
      </c>
      <c r="AO2115" s="9">
        <v>9321.5853833000001</v>
      </c>
      <c r="AP2115" s="13">
        <v>0.48816359207114568</v>
      </c>
      <c r="AQ2115" s="9">
        <v>23092.163723900001</v>
      </c>
      <c r="AR2115" s="9">
        <v>25639.754927499998</v>
      </c>
      <c r="AS2115" s="9">
        <v>33911.226928800002</v>
      </c>
      <c r="AT2115" s="9">
        <v>26692.552538899999</v>
      </c>
      <c r="AU2115" s="9">
        <v>21004.731386200001</v>
      </c>
      <c r="AV2115" s="9">
        <v>18976.074951300001</v>
      </c>
      <c r="AW2115" s="9">
        <v>19095.208112</v>
      </c>
      <c r="AX2115" s="9">
        <v>24851.5955073</v>
      </c>
      <c r="AY2115" s="9">
        <v>27203.024614999998</v>
      </c>
      <c r="AZ2115" s="9">
        <v>22815.654724</v>
      </c>
      <c r="BA2115" s="9">
        <v>27818.437542799998</v>
      </c>
      <c r="BB2115" s="9">
        <v>27505.6597339</v>
      </c>
      <c r="BC2115" s="9">
        <v>29393.154976099999</v>
      </c>
      <c r="BD2115" s="9">
        <v>24815.474458799999</v>
      </c>
      <c r="BE2115" s="9">
        <v>26272.441141300002</v>
      </c>
      <c r="BF2115" s="9">
        <v>28416.7934953</v>
      </c>
      <c r="BG2115" s="11">
        <v>-2</v>
      </c>
      <c r="BH2115" s="13">
        <v>-0.5</v>
      </c>
      <c r="BI2115" s="6">
        <v>-1</v>
      </c>
      <c r="BJ2115" s="13">
        <v>-0.25</v>
      </c>
      <c r="BK2115" s="6">
        <v>0</v>
      </c>
      <c r="BL2115" s="13">
        <v>0</v>
      </c>
      <c r="BM2115" s="11">
        <v>-1</v>
      </c>
      <c r="BN2115" s="13">
        <v>-0.33333333333333331</v>
      </c>
      <c r="BO2115" s="11">
        <v>-1</v>
      </c>
      <c r="BP2115" s="13">
        <v>-0.33333333333333331</v>
      </c>
      <c r="BQ2115" s="6">
        <v>4</v>
      </c>
      <c r="BR2115" s="6">
        <v>3</v>
      </c>
      <c r="BS2115" s="6">
        <v>3</v>
      </c>
      <c r="BT2115" s="6">
        <v>3</v>
      </c>
      <c r="BU2115" s="6">
        <v>3</v>
      </c>
      <c r="BV2115" s="6">
        <v>2</v>
      </c>
      <c r="BW2115" s="6">
        <v>3</v>
      </c>
      <c r="BX2115" s="6">
        <v>3</v>
      </c>
      <c r="BY2115" s="6">
        <v>3</v>
      </c>
      <c r="BZ2115" s="6">
        <v>2</v>
      </c>
      <c r="CA2115" s="6">
        <v>2</v>
      </c>
      <c r="CB2115" s="6">
        <v>2</v>
      </c>
      <c r="CC2115" s="11">
        <v>2</v>
      </c>
      <c r="CD2115" s="11">
        <v>9.5769400000000005</v>
      </c>
      <c r="CE2115" s="11">
        <v>-8.5654599999999999</v>
      </c>
      <c r="CF2115" s="11">
        <v>3.0569299999999999</v>
      </c>
      <c r="CG2115" s="11">
        <v>-6</v>
      </c>
      <c r="CH2115" s="20">
        <v>0.412136</v>
      </c>
      <c r="CI2115" s="20">
        <v>0.54003400000000001</v>
      </c>
      <c r="CJ2115" s="20">
        <v>0.48403499999999999</v>
      </c>
      <c r="CK2115" s="20">
        <v>0.64709899999999998</v>
      </c>
      <c r="CL2115" s="20">
        <v>0.646038</v>
      </c>
      <c r="CM2115" s="20">
        <v>0.66216699999999995</v>
      </c>
      <c r="CN2115" s="20">
        <v>0.73625200000000002</v>
      </c>
      <c r="CO2115" s="20">
        <v>0.63344900000000004</v>
      </c>
      <c r="CP2115" s="20">
        <v>0.574658</v>
      </c>
      <c r="CQ2115" s="20">
        <v>0.768204</v>
      </c>
      <c r="CR2115" s="20">
        <v>0.52276500000000004</v>
      </c>
      <c r="CS2115" s="20">
        <v>0.53630999999999995</v>
      </c>
      <c r="CT2115" s="20">
        <v>0.72071600000000002</v>
      </c>
      <c r="CU2115" s="20">
        <v>0.88983000000000001</v>
      </c>
      <c r="CV2115" s="20">
        <v>0.82882800000000001</v>
      </c>
      <c r="CW2115" s="20">
        <v>0.78025</v>
      </c>
      <c r="CX2115" s="20">
        <v>0.825631</v>
      </c>
      <c r="CY2115" s="6" t="s">
        <v>680</v>
      </c>
      <c r="CZ2115" s="6" t="s">
        <v>681</v>
      </c>
      <c r="DA2115" s="6" t="s">
        <v>94</v>
      </c>
      <c r="DB2115" s="6" t="s">
        <v>345</v>
      </c>
      <c r="DC2115" s="6"/>
      <c r="DD2115" s="6"/>
      <c r="DE2115" s="6"/>
      <c r="DF2115" s="6"/>
      <c r="DG2115" s="6"/>
      <c r="DH2115" s="6" t="s">
        <v>333</v>
      </c>
      <c r="DI2115" s="6"/>
      <c r="DJ2115" s="6"/>
      <c r="DK2115" s="6"/>
      <c r="DL2115" s="6">
        <v>4</v>
      </c>
      <c r="DM2115" s="6" t="s">
        <v>446</v>
      </c>
      <c r="DN2115" s="6">
        <v>8</v>
      </c>
      <c r="DO2115" s="6" t="s">
        <v>486</v>
      </c>
      <c r="DP2115" s="6"/>
      <c r="DQ2115" s="6"/>
    </row>
    <row r="2116" spans="1:121" x14ac:dyDescent="0.2">
      <c r="A2116" s="6" t="s">
        <v>315</v>
      </c>
      <c r="B2116" s="6" t="s">
        <v>315</v>
      </c>
      <c r="C2116" s="6" t="s">
        <v>184</v>
      </c>
      <c r="D2116" s="6" t="s">
        <v>94</v>
      </c>
      <c r="E2116" s="6" t="s">
        <v>235</v>
      </c>
      <c r="F2116" s="11">
        <v>6</v>
      </c>
      <c r="G2116" s="13">
        <v>0.08</v>
      </c>
      <c r="H2116" s="11">
        <v>12</v>
      </c>
      <c r="I2116" s="13">
        <v>0.15584415584415584</v>
      </c>
      <c r="J2116" s="11">
        <v>-10</v>
      </c>
      <c r="K2116" s="13">
        <v>-0.11235955056179776</v>
      </c>
      <c r="L2116" s="11">
        <v>4</v>
      </c>
      <c r="M2116" s="13">
        <v>5.0632911392405063E-2</v>
      </c>
      <c r="N2116" s="11">
        <v>-6</v>
      </c>
      <c r="O2116" s="13">
        <v>-6.741573033707865E-2</v>
      </c>
      <c r="P2116" s="7">
        <v>77</v>
      </c>
      <c r="Q2116" s="7">
        <v>79</v>
      </c>
      <c r="R2116" s="7">
        <v>77</v>
      </c>
      <c r="S2116" s="7">
        <v>91</v>
      </c>
      <c r="T2116" s="7">
        <v>83</v>
      </c>
      <c r="U2116" s="7">
        <v>79</v>
      </c>
      <c r="V2116" s="7">
        <v>89</v>
      </c>
      <c r="W2116" s="7">
        <v>79</v>
      </c>
      <c r="X2116" s="7">
        <v>82</v>
      </c>
      <c r="Y2116" s="7">
        <v>79</v>
      </c>
      <c r="Z2116" s="7">
        <v>77</v>
      </c>
      <c r="AA2116" s="7">
        <v>78</v>
      </c>
      <c r="AB2116" s="7">
        <v>77</v>
      </c>
      <c r="AC2116" s="7">
        <v>77</v>
      </c>
      <c r="AD2116" s="7">
        <v>79</v>
      </c>
      <c r="AE2116" s="7">
        <v>82</v>
      </c>
      <c r="AF2116" s="7">
        <v>83</v>
      </c>
      <c r="AG2116" s="9">
        <v>12876</v>
      </c>
      <c r="AH2116" s="13">
        <v>0.52477991522660583</v>
      </c>
      <c r="AI2116" s="9">
        <v>4782</v>
      </c>
      <c r="AJ2116" s="13">
        <v>0.19489729377241605</v>
      </c>
      <c r="AK2116" s="9">
        <v>3167</v>
      </c>
      <c r="AL2116" s="13">
        <v>0.10802237533256021</v>
      </c>
      <c r="AM2116" s="9">
        <v>4927</v>
      </c>
      <c r="AN2116" s="13">
        <v>0.15167000153917193</v>
      </c>
      <c r="AO2116" s="9">
        <v>8094</v>
      </c>
      <c r="AP2116" s="13">
        <v>0.27607613070468656</v>
      </c>
      <c r="AQ2116" s="9">
        <v>24536</v>
      </c>
      <c r="AR2116" s="9">
        <v>27281</v>
      </c>
      <c r="AS2116" s="9">
        <v>25102</v>
      </c>
      <c r="AT2116" s="9">
        <v>25984</v>
      </c>
      <c r="AU2116" s="9">
        <v>29300</v>
      </c>
      <c r="AV2116" s="9">
        <v>29680</v>
      </c>
      <c r="AW2116" s="9">
        <v>29318</v>
      </c>
      <c r="AX2116" s="9">
        <v>30793</v>
      </c>
      <c r="AY2116" s="9">
        <v>31221</v>
      </c>
      <c r="AZ2116" s="9">
        <v>32485</v>
      </c>
      <c r="BA2116" s="9">
        <v>32870</v>
      </c>
      <c r="BB2116" s="9">
        <v>33726</v>
      </c>
      <c r="BC2116" s="9">
        <v>35320</v>
      </c>
      <c r="BD2116" s="9">
        <v>36548</v>
      </c>
      <c r="BE2116" s="9">
        <v>36900</v>
      </c>
      <c r="BF2116" s="9">
        <v>37412</v>
      </c>
      <c r="BG2116" s="11">
        <v>0</v>
      </c>
      <c r="BH2116" s="13">
        <v>0</v>
      </c>
      <c r="BI2116" s="6">
        <v>0</v>
      </c>
      <c r="BJ2116" s="13">
        <v>0</v>
      </c>
      <c r="BK2116" s="6">
        <v>0</v>
      </c>
      <c r="BL2116" s="13">
        <v>0</v>
      </c>
      <c r="BM2116" s="11">
        <v>0</v>
      </c>
      <c r="BN2116" s="13">
        <v>0</v>
      </c>
      <c r="BO2116" s="11">
        <v>0</v>
      </c>
      <c r="BP2116" s="13">
        <v>0</v>
      </c>
      <c r="BQ2116" s="6">
        <v>11</v>
      </c>
      <c r="BR2116" s="6">
        <v>9</v>
      </c>
      <c r="BS2116" s="6">
        <v>11</v>
      </c>
      <c r="BT2116" s="6">
        <v>11</v>
      </c>
      <c r="BU2116" s="6">
        <v>11</v>
      </c>
      <c r="BV2116" s="6">
        <v>11</v>
      </c>
      <c r="BW2116" s="6">
        <v>11</v>
      </c>
      <c r="BX2116" s="6">
        <v>11</v>
      </c>
      <c r="BY2116" s="6">
        <v>11</v>
      </c>
      <c r="BZ2116" s="6">
        <v>12</v>
      </c>
      <c r="CA2116" s="6">
        <v>10</v>
      </c>
      <c r="CB2116" s="6">
        <v>9</v>
      </c>
      <c r="CC2116" s="11">
        <v>11</v>
      </c>
      <c r="CD2116" s="11">
        <v>3</v>
      </c>
      <c r="CE2116" s="11">
        <v>-6</v>
      </c>
      <c r="CF2116" s="11">
        <v>8</v>
      </c>
      <c r="CG2116" s="11">
        <v>2</v>
      </c>
      <c r="CH2116" s="20">
        <v>0.7</v>
      </c>
      <c r="CI2116" s="20">
        <v>0.69</v>
      </c>
      <c r="CJ2116" s="20">
        <v>0.64</v>
      </c>
      <c r="CK2116" s="20">
        <v>0.77</v>
      </c>
      <c r="CL2116" s="20">
        <v>0.73</v>
      </c>
      <c r="CM2116" s="20">
        <v>0.69</v>
      </c>
      <c r="CN2116" s="20">
        <v>0.85</v>
      </c>
      <c r="CO2116" s="20">
        <v>0.76</v>
      </c>
      <c r="CP2116" s="20">
        <v>0.82</v>
      </c>
      <c r="CQ2116" s="20">
        <v>0.87</v>
      </c>
      <c r="CR2116" s="20">
        <v>0.88</v>
      </c>
      <c r="CS2116" s="20">
        <v>0.91</v>
      </c>
      <c r="CT2116" s="20">
        <v>0.92</v>
      </c>
      <c r="CU2116" s="20">
        <v>0.93</v>
      </c>
      <c r="CV2116" s="20">
        <v>0.96</v>
      </c>
      <c r="CW2116" s="20">
        <v>1.01</v>
      </c>
      <c r="CX2116" s="20">
        <v>1.02</v>
      </c>
      <c r="CY2116" s="6" t="s">
        <v>680</v>
      </c>
      <c r="CZ2116" s="6" t="s">
        <v>681</v>
      </c>
      <c r="DA2116" s="6" t="s">
        <v>94</v>
      </c>
      <c r="DB2116" s="6" t="s">
        <v>345</v>
      </c>
      <c r="DC2116" s="6"/>
      <c r="DD2116" s="6"/>
      <c r="DE2116" s="6"/>
      <c r="DF2116" s="6"/>
      <c r="DG2116" s="6"/>
      <c r="DH2116" s="6" t="s">
        <v>333</v>
      </c>
      <c r="DI2116" s="6"/>
      <c r="DJ2116" s="6"/>
      <c r="DK2116" s="6"/>
      <c r="DL2116" s="6">
        <v>4</v>
      </c>
      <c r="DM2116" s="6" t="s">
        <v>446</v>
      </c>
      <c r="DN2116" s="6">
        <v>8</v>
      </c>
      <c r="DO2116" s="6" t="s">
        <v>486</v>
      </c>
      <c r="DP2116" s="6"/>
      <c r="DQ2116" s="6"/>
    </row>
    <row r="2117" spans="1:121" x14ac:dyDescent="0.2">
      <c r="A2117" s="6" t="s">
        <v>316</v>
      </c>
      <c r="B2117" s="6" t="s">
        <v>316</v>
      </c>
      <c r="C2117" s="6" t="s">
        <v>185</v>
      </c>
      <c r="D2117" s="6" t="s">
        <v>94</v>
      </c>
      <c r="E2117" s="6" t="s">
        <v>235</v>
      </c>
      <c r="F2117" s="11">
        <v>1</v>
      </c>
      <c r="G2117" s="13">
        <v>1</v>
      </c>
      <c r="H2117" s="11">
        <v>8</v>
      </c>
      <c r="I2117" s="13">
        <v>1.6</v>
      </c>
      <c r="J2117" s="11">
        <v>-8</v>
      </c>
      <c r="K2117" s="13">
        <v>-0.61538461538461542</v>
      </c>
      <c r="L2117" s="11">
        <v>7</v>
      </c>
      <c r="M2117" s="13">
        <v>1.4</v>
      </c>
      <c r="N2117" s="11">
        <v>-1</v>
      </c>
      <c r="O2117" s="13">
        <v>-7.6923076923076927E-2</v>
      </c>
      <c r="P2117" s="7">
        <v>5</v>
      </c>
      <c r="Q2117" s="7">
        <v>5</v>
      </c>
      <c r="R2117" s="7">
        <v>5</v>
      </c>
      <c r="S2117" s="7">
        <v>5</v>
      </c>
      <c r="T2117" s="7">
        <v>5</v>
      </c>
      <c r="U2117" s="7">
        <v>14</v>
      </c>
      <c r="V2117" s="7">
        <v>13</v>
      </c>
      <c r="W2117" s="7">
        <v>13</v>
      </c>
      <c r="X2117" s="7">
        <v>10</v>
      </c>
      <c r="Y2117" s="7">
        <v>5</v>
      </c>
      <c r="Z2117" s="7">
        <v>5</v>
      </c>
      <c r="AA2117" s="7">
        <v>5</v>
      </c>
      <c r="AB2117" s="7">
        <v>10</v>
      </c>
      <c r="AC2117" s="7">
        <v>11</v>
      </c>
      <c r="AD2117" s="7">
        <v>12</v>
      </c>
      <c r="AE2117" s="7">
        <v>11</v>
      </c>
      <c r="AF2117" s="7">
        <v>12</v>
      </c>
      <c r="AG2117" s="9">
        <v>21304</v>
      </c>
      <c r="AH2117" s="13">
        <v>21304</v>
      </c>
      <c r="AI2117" s="9">
        <v>18048</v>
      </c>
      <c r="AJ2117" s="13">
        <v>18048</v>
      </c>
      <c r="AK2117" s="9">
        <v>-18048</v>
      </c>
      <c r="AL2117" s="13">
        <v>-0.99994459526843604</v>
      </c>
      <c r="AM2117" s="9">
        <v>21304</v>
      </c>
      <c r="AN2117" s="13">
        <v>21304</v>
      </c>
      <c r="AO2117" s="9">
        <v>3256</v>
      </c>
      <c r="AP2117" s="13">
        <v>0.18039780597263003</v>
      </c>
      <c r="AQ2117" s="9">
        <v>1</v>
      </c>
      <c r="AR2117" s="9">
        <v>1</v>
      </c>
      <c r="AS2117" s="9">
        <v>1</v>
      </c>
      <c r="AT2117" s="9">
        <v>1</v>
      </c>
      <c r="AU2117" s="9">
        <v>1</v>
      </c>
      <c r="AV2117" s="9">
        <v>16880</v>
      </c>
      <c r="AW2117" s="9">
        <v>18049</v>
      </c>
      <c r="AX2117" s="9">
        <v>19383</v>
      </c>
      <c r="AY2117" s="9">
        <v>17285</v>
      </c>
      <c r="AZ2117" s="9">
        <v>1</v>
      </c>
      <c r="BA2117" s="9">
        <v>1</v>
      </c>
      <c r="BB2117" s="9">
        <v>1</v>
      </c>
      <c r="BC2117" s="9">
        <v>19992</v>
      </c>
      <c r="BD2117" s="9">
        <v>19568</v>
      </c>
      <c r="BE2117" s="9">
        <v>19967</v>
      </c>
      <c r="BF2117" s="9">
        <v>21305</v>
      </c>
      <c r="BG2117" s="11">
        <v>4</v>
      </c>
      <c r="BH2117" s="13">
        <v>2</v>
      </c>
      <c r="BI2117" s="6">
        <v>3</v>
      </c>
      <c r="BJ2117" s="13">
        <v>1.5</v>
      </c>
      <c r="BK2117" s="6">
        <v>0</v>
      </c>
      <c r="BL2117" s="13">
        <v>0</v>
      </c>
      <c r="BM2117" s="11">
        <v>1</v>
      </c>
      <c r="BN2117" s="13">
        <v>0.2</v>
      </c>
      <c r="BO2117" s="11">
        <v>1</v>
      </c>
      <c r="BP2117" s="13">
        <v>0.2</v>
      </c>
      <c r="BQ2117" s="6">
        <v>2</v>
      </c>
      <c r="BR2117" s="6">
        <v>3</v>
      </c>
      <c r="BS2117" s="6">
        <v>5</v>
      </c>
      <c r="BT2117" s="6">
        <v>5</v>
      </c>
      <c r="BU2117" s="6">
        <v>5</v>
      </c>
      <c r="BV2117" s="6">
        <v>5</v>
      </c>
      <c r="BW2117" s="6">
        <v>5</v>
      </c>
      <c r="BX2117" s="6">
        <v>7</v>
      </c>
      <c r="BY2117" s="6">
        <v>7</v>
      </c>
      <c r="BZ2117" s="6">
        <v>6</v>
      </c>
      <c r="CA2117" s="6">
        <v>6</v>
      </c>
      <c r="CB2117" s="6">
        <v>6</v>
      </c>
      <c r="CC2117" s="11">
        <v>6</v>
      </c>
      <c r="CD2117" s="11">
        <v>3</v>
      </c>
      <c r="CE2117" s="11">
        <v>0</v>
      </c>
      <c r="CF2117" s="11">
        <v>1</v>
      </c>
      <c r="CG2117" s="11">
        <v>1</v>
      </c>
      <c r="CH2117" s="20">
        <v>0.17</v>
      </c>
      <c r="CI2117" s="20">
        <v>0.12</v>
      </c>
      <c r="CJ2117" s="20">
        <v>0.12</v>
      </c>
      <c r="CK2117" s="20">
        <v>0.08</v>
      </c>
      <c r="CL2117" s="20">
        <v>0.17</v>
      </c>
      <c r="CM2117" s="20">
        <v>0.28000000000000003</v>
      </c>
      <c r="CN2117" s="20">
        <v>0.28000000000000003</v>
      </c>
      <c r="CO2117" s="20">
        <v>0.28999999999999998</v>
      </c>
      <c r="CP2117" s="20">
        <v>0.24</v>
      </c>
      <c r="CQ2117" s="20">
        <v>0.23</v>
      </c>
      <c r="CR2117" s="20">
        <v>0.26</v>
      </c>
      <c r="CS2117" s="20">
        <v>0.27</v>
      </c>
      <c r="CT2117" s="20">
        <v>0.3</v>
      </c>
      <c r="CU2117" s="20">
        <v>0.32</v>
      </c>
      <c r="CV2117" s="20">
        <v>0.34</v>
      </c>
      <c r="CW2117" s="20">
        <v>0.32</v>
      </c>
      <c r="CX2117" s="20">
        <v>0.34</v>
      </c>
      <c r="CY2117" s="6" t="s">
        <v>680</v>
      </c>
      <c r="CZ2117" s="6" t="s">
        <v>681</v>
      </c>
      <c r="DA2117" s="6" t="s">
        <v>94</v>
      </c>
      <c r="DB2117" s="6" t="s">
        <v>345</v>
      </c>
      <c r="DC2117" s="6"/>
      <c r="DD2117" s="6"/>
      <c r="DE2117" s="6"/>
      <c r="DF2117" s="6"/>
      <c r="DG2117" s="6"/>
      <c r="DH2117" s="6" t="s">
        <v>333</v>
      </c>
      <c r="DI2117" s="6"/>
      <c r="DJ2117" s="6"/>
      <c r="DK2117" s="6"/>
      <c r="DL2117" s="6">
        <v>4</v>
      </c>
      <c r="DM2117" s="6" t="s">
        <v>446</v>
      </c>
      <c r="DN2117" s="6">
        <v>8</v>
      </c>
      <c r="DO2117" s="6" t="s">
        <v>486</v>
      </c>
      <c r="DP2117" s="6"/>
      <c r="DQ2117" s="6"/>
    </row>
    <row r="2118" spans="1:121" x14ac:dyDescent="0.2">
      <c r="A2118" s="6" t="s">
        <v>317</v>
      </c>
      <c r="B2118" s="6" t="s">
        <v>317</v>
      </c>
      <c r="C2118" s="6" t="s">
        <v>186</v>
      </c>
      <c r="D2118" s="6" t="s">
        <v>94</v>
      </c>
      <c r="E2118" s="6" t="s">
        <v>235</v>
      </c>
      <c r="F2118" s="11">
        <v>13</v>
      </c>
      <c r="G2118" s="13">
        <v>0.35</v>
      </c>
      <c r="H2118" s="11">
        <v>0</v>
      </c>
      <c r="I2118" s="13">
        <v>0</v>
      </c>
      <c r="J2118" s="11">
        <v>-7</v>
      </c>
      <c r="K2118" s="13">
        <v>-0.1891891891891892</v>
      </c>
      <c r="L2118" s="11">
        <v>20</v>
      </c>
      <c r="M2118" s="13">
        <v>0.66666666666666663</v>
      </c>
      <c r="N2118" s="11">
        <v>13</v>
      </c>
      <c r="O2118" s="13">
        <v>0.35135135135135137</v>
      </c>
      <c r="P2118" s="7">
        <v>37</v>
      </c>
      <c r="Q2118" s="7">
        <v>37</v>
      </c>
      <c r="R2118" s="7">
        <v>37</v>
      </c>
      <c r="S2118" s="7">
        <v>43</v>
      </c>
      <c r="T2118" s="7">
        <v>40</v>
      </c>
      <c r="U2118" s="7">
        <v>92</v>
      </c>
      <c r="V2118" s="7">
        <v>37</v>
      </c>
      <c r="W2118" s="7">
        <v>37</v>
      </c>
      <c r="X2118" s="7">
        <v>37</v>
      </c>
      <c r="Y2118" s="7">
        <v>30</v>
      </c>
      <c r="Z2118" s="7">
        <v>30</v>
      </c>
      <c r="AA2118" s="7">
        <v>34</v>
      </c>
      <c r="AB2118" s="7">
        <v>44</v>
      </c>
      <c r="AC2118" s="7">
        <v>41</v>
      </c>
      <c r="AD2118" s="7">
        <v>44</v>
      </c>
      <c r="AE2118" s="7">
        <v>48</v>
      </c>
      <c r="AF2118" s="7">
        <v>50</v>
      </c>
      <c r="AG2118" s="9">
        <v>23757</v>
      </c>
      <c r="AH2118" s="13">
        <v>1.0601070950468541</v>
      </c>
      <c r="AI2118" s="9">
        <v>7693</v>
      </c>
      <c r="AJ2118" s="13">
        <v>0.3432842481035252</v>
      </c>
      <c r="AK2118" s="9">
        <v>2496</v>
      </c>
      <c r="AL2118" s="13">
        <v>8.2915324054080988E-2</v>
      </c>
      <c r="AM2118" s="9">
        <v>13568</v>
      </c>
      <c r="AN2118" s="13">
        <v>0.41620908616828733</v>
      </c>
      <c r="AO2118" s="9">
        <v>16064</v>
      </c>
      <c r="AP2118" s="13">
        <v>0.53363452147626478</v>
      </c>
      <c r="AQ2118" s="9">
        <v>22410</v>
      </c>
      <c r="AR2118" s="9">
        <v>23198</v>
      </c>
      <c r="AS2118" s="9">
        <v>23826</v>
      </c>
      <c r="AT2118" s="9">
        <v>31967</v>
      </c>
      <c r="AU2118" s="9">
        <v>24164</v>
      </c>
      <c r="AV2118" s="9">
        <v>71369</v>
      </c>
      <c r="AW2118" s="9">
        <v>30103</v>
      </c>
      <c r="AX2118" s="9">
        <v>32044</v>
      </c>
      <c r="AY2118" s="9">
        <v>32428</v>
      </c>
      <c r="AZ2118" s="9">
        <v>32599</v>
      </c>
      <c r="BA2118" s="9">
        <v>34238</v>
      </c>
      <c r="BB2118" s="9">
        <v>36280</v>
      </c>
      <c r="BC2118" s="9">
        <v>51490</v>
      </c>
      <c r="BD2118" s="9">
        <v>47082</v>
      </c>
      <c r="BE2118" s="9">
        <v>40733</v>
      </c>
      <c r="BF2118" s="9">
        <v>46167</v>
      </c>
      <c r="BG2118" s="11">
        <v>-3</v>
      </c>
      <c r="BH2118" s="13">
        <v>-0.27272727272727271</v>
      </c>
      <c r="BI2118" s="6">
        <v>-1</v>
      </c>
      <c r="BJ2118" s="13">
        <v>-9.0909090909090912E-2</v>
      </c>
      <c r="BK2118" s="6">
        <v>-2</v>
      </c>
      <c r="BL2118" s="13">
        <v>-0.2</v>
      </c>
      <c r="BM2118" s="11">
        <v>0</v>
      </c>
      <c r="BN2118" s="13">
        <v>0</v>
      </c>
      <c r="BO2118" s="11">
        <v>-2</v>
      </c>
      <c r="BP2118" s="13">
        <v>-0.2</v>
      </c>
      <c r="BQ2118" s="6">
        <v>11</v>
      </c>
      <c r="BR2118" s="6">
        <v>11</v>
      </c>
      <c r="BS2118" s="6">
        <v>12</v>
      </c>
      <c r="BT2118" s="6">
        <v>10</v>
      </c>
      <c r="BU2118" s="6">
        <v>10</v>
      </c>
      <c r="BV2118" s="6">
        <v>8</v>
      </c>
      <c r="BW2118" s="6">
        <v>8</v>
      </c>
      <c r="BX2118" s="6">
        <v>7</v>
      </c>
      <c r="BY2118" s="6">
        <v>7</v>
      </c>
      <c r="BZ2118" s="6">
        <v>8</v>
      </c>
      <c r="CA2118" s="6">
        <v>8</v>
      </c>
      <c r="CB2118" s="6">
        <v>8</v>
      </c>
      <c r="CC2118" s="11">
        <v>8</v>
      </c>
      <c r="CD2118" s="11">
        <v>2</v>
      </c>
      <c r="CE2118" s="11">
        <v>7</v>
      </c>
      <c r="CF2118" s="11">
        <v>4</v>
      </c>
      <c r="CG2118" s="11">
        <v>11</v>
      </c>
      <c r="CH2118" s="20">
        <v>0.25</v>
      </c>
      <c r="CI2118" s="20">
        <v>0.25</v>
      </c>
      <c r="CJ2118" s="20">
        <v>0.24</v>
      </c>
      <c r="CK2118" s="20">
        <v>0.28999999999999998</v>
      </c>
      <c r="CL2118" s="20">
        <v>0.27</v>
      </c>
      <c r="CM2118" s="20">
        <v>0.6</v>
      </c>
      <c r="CN2118" s="20">
        <v>0.25</v>
      </c>
      <c r="CO2118" s="20">
        <v>0.24</v>
      </c>
      <c r="CP2118" s="20">
        <v>0.25</v>
      </c>
      <c r="CQ2118" s="20">
        <v>0.22</v>
      </c>
      <c r="CR2118" s="20">
        <v>0.22</v>
      </c>
      <c r="CS2118" s="20">
        <v>0.26</v>
      </c>
      <c r="CT2118" s="20">
        <v>0.34</v>
      </c>
      <c r="CU2118" s="20">
        <v>0.31</v>
      </c>
      <c r="CV2118" s="20">
        <v>0.33</v>
      </c>
      <c r="CW2118" s="20">
        <v>0.36</v>
      </c>
      <c r="CX2118" s="20">
        <v>0.37</v>
      </c>
      <c r="CY2118" s="6" t="s">
        <v>680</v>
      </c>
      <c r="CZ2118" s="6" t="s">
        <v>681</v>
      </c>
      <c r="DA2118" s="6" t="s">
        <v>94</v>
      </c>
      <c r="DB2118" s="6" t="s">
        <v>345</v>
      </c>
      <c r="DC2118" s="6"/>
      <c r="DD2118" s="6"/>
      <c r="DE2118" s="6"/>
      <c r="DF2118" s="6"/>
      <c r="DG2118" s="6"/>
      <c r="DH2118" s="6" t="s">
        <v>333</v>
      </c>
      <c r="DI2118" s="6"/>
      <c r="DJ2118" s="6"/>
      <c r="DK2118" s="6"/>
      <c r="DL2118" s="6">
        <v>4</v>
      </c>
      <c r="DM2118" s="6" t="s">
        <v>446</v>
      </c>
      <c r="DN2118" s="6">
        <v>8</v>
      </c>
      <c r="DO2118" s="6" t="s">
        <v>486</v>
      </c>
      <c r="DP2118" s="6"/>
      <c r="DQ2118" s="6"/>
    </row>
    <row r="2119" spans="1:121" x14ac:dyDescent="0.2">
      <c r="A2119" s="6" t="s">
        <v>318</v>
      </c>
      <c r="B2119" s="6" t="s">
        <v>318</v>
      </c>
      <c r="C2119" s="6" t="s">
        <v>187</v>
      </c>
      <c r="D2119" s="6" t="s">
        <v>94</v>
      </c>
      <c r="E2119" s="6" t="s">
        <v>235</v>
      </c>
      <c r="F2119" s="11">
        <v>0</v>
      </c>
      <c r="G2119" s="13">
        <v>0</v>
      </c>
      <c r="H2119" s="11">
        <v>0</v>
      </c>
      <c r="I2119" s="13"/>
      <c r="J2119" s="11">
        <v>0</v>
      </c>
      <c r="K2119" s="13"/>
      <c r="L2119" s="11">
        <v>0</v>
      </c>
      <c r="M2119" s="13"/>
      <c r="N2119" s="11">
        <v>0</v>
      </c>
      <c r="O2119" s="13"/>
      <c r="P2119" s="7">
        <v>0</v>
      </c>
      <c r="Q2119" s="7">
        <v>0</v>
      </c>
      <c r="R2119" s="7">
        <v>0</v>
      </c>
      <c r="S2119" s="7">
        <v>0</v>
      </c>
      <c r="T2119" s="7">
        <v>0</v>
      </c>
      <c r="U2119" s="7">
        <v>0</v>
      </c>
      <c r="V2119" s="7">
        <v>0</v>
      </c>
      <c r="W2119" s="7">
        <v>0</v>
      </c>
      <c r="X2119" s="7">
        <v>0</v>
      </c>
      <c r="Y2119" s="7">
        <v>0</v>
      </c>
      <c r="Z2119" s="7">
        <v>0</v>
      </c>
      <c r="AA2119" s="7">
        <v>0</v>
      </c>
      <c r="AB2119" s="7">
        <v>0</v>
      </c>
      <c r="AC2119" s="7">
        <v>0</v>
      </c>
      <c r="AD2119" s="7">
        <v>0</v>
      </c>
      <c r="AE2119" s="7">
        <v>0</v>
      </c>
      <c r="AF2119" s="7">
        <v>0</v>
      </c>
      <c r="AG2119" s="9">
        <v>0</v>
      </c>
      <c r="AH2119" s="13"/>
      <c r="AI2119" s="9">
        <v>0</v>
      </c>
      <c r="AJ2119" s="13"/>
      <c r="AK2119" s="9">
        <v>0</v>
      </c>
      <c r="AL2119" s="13"/>
      <c r="AM2119" s="9">
        <v>0</v>
      </c>
      <c r="AN2119" s="13"/>
      <c r="AO2119" s="9">
        <v>0</v>
      </c>
      <c r="AP2119" s="13"/>
      <c r="AQ2119" s="9">
        <v>0</v>
      </c>
      <c r="AR2119" s="9">
        <v>0</v>
      </c>
      <c r="AS2119" s="9">
        <v>0</v>
      </c>
      <c r="AT2119" s="9">
        <v>0</v>
      </c>
      <c r="AU2119" s="9">
        <v>0</v>
      </c>
      <c r="AV2119" s="9">
        <v>0</v>
      </c>
      <c r="AW2119" s="9">
        <v>0</v>
      </c>
      <c r="AX2119" s="9">
        <v>0</v>
      </c>
      <c r="AY2119" s="9">
        <v>0</v>
      </c>
      <c r="AZ2119" s="9">
        <v>0</v>
      </c>
      <c r="BA2119" s="9">
        <v>0</v>
      </c>
      <c r="BB2119" s="9">
        <v>0</v>
      </c>
      <c r="BC2119" s="9">
        <v>0</v>
      </c>
      <c r="BD2119" s="9">
        <v>0</v>
      </c>
      <c r="BE2119" s="9">
        <v>0</v>
      </c>
      <c r="BF2119" s="9">
        <v>0</v>
      </c>
      <c r="BG2119" s="11">
        <v>0</v>
      </c>
      <c r="BH2119" s="13" t="e">
        <v>#DIV/0!</v>
      </c>
      <c r="BI2119" s="6">
        <v>0</v>
      </c>
      <c r="BJ2119" s="13" t="e">
        <v>#DIV/0!</v>
      </c>
      <c r="BK2119" s="6">
        <v>0</v>
      </c>
      <c r="BL2119" s="13" t="e">
        <v>#DIV/0!</v>
      </c>
      <c r="BM2119" s="11">
        <v>0</v>
      </c>
      <c r="BN2119" s="13" t="e">
        <v>#DIV/0!</v>
      </c>
      <c r="BO2119" s="11">
        <v>0</v>
      </c>
      <c r="BP2119" s="13" t="e">
        <v>#DIV/0!</v>
      </c>
      <c r="BQ2119" s="6">
        <v>0</v>
      </c>
      <c r="BR2119" s="6">
        <v>0</v>
      </c>
      <c r="BS2119" s="6">
        <v>0</v>
      </c>
      <c r="BT2119" s="6">
        <v>0</v>
      </c>
      <c r="BU2119" s="6">
        <v>0</v>
      </c>
      <c r="BV2119" s="6">
        <v>0</v>
      </c>
      <c r="BW2119" s="6">
        <v>0</v>
      </c>
      <c r="BX2119" s="6">
        <v>0</v>
      </c>
      <c r="BY2119" s="6">
        <v>0</v>
      </c>
      <c r="BZ2119" s="6">
        <v>0</v>
      </c>
      <c r="CA2119" s="6">
        <v>0</v>
      </c>
      <c r="CB2119" s="6">
        <v>0</v>
      </c>
      <c r="CC2119" s="11">
        <v>0</v>
      </c>
      <c r="CD2119" s="11">
        <v>0</v>
      </c>
      <c r="CE2119" s="11">
        <v>0</v>
      </c>
      <c r="CF2119" s="11">
        <v>0</v>
      </c>
      <c r="CG2119" s="11">
        <v>0</v>
      </c>
      <c r="CH2119" s="20">
        <v>0</v>
      </c>
      <c r="CI2119" s="20">
        <v>0</v>
      </c>
      <c r="CJ2119" s="20">
        <v>0</v>
      </c>
      <c r="CK2119" s="20">
        <v>0</v>
      </c>
      <c r="CL2119" s="20">
        <v>0</v>
      </c>
      <c r="CM2119" s="20">
        <v>0</v>
      </c>
      <c r="CN2119" s="20">
        <v>0</v>
      </c>
      <c r="CO2119" s="20">
        <v>0</v>
      </c>
      <c r="CP2119" s="20">
        <v>0</v>
      </c>
      <c r="CQ2119" s="20">
        <v>0</v>
      </c>
      <c r="CR2119" s="20">
        <v>0</v>
      </c>
      <c r="CS2119" s="20">
        <v>0</v>
      </c>
      <c r="CT2119" s="20">
        <v>0</v>
      </c>
      <c r="CU2119" s="20">
        <v>0</v>
      </c>
      <c r="CV2119" s="20">
        <v>0</v>
      </c>
      <c r="CW2119" s="20">
        <v>0</v>
      </c>
      <c r="CX2119" s="20">
        <v>0</v>
      </c>
      <c r="CY2119" s="6" t="s">
        <v>680</v>
      </c>
      <c r="CZ2119" s="6" t="s">
        <v>681</v>
      </c>
      <c r="DA2119" s="6" t="s">
        <v>94</v>
      </c>
      <c r="DB2119" s="6" t="s">
        <v>345</v>
      </c>
      <c r="DC2119" s="6"/>
      <c r="DD2119" s="6"/>
      <c r="DE2119" s="6"/>
      <c r="DF2119" s="6"/>
      <c r="DG2119" s="6"/>
      <c r="DH2119" s="6" t="s">
        <v>333</v>
      </c>
      <c r="DI2119" s="6"/>
      <c r="DJ2119" s="6"/>
      <c r="DK2119" s="6"/>
      <c r="DL2119" s="6">
        <v>4</v>
      </c>
      <c r="DM2119" s="6" t="s">
        <v>446</v>
      </c>
      <c r="DN2119" s="6">
        <v>8</v>
      </c>
      <c r="DO2119" s="6" t="s">
        <v>486</v>
      </c>
      <c r="DP2119" s="6"/>
      <c r="DQ2119" s="6"/>
    </row>
    <row r="2120" spans="1:121" x14ac:dyDescent="0.2">
      <c r="A2120" s="6" t="s">
        <v>319</v>
      </c>
      <c r="B2120" s="6" t="s">
        <v>319</v>
      </c>
      <c r="C2120" s="6" t="s">
        <v>188</v>
      </c>
      <c r="D2120" s="6" t="s">
        <v>94</v>
      </c>
      <c r="E2120" s="6" t="s">
        <v>235</v>
      </c>
      <c r="F2120" s="11">
        <v>-212</v>
      </c>
      <c r="G2120" s="13">
        <v>-0.71140939597300001</v>
      </c>
      <c r="H2120" s="11">
        <v>-156.66212771100001</v>
      </c>
      <c r="I2120" s="13">
        <v>-0.52579869564333825</v>
      </c>
      <c r="J2120" s="11">
        <v>-22.948452989000003</v>
      </c>
      <c r="K2120" s="13">
        <v>-0.16242248605634876</v>
      </c>
      <c r="L2120" s="11">
        <v>-32.715032053499996</v>
      </c>
      <c r="M2120" s="13">
        <v>-0.27644903620116873</v>
      </c>
      <c r="N2120" s="11">
        <v>-55.6634850425</v>
      </c>
      <c r="O2120" s="13">
        <v>-0.39396998252984206</v>
      </c>
      <c r="P2120" s="7">
        <v>297.95077281300001</v>
      </c>
      <c r="Q2120" s="7">
        <v>265.36246742499998</v>
      </c>
      <c r="R2120" s="7">
        <v>243.745001761</v>
      </c>
      <c r="S2120" s="7">
        <v>195.101154264</v>
      </c>
      <c r="T2120" s="7">
        <v>181.82726425800001</v>
      </c>
      <c r="U2120" s="7">
        <v>177.21419317300001</v>
      </c>
      <c r="V2120" s="7">
        <v>141.288645102</v>
      </c>
      <c r="W2120" s="7">
        <v>139.739496847</v>
      </c>
      <c r="X2120" s="7">
        <v>118.582438575</v>
      </c>
      <c r="Y2120" s="7">
        <v>118.340192113</v>
      </c>
      <c r="Z2120" s="7">
        <v>129.57276569999999</v>
      </c>
      <c r="AA2120" s="7">
        <v>120.938561674</v>
      </c>
      <c r="AB2120" s="7">
        <v>111.05020626300001</v>
      </c>
      <c r="AC2120" s="7">
        <v>100.144826186</v>
      </c>
      <c r="AD2120" s="7">
        <v>92.817085464399995</v>
      </c>
      <c r="AE2120" s="7">
        <v>93.054670987700007</v>
      </c>
      <c r="AF2120" s="7">
        <v>85.625160059500004</v>
      </c>
      <c r="AG2120" s="9">
        <v>7475.7883524000026</v>
      </c>
      <c r="AH2120" s="13">
        <v>0.41297846216241535</v>
      </c>
      <c r="AI2120" s="9">
        <v>5681.5817301000025</v>
      </c>
      <c r="AJ2120" s="13">
        <v>0.31386266905128518</v>
      </c>
      <c r="AK2120" s="9">
        <v>2372.9179060999995</v>
      </c>
      <c r="AL2120" s="13">
        <v>9.9770729017796697E-2</v>
      </c>
      <c r="AM2120" s="9">
        <v>-578.71128379999936</v>
      </c>
      <c r="AN2120" s="13">
        <v>-2.2124844442836539E-2</v>
      </c>
      <c r="AO2120" s="9">
        <v>1794.2066223000002</v>
      </c>
      <c r="AP2120" s="13">
        <v>7.5438472715493018E-2</v>
      </c>
      <c r="AQ2120" s="9">
        <v>18102.126472299999</v>
      </c>
      <c r="AR2120" s="9">
        <v>19521.580134100001</v>
      </c>
      <c r="AS2120" s="9">
        <v>20144.837881399999</v>
      </c>
      <c r="AT2120" s="9">
        <v>17724.530458599998</v>
      </c>
      <c r="AU2120" s="9">
        <v>20956.083235999999</v>
      </c>
      <c r="AV2120" s="9">
        <v>21444.1230516</v>
      </c>
      <c r="AW2120" s="9">
        <v>23783.708202400001</v>
      </c>
      <c r="AX2120" s="9">
        <v>22146.559111099999</v>
      </c>
      <c r="AY2120" s="9">
        <v>24013.1655464</v>
      </c>
      <c r="AZ2120" s="9">
        <v>26156.626108500001</v>
      </c>
      <c r="BA2120" s="9">
        <v>22682.806270100002</v>
      </c>
      <c r="BB2120" s="9">
        <v>24138.983017999999</v>
      </c>
      <c r="BC2120" s="9">
        <v>20803.8748227</v>
      </c>
      <c r="BD2120" s="9">
        <v>25605.642941300001</v>
      </c>
      <c r="BE2120" s="9">
        <v>29666.174893700001</v>
      </c>
      <c r="BF2120" s="9">
        <v>25577.914824700001</v>
      </c>
      <c r="BG2120" s="11">
        <v>-1.75</v>
      </c>
      <c r="BH2120" s="13">
        <v>-0.29166666666666669</v>
      </c>
      <c r="BI2120" s="6">
        <v>0</v>
      </c>
      <c r="BJ2120" s="13">
        <v>0</v>
      </c>
      <c r="BK2120" s="6">
        <v>0</v>
      </c>
      <c r="BL2120" s="13">
        <v>0</v>
      </c>
      <c r="BM2120" s="11">
        <v>-1.75</v>
      </c>
      <c r="BN2120" s="13">
        <v>-0.29166666666666669</v>
      </c>
      <c r="BO2120" s="11">
        <v>-1.75</v>
      </c>
      <c r="BP2120" s="13">
        <v>-0.29166666666666669</v>
      </c>
      <c r="BQ2120" s="6">
        <v>6</v>
      </c>
      <c r="BR2120" s="6">
        <v>7</v>
      </c>
      <c r="BS2120" s="6">
        <v>7</v>
      </c>
      <c r="BT2120" s="6">
        <v>6</v>
      </c>
      <c r="BU2120" s="6">
        <v>5</v>
      </c>
      <c r="BV2120" s="6">
        <v>7</v>
      </c>
      <c r="BW2120" s="6">
        <v>6</v>
      </c>
      <c r="BX2120" s="6">
        <v>6</v>
      </c>
      <c r="BY2120" s="6">
        <v>5</v>
      </c>
      <c r="BZ2120" s="6">
        <v>5</v>
      </c>
      <c r="CA2120" s="6">
        <v>6</v>
      </c>
      <c r="CB2120" s="6">
        <v>6</v>
      </c>
      <c r="CC2120" s="11">
        <v>4.25</v>
      </c>
      <c r="CD2120" s="11">
        <v>-271.70299999999997</v>
      </c>
      <c r="CE2120" s="11">
        <v>26.807400000000001</v>
      </c>
      <c r="CF2120" s="11">
        <v>32.569600000000001</v>
      </c>
      <c r="CG2120" s="11">
        <v>60</v>
      </c>
      <c r="CH2120" s="20">
        <v>1.92875</v>
      </c>
      <c r="CI2120" s="20">
        <v>1.65113</v>
      </c>
      <c r="CJ2120" s="20">
        <v>1.4921800000000001</v>
      </c>
      <c r="CK2120" s="20">
        <v>1.1838500000000001</v>
      </c>
      <c r="CL2120" s="20">
        <v>1.13191</v>
      </c>
      <c r="CM2120" s="20">
        <v>1.0737300000000001</v>
      </c>
      <c r="CN2120" s="20">
        <v>0.92510000000000003</v>
      </c>
      <c r="CO2120" s="20">
        <v>0.94091199999999997</v>
      </c>
      <c r="CP2120" s="20">
        <v>0.87168599999999996</v>
      </c>
      <c r="CQ2120" s="20">
        <v>0.90976299999999999</v>
      </c>
      <c r="CR2120" s="20">
        <v>1.00251</v>
      </c>
      <c r="CS2120" s="20">
        <v>0.93608899999999995</v>
      </c>
      <c r="CT2120" s="20">
        <v>0.86730700000000005</v>
      </c>
      <c r="CU2120" s="20">
        <v>0.76547600000000005</v>
      </c>
      <c r="CV2120" s="20">
        <v>0.71116699999999999</v>
      </c>
      <c r="CW2120" s="20">
        <v>0.70822700000000005</v>
      </c>
      <c r="CX2120" s="20">
        <v>0.64907400000000004</v>
      </c>
      <c r="CY2120" s="6" t="s">
        <v>680</v>
      </c>
      <c r="CZ2120" s="6" t="s">
        <v>681</v>
      </c>
      <c r="DA2120" s="6" t="s">
        <v>94</v>
      </c>
      <c r="DB2120" s="6" t="s">
        <v>345</v>
      </c>
      <c r="DC2120" s="6"/>
      <c r="DD2120" s="6"/>
      <c r="DE2120" s="6"/>
      <c r="DF2120" s="6"/>
      <c r="DG2120" s="6"/>
      <c r="DH2120" s="6" t="s">
        <v>333</v>
      </c>
      <c r="DI2120" s="6"/>
      <c r="DJ2120" s="6"/>
      <c r="DK2120" s="6"/>
      <c r="DL2120" s="6">
        <v>4</v>
      </c>
      <c r="DM2120" s="6" t="s">
        <v>446</v>
      </c>
      <c r="DN2120" s="6">
        <v>8</v>
      </c>
      <c r="DO2120" s="6" t="s">
        <v>486</v>
      </c>
      <c r="DP2120" s="6"/>
      <c r="DQ2120" s="6"/>
    </row>
    <row r="2121" spans="1:121" x14ac:dyDescent="0.2">
      <c r="A2121" s="6" t="s">
        <v>320</v>
      </c>
      <c r="B2121" s="6" t="s">
        <v>320</v>
      </c>
      <c r="C2121" s="6" t="s">
        <v>189</v>
      </c>
      <c r="D2121" s="6" t="s">
        <v>94</v>
      </c>
      <c r="E2121" s="6" t="s">
        <v>235</v>
      </c>
      <c r="F2121" s="11">
        <v>1</v>
      </c>
      <c r="G2121" s="13">
        <v>1</v>
      </c>
      <c r="H2121" s="11">
        <v>-5</v>
      </c>
      <c r="I2121" s="13">
        <v>-1</v>
      </c>
      <c r="J2121" s="11">
        <v>5</v>
      </c>
      <c r="K2121" s="13"/>
      <c r="L2121" s="11">
        <v>-5</v>
      </c>
      <c r="M2121" s="13">
        <v>-1</v>
      </c>
      <c r="N2121" s="11">
        <v>0</v>
      </c>
      <c r="O2121" s="13"/>
      <c r="P2121" s="7">
        <v>5</v>
      </c>
      <c r="Q2121" s="7">
        <v>5</v>
      </c>
      <c r="R2121" s="7">
        <v>0</v>
      </c>
      <c r="S2121" s="7">
        <v>0</v>
      </c>
      <c r="T2121" s="7">
        <v>0</v>
      </c>
      <c r="U2121" s="7">
        <v>0</v>
      </c>
      <c r="V2121" s="7">
        <v>0</v>
      </c>
      <c r="W2121" s="7">
        <v>0</v>
      </c>
      <c r="X2121" s="7">
        <v>0</v>
      </c>
      <c r="Y2121" s="7">
        <v>5</v>
      </c>
      <c r="Z2121" s="7">
        <v>5</v>
      </c>
      <c r="AA2121" s="7">
        <v>0</v>
      </c>
      <c r="AB2121" s="7">
        <v>5</v>
      </c>
      <c r="AC2121" s="7">
        <v>5</v>
      </c>
      <c r="AD2121" s="7">
        <v>0</v>
      </c>
      <c r="AE2121" s="7">
        <v>0</v>
      </c>
      <c r="AF2121" s="7">
        <v>0</v>
      </c>
      <c r="AG2121" s="9">
        <v>-1</v>
      </c>
      <c r="AH2121" s="13">
        <v>-1</v>
      </c>
      <c r="AI2121" s="9">
        <v>-1</v>
      </c>
      <c r="AJ2121" s="13">
        <v>-1</v>
      </c>
      <c r="AK2121" s="9">
        <v>1</v>
      </c>
      <c r="AL2121" s="13"/>
      <c r="AM2121" s="9">
        <v>-1</v>
      </c>
      <c r="AN2121" s="13">
        <v>-1</v>
      </c>
      <c r="AO2121" s="9">
        <v>0</v>
      </c>
      <c r="AP2121" s="13"/>
      <c r="AQ2121" s="9">
        <v>1</v>
      </c>
      <c r="AR2121" s="9">
        <v>1</v>
      </c>
      <c r="AS2121" s="9">
        <v>0</v>
      </c>
      <c r="AT2121" s="9">
        <v>0</v>
      </c>
      <c r="AU2121" s="9">
        <v>0</v>
      </c>
      <c r="AV2121" s="9">
        <v>0</v>
      </c>
      <c r="AW2121" s="9">
        <v>0</v>
      </c>
      <c r="AX2121" s="9">
        <v>0</v>
      </c>
      <c r="AY2121" s="9">
        <v>0</v>
      </c>
      <c r="AZ2121" s="9">
        <v>1</v>
      </c>
      <c r="BA2121" s="9">
        <v>1</v>
      </c>
      <c r="BB2121" s="9">
        <v>0</v>
      </c>
      <c r="BC2121" s="9">
        <v>1</v>
      </c>
      <c r="BD2121" s="9">
        <v>1</v>
      </c>
      <c r="BE2121" s="9">
        <v>0</v>
      </c>
      <c r="BF2121" s="9">
        <v>0</v>
      </c>
      <c r="BG2121" s="11">
        <v>0</v>
      </c>
      <c r="BH2121" s="13" t="e">
        <v>#DIV/0!</v>
      </c>
      <c r="BI2121" s="6">
        <v>0</v>
      </c>
      <c r="BJ2121" s="13" t="e">
        <v>#DIV/0!</v>
      </c>
      <c r="BK2121" s="6">
        <v>0</v>
      </c>
      <c r="BL2121" s="13" t="e">
        <v>#DIV/0!</v>
      </c>
      <c r="BM2121" s="11">
        <v>0</v>
      </c>
      <c r="BN2121" s="13" t="e">
        <v>#DIV/0!</v>
      </c>
      <c r="BO2121" s="11">
        <v>0</v>
      </c>
      <c r="BP2121" s="13" t="e">
        <v>#DIV/0!</v>
      </c>
      <c r="BQ2121" s="6">
        <v>0</v>
      </c>
      <c r="BR2121" s="6">
        <v>0</v>
      </c>
      <c r="BS2121" s="6">
        <v>0</v>
      </c>
      <c r="BT2121" s="6">
        <v>0</v>
      </c>
      <c r="BU2121" s="6">
        <v>0</v>
      </c>
      <c r="BV2121" s="6">
        <v>0</v>
      </c>
      <c r="BW2121" s="6">
        <v>0</v>
      </c>
      <c r="BX2121" s="6">
        <v>0</v>
      </c>
      <c r="BY2121" s="6">
        <v>0</v>
      </c>
      <c r="BZ2121" s="6">
        <v>0</v>
      </c>
      <c r="CA2121" s="6">
        <v>0</v>
      </c>
      <c r="CB2121" s="6">
        <v>0</v>
      </c>
      <c r="CC2121" s="11">
        <v>0</v>
      </c>
      <c r="CD2121" s="11">
        <v>-1.74217</v>
      </c>
      <c r="CE2121" s="11">
        <v>0.42873600000000001</v>
      </c>
      <c r="CF2121" s="11">
        <v>0.12942699999999999</v>
      </c>
      <c r="CG2121" s="11">
        <v>0</v>
      </c>
      <c r="CH2121" s="20">
        <v>2.2973299999999999E-2</v>
      </c>
      <c r="CI2121" s="20">
        <v>2.0948499999999998E-2</v>
      </c>
      <c r="CJ2121" s="20">
        <v>0</v>
      </c>
      <c r="CK2121" s="20">
        <v>0</v>
      </c>
      <c r="CL2121" s="20">
        <v>0</v>
      </c>
      <c r="CM2121" s="20">
        <v>0</v>
      </c>
      <c r="CN2121" s="20">
        <v>0</v>
      </c>
      <c r="CO2121" s="20">
        <v>0</v>
      </c>
      <c r="CP2121" s="20">
        <v>0</v>
      </c>
      <c r="CQ2121" s="20">
        <v>2.3802400000000001E-2</v>
      </c>
      <c r="CR2121" s="20">
        <v>2.45264E-2</v>
      </c>
      <c r="CS2121" s="20">
        <v>0</v>
      </c>
      <c r="CT2121" s="20">
        <v>4.1081100000000002E-2</v>
      </c>
      <c r="CU2121" s="20">
        <v>9.5649700000000008E-3</v>
      </c>
      <c r="CV2121" s="20">
        <v>0</v>
      </c>
      <c r="CW2121" s="20">
        <v>0</v>
      </c>
      <c r="CX2121" s="20">
        <v>0</v>
      </c>
      <c r="CY2121" s="6" t="s">
        <v>680</v>
      </c>
      <c r="CZ2121" s="6" t="s">
        <v>681</v>
      </c>
      <c r="DA2121" s="6" t="s">
        <v>94</v>
      </c>
      <c r="DB2121" s="6" t="s">
        <v>345</v>
      </c>
      <c r="DC2121" s="6"/>
      <c r="DD2121" s="6"/>
      <c r="DE2121" s="6"/>
      <c r="DF2121" s="6"/>
      <c r="DG2121" s="6"/>
      <c r="DH2121" s="6" t="s">
        <v>333</v>
      </c>
      <c r="DI2121" s="6"/>
      <c r="DJ2121" s="6"/>
      <c r="DK2121" s="6"/>
      <c r="DL2121" s="6">
        <v>4</v>
      </c>
      <c r="DM2121" s="6" t="s">
        <v>446</v>
      </c>
      <c r="DN2121" s="6">
        <v>8</v>
      </c>
      <c r="DO2121" s="6" t="s">
        <v>486</v>
      </c>
      <c r="DP2121" s="6"/>
      <c r="DQ2121" s="6"/>
    </row>
    <row r="2122" spans="1:121" x14ac:dyDescent="0.2">
      <c r="A2122" s="6" t="s">
        <v>321</v>
      </c>
      <c r="B2122" s="6" t="s">
        <v>321</v>
      </c>
      <c r="C2122" s="6" t="s">
        <v>190</v>
      </c>
      <c r="D2122" s="6" t="s">
        <v>94</v>
      </c>
      <c r="E2122" s="6" t="s">
        <v>235</v>
      </c>
      <c r="F2122" s="11">
        <v>-50</v>
      </c>
      <c r="G2122" s="13">
        <v>-0.14124293785299999</v>
      </c>
      <c r="H2122" s="11">
        <v>-47.414648373999967</v>
      </c>
      <c r="I2122" s="13">
        <v>-0.134031878978849</v>
      </c>
      <c r="J2122" s="11">
        <v>9.60198173699996</v>
      </c>
      <c r="K2122" s="13">
        <v>3.1344008959843447E-2</v>
      </c>
      <c r="L2122" s="11">
        <v>-12.140440855999998</v>
      </c>
      <c r="M2122" s="13">
        <v>-3.8425946577514726E-2</v>
      </c>
      <c r="N2122" s="11">
        <v>-2.5384591190000378</v>
      </c>
      <c r="O2122" s="13">
        <v>-8.2863608314873664E-3</v>
      </c>
      <c r="P2122" s="7">
        <v>353.75649983599999</v>
      </c>
      <c r="Q2122" s="7">
        <v>369.201069088</v>
      </c>
      <c r="R2122" s="7">
        <v>361.171877881</v>
      </c>
      <c r="S2122" s="7">
        <v>371.41492106800001</v>
      </c>
      <c r="T2122" s="7">
        <v>347.41349412400001</v>
      </c>
      <c r="U2122" s="7">
        <v>350.881524453</v>
      </c>
      <c r="V2122" s="7">
        <v>306.34185146200002</v>
      </c>
      <c r="W2122" s="7">
        <v>307.65474687</v>
      </c>
      <c r="X2122" s="7">
        <v>313.864675003</v>
      </c>
      <c r="Y2122" s="7">
        <v>315.94383319899998</v>
      </c>
      <c r="Z2122" s="7">
        <v>270.67548840199998</v>
      </c>
      <c r="AA2122" s="7">
        <v>282.83313375</v>
      </c>
      <c r="AB2122" s="7">
        <v>301.68288062200003</v>
      </c>
      <c r="AC2122" s="7">
        <v>297.45402384200003</v>
      </c>
      <c r="AD2122" s="7">
        <v>307.19250828100002</v>
      </c>
      <c r="AE2122" s="7">
        <v>304.61279091900002</v>
      </c>
      <c r="AF2122" s="7">
        <v>303.80339234299998</v>
      </c>
      <c r="AG2122" s="9">
        <v>5155.4870142</v>
      </c>
      <c r="AH2122" s="13">
        <v>0.25097847921605987</v>
      </c>
      <c r="AI2122" s="9">
        <v>1150.5588521999998</v>
      </c>
      <c r="AJ2122" s="13">
        <v>5.6011296348603141E-2</v>
      </c>
      <c r="AK2122" s="9">
        <v>3322.0654656999977</v>
      </c>
      <c r="AL2122" s="13">
        <v>0.15314626472271706</v>
      </c>
      <c r="AM2122" s="9">
        <v>682.86269630000243</v>
      </c>
      <c r="AN2122" s="13">
        <v>2.729902989694899E-2</v>
      </c>
      <c r="AO2122" s="9">
        <v>4004.9281620000002</v>
      </c>
      <c r="AP2122" s="13">
        <v>0.18462603907893757</v>
      </c>
      <c r="AQ2122" s="9">
        <v>20541.550137300001</v>
      </c>
      <c r="AR2122" s="9">
        <v>20948.266820600002</v>
      </c>
      <c r="AS2122" s="9">
        <v>20573.584529799999</v>
      </c>
      <c r="AT2122" s="9">
        <v>20775.295463400002</v>
      </c>
      <c r="AU2122" s="9">
        <v>20499.4714274</v>
      </c>
      <c r="AV2122" s="9">
        <v>21173.604444299999</v>
      </c>
      <c r="AW2122" s="9">
        <v>21692.1089895</v>
      </c>
      <c r="AX2122" s="9">
        <v>22884.789313000001</v>
      </c>
      <c r="AY2122" s="9">
        <v>23677.429042399999</v>
      </c>
      <c r="AZ2122" s="9">
        <v>25014.174455199998</v>
      </c>
      <c r="BA2122" s="9">
        <v>25216.690151300001</v>
      </c>
      <c r="BB2122" s="9">
        <v>24354.9160152</v>
      </c>
      <c r="BC2122" s="9">
        <v>23804.918661399999</v>
      </c>
      <c r="BD2122" s="9">
        <v>24384.4373872</v>
      </c>
      <c r="BE2122" s="9">
        <v>24969.300560399999</v>
      </c>
      <c r="BF2122" s="9">
        <v>25697.037151500001</v>
      </c>
      <c r="BG2122" s="11">
        <v>29.75</v>
      </c>
      <c r="BH2122" s="13">
        <v>1.859375</v>
      </c>
      <c r="BI2122" s="6">
        <v>-4</v>
      </c>
      <c r="BJ2122" s="13">
        <v>-0.25</v>
      </c>
      <c r="BK2122" s="6">
        <v>-3</v>
      </c>
      <c r="BL2122" s="13">
        <v>-0.25</v>
      </c>
      <c r="BM2122" s="11">
        <v>36.75</v>
      </c>
      <c r="BN2122" s="13">
        <v>4.083333333333333</v>
      </c>
      <c r="BO2122" s="11">
        <v>33.75</v>
      </c>
      <c r="BP2122" s="13">
        <v>2.8125</v>
      </c>
      <c r="BQ2122" s="6">
        <v>16</v>
      </c>
      <c r="BR2122" s="6">
        <v>16</v>
      </c>
      <c r="BS2122" s="6">
        <v>15</v>
      </c>
      <c r="BT2122" s="6">
        <v>12</v>
      </c>
      <c r="BU2122" s="6">
        <v>11</v>
      </c>
      <c r="BV2122" s="6">
        <v>11</v>
      </c>
      <c r="BW2122" s="6">
        <v>9</v>
      </c>
      <c r="BX2122" s="6">
        <v>8</v>
      </c>
      <c r="BY2122" s="6">
        <v>8</v>
      </c>
      <c r="BZ2122" s="6">
        <v>46</v>
      </c>
      <c r="CA2122" s="6">
        <v>43</v>
      </c>
      <c r="CB2122" s="6">
        <v>46</v>
      </c>
      <c r="CC2122" s="11">
        <v>45.75</v>
      </c>
      <c r="CD2122" s="11">
        <v>-217.44900000000001</v>
      </c>
      <c r="CE2122" s="11">
        <v>128.82599999999999</v>
      </c>
      <c r="CF2122" s="11">
        <v>38.669800000000002</v>
      </c>
      <c r="CG2122" s="11">
        <v>168</v>
      </c>
      <c r="CH2122" s="20">
        <v>1.3898200000000001</v>
      </c>
      <c r="CI2122" s="20">
        <v>1.34202</v>
      </c>
      <c r="CJ2122" s="20">
        <v>1.2522200000000001</v>
      </c>
      <c r="CK2122" s="20">
        <v>1.2921499999999999</v>
      </c>
      <c r="CL2122" s="20">
        <v>1.25403</v>
      </c>
      <c r="CM2122" s="20">
        <v>1.23485</v>
      </c>
      <c r="CN2122" s="20">
        <v>1.1443399999999999</v>
      </c>
      <c r="CO2122" s="20">
        <v>1.1021300000000001</v>
      </c>
      <c r="CP2122" s="20">
        <v>1.09507</v>
      </c>
      <c r="CQ2122" s="20">
        <v>1.1687799999999999</v>
      </c>
      <c r="CR2122" s="20">
        <v>1.0332399999999999</v>
      </c>
      <c r="CS2122" s="20">
        <v>1.07256</v>
      </c>
      <c r="CT2122" s="20">
        <v>1.1632899999999999</v>
      </c>
      <c r="CU2122" s="20">
        <v>1.1383399999999999</v>
      </c>
      <c r="CV2122" s="20">
        <v>1.1792899999999999</v>
      </c>
      <c r="CW2122" s="20">
        <v>1.1560999999999999</v>
      </c>
      <c r="CX2122" s="20">
        <v>1.1375900000000001</v>
      </c>
      <c r="CY2122" s="6" t="s">
        <v>680</v>
      </c>
      <c r="CZ2122" s="6" t="s">
        <v>681</v>
      </c>
      <c r="DA2122" s="6" t="s">
        <v>94</v>
      </c>
      <c r="DB2122" s="6" t="s">
        <v>345</v>
      </c>
      <c r="DC2122" s="6"/>
      <c r="DD2122" s="6"/>
      <c r="DE2122" s="6"/>
      <c r="DF2122" s="6"/>
      <c r="DG2122" s="6"/>
      <c r="DH2122" s="6" t="s">
        <v>333</v>
      </c>
      <c r="DI2122" s="6"/>
      <c r="DJ2122" s="6"/>
      <c r="DK2122" s="6"/>
      <c r="DL2122" s="6">
        <v>4</v>
      </c>
      <c r="DM2122" s="6" t="s">
        <v>446</v>
      </c>
      <c r="DN2122" s="6">
        <v>8</v>
      </c>
      <c r="DO2122" s="6" t="s">
        <v>486</v>
      </c>
      <c r="DP2122" s="6"/>
      <c r="DQ2122" s="6"/>
    </row>
    <row r="2123" spans="1:121" x14ac:dyDescent="0.2">
      <c r="A2123" s="6" t="s">
        <v>322</v>
      </c>
      <c r="B2123" s="6" t="s">
        <v>322</v>
      </c>
      <c r="C2123" s="6" t="s">
        <v>191</v>
      </c>
      <c r="D2123" s="6" t="s">
        <v>94</v>
      </c>
      <c r="E2123" s="6" t="s">
        <v>235</v>
      </c>
      <c r="F2123" s="11">
        <v>1</v>
      </c>
      <c r="G2123" s="13">
        <v>1</v>
      </c>
      <c r="H2123" s="11">
        <v>0</v>
      </c>
      <c r="I2123" s="13">
        <v>0</v>
      </c>
      <c r="J2123" s="11">
        <v>0</v>
      </c>
      <c r="K2123" s="13">
        <v>0</v>
      </c>
      <c r="L2123" s="11">
        <v>0</v>
      </c>
      <c r="M2123" s="13">
        <v>0</v>
      </c>
      <c r="N2123" s="11">
        <v>0</v>
      </c>
      <c r="O2123" s="13">
        <v>0</v>
      </c>
      <c r="P2123" s="7">
        <v>5</v>
      </c>
      <c r="Q2123" s="7">
        <v>11</v>
      </c>
      <c r="R2123" s="7">
        <v>5</v>
      </c>
      <c r="S2123" s="7">
        <v>5</v>
      </c>
      <c r="T2123" s="7">
        <v>5</v>
      </c>
      <c r="U2123" s="7">
        <v>5</v>
      </c>
      <c r="V2123" s="7">
        <v>5</v>
      </c>
      <c r="W2123" s="7">
        <v>5</v>
      </c>
      <c r="X2123" s="7">
        <v>5</v>
      </c>
      <c r="Y2123" s="7">
        <v>5</v>
      </c>
      <c r="Z2123" s="7">
        <v>5</v>
      </c>
      <c r="AA2123" s="7">
        <v>5</v>
      </c>
      <c r="AB2123" s="7">
        <v>5</v>
      </c>
      <c r="AC2123" s="7">
        <v>5</v>
      </c>
      <c r="AD2123" s="7">
        <v>5</v>
      </c>
      <c r="AE2123" s="7">
        <v>5</v>
      </c>
      <c r="AF2123" s="7">
        <v>5</v>
      </c>
      <c r="AG2123" s="9">
        <v>0</v>
      </c>
      <c r="AH2123" s="13">
        <v>0</v>
      </c>
      <c r="AI2123" s="9">
        <v>0</v>
      </c>
      <c r="AJ2123" s="13">
        <v>0</v>
      </c>
      <c r="AK2123" s="9">
        <v>0</v>
      </c>
      <c r="AL2123" s="13">
        <v>0</v>
      </c>
      <c r="AM2123" s="9">
        <v>0</v>
      </c>
      <c r="AN2123" s="13">
        <v>0</v>
      </c>
      <c r="AO2123" s="9">
        <v>0</v>
      </c>
      <c r="AP2123" s="13">
        <v>0</v>
      </c>
      <c r="AQ2123" s="9">
        <v>1</v>
      </c>
      <c r="AR2123" s="9">
        <v>9617</v>
      </c>
      <c r="AS2123" s="9">
        <v>1</v>
      </c>
      <c r="AT2123" s="9">
        <v>1</v>
      </c>
      <c r="AU2123" s="9">
        <v>1</v>
      </c>
      <c r="AV2123" s="9">
        <v>1</v>
      </c>
      <c r="AW2123" s="9">
        <v>1</v>
      </c>
      <c r="AX2123" s="9">
        <v>1</v>
      </c>
      <c r="AY2123" s="9">
        <v>1</v>
      </c>
      <c r="AZ2123" s="9">
        <v>1</v>
      </c>
      <c r="BA2123" s="9">
        <v>1</v>
      </c>
      <c r="BB2123" s="9">
        <v>1</v>
      </c>
      <c r="BC2123" s="9">
        <v>1</v>
      </c>
      <c r="BD2123" s="9">
        <v>1</v>
      </c>
      <c r="BE2123" s="9">
        <v>1</v>
      </c>
      <c r="BF2123" s="9">
        <v>1</v>
      </c>
      <c r="BG2123" s="11">
        <v>0</v>
      </c>
      <c r="BH2123" s="13" t="e">
        <v>#DIV/0!</v>
      </c>
      <c r="BI2123" s="6">
        <v>0</v>
      </c>
      <c r="BJ2123" s="13" t="e">
        <v>#DIV/0!</v>
      </c>
      <c r="BK2123" s="6">
        <v>0</v>
      </c>
      <c r="BL2123" s="13" t="e">
        <v>#DIV/0!</v>
      </c>
      <c r="BM2123" s="11">
        <v>0</v>
      </c>
      <c r="BN2123" s="13" t="e">
        <v>#DIV/0!</v>
      </c>
      <c r="BO2123" s="11">
        <v>0</v>
      </c>
      <c r="BP2123" s="13" t="e">
        <v>#DIV/0!</v>
      </c>
      <c r="BQ2123" s="6">
        <v>0</v>
      </c>
      <c r="BR2123" s="6">
        <v>0</v>
      </c>
      <c r="BS2123" s="6">
        <v>0</v>
      </c>
      <c r="BT2123" s="6">
        <v>0</v>
      </c>
      <c r="BU2123" s="6">
        <v>0</v>
      </c>
      <c r="BV2123" s="6">
        <v>0</v>
      </c>
      <c r="BW2123" s="6">
        <v>0</v>
      </c>
      <c r="BX2123" s="6">
        <v>0</v>
      </c>
      <c r="BY2123" s="6">
        <v>0</v>
      </c>
      <c r="BZ2123" s="6">
        <v>0</v>
      </c>
      <c r="CA2123" s="6">
        <v>0</v>
      </c>
      <c r="CB2123" s="6">
        <v>0</v>
      </c>
      <c r="CC2123" s="11">
        <v>0</v>
      </c>
      <c r="CD2123" s="11">
        <v>-4</v>
      </c>
      <c r="CE2123" s="11">
        <v>1</v>
      </c>
      <c r="CF2123" s="11">
        <v>1</v>
      </c>
      <c r="CG2123" s="11">
        <v>2</v>
      </c>
      <c r="CH2123" s="20">
        <v>0.19</v>
      </c>
      <c r="CI2123" s="20">
        <v>0.26</v>
      </c>
      <c r="CJ2123" s="20">
        <v>0.1</v>
      </c>
      <c r="CK2123" s="20">
        <v>7.0000000000000007E-2</v>
      </c>
      <c r="CL2123" s="20">
        <v>0.01</v>
      </c>
      <c r="CM2123" s="20">
        <v>0.06</v>
      </c>
      <c r="CN2123" s="20">
        <v>0.09</v>
      </c>
      <c r="CO2123" s="20">
        <v>0.13</v>
      </c>
      <c r="CP2123" s="20">
        <v>0.09</v>
      </c>
      <c r="CQ2123" s="20">
        <v>0.1</v>
      </c>
      <c r="CR2123" s="20">
        <v>0.11</v>
      </c>
      <c r="CS2123" s="20">
        <v>0.09</v>
      </c>
      <c r="CT2123" s="20">
        <v>0.04</v>
      </c>
      <c r="CU2123" s="20">
        <v>0.16</v>
      </c>
      <c r="CV2123" s="20">
        <v>0.15</v>
      </c>
      <c r="CW2123" s="20">
        <v>0.16</v>
      </c>
      <c r="CX2123" s="20">
        <v>0.16</v>
      </c>
      <c r="CY2123" s="6" t="s">
        <v>680</v>
      </c>
      <c r="CZ2123" s="6" t="s">
        <v>681</v>
      </c>
      <c r="DA2123" s="6" t="s">
        <v>94</v>
      </c>
      <c r="DB2123" s="6" t="s">
        <v>345</v>
      </c>
      <c r="DC2123" s="6"/>
      <c r="DD2123" s="6"/>
      <c r="DE2123" s="6"/>
      <c r="DF2123" s="6"/>
      <c r="DG2123" s="6"/>
      <c r="DH2123" s="6" t="s">
        <v>333</v>
      </c>
      <c r="DI2123" s="6"/>
      <c r="DJ2123" s="6"/>
      <c r="DK2123" s="6"/>
      <c r="DL2123" s="6">
        <v>4</v>
      </c>
      <c r="DM2123" s="6" t="s">
        <v>446</v>
      </c>
      <c r="DN2123" s="6">
        <v>8</v>
      </c>
      <c r="DO2123" s="6" t="s">
        <v>486</v>
      </c>
      <c r="DP2123" s="6"/>
      <c r="DQ2123" s="6"/>
    </row>
    <row r="2124" spans="1:121" x14ac:dyDescent="0.2">
      <c r="A2124" s="6" t="s">
        <v>323</v>
      </c>
      <c r="B2124" s="6" t="s">
        <v>323</v>
      </c>
      <c r="C2124" s="6" t="s">
        <v>192</v>
      </c>
      <c r="D2124" s="6" t="s">
        <v>94</v>
      </c>
      <c r="E2124" s="6" t="s">
        <v>235</v>
      </c>
      <c r="F2124" s="11">
        <v>-98</v>
      </c>
      <c r="G2124" s="13">
        <v>-0.55681818181800002</v>
      </c>
      <c r="H2124" s="11">
        <v>-68.246788275000014</v>
      </c>
      <c r="I2124" s="13">
        <v>-0.38828922050570874</v>
      </c>
      <c r="J2124" s="11">
        <v>-40.434607571100003</v>
      </c>
      <c r="K2124" s="13">
        <v>-0.37607997976798013</v>
      </c>
      <c r="L2124" s="11">
        <v>10.598293888300006</v>
      </c>
      <c r="M2124" s="13">
        <v>0.15799160794733205</v>
      </c>
      <c r="N2124" s="11">
        <v>-29.836313682799997</v>
      </c>
      <c r="O2124" s="13">
        <v>-0.27750585254099142</v>
      </c>
      <c r="P2124" s="7">
        <v>175.76276824300001</v>
      </c>
      <c r="Q2124" s="7">
        <v>183.59317629700001</v>
      </c>
      <c r="R2124" s="7">
        <v>191.54782913700001</v>
      </c>
      <c r="S2124" s="7">
        <v>162.32486559200001</v>
      </c>
      <c r="T2124" s="7">
        <v>140.61278307000001</v>
      </c>
      <c r="U2124" s="7">
        <v>103.178285339</v>
      </c>
      <c r="V2124" s="7">
        <v>107.515979968</v>
      </c>
      <c r="W2124" s="7">
        <v>60.221132125700002</v>
      </c>
      <c r="X2124" s="7">
        <v>59.328129727700002</v>
      </c>
      <c r="Y2124" s="7">
        <v>67.081372396899994</v>
      </c>
      <c r="Z2124" s="7">
        <v>67.887930573399998</v>
      </c>
      <c r="AA2124" s="7">
        <v>75.044140903100001</v>
      </c>
      <c r="AB2124" s="7">
        <v>75.988614521399995</v>
      </c>
      <c r="AC2124" s="7">
        <v>76.1983749786</v>
      </c>
      <c r="AD2124" s="7">
        <v>89.833011516400006</v>
      </c>
      <c r="AE2124" s="7">
        <v>78.130848179200001</v>
      </c>
      <c r="AF2124" s="7">
        <v>77.6796662852</v>
      </c>
      <c r="AG2124" s="9">
        <v>9760.2968195899994</v>
      </c>
      <c r="AH2124" s="13">
        <v>1.3601011741627691</v>
      </c>
      <c r="AI2124" s="9">
        <v>2321.2289278399994</v>
      </c>
      <c r="AJ2124" s="13">
        <v>0.32346415776199616</v>
      </c>
      <c r="AK2124" s="9">
        <v>3114.3227331500002</v>
      </c>
      <c r="AL2124" s="13">
        <v>0.32791374573128645</v>
      </c>
      <c r="AM2124" s="9">
        <v>4324.7451586000007</v>
      </c>
      <c r="AN2124" s="13">
        <v>0.34291514069976153</v>
      </c>
      <c r="AO2124" s="9">
        <v>7439.0678917500009</v>
      </c>
      <c r="AP2124" s="13">
        <v>0.78327547468587788</v>
      </c>
      <c r="AQ2124" s="9">
        <v>7176.1549839099998</v>
      </c>
      <c r="AR2124" s="9">
        <v>7030.7432406199996</v>
      </c>
      <c r="AS2124" s="9">
        <v>7708.2132281900003</v>
      </c>
      <c r="AT2124" s="9">
        <v>7289.37463303</v>
      </c>
      <c r="AU2124" s="9">
        <v>7837.9244630499998</v>
      </c>
      <c r="AV2124" s="9">
        <v>9131.4960122199991</v>
      </c>
      <c r="AW2124" s="9">
        <v>9497.3839117499992</v>
      </c>
      <c r="AX2124" s="9">
        <v>11664.301107400001</v>
      </c>
      <c r="AY2124" s="9">
        <v>12937.315704299999</v>
      </c>
      <c r="AZ2124" s="9">
        <v>12611.706644899999</v>
      </c>
      <c r="BA2124" s="9">
        <v>12396.0085834</v>
      </c>
      <c r="BB2124" s="9">
        <v>13023.749337200001</v>
      </c>
      <c r="BC2124" s="9">
        <v>10726.0528851</v>
      </c>
      <c r="BD2124" s="9">
        <v>12592.9760983</v>
      </c>
      <c r="BE2124" s="9">
        <v>14538.953152</v>
      </c>
      <c r="BF2124" s="9">
        <v>16936.4518035</v>
      </c>
      <c r="BG2124" s="11">
        <v>-10</v>
      </c>
      <c r="BH2124" s="13">
        <v>-0.52631578947368418</v>
      </c>
      <c r="BI2124" s="6">
        <v>-6</v>
      </c>
      <c r="BJ2124" s="13">
        <v>-0.31578947368421051</v>
      </c>
      <c r="BK2124" s="6">
        <v>-3</v>
      </c>
      <c r="BL2124" s="13">
        <v>-0.23076923076923078</v>
      </c>
      <c r="BM2124" s="11">
        <v>-1</v>
      </c>
      <c r="BN2124" s="13">
        <v>-0.1</v>
      </c>
      <c r="BO2124" s="11">
        <v>-4</v>
      </c>
      <c r="BP2124" s="13">
        <v>-0.30769230769230771</v>
      </c>
      <c r="BQ2124" s="6">
        <v>19</v>
      </c>
      <c r="BR2124" s="6">
        <v>17</v>
      </c>
      <c r="BS2124" s="6">
        <v>16</v>
      </c>
      <c r="BT2124" s="6">
        <v>13</v>
      </c>
      <c r="BU2124" s="6">
        <v>10</v>
      </c>
      <c r="BV2124" s="6">
        <v>10</v>
      </c>
      <c r="BW2124" s="6">
        <v>10</v>
      </c>
      <c r="BX2124" s="6">
        <v>12</v>
      </c>
      <c r="BY2124" s="6">
        <v>13</v>
      </c>
      <c r="BZ2124" s="6">
        <v>15</v>
      </c>
      <c r="CA2124" s="6">
        <v>13</v>
      </c>
      <c r="CB2124" s="6">
        <v>10</v>
      </c>
      <c r="CC2124" s="11">
        <v>9</v>
      </c>
      <c r="CD2124" s="11">
        <v>-157.26599999999999</v>
      </c>
      <c r="CE2124" s="11">
        <v>39.9694</v>
      </c>
      <c r="CF2124" s="11">
        <v>19.213000000000001</v>
      </c>
      <c r="CG2124" s="11">
        <v>59</v>
      </c>
      <c r="CH2124" s="20">
        <v>0.93047500000000005</v>
      </c>
      <c r="CI2124" s="20">
        <v>0.92211299999999996</v>
      </c>
      <c r="CJ2124" s="20">
        <v>0.92887799999999998</v>
      </c>
      <c r="CK2124" s="20">
        <v>0.78574299999999997</v>
      </c>
      <c r="CL2124" s="20">
        <v>0.70566899999999999</v>
      </c>
      <c r="CM2124" s="20">
        <v>0.50683999999999996</v>
      </c>
      <c r="CN2124" s="20">
        <v>0.56373899999999999</v>
      </c>
      <c r="CO2124" s="20">
        <v>0.30974800000000002</v>
      </c>
      <c r="CP2124" s="20">
        <v>0.31193199999999999</v>
      </c>
      <c r="CQ2124" s="20">
        <v>0.37885400000000002</v>
      </c>
      <c r="CR2124" s="20">
        <v>0.39130199999999998</v>
      </c>
      <c r="CS2124" s="20">
        <v>0.43237300000000001</v>
      </c>
      <c r="CT2124" s="20">
        <v>0.44043199999999999</v>
      </c>
      <c r="CU2124" s="20">
        <v>0.433701</v>
      </c>
      <c r="CV2124" s="20">
        <v>0.507996</v>
      </c>
      <c r="CW2124" s="20">
        <v>0.43577399999999999</v>
      </c>
      <c r="CX2124" s="20">
        <v>0.43204599999999999</v>
      </c>
      <c r="CY2124" s="6" t="s">
        <v>680</v>
      </c>
      <c r="CZ2124" s="6" t="s">
        <v>681</v>
      </c>
      <c r="DA2124" s="6" t="s">
        <v>94</v>
      </c>
      <c r="DB2124" s="6" t="s">
        <v>345</v>
      </c>
      <c r="DC2124" s="6"/>
      <c r="DD2124" s="6"/>
      <c r="DE2124" s="6"/>
      <c r="DF2124" s="6"/>
      <c r="DG2124" s="6"/>
      <c r="DH2124" s="6" t="s">
        <v>333</v>
      </c>
      <c r="DI2124" s="6"/>
      <c r="DJ2124" s="6"/>
      <c r="DK2124" s="6"/>
      <c r="DL2124" s="6">
        <v>4</v>
      </c>
      <c r="DM2124" s="6" t="s">
        <v>446</v>
      </c>
      <c r="DN2124" s="6">
        <v>8</v>
      </c>
      <c r="DO2124" s="6" t="s">
        <v>486</v>
      </c>
      <c r="DP2124" s="6"/>
      <c r="DQ2124" s="6"/>
    </row>
    <row r="2125" spans="1:121" x14ac:dyDescent="0.2">
      <c r="A2125" s="6" t="s">
        <v>325</v>
      </c>
      <c r="B2125" s="6" t="s">
        <v>325</v>
      </c>
      <c r="C2125" s="6" t="s">
        <v>193</v>
      </c>
      <c r="D2125" s="6" t="s">
        <v>94</v>
      </c>
      <c r="E2125" s="6" t="s">
        <v>235</v>
      </c>
      <c r="F2125" s="11">
        <v>-11</v>
      </c>
      <c r="G2125" s="13">
        <v>-8.7999999999999995E-2</v>
      </c>
      <c r="H2125" s="11">
        <v>63.271953034999996</v>
      </c>
      <c r="I2125" s="13">
        <v>0.50642278759609005</v>
      </c>
      <c r="J2125" s="11">
        <v>-17.616659304999985</v>
      </c>
      <c r="K2125" s="13">
        <v>-9.3600609798854414E-2</v>
      </c>
      <c r="L2125" s="11">
        <v>-56.484812185999999</v>
      </c>
      <c r="M2125" s="13">
        <v>-0.3311061192065729</v>
      </c>
      <c r="N2125" s="11">
        <v>-74.101471490999984</v>
      </c>
      <c r="O2125" s="13">
        <v>-0.39371499433955992</v>
      </c>
      <c r="P2125" s="7">
        <v>124.93899284299999</v>
      </c>
      <c r="Q2125" s="7">
        <v>132.37732396199999</v>
      </c>
      <c r="R2125" s="7">
        <v>169.99894675499999</v>
      </c>
      <c r="S2125" s="7">
        <v>202.59230452899999</v>
      </c>
      <c r="T2125" s="7">
        <v>211.98990687200001</v>
      </c>
      <c r="U2125" s="7">
        <v>193.01660862400001</v>
      </c>
      <c r="V2125" s="7">
        <v>188.21094587799999</v>
      </c>
      <c r="W2125" s="7">
        <v>181.614840947</v>
      </c>
      <c r="X2125" s="7">
        <v>178.09265503899999</v>
      </c>
      <c r="Y2125" s="7">
        <v>170.59428657300001</v>
      </c>
      <c r="Z2125" s="7">
        <v>155.944773459</v>
      </c>
      <c r="AA2125" s="7">
        <v>160.54932695700001</v>
      </c>
      <c r="AB2125" s="7">
        <v>115.789760332</v>
      </c>
      <c r="AC2125" s="7">
        <v>120.585142866</v>
      </c>
      <c r="AD2125" s="7">
        <v>119.414713087</v>
      </c>
      <c r="AE2125" s="7">
        <v>115.689896688</v>
      </c>
      <c r="AF2125" s="7">
        <v>114.10947438700001</v>
      </c>
      <c r="AG2125" s="9">
        <v>5599.7975488999982</v>
      </c>
      <c r="AH2125" s="13">
        <v>0.38339595740976889</v>
      </c>
      <c r="AI2125" s="9">
        <v>-2588.9754957000005</v>
      </c>
      <c r="AJ2125" s="13">
        <v>-0.177256897274673</v>
      </c>
      <c r="AK2125" s="9">
        <v>216.0044639000007</v>
      </c>
      <c r="AL2125" s="13">
        <v>1.7975197849609281E-2</v>
      </c>
      <c r="AM2125" s="9">
        <v>7972.768580699998</v>
      </c>
      <c r="AN2125" s="13">
        <v>0.65175281326737255</v>
      </c>
      <c r="AO2125" s="9">
        <v>8188.7730445999987</v>
      </c>
      <c r="AP2125" s="13">
        <v>0.68144339688450228</v>
      </c>
      <c r="AQ2125" s="9">
        <v>14605.7814139</v>
      </c>
      <c r="AR2125" s="9">
        <v>14153.044174299999</v>
      </c>
      <c r="AS2125" s="9">
        <v>13748.458136900001</v>
      </c>
      <c r="AT2125" s="9">
        <v>12706.714599299999</v>
      </c>
      <c r="AU2125" s="9">
        <v>12370.515436199999</v>
      </c>
      <c r="AV2125" s="9">
        <v>11883.871481100001</v>
      </c>
      <c r="AW2125" s="9">
        <v>12016.8059182</v>
      </c>
      <c r="AX2125" s="9">
        <v>11914.8136691</v>
      </c>
      <c r="AY2125" s="9">
        <v>12411.331786799999</v>
      </c>
      <c r="AZ2125" s="9">
        <v>12232.8103821</v>
      </c>
      <c r="BA2125" s="9">
        <v>12618.4932771</v>
      </c>
      <c r="BB2125" s="9">
        <v>14602.6067472</v>
      </c>
      <c r="BC2125" s="9">
        <v>18019.889683400001</v>
      </c>
      <c r="BD2125" s="9">
        <v>19268.679993999998</v>
      </c>
      <c r="BE2125" s="9">
        <v>19621.167165700001</v>
      </c>
      <c r="BF2125" s="9">
        <v>20205.578962799998</v>
      </c>
      <c r="BG2125" s="11">
        <v>-36.75</v>
      </c>
      <c r="BH2125" s="13">
        <v>-0.72058823529411764</v>
      </c>
      <c r="BI2125" s="6">
        <v>-2</v>
      </c>
      <c r="BJ2125" s="13">
        <v>-3.9215686274509803E-2</v>
      </c>
      <c r="BK2125" s="6">
        <v>6</v>
      </c>
      <c r="BL2125" s="13">
        <v>0.12244897959183673</v>
      </c>
      <c r="BM2125" s="11">
        <v>-40.75</v>
      </c>
      <c r="BN2125" s="13">
        <v>-0.74090909090909096</v>
      </c>
      <c r="BO2125" s="11">
        <v>-34.75</v>
      </c>
      <c r="BP2125" s="13">
        <v>-0.70918367346938771</v>
      </c>
      <c r="BQ2125" s="6">
        <v>51</v>
      </c>
      <c r="BR2125" s="6">
        <v>57</v>
      </c>
      <c r="BS2125" s="6">
        <v>54</v>
      </c>
      <c r="BT2125" s="6">
        <v>49</v>
      </c>
      <c r="BU2125" s="6">
        <v>52</v>
      </c>
      <c r="BV2125" s="6">
        <v>53</v>
      </c>
      <c r="BW2125" s="6">
        <v>55</v>
      </c>
      <c r="BX2125" s="6">
        <v>53</v>
      </c>
      <c r="BY2125" s="6">
        <v>48</v>
      </c>
      <c r="BZ2125" s="6">
        <v>15</v>
      </c>
      <c r="CA2125" s="6">
        <v>17</v>
      </c>
      <c r="CB2125" s="6">
        <v>16</v>
      </c>
      <c r="CC2125" s="11">
        <v>14.25</v>
      </c>
      <c r="CD2125" s="11">
        <v>-23.336300000000001</v>
      </c>
      <c r="CE2125" s="11">
        <v>-1.1505700000000001</v>
      </c>
      <c r="CF2125" s="11">
        <v>13.657299999999999</v>
      </c>
      <c r="CG2125" s="11">
        <v>13</v>
      </c>
      <c r="CH2125" s="20">
        <v>0.97374000000000005</v>
      </c>
      <c r="CI2125" s="20">
        <v>0.97477199999999997</v>
      </c>
      <c r="CJ2125" s="20">
        <v>1.21556</v>
      </c>
      <c r="CK2125" s="20">
        <v>1.47217</v>
      </c>
      <c r="CL2125" s="20">
        <v>1.62358</v>
      </c>
      <c r="CM2125" s="20">
        <v>1.46051</v>
      </c>
      <c r="CN2125" s="20">
        <v>1.5276400000000001</v>
      </c>
      <c r="CO2125" s="20">
        <v>1.4446600000000001</v>
      </c>
      <c r="CP2125" s="20">
        <v>1.41859</v>
      </c>
      <c r="CQ2125" s="20">
        <v>1.4704600000000001</v>
      </c>
      <c r="CR2125" s="20">
        <v>1.39188</v>
      </c>
      <c r="CS2125" s="20">
        <v>1.44346</v>
      </c>
      <c r="CT2125" s="20">
        <v>1.1424000000000001</v>
      </c>
      <c r="CU2125" s="20">
        <v>1.1807399999999999</v>
      </c>
      <c r="CV2125" s="20">
        <v>1.1847000000000001</v>
      </c>
      <c r="CW2125" s="20">
        <v>1.1440600000000001</v>
      </c>
      <c r="CX2125" s="20">
        <v>1.1353200000000001</v>
      </c>
      <c r="CY2125" s="6" t="s">
        <v>680</v>
      </c>
      <c r="CZ2125" s="6" t="s">
        <v>681</v>
      </c>
      <c r="DA2125" s="6" t="s">
        <v>94</v>
      </c>
      <c r="DB2125" s="6" t="s">
        <v>345</v>
      </c>
      <c r="DC2125" s="6"/>
      <c r="DD2125" s="6"/>
      <c r="DE2125" s="6"/>
      <c r="DF2125" s="6"/>
      <c r="DG2125" s="6"/>
      <c r="DH2125" s="6" t="s">
        <v>333</v>
      </c>
      <c r="DI2125" s="6"/>
      <c r="DJ2125" s="6"/>
      <c r="DK2125" s="6"/>
      <c r="DL2125" s="6">
        <v>4</v>
      </c>
      <c r="DM2125" s="6" t="s">
        <v>446</v>
      </c>
      <c r="DN2125" s="6">
        <v>8</v>
      </c>
      <c r="DO2125" s="6" t="s">
        <v>486</v>
      </c>
      <c r="DP2125" s="6"/>
      <c r="DQ2125" s="6"/>
    </row>
    <row r="2126" spans="1:121" x14ac:dyDescent="0.2">
      <c r="A2126" s="6" t="s">
        <v>327</v>
      </c>
      <c r="B2126" s="6" t="s">
        <v>327</v>
      </c>
      <c r="C2126" s="6" t="s">
        <v>194</v>
      </c>
      <c r="D2126" s="6" t="s">
        <v>94</v>
      </c>
      <c r="E2126" s="6" t="s">
        <v>235</v>
      </c>
      <c r="F2126" s="11">
        <v>-177</v>
      </c>
      <c r="G2126" s="13">
        <v>-0.25106382978699998</v>
      </c>
      <c r="H2126" s="11">
        <v>6.4403999999967709E-2</v>
      </c>
      <c r="I2126" s="13">
        <v>9.1348800656964319E-5</v>
      </c>
      <c r="J2126" s="11">
        <v>-14.660442999999987</v>
      </c>
      <c r="K2126" s="13">
        <v>-2.0792055784460816E-2</v>
      </c>
      <c r="L2126" s="11">
        <v>-162.59753819399998</v>
      </c>
      <c r="M2126" s="13">
        <v>-0.23549916718064964</v>
      </c>
      <c r="N2126" s="11">
        <v>-177.25798119399997</v>
      </c>
      <c r="O2126" s="13">
        <v>-0.25139471114389633</v>
      </c>
      <c r="P2126" s="7">
        <v>705.03388700000005</v>
      </c>
      <c r="Q2126" s="7">
        <v>718.19502999999997</v>
      </c>
      <c r="R2126" s="7">
        <v>749.70488399999999</v>
      </c>
      <c r="S2126" s="7">
        <v>756.02450999999996</v>
      </c>
      <c r="T2126" s="7">
        <v>751.60605699999996</v>
      </c>
      <c r="U2126" s="7">
        <v>751.74233700000002</v>
      </c>
      <c r="V2126" s="7">
        <v>705.09829100000002</v>
      </c>
      <c r="W2126" s="7">
        <v>728.04474000000005</v>
      </c>
      <c r="X2126" s="7">
        <v>746.76482399999998</v>
      </c>
      <c r="Y2126" s="7">
        <v>690.43784800000003</v>
      </c>
      <c r="Z2126" s="7">
        <v>651.91389700000002</v>
      </c>
      <c r="AA2126" s="7">
        <v>629.49035400000002</v>
      </c>
      <c r="AB2126" s="7">
        <v>602.77357700000005</v>
      </c>
      <c r="AC2126" s="7">
        <v>583.88198699999998</v>
      </c>
      <c r="AD2126" s="7">
        <v>544.48467500000004</v>
      </c>
      <c r="AE2126" s="7">
        <v>552.18763950000005</v>
      </c>
      <c r="AF2126" s="7">
        <v>527.84030980600005</v>
      </c>
      <c r="AG2126" s="9">
        <v>12556.470139599998</v>
      </c>
      <c r="AH2126" s="13">
        <v>0.42092017033714207</v>
      </c>
      <c r="AI2126" s="9">
        <v>9549.6159679000011</v>
      </c>
      <c r="AJ2126" s="13">
        <v>0.32012388315931684</v>
      </c>
      <c r="AK2126" s="9">
        <v>2782.0272846000007</v>
      </c>
      <c r="AL2126" s="13">
        <v>7.0644583023470209E-2</v>
      </c>
      <c r="AM2126" s="9">
        <v>224.82688709999638</v>
      </c>
      <c r="AN2126" s="13">
        <v>5.3323715720225559E-3</v>
      </c>
      <c r="AO2126" s="9">
        <v>3006.8541716999971</v>
      </c>
      <c r="AP2126" s="13">
        <v>7.6353657761724494E-2</v>
      </c>
      <c r="AQ2126" s="9">
        <v>29831.001278799999</v>
      </c>
      <c r="AR2126" s="9">
        <v>31029.974841700001</v>
      </c>
      <c r="AS2126" s="9">
        <v>33137.953488400002</v>
      </c>
      <c r="AT2126" s="9">
        <v>36124.228544899997</v>
      </c>
      <c r="AU2126" s="9">
        <v>36889.953599400003</v>
      </c>
      <c r="AV2126" s="9">
        <v>38113.614656899997</v>
      </c>
      <c r="AW2126" s="9">
        <v>39380.6172467</v>
      </c>
      <c r="AX2126" s="9">
        <v>41189.789899399999</v>
      </c>
      <c r="AY2126" s="9">
        <v>42663.626074100001</v>
      </c>
      <c r="AZ2126" s="9">
        <v>42162.6445313</v>
      </c>
      <c r="BA2126" s="9">
        <v>41766.685679599999</v>
      </c>
      <c r="BB2126" s="9">
        <v>40053.786564100003</v>
      </c>
      <c r="BC2126" s="9">
        <v>42169.212619700003</v>
      </c>
      <c r="BD2126" s="9">
        <v>42543.585992300003</v>
      </c>
      <c r="BE2126" s="9">
        <v>42572.673202999998</v>
      </c>
      <c r="BF2126" s="9">
        <v>42387.471418399997</v>
      </c>
      <c r="BG2126" s="11">
        <v>-2</v>
      </c>
      <c r="BH2126" s="13">
        <v>-5.5555555555555552E-2</v>
      </c>
      <c r="BI2126" s="6">
        <v>-3</v>
      </c>
      <c r="BJ2126" s="13">
        <v>-8.3333333333333329E-2</v>
      </c>
      <c r="BK2126" s="6">
        <v>2</v>
      </c>
      <c r="BL2126" s="13">
        <v>6.0606060606060608E-2</v>
      </c>
      <c r="BM2126" s="11">
        <v>-1</v>
      </c>
      <c r="BN2126" s="13">
        <v>-2.8571428571428571E-2</v>
      </c>
      <c r="BO2126" s="11">
        <v>1</v>
      </c>
      <c r="BP2126" s="13">
        <v>3.0303030303030304E-2</v>
      </c>
      <c r="BQ2126" s="6">
        <v>36</v>
      </c>
      <c r="BR2126" s="6">
        <v>34</v>
      </c>
      <c r="BS2126" s="6">
        <v>34</v>
      </c>
      <c r="BT2126" s="6">
        <v>33</v>
      </c>
      <c r="BU2126" s="6">
        <v>34</v>
      </c>
      <c r="BV2126" s="6">
        <v>35</v>
      </c>
      <c r="BW2126" s="6">
        <v>35</v>
      </c>
      <c r="BX2126" s="6">
        <v>34</v>
      </c>
      <c r="BY2126" s="6">
        <v>32</v>
      </c>
      <c r="BZ2126" s="6">
        <v>32</v>
      </c>
      <c r="CA2126" s="6">
        <v>32</v>
      </c>
      <c r="CB2126" s="6">
        <v>34</v>
      </c>
      <c r="CC2126" s="11">
        <v>34</v>
      </c>
      <c r="CD2126" s="11">
        <v>-212.93</v>
      </c>
      <c r="CE2126" s="11">
        <v>-41.3324</v>
      </c>
      <c r="CF2126" s="11">
        <v>77.068700000000007</v>
      </c>
      <c r="CG2126" s="11">
        <v>36</v>
      </c>
      <c r="CH2126" s="20">
        <v>1.65418</v>
      </c>
      <c r="CI2126" s="20">
        <v>1.5889200000000001</v>
      </c>
      <c r="CJ2126" s="20">
        <v>1.62249</v>
      </c>
      <c r="CK2126" s="20">
        <v>1.67482</v>
      </c>
      <c r="CL2126" s="20">
        <v>1.75892</v>
      </c>
      <c r="CM2126" s="20">
        <v>1.7495700000000001</v>
      </c>
      <c r="CN2126" s="20">
        <v>1.7728900000000001</v>
      </c>
      <c r="CO2126" s="20">
        <v>1.7760899999999999</v>
      </c>
      <c r="CP2126" s="20">
        <v>1.80385</v>
      </c>
      <c r="CQ2126" s="20">
        <v>1.7944199999999999</v>
      </c>
      <c r="CR2126" s="20">
        <v>1.7956000000000001</v>
      </c>
      <c r="CS2126" s="20">
        <v>1.8057700000000001</v>
      </c>
      <c r="CT2126" s="20">
        <v>1.8022899999999999</v>
      </c>
      <c r="CU2126" s="20">
        <v>1.7654000000000001</v>
      </c>
      <c r="CV2126" s="20">
        <v>1.6823300000000001</v>
      </c>
      <c r="CW2126" s="20">
        <v>1.7092400000000001</v>
      </c>
      <c r="CX2126" s="20">
        <v>1.65533</v>
      </c>
      <c r="CY2126" s="6" t="s">
        <v>680</v>
      </c>
      <c r="CZ2126" s="6" t="s">
        <v>681</v>
      </c>
      <c r="DA2126" s="6" t="s">
        <v>94</v>
      </c>
      <c r="DB2126" s="6" t="s">
        <v>345</v>
      </c>
      <c r="DC2126" s="6"/>
      <c r="DD2126" s="6"/>
      <c r="DE2126" s="6"/>
      <c r="DF2126" s="6"/>
      <c r="DG2126" s="6"/>
      <c r="DH2126" s="6" t="s">
        <v>333</v>
      </c>
      <c r="DI2126" s="6"/>
      <c r="DJ2126" s="6"/>
      <c r="DK2126" s="6"/>
      <c r="DL2126" s="6">
        <v>4</v>
      </c>
      <c r="DM2126" s="6" t="s">
        <v>446</v>
      </c>
      <c r="DN2126" s="6">
        <v>8</v>
      </c>
      <c r="DO2126" s="6" t="s">
        <v>486</v>
      </c>
      <c r="DP2126" s="6"/>
      <c r="DQ2126" s="6"/>
    </row>
    <row r="2127" spans="1:121" x14ac:dyDescent="0.2">
      <c r="A2127" s="6" t="s">
        <v>1</v>
      </c>
      <c r="B2127" s="6" t="s">
        <v>1</v>
      </c>
      <c r="C2127" s="6" t="s">
        <v>2</v>
      </c>
      <c r="D2127" s="6" t="s">
        <v>157</v>
      </c>
      <c r="E2127" s="6" t="s">
        <v>296</v>
      </c>
      <c r="F2127" s="11">
        <v>-184</v>
      </c>
      <c r="G2127" s="13">
        <v>-0.39484978540799998</v>
      </c>
      <c r="H2127" s="11">
        <v>-369.31207743660002</v>
      </c>
      <c r="I2127" s="13">
        <v>-0.79326444421973707</v>
      </c>
      <c r="J2127" s="11">
        <v>-30.998118464299992</v>
      </c>
      <c r="K2127" s="13">
        <v>-0.32206581947751273</v>
      </c>
      <c r="L2127" s="11">
        <v>217.10978323589995</v>
      </c>
      <c r="M2127" s="13">
        <v>3.3273705245931615</v>
      </c>
      <c r="N2127" s="11">
        <v>186.11166477159998</v>
      </c>
      <c r="O2127" s="13">
        <v>1.9336723904072308</v>
      </c>
      <c r="P2127" s="7">
        <v>465.55985223800002</v>
      </c>
      <c r="Q2127" s="7">
        <v>700.77692346799995</v>
      </c>
      <c r="R2127" s="7">
        <v>636.72816218599996</v>
      </c>
      <c r="S2127" s="7">
        <v>132.93975999099999</v>
      </c>
      <c r="T2127" s="7">
        <v>114.00873685099999</v>
      </c>
      <c r="U2127" s="7">
        <v>102.703391123</v>
      </c>
      <c r="V2127" s="7">
        <v>96.247774801399999</v>
      </c>
      <c r="W2127" s="7">
        <v>69.0873549521</v>
      </c>
      <c r="X2127" s="7">
        <v>62.253222211299999</v>
      </c>
      <c r="Y2127" s="7">
        <v>65.249656337100006</v>
      </c>
      <c r="Z2127" s="7">
        <v>205.259304552</v>
      </c>
      <c r="AA2127" s="7">
        <v>269.88830561899999</v>
      </c>
      <c r="AB2127" s="7">
        <v>274.44214725099999</v>
      </c>
      <c r="AC2127" s="7">
        <v>222.01223897200001</v>
      </c>
      <c r="AD2127" s="7">
        <v>256.14520515300001</v>
      </c>
      <c r="AE2127" s="7">
        <v>273.73929018500002</v>
      </c>
      <c r="AF2127" s="7">
        <v>282.35943957299997</v>
      </c>
      <c r="AG2127" s="9">
        <v>3604.3381517999987</v>
      </c>
      <c r="AH2127" s="13">
        <v>0.19444001565598049</v>
      </c>
      <c r="AI2127" s="9">
        <v>459.67587849999836</v>
      </c>
      <c r="AJ2127" s="13">
        <v>2.4797724644004447E-2</v>
      </c>
      <c r="AK2127" s="9">
        <v>-67.605152299998736</v>
      </c>
      <c r="AL2127" s="13">
        <v>-3.558785083220343E-3</v>
      </c>
      <c r="AM2127" s="9">
        <v>3212.2674255999991</v>
      </c>
      <c r="AN2127" s="13">
        <v>0.16970005269613617</v>
      </c>
      <c r="AO2127" s="9">
        <v>3144.6622733000004</v>
      </c>
      <c r="AP2127" s="13">
        <v>0.16553734159675912</v>
      </c>
      <c r="AQ2127" s="9">
        <v>18537.01842</v>
      </c>
      <c r="AR2127" s="9">
        <v>17290.8035284</v>
      </c>
      <c r="AS2127" s="9">
        <v>17408.349168500001</v>
      </c>
      <c r="AT2127" s="9">
        <v>19669.9250168</v>
      </c>
      <c r="AU2127" s="9">
        <v>21249.005169600001</v>
      </c>
      <c r="AV2127" s="9">
        <v>18680.707243299999</v>
      </c>
      <c r="AW2127" s="9">
        <v>18996.694298499999</v>
      </c>
      <c r="AX2127" s="9">
        <v>19452.314423700001</v>
      </c>
      <c r="AY2127" s="9">
        <v>20966.2617833</v>
      </c>
      <c r="AZ2127" s="9">
        <v>18929.0891462</v>
      </c>
      <c r="BA2127" s="9">
        <v>18123.233614199999</v>
      </c>
      <c r="BB2127" s="9">
        <v>19835.606046299999</v>
      </c>
      <c r="BC2127" s="9">
        <v>20266.783292700002</v>
      </c>
      <c r="BD2127" s="9">
        <v>21655.898191200002</v>
      </c>
      <c r="BE2127" s="9">
        <v>24161.119016699999</v>
      </c>
      <c r="BF2127" s="9">
        <v>22141.356571799999</v>
      </c>
      <c r="BG2127" s="11">
        <v>3</v>
      </c>
      <c r="BH2127" s="13">
        <v>0.42857142857142855</v>
      </c>
      <c r="BI2127" s="6">
        <v>0</v>
      </c>
      <c r="BJ2127" s="13">
        <v>0</v>
      </c>
      <c r="BK2127" s="6">
        <v>0</v>
      </c>
      <c r="BL2127" s="13">
        <v>0</v>
      </c>
      <c r="BM2127" s="11">
        <v>3</v>
      </c>
      <c r="BN2127" s="13">
        <v>0.42857142857142855</v>
      </c>
      <c r="BO2127" s="11">
        <v>3</v>
      </c>
      <c r="BP2127" s="13">
        <v>0.42857142857142855</v>
      </c>
      <c r="BQ2127" s="6">
        <v>7</v>
      </c>
      <c r="BR2127" s="6">
        <v>8</v>
      </c>
      <c r="BS2127" s="6">
        <v>6</v>
      </c>
      <c r="BT2127" s="6">
        <v>7</v>
      </c>
      <c r="BU2127" s="6">
        <v>8</v>
      </c>
      <c r="BV2127" s="6">
        <v>6</v>
      </c>
      <c r="BW2127" s="6">
        <v>7</v>
      </c>
      <c r="BX2127" s="6">
        <v>9</v>
      </c>
      <c r="BY2127" s="6">
        <v>9</v>
      </c>
      <c r="BZ2127" s="6">
        <v>12</v>
      </c>
      <c r="CA2127" s="6">
        <v>14</v>
      </c>
      <c r="CB2127" s="6">
        <v>11</v>
      </c>
      <c r="CC2127" s="11">
        <v>10</v>
      </c>
      <c r="CD2127" s="11">
        <v>-191.64500000000001</v>
      </c>
      <c r="CE2127" s="11">
        <v>-42.446800000000003</v>
      </c>
      <c r="CF2127" s="11">
        <v>50.891300000000001</v>
      </c>
      <c r="CG2127" s="11">
        <v>9</v>
      </c>
      <c r="CH2127" s="20">
        <v>1.56993</v>
      </c>
      <c r="CI2127" s="20">
        <v>2.3308499999999999</v>
      </c>
      <c r="CJ2127" s="20">
        <v>2.0360299999999998</v>
      </c>
      <c r="CK2127" s="20">
        <v>0.42660999999999999</v>
      </c>
      <c r="CL2127" s="20">
        <v>0.36322700000000002</v>
      </c>
      <c r="CM2127" s="20">
        <v>0.32570300000000002</v>
      </c>
      <c r="CN2127" s="20">
        <v>0.29678300000000002</v>
      </c>
      <c r="CO2127" s="20">
        <v>0.21749399999999999</v>
      </c>
      <c r="CP2127" s="20">
        <v>0.19536999999999999</v>
      </c>
      <c r="CQ2127" s="20">
        <v>0.20582</v>
      </c>
      <c r="CR2127" s="20">
        <v>0.64941099999999996</v>
      </c>
      <c r="CS2127" s="20">
        <v>0.864927</v>
      </c>
      <c r="CT2127" s="20">
        <v>0.87638700000000003</v>
      </c>
      <c r="CU2127" s="20">
        <v>0.71117200000000003</v>
      </c>
      <c r="CV2127" s="20">
        <v>0.81253799999999998</v>
      </c>
      <c r="CW2127" s="20">
        <v>0.87731099999999995</v>
      </c>
      <c r="CX2127" s="20">
        <v>0.90147500000000003</v>
      </c>
      <c r="CY2127" s="6" t="s">
        <v>684</v>
      </c>
      <c r="CZ2127" s="6" t="s">
        <v>685</v>
      </c>
      <c r="DA2127" s="6" t="s">
        <v>157</v>
      </c>
      <c r="DB2127" s="6" t="s">
        <v>345</v>
      </c>
      <c r="DC2127" s="6">
        <v>22100</v>
      </c>
      <c r="DD2127" s="6">
        <v>476</v>
      </c>
      <c r="DE2127" s="6" t="s">
        <v>687</v>
      </c>
      <c r="DF2127" s="6" t="s">
        <v>363</v>
      </c>
      <c r="DG2127" s="6" t="s">
        <v>364</v>
      </c>
      <c r="DH2127" s="6" t="s">
        <v>365</v>
      </c>
      <c r="DI2127" s="6" t="s">
        <v>509</v>
      </c>
      <c r="DJ2127" s="6">
        <v>29</v>
      </c>
      <c r="DK2127" s="6">
        <v>187</v>
      </c>
      <c r="DL2127" s="6">
        <v>3</v>
      </c>
      <c r="DM2127" s="6" t="s">
        <v>556</v>
      </c>
      <c r="DN2127" s="6">
        <v>4</v>
      </c>
      <c r="DO2127" s="6" t="s">
        <v>557</v>
      </c>
      <c r="DP2127" s="6"/>
      <c r="DQ2127" s="6"/>
    </row>
    <row r="2128" spans="1:121" x14ac:dyDescent="0.2">
      <c r="A2128" s="6" t="s">
        <v>310</v>
      </c>
      <c r="B2128" s="6" t="s">
        <v>310</v>
      </c>
      <c r="C2128" s="6" t="s">
        <v>173</v>
      </c>
      <c r="D2128" s="6" t="s">
        <v>157</v>
      </c>
      <c r="E2128" s="6" t="s">
        <v>296</v>
      </c>
      <c r="F2128" s="11">
        <v>31</v>
      </c>
      <c r="G2128" s="13">
        <v>0.397435897436</v>
      </c>
      <c r="H2128" s="11">
        <v>26.680442891499993</v>
      </c>
      <c r="I2128" s="13">
        <v>0.34303037148012844</v>
      </c>
      <c r="J2128" s="11">
        <v>-17.750675348900003</v>
      </c>
      <c r="K2128" s="13">
        <v>-0.16992942433456973</v>
      </c>
      <c r="L2128" s="11">
        <v>21.866350291900005</v>
      </c>
      <c r="M2128" s="13">
        <v>0.25218252390908025</v>
      </c>
      <c r="N2128" s="11">
        <v>4.1156749430000019</v>
      </c>
      <c r="O2128" s="13">
        <v>3.9399868459401639E-2</v>
      </c>
      <c r="P2128" s="7">
        <v>77.778660753500006</v>
      </c>
      <c r="Q2128" s="7">
        <v>52.101781000000003</v>
      </c>
      <c r="R2128" s="7">
        <v>53.102008720800001</v>
      </c>
      <c r="S2128" s="7">
        <v>70.731799479399996</v>
      </c>
      <c r="T2128" s="7">
        <v>79.322457</v>
      </c>
      <c r="U2128" s="7">
        <v>97.017617999999999</v>
      </c>
      <c r="V2128" s="7">
        <v>104.459103645</v>
      </c>
      <c r="W2128" s="7">
        <v>114.493071</v>
      </c>
      <c r="X2128" s="7">
        <v>111.71851233300001</v>
      </c>
      <c r="Y2128" s="7">
        <v>86.708428296099996</v>
      </c>
      <c r="Z2128" s="7">
        <v>84.510196440200005</v>
      </c>
      <c r="AA2128" s="7">
        <v>81.156589472099995</v>
      </c>
      <c r="AB2128" s="7">
        <v>70.973432000000003</v>
      </c>
      <c r="AC2128" s="7">
        <v>87.869848203499998</v>
      </c>
      <c r="AD2128" s="7">
        <v>97.239060695800006</v>
      </c>
      <c r="AE2128" s="7">
        <v>105.706749243</v>
      </c>
      <c r="AF2128" s="7">
        <v>108.574778588</v>
      </c>
      <c r="AG2128" s="9">
        <v>23962.793329400003</v>
      </c>
      <c r="AH2128" s="13">
        <v>0.69861396534459719</v>
      </c>
      <c r="AI2128" s="9">
        <v>15870.650306700001</v>
      </c>
      <c r="AJ2128" s="13">
        <v>0.46269471972442833</v>
      </c>
      <c r="AK2128" s="9">
        <v>4171.6581558000034</v>
      </c>
      <c r="AL2128" s="13">
        <v>8.3148580693640922E-2</v>
      </c>
      <c r="AM2128" s="9">
        <v>3920.4848668999985</v>
      </c>
      <c r="AN2128" s="13">
        <v>7.2143610639133215E-2</v>
      </c>
      <c r="AO2128" s="9">
        <v>8092.1430227000019</v>
      </c>
      <c r="AP2128" s="13">
        <v>0.16129083016353271</v>
      </c>
      <c r="AQ2128" s="9">
        <v>34300.478544799997</v>
      </c>
      <c r="AR2128" s="9">
        <v>34919.771517000001</v>
      </c>
      <c r="AS2128" s="9">
        <v>36843.5510546</v>
      </c>
      <c r="AT2128" s="9">
        <v>37237.550632500002</v>
      </c>
      <c r="AU2128" s="9">
        <v>40625.564283799999</v>
      </c>
      <c r="AV2128" s="9">
        <v>48730.730380499997</v>
      </c>
      <c r="AW2128" s="9">
        <v>50171.128851499998</v>
      </c>
      <c r="AX2128" s="9">
        <v>49927.267402600002</v>
      </c>
      <c r="AY2128" s="9">
        <v>50681.992535700003</v>
      </c>
      <c r="AZ2128" s="9">
        <v>54342.787007300001</v>
      </c>
      <c r="BA2128" s="9">
        <v>57717.3037712</v>
      </c>
      <c r="BB2128" s="9">
        <v>57786.4383571</v>
      </c>
      <c r="BC2128" s="9">
        <v>58356.642069599999</v>
      </c>
      <c r="BD2128" s="9">
        <v>62033.617299400001</v>
      </c>
      <c r="BE2128" s="9">
        <v>61651.037066899997</v>
      </c>
      <c r="BF2128" s="9">
        <v>58263.2718742</v>
      </c>
      <c r="BG2128" s="11">
        <v>-1</v>
      </c>
      <c r="BH2128" s="13">
        <v>-0.1111111111111111</v>
      </c>
      <c r="BI2128" s="6">
        <v>-1</v>
      </c>
      <c r="BJ2128" s="13">
        <v>-0.1111111111111111</v>
      </c>
      <c r="BK2128" s="6">
        <v>0</v>
      </c>
      <c r="BL2128" s="13">
        <v>0</v>
      </c>
      <c r="BM2128" s="11">
        <v>0</v>
      </c>
      <c r="BN2128" s="13">
        <v>0</v>
      </c>
      <c r="BO2128" s="11">
        <v>0</v>
      </c>
      <c r="BP2128" s="13">
        <v>0</v>
      </c>
      <c r="BQ2128" s="6">
        <v>9</v>
      </c>
      <c r="BR2128" s="6">
        <v>9</v>
      </c>
      <c r="BS2128" s="6">
        <v>9</v>
      </c>
      <c r="BT2128" s="6">
        <v>8</v>
      </c>
      <c r="BU2128" s="6">
        <v>7</v>
      </c>
      <c r="BV2128" s="6">
        <v>8</v>
      </c>
      <c r="BW2128" s="6">
        <v>8</v>
      </c>
      <c r="BX2128" s="6">
        <v>6</v>
      </c>
      <c r="BY2128" s="6">
        <v>7</v>
      </c>
      <c r="BZ2128" s="6">
        <v>7</v>
      </c>
      <c r="CA2128" s="6">
        <v>8</v>
      </c>
      <c r="CB2128" s="6">
        <v>8</v>
      </c>
      <c r="CC2128" s="11">
        <v>8</v>
      </c>
      <c r="CD2128" s="11">
        <v>14.224600000000001</v>
      </c>
      <c r="CE2128" s="11">
        <v>8.0693699999999993</v>
      </c>
      <c r="CF2128" s="11">
        <v>8.5021400000000007</v>
      </c>
      <c r="CG2128" s="11">
        <v>17</v>
      </c>
      <c r="CH2128" s="20">
        <v>0.92442599999999997</v>
      </c>
      <c r="CI2128" s="20">
        <v>0.63802400000000004</v>
      </c>
      <c r="CJ2128" s="20">
        <v>0.63401600000000002</v>
      </c>
      <c r="CK2128" s="20">
        <v>0.82007200000000002</v>
      </c>
      <c r="CL2128" s="20">
        <v>0.85186899999999999</v>
      </c>
      <c r="CM2128" s="20">
        <v>0.94144499999999998</v>
      </c>
      <c r="CN2128" s="20">
        <v>0.91460799999999998</v>
      </c>
      <c r="CO2128" s="20">
        <v>0.92339899999999997</v>
      </c>
      <c r="CP2128" s="20">
        <v>0.98670800000000003</v>
      </c>
      <c r="CQ2128" s="20">
        <v>0.75481799999999999</v>
      </c>
      <c r="CR2128" s="20">
        <v>0.66426499999999999</v>
      </c>
      <c r="CS2128" s="20">
        <v>0.59962599999999999</v>
      </c>
      <c r="CT2128" s="20">
        <v>0.51856899999999995</v>
      </c>
      <c r="CU2128" s="20">
        <v>0.63202100000000005</v>
      </c>
      <c r="CV2128" s="20">
        <v>0.78287099999999998</v>
      </c>
      <c r="CW2128" s="20">
        <v>1.0120899999999999</v>
      </c>
      <c r="CX2128" s="20">
        <v>1.0254399999999999</v>
      </c>
      <c r="CY2128" s="6" t="s">
        <v>684</v>
      </c>
      <c r="CZ2128" s="6" t="s">
        <v>685</v>
      </c>
      <c r="DA2128" s="6" t="s">
        <v>157</v>
      </c>
      <c r="DB2128" s="6" t="s">
        <v>345</v>
      </c>
      <c r="DC2128" s="6">
        <v>22100</v>
      </c>
      <c r="DD2128" s="6">
        <v>476</v>
      </c>
      <c r="DE2128" s="6" t="s">
        <v>687</v>
      </c>
      <c r="DF2128" s="6" t="s">
        <v>363</v>
      </c>
      <c r="DG2128" s="6" t="s">
        <v>364</v>
      </c>
      <c r="DH2128" s="6" t="s">
        <v>365</v>
      </c>
      <c r="DI2128" s="6" t="s">
        <v>509</v>
      </c>
      <c r="DJ2128" s="6">
        <v>29</v>
      </c>
      <c r="DK2128" s="6">
        <v>187</v>
      </c>
      <c r="DL2128" s="6">
        <v>3</v>
      </c>
      <c r="DM2128" s="6" t="s">
        <v>556</v>
      </c>
      <c r="DN2128" s="6">
        <v>4</v>
      </c>
      <c r="DO2128" s="6" t="s">
        <v>557</v>
      </c>
      <c r="DP2128" s="6"/>
      <c r="DQ2128" s="6"/>
    </row>
    <row r="2129" spans="1:121" x14ac:dyDescent="0.2">
      <c r="A2129" s="6" t="s">
        <v>311</v>
      </c>
      <c r="B2129" s="6" t="s">
        <v>311</v>
      </c>
      <c r="C2129" s="6" t="s">
        <v>174</v>
      </c>
      <c r="D2129" s="6" t="s">
        <v>157</v>
      </c>
      <c r="E2129" s="6" t="s">
        <v>296</v>
      </c>
      <c r="F2129" s="11">
        <v>-43</v>
      </c>
      <c r="G2129" s="13">
        <v>-0.37719298245600003</v>
      </c>
      <c r="H2129" s="11">
        <v>-7.1775269999999978</v>
      </c>
      <c r="I2129" s="13">
        <v>-6.2981913478892204E-2</v>
      </c>
      <c r="J2129" s="11">
        <v>-10.780141999999998</v>
      </c>
      <c r="K2129" s="13">
        <v>-0.1009526035642542</v>
      </c>
      <c r="L2129" s="11">
        <v>-24.915286134799999</v>
      </c>
      <c r="M2129" s="13">
        <v>-0.25952328733888386</v>
      </c>
      <c r="N2129" s="11">
        <v>-35.695428134799997</v>
      </c>
      <c r="O2129" s="13">
        <v>-0.33427633936072371</v>
      </c>
      <c r="P2129" s="7">
        <v>113.96171699999999</v>
      </c>
      <c r="Q2129" s="7">
        <v>112.0655</v>
      </c>
      <c r="R2129" s="7">
        <v>108.47533300000001</v>
      </c>
      <c r="S2129" s="7">
        <v>105.817942</v>
      </c>
      <c r="T2129" s="7">
        <v>106.916873</v>
      </c>
      <c r="U2129" s="7">
        <v>107.99305200000001</v>
      </c>
      <c r="V2129" s="7">
        <v>106.78419</v>
      </c>
      <c r="W2129" s="7">
        <v>103.918083</v>
      </c>
      <c r="X2129" s="7">
        <v>96.749855999999994</v>
      </c>
      <c r="Y2129" s="7">
        <v>96.004047999999997</v>
      </c>
      <c r="Z2129" s="7">
        <v>93.908165999999994</v>
      </c>
      <c r="AA2129" s="7">
        <v>92.780679000000006</v>
      </c>
      <c r="AB2129" s="7">
        <v>86.120962000000006</v>
      </c>
      <c r="AC2129" s="7">
        <v>78.030147999999997</v>
      </c>
      <c r="AD2129" s="7">
        <v>77.051668190000001</v>
      </c>
      <c r="AE2129" s="7">
        <v>74.015861330800007</v>
      </c>
      <c r="AF2129" s="7">
        <v>71.088761865199999</v>
      </c>
      <c r="AG2129" s="9">
        <v>47873.880696099994</v>
      </c>
      <c r="AH2129" s="13">
        <v>0.70384794632605985</v>
      </c>
      <c r="AI2129" s="9">
        <v>16722.544032299993</v>
      </c>
      <c r="AJ2129" s="13">
        <v>0.24585699139782297</v>
      </c>
      <c r="AK2129" s="9">
        <v>6498.9539244000043</v>
      </c>
      <c r="AL2129" s="13">
        <v>7.6692956290259184E-2</v>
      </c>
      <c r="AM2129" s="9">
        <v>24652.382739399996</v>
      </c>
      <c r="AN2129" s="13">
        <v>0.27019608419228469</v>
      </c>
      <c r="AO2129" s="9">
        <v>31151.336663800001</v>
      </c>
      <c r="AP2129" s="13">
        <v>0.36761117695730194</v>
      </c>
      <c r="AQ2129" s="9">
        <v>68017.362195900001</v>
      </c>
      <c r="AR2129" s="9">
        <v>73340.228391800003</v>
      </c>
      <c r="AS2129" s="9">
        <v>80465.359984199997</v>
      </c>
      <c r="AT2129" s="9">
        <v>74770.471852699993</v>
      </c>
      <c r="AU2129" s="9">
        <v>83378.847783599995</v>
      </c>
      <c r="AV2129" s="9">
        <v>93840.668730100006</v>
      </c>
      <c r="AW2129" s="9">
        <v>84739.906228199994</v>
      </c>
      <c r="AX2129" s="9">
        <v>89466.457853100001</v>
      </c>
      <c r="AY2129" s="9">
        <v>98700.370209899993</v>
      </c>
      <c r="AZ2129" s="9">
        <v>91238.860152599998</v>
      </c>
      <c r="BA2129" s="9">
        <v>93910.455781600002</v>
      </c>
      <c r="BB2129" s="9">
        <v>92035.100590000002</v>
      </c>
      <c r="BC2129" s="9">
        <v>97902.260188</v>
      </c>
      <c r="BD2129" s="9">
        <v>109269.487047</v>
      </c>
      <c r="BE2129" s="9">
        <v>107512.98016599999</v>
      </c>
      <c r="BF2129" s="9">
        <v>115891.24289199999</v>
      </c>
      <c r="BG2129" s="11">
        <v>1</v>
      </c>
      <c r="BH2129" s="13">
        <v>0.33333333333333331</v>
      </c>
      <c r="BI2129" s="6">
        <v>1</v>
      </c>
      <c r="BJ2129" s="13">
        <v>0.33333333333333331</v>
      </c>
      <c r="BK2129" s="6">
        <v>0</v>
      </c>
      <c r="BL2129" s="13">
        <v>0</v>
      </c>
      <c r="BM2129" s="11">
        <v>0</v>
      </c>
      <c r="BN2129" s="13">
        <v>0</v>
      </c>
      <c r="BO2129" s="11">
        <v>0</v>
      </c>
      <c r="BP2129" s="13">
        <v>0</v>
      </c>
      <c r="BQ2129" s="6">
        <v>3</v>
      </c>
      <c r="BR2129" s="6">
        <v>3</v>
      </c>
      <c r="BS2129" s="6">
        <v>4</v>
      </c>
      <c r="BT2129" s="6">
        <v>4</v>
      </c>
      <c r="BU2129" s="6">
        <v>4</v>
      </c>
      <c r="BV2129" s="6">
        <v>4</v>
      </c>
      <c r="BW2129" s="6">
        <v>4</v>
      </c>
      <c r="BX2129" s="6">
        <v>4</v>
      </c>
      <c r="BY2129" s="6">
        <v>4</v>
      </c>
      <c r="BZ2129" s="6">
        <v>4</v>
      </c>
      <c r="CA2129" s="6">
        <v>4</v>
      </c>
      <c r="CB2129" s="6">
        <v>4</v>
      </c>
      <c r="CC2129" s="11">
        <v>4</v>
      </c>
      <c r="CD2129" s="11">
        <v>-36.772399999999998</v>
      </c>
      <c r="CE2129" s="11">
        <v>-18.558</v>
      </c>
      <c r="CF2129" s="11">
        <v>12.4574</v>
      </c>
      <c r="CG2129" s="11">
        <v>-7</v>
      </c>
      <c r="CH2129" s="20">
        <v>1.2362299999999999</v>
      </c>
      <c r="CI2129" s="20">
        <v>1.2030700000000001</v>
      </c>
      <c r="CJ2129" s="20">
        <v>1.15604</v>
      </c>
      <c r="CK2129" s="20">
        <v>1.1625300000000001</v>
      </c>
      <c r="CL2129" s="20">
        <v>1.2019200000000001</v>
      </c>
      <c r="CM2129" s="20">
        <v>1.2147600000000001</v>
      </c>
      <c r="CN2129" s="20">
        <v>1.1521699999999999</v>
      </c>
      <c r="CO2129" s="20">
        <v>1.09629</v>
      </c>
      <c r="CP2129" s="20">
        <v>1.00352</v>
      </c>
      <c r="CQ2129" s="20">
        <v>1.0113799999999999</v>
      </c>
      <c r="CR2129" s="20">
        <v>1.0007999999999999</v>
      </c>
      <c r="CS2129" s="20">
        <v>1.0147299999999999</v>
      </c>
      <c r="CT2129" s="20">
        <v>0.95015799999999995</v>
      </c>
      <c r="CU2129" s="20">
        <v>0.87004099999999995</v>
      </c>
      <c r="CV2129" s="20">
        <v>0.85203700000000004</v>
      </c>
      <c r="CW2129" s="20">
        <v>0.82585900000000001</v>
      </c>
      <c r="CX2129" s="20">
        <v>0.78539800000000004</v>
      </c>
      <c r="CY2129" s="6" t="s">
        <v>684</v>
      </c>
      <c r="CZ2129" s="6" t="s">
        <v>685</v>
      </c>
      <c r="DA2129" s="6" t="s">
        <v>157</v>
      </c>
      <c r="DB2129" s="6" t="s">
        <v>345</v>
      </c>
      <c r="DC2129" s="6">
        <v>22100</v>
      </c>
      <c r="DD2129" s="6">
        <v>476</v>
      </c>
      <c r="DE2129" s="6" t="s">
        <v>687</v>
      </c>
      <c r="DF2129" s="6" t="s">
        <v>363</v>
      </c>
      <c r="DG2129" s="6" t="s">
        <v>364</v>
      </c>
      <c r="DH2129" s="6" t="s">
        <v>365</v>
      </c>
      <c r="DI2129" s="6" t="s">
        <v>509</v>
      </c>
      <c r="DJ2129" s="6">
        <v>29</v>
      </c>
      <c r="DK2129" s="6">
        <v>187</v>
      </c>
      <c r="DL2129" s="6">
        <v>3</v>
      </c>
      <c r="DM2129" s="6" t="s">
        <v>556</v>
      </c>
      <c r="DN2129" s="6">
        <v>4</v>
      </c>
      <c r="DO2129" s="6" t="s">
        <v>557</v>
      </c>
      <c r="DP2129" s="6"/>
      <c r="DQ2129" s="6"/>
    </row>
    <row r="2130" spans="1:121" x14ac:dyDescent="0.2">
      <c r="A2130" s="6" t="s">
        <v>312</v>
      </c>
      <c r="B2130" s="6" t="s">
        <v>312</v>
      </c>
      <c r="C2130" s="6" t="s">
        <v>175</v>
      </c>
      <c r="D2130" s="6" t="s">
        <v>157</v>
      </c>
      <c r="E2130" s="6" t="s">
        <v>296</v>
      </c>
      <c r="F2130" s="11">
        <v>15</v>
      </c>
      <c r="G2130" s="13">
        <v>1.03092783505E-2</v>
      </c>
      <c r="H2130" s="11">
        <v>265.65355700999999</v>
      </c>
      <c r="I2130" s="13">
        <v>0.18251730702746652</v>
      </c>
      <c r="J2130" s="11">
        <v>-261.18373842999995</v>
      </c>
      <c r="K2130" s="13">
        <v>-0.15174942183880666</v>
      </c>
      <c r="L2130" s="11">
        <v>9.82024765999995</v>
      </c>
      <c r="M2130" s="13">
        <v>6.7263457527528183E-3</v>
      </c>
      <c r="N2130" s="11">
        <v>-251.36349077</v>
      </c>
      <c r="O2130" s="13">
        <v>-0.14604379516512198</v>
      </c>
      <c r="P2130" s="7">
        <v>1455.4978995500001</v>
      </c>
      <c r="Q2130" s="7">
        <v>1534.7239039599999</v>
      </c>
      <c r="R2130" s="7">
        <v>1597.5529926300001</v>
      </c>
      <c r="S2130" s="7">
        <v>1583.11400185</v>
      </c>
      <c r="T2130" s="7">
        <v>1636.2184197199999</v>
      </c>
      <c r="U2130" s="7">
        <v>1679.5140465100001</v>
      </c>
      <c r="V2130" s="7">
        <v>1721.15145656</v>
      </c>
      <c r="W2130" s="7">
        <v>1679.9350882000001</v>
      </c>
      <c r="X2130" s="7">
        <v>1530.3050230900001</v>
      </c>
      <c r="Y2130" s="7">
        <v>1459.9677181300001</v>
      </c>
      <c r="Z2130" s="7">
        <v>1314.55641859</v>
      </c>
      <c r="AA2130" s="7">
        <v>1332.7742962699999</v>
      </c>
      <c r="AB2130" s="7">
        <v>1352.69259085</v>
      </c>
      <c r="AC2130" s="7">
        <v>1392.2383556699999</v>
      </c>
      <c r="AD2130" s="7">
        <v>1553.1611426500001</v>
      </c>
      <c r="AE2130" s="7">
        <v>1455.0206457500001</v>
      </c>
      <c r="AF2130" s="7">
        <v>1469.78796579</v>
      </c>
      <c r="AG2130" s="9">
        <v>11772.984841199999</v>
      </c>
      <c r="AH2130" s="13">
        <v>0.3557217932754041</v>
      </c>
      <c r="AI2130" s="9">
        <v>2214.0397319999975</v>
      </c>
      <c r="AJ2130" s="13">
        <v>6.6897409150979359E-2</v>
      </c>
      <c r="AK2130" s="9">
        <v>271.27045160000125</v>
      </c>
      <c r="AL2130" s="13">
        <v>7.6825203283684366E-3</v>
      </c>
      <c r="AM2130" s="9">
        <v>9287.6746576000005</v>
      </c>
      <c r="AN2130" s="13">
        <v>0.2610264376654215</v>
      </c>
      <c r="AO2130" s="9">
        <v>9558.9451092000018</v>
      </c>
      <c r="AP2130" s="13">
        <v>0.27071429890739612</v>
      </c>
      <c r="AQ2130" s="9">
        <v>33096.046021800001</v>
      </c>
      <c r="AR2130" s="9">
        <v>30877.851999300001</v>
      </c>
      <c r="AS2130" s="9">
        <v>30561.3140317</v>
      </c>
      <c r="AT2130" s="9">
        <v>31146.133809899999</v>
      </c>
      <c r="AU2130" s="9">
        <v>31435.726148400001</v>
      </c>
      <c r="AV2130" s="9">
        <v>32079.657117800001</v>
      </c>
      <c r="AW2130" s="9">
        <v>35310.085753799998</v>
      </c>
      <c r="AX2130" s="9">
        <v>37009.0323995</v>
      </c>
      <c r="AY2130" s="9">
        <v>35207.573598900002</v>
      </c>
      <c r="AZ2130" s="9">
        <v>35581.356205399999</v>
      </c>
      <c r="BA2130" s="9">
        <v>37843.777881900001</v>
      </c>
      <c r="BB2130" s="9">
        <v>40652.386102600001</v>
      </c>
      <c r="BC2130" s="9">
        <v>42303.688615799998</v>
      </c>
      <c r="BD2130" s="9">
        <v>41980.480777600002</v>
      </c>
      <c r="BE2130" s="9">
        <v>45616.9759491</v>
      </c>
      <c r="BF2130" s="9">
        <v>44869.030863</v>
      </c>
      <c r="BG2130" s="11">
        <v>-40.75</v>
      </c>
      <c r="BH2130" s="13">
        <v>-0.25468750000000001</v>
      </c>
      <c r="BI2130" s="6">
        <v>27</v>
      </c>
      <c r="BJ2130" s="13">
        <v>0.16875000000000001</v>
      </c>
      <c r="BK2130" s="6">
        <v>-33</v>
      </c>
      <c r="BL2130" s="13">
        <v>-0.17647058823529413</v>
      </c>
      <c r="BM2130" s="11">
        <v>-34.75</v>
      </c>
      <c r="BN2130" s="13">
        <v>-0.22564935064935066</v>
      </c>
      <c r="BO2130" s="11">
        <v>-67.75</v>
      </c>
      <c r="BP2130" s="13">
        <v>-0.36229946524064172</v>
      </c>
      <c r="BQ2130" s="6">
        <v>160</v>
      </c>
      <c r="BR2130" s="6">
        <v>173</v>
      </c>
      <c r="BS2130" s="6">
        <v>180</v>
      </c>
      <c r="BT2130" s="6">
        <v>187</v>
      </c>
      <c r="BU2130" s="6">
        <v>174</v>
      </c>
      <c r="BV2130" s="6">
        <v>164</v>
      </c>
      <c r="BW2130" s="6">
        <v>154</v>
      </c>
      <c r="BX2130" s="6">
        <v>136</v>
      </c>
      <c r="BY2130" s="6">
        <v>128</v>
      </c>
      <c r="BZ2130" s="6">
        <v>125</v>
      </c>
      <c r="CA2130" s="6">
        <v>126</v>
      </c>
      <c r="CB2130" s="6">
        <v>120</v>
      </c>
      <c r="CC2130" s="11">
        <v>119.25</v>
      </c>
      <c r="CD2130" s="11">
        <v>31.484500000000001</v>
      </c>
      <c r="CE2130" s="11">
        <v>-176.298</v>
      </c>
      <c r="CF2130" s="11">
        <v>159.10300000000001</v>
      </c>
      <c r="CG2130" s="11">
        <v>-17</v>
      </c>
      <c r="CH2130" s="20">
        <v>1.08856</v>
      </c>
      <c r="CI2130" s="20">
        <v>1.1280699999999999</v>
      </c>
      <c r="CJ2130" s="20">
        <v>1.1139600000000001</v>
      </c>
      <c r="CK2130" s="20">
        <v>1.06697</v>
      </c>
      <c r="CL2130" s="20">
        <v>1.0520099999999999</v>
      </c>
      <c r="CM2130" s="20">
        <v>1.02905</v>
      </c>
      <c r="CN2130" s="20">
        <v>1.0251699999999999</v>
      </c>
      <c r="CO2130" s="20">
        <v>1.0499799999999999</v>
      </c>
      <c r="CP2130" s="20">
        <v>1.0847199999999999</v>
      </c>
      <c r="CQ2130" s="20">
        <v>1.12449</v>
      </c>
      <c r="CR2130" s="20">
        <v>1.0350299999999999</v>
      </c>
      <c r="CS2130" s="20">
        <v>1.06677</v>
      </c>
      <c r="CT2130" s="20">
        <v>1.0657700000000001</v>
      </c>
      <c r="CU2130" s="20">
        <v>1.07494</v>
      </c>
      <c r="CV2130" s="20">
        <v>1.15635</v>
      </c>
      <c r="CW2130" s="20">
        <v>1.0705199999999999</v>
      </c>
      <c r="CX2130" s="20">
        <v>1.07229</v>
      </c>
      <c r="CY2130" s="6" t="s">
        <v>684</v>
      </c>
      <c r="CZ2130" s="6" t="s">
        <v>685</v>
      </c>
      <c r="DA2130" s="6" t="s">
        <v>157</v>
      </c>
      <c r="DB2130" s="6" t="s">
        <v>345</v>
      </c>
      <c r="DC2130" s="6">
        <v>22100</v>
      </c>
      <c r="DD2130" s="6">
        <v>476</v>
      </c>
      <c r="DE2130" s="6" t="s">
        <v>687</v>
      </c>
      <c r="DF2130" s="6" t="s">
        <v>363</v>
      </c>
      <c r="DG2130" s="6" t="s">
        <v>364</v>
      </c>
      <c r="DH2130" s="6" t="s">
        <v>365</v>
      </c>
      <c r="DI2130" s="6" t="s">
        <v>509</v>
      </c>
      <c r="DJ2130" s="6">
        <v>29</v>
      </c>
      <c r="DK2130" s="6">
        <v>187</v>
      </c>
      <c r="DL2130" s="6">
        <v>3</v>
      </c>
      <c r="DM2130" s="6" t="s">
        <v>556</v>
      </c>
      <c r="DN2130" s="6">
        <v>4</v>
      </c>
      <c r="DO2130" s="6" t="s">
        <v>557</v>
      </c>
      <c r="DP2130" s="6"/>
      <c r="DQ2130" s="6"/>
    </row>
    <row r="2131" spans="1:121" x14ac:dyDescent="0.2">
      <c r="A2131" s="6" t="s">
        <v>792</v>
      </c>
      <c r="B2131" s="6" t="s">
        <v>176</v>
      </c>
      <c r="C2131" s="6" t="s">
        <v>177</v>
      </c>
      <c r="D2131" s="6" t="s">
        <v>157</v>
      </c>
      <c r="E2131" s="6" t="s">
        <v>296</v>
      </c>
      <c r="F2131" s="11">
        <v>-540</v>
      </c>
      <c r="G2131" s="13">
        <v>-0.22323274080200001</v>
      </c>
      <c r="H2131" s="11">
        <v>17.095882820000043</v>
      </c>
      <c r="I2131" s="13">
        <v>7.0667010361064276E-3</v>
      </c>
      <c r="J2131" s="11">
        <v>-665.08145495999975</v>
      </c>
      <c r="K2131" s="13">
        <v>-0.27298688827602569</v>
      </c>
      <c r="L2131" s="11">
        <v>107.76214484000002</v>
      </c>
      <c r="M2131" s="13">
        <v>6.0840242053828222E-2</v>
      </c>
      <c r="N2131" s="11">
        <v>-557.31931011999973</v>
      </c>
      <c r="O2131" s="13">
        <v>-0.22875523458243224</v>
      </c>
      <c r="P2131" s="7">
        <v>2419.2169348399998</v>
      </c>
      <c r="Q2131" s="7">
        <v>2506.5493202399998</v>
      </c>
      <c r="R2131" s="7">
        <v>2529.0768604700002</v>
      </c>
      <c r="S2131" s="7">
        <v>2540.7499256400001</v>
      </c>
      <c r="T2131" s="7">
        <v>2428.7350051600001</v>
      </c>
      <c r="U2131" s="7">
        <v>2385.7247457200001</v>
      </c>
      <c r="V2131" s="7">
        <v>2436.3128176599998</v>
      </c>
      <c r="W2131" s="7">
        <v>2340.2086112900001</v>
      </c>
      <c r="X2131" s="7">
        <v>1898.39636217</v>
      </c>
      <c r="Y2131" s="7">
        <v>1771.2313627000001</v>
      </c>
      <c r="Z2131" s="7">
        <v>1700.2695191800001</v>
      </c>
      <c r="AA2131" s="7">
        <v>1752.0729412000001</v>
      </c>
      <c r="AB2131" s="7">
        <v>1785.1879610200001</v>
      </c>
      <c r="AC2131" s="7">
        <v>1778.7267194000001</v>
      </c>
      <c r="AD2131" s="7">
        <v>1828.71671842</v>
      </c>
      <c r="AE2131" s="7">
        <v>1853.2785948000001</v>
      </c>
      <c r="AF2131" s="7">
        <v>1878.9935075400001</v>
      </c>
      <c r="AG2131" s="9">
        <v>14517.522402900002</v>
      </c>
      <c r="AH2131" s="13">
        <v>0.42506580453285026</v>
      </c>
      <c r="AI2131" s="9">
        <v>5198.762387499999</v>
      </c>
      <c r="AJ2131" s="13">
        <v>0.15221716595225496</v>
      </c>
      <c r="AK2131" s="9">
        <v>5156.1720003000009</v>
      </c>
      <c r="AL2131" s="13">
        <v>0.13102576940340716</v>
      </c>
      <c r="AM2131" s="9">
        <v>4162.5880151000019</v>
      </c>
      <c r="AN2131" s="13">
        <v>9.3523392432386748E-2</v>
      </c>
      <c r="AO2131" s="9">
        <v>9318.7600154000029</v>
      </c>
      <c r="AP2131" s="13">
        <v>0.23680313628646416</v>
      </c>
      <c r="AQ2131" s="9">
        <v>34153.588098799999</v>
      </c>
      <c r="AR2131" s="9">
        <v>35987.676765900003</v>
      </c>
      <c r="AS2131" s="9">
        <v>36808.452912200002</v>
      </c>
      <c r="AT2131" s="9">
        <v>37599.6356543</v>
      </c>
      <c r="AU2131" s="9">
        <v>36777.877035899997</v>
      </c>
      <c r="AV2131" s="9">
        <v>39112.664990800004</v>
      </c>
      <c r="AW2131" s="9">
        <v>39352.350486299998</v>
      </c>
      <c r="AX2131" s="9">
        <v>39645.588731000003</v>
      </c>
      <c r="AY2131" s="9">
        <v>42492.656046199998</v>
      </c>
      <c r="AZ2131" s="9">
        <v>44508.522486599999</v>
      </c>
      <c r="BA2131" s="9">
        <v>44973.937783499998</v>
      </c>
      <c r="BB2131" s="9">
        <v>44182.002041899999</v>
      </c>
      <c r="BC2131" s="9">
        <v>45092.635062599998</v>
      </c>
      <c r="BD2131" s="9">
        <v>46519.781856499998</v>
      </c>
      <c r="BE2131" s="9">
        <v>47505.046176600001</v>
      </c>
      <c r="BF2131" s="9">
        <v>48671.110501700001</v>
      </c>
      <c r="BG2131" s="11">
        <v>-8.75</v>
      </c>
      <c r="BH2131" s="13">
        <v>-0.15909090909090909</v>
      </c>
      <c r="BI2131" s="6">
        <v>0</v>
      </c>
      <c r="BJ2131" s="13">
        <v>0</v>
      </c>
      <c r="BK2131" s="6">
        <v>3</v>
      </c>
      <c r="BL2131" s="13">
        <v>5.4545454545454543E-2</v>
      </c>
      <c r="BM2131" s="11">
        <v>-11.75</v>
      </c>
      <c r="BN2131" s="13">
        <v>-0.20258620689655171</v>
      </c>
      <c r="BO2131" s="11">
        <v>-8.75</v>
      </c>
      <c r="BP2131" s="13">
        <v>-0.15909090909090909</v>
      </c>
      <c r="BQ2131" s="6">
        <v>55</v>
      </c>
      <c r="BR2131" s="6">
        <v>56</v>
      </c>
      <c r="BS2131" s="6">
        <v>54</v>
      </c>
      <c r="BT2131" s="6">
        <v>55</v>
      </c>
      <c r="BU2131" s="6">
        <v>55</v>
      </c>
      <c r="BV2131" s="6">
        <v>56</v>
      </c>
      <c r="BW2131" s="6">
        <v>58</v>
      </c>
      <c r="BX2131" s="6">
        <v>52</v>
      </c>
      <c r="BY2131" s="6">
        <v>51</v>
      </c>
      <c r="BZ2131" s="6">
        <v>52</v>
      </c>
      <c r="CA2131" s="6">
        <v>51</v>
      </c>
      <c r="CB2131" s="6">
        <v>47</v>
      </c>
      <c r="CC2131" s="11">
        <v>46.25</v>
      </c>
      <c r="CD2131" s="11">
        <v>49.256700000000002</v>
      </c>
      <c r="CE2131" s="11">
        <v>-853.93</v>
      </c>
      <c r="CF2131" s="11">
        <v>264.45</v>
      </c>
      <c r="CG2131" s="11">
        <v>-590</v>
      </c>
      <c r="CH2131" s="20">
        <v>0.94508899999999996</v>
      </c>
      <c r="CI2131" s="20">
        <v>1.0284199999999999</v>
      </c>
      <c r="CJ2131" s="20">
        <v>1.05227</v>
      </c>
      <c r="CK2131" s="20">
        <v>1.08222</v>
      </c>
      <c r="CL2131" s="20">
        <v>1.0392300000000001</v>
      </c>
      <c r="CM2131" s="20">
        <v>1.0196499999999999</v>
      </c>
      <c r="CN2131" s="20">
        <v>1.02481</v>
      </c>
      <c r="CO2131" s="20">
        <v>1.0106299999999999</v>
      </c>
      <c r="CP2131" s="20">
        <v>0.91604399999999997</v>
      </c>
      <c r="CQ2131" s="20">
        <v>0.87855099999999997</v>
      </c>
      <c r="CR2131" s="20">
        <v>0.83645499999999995</v>
      </c>
      <c r="CS2131" s="20">
        <v>0.86994000000000005</v>
      </c>
      <c r="CT2131" s="20">
        <v>0.88625200000000004</v>
      </c>
      <c r="CU2131" s="20">
        <v>0.88655099999999998</v>
      </c>
      <c r="CV2131" s="20">
        <v>0.90353000000000006</v>
      </c>
      <c r="CW2131" s="20">
        <v>0.92461700000000002</v>
      </c>
      <c r="CX2131" s="20">
        <v>0.93554199999999998</v>
      </c>
      <c r="CY2131" s="6" t="s">
        <v>684</v>
      </c>
      <c r="CZ2131" s="6" t="s">
        <v>685</v>
      </c>
      <c r="DA2131" s="6" t="s">
        <v>157</v>
      </c>
      <c r="DB2131" s="6" t="s">
        <v>345</v>
      </c>
      <c r="DC2131" s="6">
        <v>22100</v>
      </c>
      <c r="DD2131" s="6">
        <v>476</v>
      </c>
      <c r="DE2131" s="6" t="s">
        <v>687</v>
      </c>
      <c r="DF2131" s="6" t="s">
        <v>363</v>
      </c>
      <c r="DG2131" s="6" t="s">
        <v>364</v>
      </c>
      <c r="DH2131" s="6" t="s">
        <v>365</v>
      </c>
      <c r="DI2131" s="6" t="s">
        <v>509</v>
      </c>
      <c r="DJ2131" s="6">
        <v>29</v>
      </c>
      <c r="DK2131" s="6">
        <v>187</v>
      </c>
      <c r="DL2131" s="6">
        <v>3</v>
      </c>
      <c r="DM2131" s="6" t="s">
        <v>556</v>
      </c>
      <c r="DN2131" s="6">
        <v>4</v>
      </c>
      <c r="DO2131" s="6" t="s">
        <v>557</v>
      </c>
      <c r="DP2131" s="6"/>
      <c r="DQ2131" s="6"/>
    </row>
    <row r="2132" spans="1:121" x14ac:dyDescent="0.2">
      <c r="A2132" s="6" t="s">
        <v>313</v>
      </c>
      <c r="B2132" s="6" t="s">
        <v>313</v>
      </c>
      <c r="C2132" s="6" t="s">
        <v>178</v>
      </c>
      <c r="D2132" s="6" t="s">
        <v>157</v>
      </c>
      <c r="E2132" s="6" t="s">
        <v>296</v>
      </c>
      <c r="F2132" s="11">
        <v>-13</v>
      </c>
      <c r="G2132" s="13">
        <v>-2.0700636942699999E-2</v>
      </c>
      <c r="H2132" s="11">
        <v>6.4881030660000079</v>
      </c>
      <c r="I2132" s="13">
        <v>1.0323795706066691E-2</v>
      </c>
      <c r="J2132" s="11">
        <v>6.8806809659999999</v>
      </c>
      <c r="K2132" s="13">
        <v>1.0836586484487432E-2</v>
      </c>
      <c r="L2132" s="11">
        <v>-26.678478007000081</v>
      </c>
      <c r="M2132" s="13">
        <v>-4.1566281742006765E-2</v>
      </c>
      <c r="N2132" s="11">
        <v>-19.797797041000081</v>
      </c>
      <c r="O2132" s="13">
        <v>-3.1180131864455167E-2</v>
      </c>
      <c r="P2132" s="7">
        <v>628.46100898600002</v>
      </c>
      <c r="Q2132" s="7">
        <v>550.35603669199998</v>
      </c>
      <c r="R2132" s="7">
        <v>534.44783599100003</v>
      </c>
      <c r="S2132" s="7">
        <v>731.71870927999998</v>
      </c>
      <c r="T2132" s="7">
        <v>736.92596708300005</v>
      </c>
      <c r="U2132" s="7">
        <v>751.232145941</v>
      </c>
      <c r="V2132" s="7">
        <v>634.94911205200003</v>
      </c>
      <c r="W2132" s="7">
        <v>646.98923706200003</v>
      </c>
      <c r="X2132" s="7">
        <v>653.10435462199996</v>
      </c>
      <c r="Y2132" s="7">
        <v>641.82979301800003</v>
      </c>
      <c r="Z2132" s="7">
        <v>649.66028298799995</v>
      </c>
      <c r="AA2132" s="7">
        <v>636.65815931500003</v>
      </c>
      <c r="AB2132" s="7">
        <v>618.46099019200005</v>
      </c>
      <c r="AC2132" s="7">
        <v>664.24344185300004</v>
      </c>
      <c r="AD2132" s="7">
        <v>640.12207917199999</v>
      </c>
      <c r="AE2132" s="7">
        <v>608.70087856099997</v>
      </c>
      <c r="AF2132" s="7">
        <v>615.15131501099995</v>
      </c>
      <c r="AG2132" s="9">
        <v>13068.143694500002</v>
      </c>
      <c r="AH2132" s="13">
        <v>0.42927096416598792</v>
      </c>
      <c r="AI2132" s="9">
        <v>8068.4971375000023</v>
      </c>
      <c r="AJ2132" s="13">
        <v>0.26503929146745264</v>
      </c>
      <c r="AK2132" s="9">
        <v>-965.5257064000034</v>
      </c>
      <c r="AL2132" s="13">
        <v>-2.5071333790482191E-2</v>
      </c>
      <c r="AM2132" s="9">
        <v>5965.1722634000034</v>
      </c>
      <c r="AN2132" s="13">
        <v>0.1588779938826074</v>
      </c>
      <c r="AO2132" s="9">
        <v>4999.646557</v>
      </c>
      <c r="AP2132" s="13">
        <v>0.12982337687553216</v>
      </c>
      <c r="AQ2132" s="9">
        <v>30442.645287899999</v>
      </c>
      <c r="AR2132" s="9">
        <v>32435.432947599998</v>
      </c>
      <c r="AS2132" s="9">
        <v>31234.0700263</v>
      </c>
      <c r="AT2132" s="9">
        <v>29517.961783300001</v>
      </c>
      <c r="AU2132" s="9">
        <v>29704.618840700001</v>
      </c>
      <c r="AV2132" s="9">
        <v>31637.828685299999</v>
      </c>
      <c r="AW2132" s="9">
        <v>38511.142425400001</v>
      </c>
      <c r="AX2132" s="9">
        <v>35573.643972899998</v>
      </c>
      <c r="AY2132" s="9">
        <v>36843.829610699999</v>
      </c>
      <c r="AZ2132" s="9">
        <v>37545.616718999998</v>
      </c>
      <c r="BA2132" s="9">
        <v>38256.510675999998</v>
      </c>
      <c r="BB2132" s="9">
        <v>39535.665930800002</v>
      </c>
      <c r="BC2132" s="9">
        <v>39971.493211100002</v>
      </c>
      <c r="BD2132" s="9">
        <v>40412.912400499998</v>
      </c>
      <c r="BE2132" s="9">
        <v>41363.260560499999</v>
      </c>
      <c r="BF2132" s="9">
        <v>43510.788982400001</v>
      </c>
      <c r="BG2132" s="11">
        <v>-8.75</v>
      </c>
      <c r="BH2132" s="13">
        <v>-0.14112903225806453</v>
      </c>
      <c r="BI2132" s="6">
        <v>-9</v>
      </c>
      <c r="BJ2132" s="13">
        <v>-0.14516129032258066</v>
      </c>
      <c r="BK2132" s="6">
        <v>4</v>
      </c>
      <c r="BL2132" s="13">
        <v>7.5471698113207544E-2</v>
      </c>
      <c r="BM2132" s="11">
        <v>-3.75</v>
      </c>
      <c r="BN2132" s="13">
        <v>-6.5789473684210523E-2</v>
      </c>
      <c r="BO2132" s="11">
        <v>0.25</v>
      </c>
      <c r="BP2132" s="13">
        <v>4.7169811320754715E-3</v>
      </c>
      <c r="BQ2132" s="6">
        <v>62</v>
      </c>
      <c r="BR2132" s="6">
        <v>52</v>
      </c>
      <c r="BS2132" s="6">
        <v>54</v>
      </c>
      <c r="BT2132" s="6">
        <v>53</v>
      </c>
      <c r="BU2132" s="6">
        <v>57</v>
      </c>
      <c r="BV2132" s="6">
        <v>59</v>
      </c>
      <c r="BW2132" s="6">
        <v>57</v>
      </c>
      <c r="BX2132" s="6">
        <v>57</v>
      </c>
      <c r="BY2132" s="6">
        <v>57</v>
      </c>
      <c r="BZ2132" s="6">
        <v>55</v>
      </c>
      <c r="CA2132" s="6">
        <v>53</v>
      </c>
      <c r="CB2132" s="6">
        <v>52</v>
      </c>
      <c r="CC2132" s="11">
        <v>53.25</v>
      </c>
      <c r="CD2132" s="11">
        <v>-30.6204</v>
      </c>
      <c r="CE2132" s="11">
        <v>-51.387700000000002</v>
      </c>
      <c r="CF2132" s="11">
        <v>68.698400000000007</v>
      </c>
      <c r="CG2132" s="11">
        <v>18</v>
      </c>
      <c r="CH2132" s="20">
        <v>0.68949199999999999</v>
      </c>
      <c r="CI2132" s="20">
        <v>0.60228800000000005</v>
      </c>
      <c r="CJ2132" s="20">
        <v>0.56696199999999997</v>
      </c>
      <c r="CK2132" s="20">
        <v>0.77585400000000004</v>
      </c>
      <c r="CL2132" s="20">
        <v>0.76632500000000003</v>
      </c>
      <c r="CM2132" s="20">
        <v>0.75920600000000005</v>
      </c>
      <c r="CN2132" s="20">
        <v>0.60919000000000001</v>
      </c>
      <c r="CO2132" s="20">
        <v>0.62095900000000004</v>
      </c>
      <c r="CP2132" s="20">
        <v>0.66207400000000005</v>
      </c>
      <c r="CQ2132" s="20">
        <v>0.66215199999999996</v>
      </c>
      <c r="CR2132" s="20">
        <v>0.66766499999999995</v>
      </c>
      <c r="CS2132" s="20">
        <v>0.65960300000000005</v>
      </c>
      <c r="CT2132" s="20">
        <v>0.63702300000000001</v>
      </c>
      <c r="CU2132" s="20">
        <v>0.68775699999999995</v>
      </c>
      <c r="CV2132" s="20">
        <v>0.65743700000000005</v>
      </c>
      <c r="CW2132" s="20">
        <v>0.63290800000000003</v>
      </c>
      <c r="CX2132" s="20">
        <v>0.63312100000000004</v>
      </c>
      <c r="CY2132" s="6" t="s">
        <v>684</v>
      </c>
      <c r="CZ2132" s="6" t="s">
        <v>685</v>
      </c>
      <c r="DA2132" s="6" t="s">
        <v>157</v>
      </c>
      <c r="DB2132" s="6" t="s">
        <v>345</v>
      </c>
      <c r="DC2132" s="6">
        <v>22100</v>
      </c>
      <c r="DD2132" s="6">
        <v>476</v>
      </c>
      <c r="DE2132" s="6" t="s">
        <v>687</v>
      </c>
      <c r="DF2132" s="6" t="s">
        <v>363</v>
      </c>
      <c r="DG2132" s="6" t="s">
        <v>364</v>
      </c>
      <c r="DH2132" s="6" t="s">
        <v>365</v>
      </c>
      <c r="DI2132" s="6" t="s">
        <v>509</v>
      </c>
      <c r="DJ2132" s="6">
        <v>29</v>
      </c>
      <c r="DK2132" s="6">
        <v>187</v>
      </c>
      <c r="DL2132" s="6">
        <v>3</v>
      </c>
      <c r="DM2132" s="6" t="s">
        <v>556</v>
      </c>
      <c r="DN2132" s="6">
        <v>4</v>
      </c>
      <c r="DO2132" s="6" t="s">
        <v>557</v>
      </c>
      <c r="DP2132" s="6"/>
      <c r="DQ2132" s="6"/>
    </row>
    <row r="2133" spans="1:121" x14ac:dyDescent="0.2">
      <c r="A2133" s="6" t="s">
        <v>793</v>
      </c>
      <c r="B2133" s="6" t="s">
        <v>179</v>
      </c>
      <c r="C2133" s="6" t="s">
        <v>180</v>
      </c>
      <c r="D2133" s="6" t="s">
        <v>157</v>
      </c>
      <c r="E2133" s="6" t="s">
        <v>296</v>
      </c>
      <c r="F2133" s="11">
        <v>355</v>
      </c>
      <c r="G2133" s="13">
        <v>0.12</v>
      </c>
      <c r="H2133" s="11">
        <v>330</v>
      </c>
      <c r="I2133" s="13">
        <v>0.11163734776725304</v>
      </c>
      <c r="J2133" s="11">
        <v>-270</v>
      </c>
      <c r="K2133" s="13">
        <v>-8.2166768107121119E-2</v>
      </c>
      <c r="L2133" s="11">
        <v>295</v>
      </c>
      <c r="M2133" s="13">
        <v>9.7811671087533164E-2</v>
      </c>
      <c r="N2133" s="11">
        <v>25</v>
      </c>
      <c r="O2133" s="13">
        <v>7.6080340839926961E-3</v>
      </c>
      <c r="P2133" s="7">
        <v>2956</v>
      </c>
      <c r="Q2133" s="7">
        <v>2966</v>
      </c>
      <c r="R2133" s="7">
        <v>3156</v>
      </c>
      <c r="S2133" s="7">
        <v>3208</v>
      </c>
      <c r="T2133" s="7">
        <v>3118</v>
      </c>
      <c r="U2133" s="7">
        <v>3176</v>
      </c>
      <c r="V2133" s="7">
        <v>3286</v>
      </c>
      <c r="W2133" s="7">
        <v>3172</v>
      </c>
      <c r="X2133" s="7">
        <v>3077</v>
      </c>
      <c r="Y2133" s="7">
        <v>3016</v>
      </c>
      <c r="Z2133" s="7">
        <v>2997</v>
      </c>
      <c r="AA2133" s="7">
        <v>2978</v>
      </c>
      <c r="AB2133" s="7">
        <v>2959</v>
      </c>
      <c r="AC2133" s="7">
        <v>3012</v>
      </c>
      <c r="AD2133" s="7">
        <v>3162</v>
      </c>
      <c r="AE2133" s="7">
        <v>3242</v>
      </c>
      <c r="AF2133" s="7">
        <v>3311</v>
      </c>
      <c r="AG2133" s="9">
        <v>8790</v>
      </c>
      <c r="AH2133" s="13">
        <v>0.43690044236791087</v>
      </c>
      <c r="AI2133" s="9">
        <v>4641</v>
      </c>
      <c r="AJ2133" s="13">
        <v>0.23067746905909836</v>
      </c>
      <c r="AK2133" s="9">
        <v>1185</v>
      </c>
      <c r="AL2133" s="13">
        <v>4.7859450726978989E-2</v>
      </c>
      <c r="AM2133" s="9">
        <v>2964</v>
      </c>
      <c r="AN2133" s="13">
        <v>0.11424166506070534</v>
      </c>
      <c r="AO2133" s="9">
        <v>4149</v>
      </c>
      <c r="AP2133" s="13">
        <v>0.1675686591276252</v>
      </c>
      <c r="AQ2133" s="9">
        <v>20119</v>
      </c>
      <c r="AR2133" s="9">
        <v>20628</v>
      </c>
      <c r="AS2133" s="9">
        <v>21750</v>
      </c>
      <c r="AT2133" s="9">
        <v>22331</v>
      </c>
      <c r="AU2133" s="9">
        <v>23231</v>
      </c>
      <c r="AV2133" s="9">
        <v>23610</v>
      </c>
      <c r="AW2133" s="9">
        <v>24760</v>
      </c>
      <c r="AX2133" s="9">
        <v>25436</v>
      </c>
      <c r="AY2133" s="9">
        <v>25964</v>
      </c>
      <c r="AZ2133" s="9">
        <v>25945</v>
      </c>
      <c r="BA2133" s="9">
        <v>25752</v>
      </c>
      <c r="BB2133" s="9">
        <v>26082</v>
      </c>
      <c r="BC2133" s="9">
        <v>27073</v>
      </c>
      <c r="BD2133" s="9">
        <v>27127</v>
      </c>
      <c r="BE2133" s="9">
        <v>28291</v>
      </c>
      <c r="BF2133" s="9">
        <v>28909</v>
      </c>
      <c r="BG2133" s="11">
        <v>5</v>
      </c>
      <c r="BH2133" s="13">
        <v>2.3696682464454975E-2</v>
      </c>
      <c r="BI2133" s="6">
        <v>-3</v>
      </c>
      <c r="BJ2133" s="13">
        <v>-1.4218009478672985E-2</v>
      </c>
      <c r="BK2133" s="6">
        <v>-6</v>
      </c>
      <c r="BL2133" s="13">
        <v>-2.8846153846153848E-2</v>
      </c>
      <c r="BM2133" s="11">
        <v>14</v>
      </c>
      <c r="BN2133" s="13">
        <v>6.9306930693069313E-2</v>
      </c>
      <c r="BO2133" s="11">
        <v>8</v>
      </c>
      <c r="BP2133" s="13">
        <v>3.8461538461538464E-2</v>
      </c>
      <c r="BQ2133" s="6">
        <v>211</v>
      </c>
      <c r="BR2133" s="6">
        <v>196</v>
      </c>
      <c r="BS2133" s="6">
        <v>203</v>
      </c>
      <c r="BT2133" s="6">
        <v>208</v>
      </c>
      <c r="BU2133" s="6">
        <v>205</v>
      </c>
      <c r="BV2133" s="6">
        <v>200</v>
      </c>
      <c r="BW2133" s="6">
        <v>202</v>
      </c>
      <c r="BX2133" s="6">
        <v>206</v>
      </c>
      <c r="BY2133" s="6">
        <v>200</v>
      </c>
      <c r="BZ2133" s="6">
        <v>209</v>
      </c>
      <c r="CA2133" s="6">
        <v>209</v>
      </c>
      <c r="CB2133" s="6">
        <v>222</v>
      </c>
      <c r="CC2133" s="11">
        <v>216</v>
      </c>
      <c r="CD2133" s="11">
        <v>222</v>
      </c>
      <c r="CE2133" s="11">
        <v>-189</v>
      </c>
      <c r="CF2133" s="11">
        <v>323</v>
      </c>
      <c r="CG2133" s="11">
        <v>134</v>
      </c>
      <c r="CH2133" s="20">
        <v>1.21</v>
      </c>
      <c r="CI2133" s="20">
        <v>1.19</v>
      </c>
      <c r="CJ2133" s="20">
        <v>1.23</v>
      </c>
      <c r="CK2133" s="20">
        <v>1.25</v>
      </c>
      <c r="CL2133" s="20">
        <v>1.2</v>
      </c>
      <c r="CM2133" s="20">
        <v>1.21</v>
      </c>
      <c r="CN2133" s="20">
        <v>1.2</v>
      </c>
      <c r="CO2133" s="20">
        <v>1.1599999999999999</v>
      </c>
      <c r="CP2133" s="20">
        <v>1.17</v>
      </c>
      <c r="CQ2133" s="20">
        <v>1.1599999999999999</v>
      </c>
      <c r="CR2133" s="20">
        <v>1.1499999999999999</v>
      </c>
      <c r="CS2133" s="20">
        <v>1.1599999999999999</v>
      </c>
      <c r="CT2133" s="20">
        <v>1.1399999999999999</v>
      </c>
      <c r="CU2133" s="20">
        <v>1.1599999999999999</v>
      </c>
      <c r="CV2133" s="20">
        <v>1.2</v>
      </c>
      <c r="CW2133" s="20">
        <v>1.23</v>
      </c>
      <c r="CX2133" s="20">
        <v>1.25</v>
      </c>
      <c r="CY2133" s="6" t="s">
        <v>684</v>
      </c>
      <c r="CZ2133" s="6" t="s">
        <v>685</v>
      </c>
      <c r="DA2133" s="6" t="s">
        <v>157</v>
      </c>
      <c r="DB2133" s="6" t="s">
        <v>345</v>
      </c>
      <c r="DC2133" s="6">
        <v>22100</v>
      </c>
      <c r="DD2133" s="6">
        <v>476</v>
      </c>
      <c r="DE2133" s="6" t="s">
        <v>687</v>
      </c>
      <c r="DF2133" s="6" t="s">
        <v>363</v>
      </c>
      <c r="DG2133" s="6" t="s">
        <v>364</v>
      </c>
      <c r="DH2133" s="6" t="s">
        <v>365</v>
      </c>
      <c r="DI2133" s="6" t="s">
        <v>509</v>
      </c>
      <c r="DJ2133" s="6">
        <v>29</v>
      </c>
      <c r="DK2133" s="6">
        <v>187</v>
      </c>
      <c r="DL2133" s="6">
        <v>3</v>
      </c>
      <c r="DM2133" s="6" t="s">
        <v>556</v>
      </c>
      <c r="DN2133" s="6">
        <v>4</v>
      </c>
      <c r="DO2133" s="6" t="s">
        <v>557</v>
      </c>
      <c r="DP2133" s="6"/>
      <c r="DQ2133" s="6"/>
    </row>
    <row r="2134" spans="1:121" x14ac:dyDescent="0.2">
      <c r="A2134" s="6" t="s">
        <v>794</v>
      </c>
      <c r="B2134" s="6" t="s">
        <v>181</v>
      </c>
      <c r="C2134" s="6" t="s">
        <v>182</v>
      </c>
      <c r="D2134" s="6" t="s">
        <v>157</v>
      </c>
      <c r="E2134" s="6" t="s">
        <v>296</v>
      </c>
      <c r="F2134" s="11">
        <v>272</v>
      </c>
      <c r="G2134" s="13">
        <v>0.57749469214399995</v>
      </c>
      <c r="H2134" s="11">
        <v>225.00166812200001</v>
      </c>
      <c r="I2134" s="13">
        <v>0.47762651266370432</v>
      </c>
      <c r="J2134" s="11">
        <v>41.028436716999977</v>
      </c>
      <c r="K2134" s="13">
        <v>5.8941744143254302E-2</v>
      </c>
      <c r="L2134" s="11">
        <v>6.1681656920000023</v>
      </c>
      <c r="M2134" s="13">
        <v>8.3680058647145512E-3</v>
      </c>
      <c r="N2134" s="11">
        <v>47.196602408999979</v>
      </c>
      <c r="O2134" s="13">
        <v>6.7802974868636123E-2</v>
      </c>
      <c r="P2134" s="7">
        <v>471.08286947300002</v>
      </c>
      <c r="Q2134" s="7">
        <v>469.621235227</v>
      </c>
      <c r="R2134" s="7">
        <v>557.57826205200001</v>
      </c>
      <c r="S2134" s="7">
        <v>610.83952292499998</v>
      </c>
      <c r="T2134" s="7">
        <v>612.50805003899995</v>
      </c>
      <c r="U2134" s="7">
        <v>618.49028378900005</v>
      </c>
      <c r="V2134" s="7">
        <v>696.08453759500003</v>
      </c>
      <c r="W2134" s="7">
        <v>687.92306573600001</v>
      </c>
      <c r="X2134" s="7">
        <v>719.02059085600001</v>
      </c>
      <c r="Y2134" s="7">
        <v>737.11297431200001</v>
      </c>
      <c r="Z2134" s="7">
        <v>695.23058706999996</v>
      </c>
      <c r="AA2134" s="7">
        <v>670.56595865500003</v>
      </c>
      <c r="AB2134" s="7">
        <v>666.19114494099995</v>
      </c>
      <c r="AC2134" s="7">
        <v>660.05593092399999</v>
      </c>
      <c r="AD2134" s="7">
        <v>726.09415342199998</v>
      </c>
      <c r="AE2134" s="7">
        <v>718.22654462900005</v>
      </c>
      <c r="AF2134" s="7">
        <v>743.28114000400001</v>
      </c>
      <c r="AG2134" s="9">
        <v>21069.905310400005</v>
      </c>
      <c r="AH2134" s="13">
        <v>0.62949811871890715</v>
      </c>
      <c r="AI2134" s="9">
        <v>7324.4335112000044</v>
      </c>
      <c r="AJ2134" s="13">
        <v>0.21882951290276065</v>
      </c>
      <c r="AK2134" s="9">
        <v>-1192.7742244000037</v>
      </c>
      <c r="AL2134" s="13">
        <v>-2.923796463534491E-2</v>
      </c>
      <c r="AM2134" s="9">
        <v>14938.246023600004</v>
      </c>
      <c r="AN2134" s="13">
        <v>0.37720350109643186</v>
      </c>
      <c r="AO2134" s="9">
        <v>13745.471799200001</v>
      </c>
      <c r="AP2134" s="13">
        <v>0.33693687383570115</v>
      </c>
      <c r="AQ2134" s="9">
        <v>33470.958345799998</v>
      </c>
      <c r="AR2134" s="9">
        <v>35795.070668100001</v>
      </c>
      <c r="AS2134" s="9">
        <v>34922.004545999996</v>
      </c>
      <c r="AT2134" s="9">
        <v>36434.479501200003</v>
      </c>
      <c r="AU2134" s="9">
        <v>38133.635313500003</v>
      </c>
      <c r="AV2134" s="9">
        <v>39744.637345800002</v>
      </c>
      <c r="AW2134" s="9">
        <v>40795.391857000002</v>
      </c>
      <c r="AX2134" s="9">
        <v>41065.969105700002</v>
      </c>
      <c r="AY2134" s="9">
        <v>38620.011058600001</v>
      </c>
      <c r="AZ2134" s="9">
        <v>39602.617632599999</v>
      </c>
      <c r="BA2134" s="9">
        <v>45138.547866000001</v>
      </c>
      <c r="BB2134" s="9">
        <v>50242.321141</v>
      </c>
      <c r="BC2134" s="9">
        <v>50046.855289300001</v>
      </c>
      <c r="BD2134" s="9">
        <v>53021.020174400001</v>
      </c>
      <c r="BE2134" s="9">
        <v>51581.6397698</v>
      </c>
      <c r="BF2134" s="9">
        <v>54540.863656200003</v>
      </c>
      <c r="BG2134" s="11">
        <v>-1.5</v>
      </c>
      <c r="BH2134" s="13">
        <v>-4.1666666666666664E-2</v>
      </c>
      <c r="BI2134" s="6">
        <v>6</v>
      </c>
      <c r="BJ2134" s="13">
        <v>0.16666666666666666</v>
      </c>
      <c r="BK2134" s="6">
        <v>-3</v>
      </c>
      <c r="BL2134" s="13">
        <v>-7.1428571428571425E-2</v>
      </c>
      <c r="BM2134" s="11">
        <v>-4.5</v>
      </c>
      <c r="BN2134" s="13">
        <v>-0.11538461538461539</v>
      </c>
      <c r="BO2134" s="11">
        <v>-7.5</v>
      </c>
      <c r="BP2134" s="13">
        <v>-0.17857142857142858</v>
      </c>
      <c r="BQ2134" s="6">
        <v>36</v>
      </c>
      <c r="BR2134" s="6">
        <v>36</v>
      </c>
      <c r="BS2134" s="6">
        <v>37</v>
      </c>
      <c r="BT2134" s="6">
        <v>42</v>
      </c>
      <c r="BU2134" s="6">
        <v>42</v>
      </c>
      <c r="BV2134" s="6">
        <v>39</v>
      </c>
      <c r="BW2134" s="6">
        <v>39</v>
      </c>
      <c r="BX2134" s="6">
        <v>38</v>
      </c>
      <c r="BY2134" s="6">
        <v>36</v>
      </c>
      <c r="BZ2134" s="6">
        <v>31</v>
      </c>
      <c r="CA2134" s="6">
        <v>32</v>
      </c>
      <c r="CB2134" s="6">
        <v>35</v>
      </c>
      <c r="CC2134" s="11">
        <v>34.5</v>
      </c>
      <c r="CD2134" s="11">
        <v>191.011</v>
      </c>
      <c r="CE2134" s="11">
        <v>29.692499999999999</v>
      </c>
      <c r="CF2134" s="11">
        <v>51.494999999999997</v>
      </c>
      <c r="CG2134" s="11">
        <v>81</v>
      </c>
      <c r="CH2134" s="20">
        <v>0.65288999999999997</v>
      </c>
      <c r="CI2134" s="20">
        <v>0.65474200000000005</v>
      </c>
      <c r="CJ2134" s="20">
        <v>0.75514099999999995</v>
      </c>
      <c r="CK2134" s="20">
        <v>0.81890499999999999</v>
      </c>
      <c r="CL2134" s="20">
        <v>0.80050200000000005</v>
      </c>
      <c r="CM2134" s="20">
        <v>0.78330200000000005</v>
      </c>
      <c r="CN2134" s="20">
        <v>0.83512500000000001</v>
      </c>
      <c r="CO2134" s="20">
        <v>0.82571099999999997</v>
      </c>
      <c r="CP2134" s="20">
        <v>0.90890700000000002</v>
      </c>
      <c r="CQ2134" s="20">
        <v>0.94253399999999998</v>
      </c>
      <c r="CR2134" s="20">
        <v>0.87410100000000002</v>
      </c>
      <c r="CS2134" s="20">
        <v>0.84660299999999999</v>
      </c>
      <c r="CT2134" s="20">
        <v>0.83117099999999999</v>
      </c>
      <c r="CU2134" s="20">
        <v>0.80937300000000001</v>
      </c>
      <c r="CV2134" s="20">
        <v>0.85293399999999997</v>
      </c>
      <c r="CW2134" s="20">
        <v>0.83230400000000004</v>
      </c>
      <c r="CX2134" s="20">
        <v>0.847024</v>
      </c>
      <c r="CY2134" s="6" t="s">
        <v>684</v>
      </c>
      <c r="CZ2134" s="6" t="s">
        <v>685</v>
      </c>
      <c r="DA2134" s="6" t="s">
        <v>157</v>
      </c>
      <c r="DB2134" s="6" t="s">
        <v>345</v>
      </c>
      <c r="DC2134" s="6">
        <v>22100</v>
      </c>
      <c r="DD2134" s="6">
        <v>476</v>
      </c>
      <c r="DE2134" s="6" t="s">
        <v>687</v>
      </c>
      <c r="DF2134" s="6" t="s">
        <v>363</v>
      </c>
      <c r="DG2134" s="6" t="s">
        <v>364</v>
      </c>
      <c r="DH2134" s="6" t="s">
        <v>365</v>
      </c>
      <c r="DI2134" s="6" t="s">
        <v>509</v>
      </c>
      <c r="DJ2134" s="6">
        <v>29</v>
      </c>
      <c r="DK2134" s="6">
        <v>187</v>
      </c>
      <c r="DL2134" s="6">
        <v>3</v>
      </c>
      <c r="DM2134" s="6" t="s">
        <v>556</v>
      </c>
      <c r="DN2134" s="6">
        <v>4</v>
      </c>
      <c r="DO2134" s="6" t="s">
        <v>557</v>
      </c>
      <c r="DP2134" s="6"/>
      <c r="DQ2134" s="6"/>
    </row>
    <row r="2135" spans="1:121" x14ac:dyDescent="0.2">
      <c r="A2135" s="6" t="s">
        <v>314</v>
      </c>
      <c r="B2135" s="6" t="s">
        <v>314</v>
      </c>
      <c r="C2135" s="6" t="s">
        <v>183</v>
      </c>
      <c r="D2135" s="6" t="s">
        <v>157</v>
      </c>
      <c r="E2135" s="6" t="s">
        <v>296</v>
      </c>
      <c r="F2135" s="11">
        <v>-15</v>
      </c>
      <c r="G2135" s="13">
        <v>-6.66666666667E-2</v>
      </c>
      <c r="H2135" s="11">
        <v>0.52316268500001684</v>
      </c>
      <c r="I2135" s="13">
        <v>2.3285414593281943E-3</v>
      </c>
      <c r="J2135" s="11">
        <v>3.6503045019999831</v>
      </c>
      <c r="K2135" s="13">
        <v>1.6209372839344545E-2</v>
      </c>
      <c r="L2135" s="11">
        <v>-18.749983191999974</v>
      </c>
      <c r="M2135" s="13">
        <v>-8.19322354267637E-2</v>
      </c>
      <c r="N2135" s="11">
        <v>-15.09967868999999</v>
      </c>
      <c r="O2135" s="13">
        <v>-6.7050932739012525E-2</v>
      </c>
      <c r="P2135" s="7">
        <v>224.67398332299999</v>
      </c>
      <c r="Q2135" s="7">
        <v>226.73361815800001</v>
      </c>
      <c r="R2135" s="7">
        <v>211.504484727</v>
      </c>
      <c r="S2135" s="7">
        <v>240.24293501299999</v>
      </c>
      <c r="T2135" s="7">
        <v>211.36838302999999</v>
      </c>
      <c r="U2135" s="7">
        <v>213.89677828200001</v>
      </c>
      <c r="V2135" s="7">
        <v>225.197146008</v>
      </c>
      <c r="W2135" s="7">
        <v>243.77149939</v>
      </c>
      <c r="X2135" s="7">
        <v>231.94090532499999</v>
      </c>
      <c r="Y2135" s="7">
        <v>228.84745050999999</v>
      </c>
      <c r="Z2135" s="7">
        <v>222.28870036000001</v>
      </c>
      <c r="AA2135" s="7">
        <v>218.450883232</v>
      </c>
      <c r="AB2135" s="7">
        <v>241.357257191</v>
      </c>
      <c r="AC2135" s="7">
        <v>256.69598314799998</v>
      </c>
      <c r="AD2135" s="7">
        <v>215.57721507599999</v>
      </c>
      <c r="AE2135" s="7">
        <v>211.63405175899999</v>
      </c>
      <c r="AF2135" s="7">
        <v>210.09746731800001</v>
      </c>
      <c r="AG2135" s="9">
        <v>5541.1215263999984</v>
      </c>
      <c r="AH2135" s="13">
        <v>0.16839429068056441</v>
      </c>
      <c r="AI2135" s="9">
        <v>3121.4932667999965</v>
      </c>
      <c r="AJ2135" s="13">
        <v>9.4861959266294316E-2</v>
      </c>
      <c r="AK2135" s="9">
        <v>556.76685379999981</v>
      </c>
      <c r="AL2135" s="13">
        <v>1.5454099126433416E-2</v>
      </c>
      <c r="AM2135" s="9">
        <v>1862.8614058000021</v>
      </c>
      <c r="AN2135" s="13">
        <v>5.0920254942884491E-2</v>
      </c>
      <c r="AO2135" s="9">
        <v>2419.6282596000019</v>
      </c>
      <c r="AP2135" s="13">
        <v>6.7161280736748499E-2</v>
      </c>
      <c r="AQ2135" s="9">
        <v>32905.637738700003</v>
      </c>
      <c r="AR2135" s="9">
        <v>34047.839307100003</v>
      </c>
      <c r="AS2135" s="9">
        <v>34379.131862200004</v>
      </c>
      <c r="AT2135" s="9">
        <v>35097.4862421</v>
      </c>
      <c r="AU2135" s="9">
        <v>35452.4132168</v>
      </c>
      <c r="AV2135" s="9">
        <v>35813.689762599999</v>
      </c>
      <c r="AW2135" s="9">
        <v>36027.131005499999</v>
      </c>
      <c r="AX2135" s="9">
        <v>34120.896478299997</v>
      </c>
      <c r="AY2135" s="9">
        <v>36492.646811999999</v>
      </c>
      <c r="AZ2135" s="9">
        <v>36583.897859299999</v>
      </c>
      <c r="BA2135" s="9">
        <v>38915.137363299997</v>
      </c>
      <c r="BB2135" s="9">
        <v>39678.392759900002</v>
      </c>
      <c r="BC2135" s="9">
        <v>39894.678049800001</v>
      </c>
      <c r="BD2135" s="9">
        <v>41333.530841100001</v>
      </c>
      <c r="BE2135" s="9">
        <v>39765.546183999999</v>
      </c>
      <c r="BF2135" s="9">
        <v>38446.759265100001</v>
      </c>
      <c r="BG2135" s="11">
        <v>0</v>
      </c>
      <c r="BH2135" s="13">
        <v>0</v>
      </c>
      <c r="BI2135" s="6">
        <v>0</v>
      </c>
      <c r="BJ2135" s="13">
        <v>0</v>
      </c>
      <c r="BK2135" s="6">
        <v>2</v>
      </c>
      <c r="BL2135" s="13">
        <v>0.11764705882352941</v>
      </c>
      <c r="BM2135" s="11">
        <v>-2</v>
      </c>
      <c r="BN2135" s="13">
        <v>-0.10526315789473684</v>
      </c>
      <c r="BO2135" s="11">
        <v>0</v>
      </c>
      <c r="BP2135" s="13">
        <v>0</v>
      </c>
      <c r="BQ2135" s="6">
        <v>17</v>
      </c>
      <c r="BR2135" s="6">
        <v>14</v>
      </c>
      <c r="BS2135" s="6">
        <v>15</v>
      </c>
      <c r="BT2135" s="6">
        <v>17</v>
      </c>
      <c r="BU2135" s="6">
        <v>18</v>
      </c>
      <c r="BV2135" s="6">
        <v>17</v>
      </c>
      <c r="BW2135" s="6">
        <v>19</v>
      </c>
      <c r="BX2135" s="6">
        <v>18</v>
      </c>
      <c r="BY2135" s="6">
        <v>19</v>
      </c>
      <c r="BZ2135" s="6">
        <v>21</v>
      </c>
      <c r="CA2135" s="6">
        <v>21</v>
      </c>
      <c r="CB2135" s="6">
        <v>18</v>
      </c>
      <c r="CC2135" s="11">
        <v>17</v>
      </c>
      <c r="CD2135" s="11">
        <v>29.679400000000001</v>
      </c>
      <c r="CE2135" s="11">
        <v>-68.8155</v>
      </c>
      <c r="CF2135" s="11">
        <v>24.5596</v>
      </c>
      <c r="CG2135" s="11">
        <v>-44</v>
      </c>
      <c r="CH2135" s="20">
        <v>0.39541700000000002</v>
      </c>
      <c r="CI2135" s="20">
        <v>0.41274300000000003</v>
      </c>
      <c r="CJ2135" s="20">
        <v>0.39052999999999999</v>
      </c>
      <c r="CK2135" s="20">
        <v>0.45767999999999998</v>
      </c>
      <c r="CL2135" s="20">
        <v>0.40743400000000002</v>
      </c>
      <c r="CM2135" s="20">
        <v>0.41145300000000001</v>
      </c>
      <c r="CN2135" s="20">
        <v>0.419763</v>
      </c>
      <c r="CO2135" s="20">
        <v>0.45854600000000001</v>
      </c>
      <c r="CP2135" s="20">
        <v>0.45730399999999999</v>
      </c>
      <c r="CQ2135" s="20">
        <v>0.46815899999999999</v>
      </c>
      <c r="CR2135" s="20">
        <v>0.46377200000000002</v>
      </c>
      <c r="CS2135" s="20">
        <v>0.46690799999999999</v>
      </c>
      <c r="CT2135" s="20">
        <v>0.51507999999999998</v>
      </c>
      <c r="CU2135" s="20">
        <v>0.54996500000000004</v>
      </c>
      <c r="CV2135" s="20">
        <v>0.458617</v>
      </c>
      <c r="CW2135" s="20">
        <v>0.44899299999999998</v>
      </c>
      <c r="CX2135" s="20">
        <v>0.44386399999999998</v>
      </c>
      <c r="CY2135" s="6" t="s">
        <v>684</v>
      </c>
      <c r="CZ2135" s="6" t="s">
        <v>685</v>
      </c>
      <c r="DA2135" s="6" t="s">
        <v>157</v>
      </c>
      <c r="DB2135" s="6" t="s">
        <v>345</v>
      </c>
      <c r="DC2135" s="6">
        <v>22100</v>
      </c>
      <c r="DD2135" s="6">
        <v>476</v>
      </c>
      <c r="DE2135" s="6" t="s">
        <v>687</v>
      </c>
      <c r="DF2135" s="6" t="s">
        <v>363</v>
      </c>
      <c r="DG2135" s="6" t="s">
        <v>364</v>
      </c>
      <c r="DH2135" s="6" t="s">
        <v>365</v>
      </c>
      <c r="DI2135" s="6" t="s">
        <v>509</v>
      </c>
      <c r="DJ2135" s="6">
        <v>29</v>
      </c>
      <c r="DK2135" s="6">
        <v>187</v>
      </c>
      <c r="DL2135" s="6">
        <v>3</v>
      </c>
      <c r="DM2135" s="6" t="s">
        <v>556</v>
      </c>
      <c r="DN2135" s="6">
        <v>4</v>
      </c>
      <c r="DO2135" s="6" t="s">
        <v>557</v>
      </c>
      <c r="DP2135" s="6"/>
      <c r="DQ2135" s="6"/>
    </row>
    <row r="2136" spans="1:121" x14ac:dyDescent="0.2">
      <c r="A2136" s="6" t="s">
        <v>315</v>
      </c>
      <c r="B2136" s="6" t="s">
        <v>315</v>
      </c>
      <c r="C2136" s="6" t="s">
        <v>184</v>
      </c>
      <c r="D2136" s="6" t="s">
        <v>157</v>
      </c>
      <c r="E2136" s="6" t="s">
        <v>296</v>
      </c>
      <c r="F2136" s="11">
        <v>529</v>
      </c>
      <c r="G2136" s="13">
        <v>1.01</v>
      </c>
      <c r="H2136" s="11">
        <v>359</v>
      </c>
      <c r="I2136" s="13">
        <v>0.68250950570342206</v>
      </c>
      <c r="J2136" s="11">
        <v>227</v>
      </c>
      <c r="K2136" s="13">
        <v>0.25649717514124293</v>
      </c>
      <c r="L2136" s="11">
        <v>-57</v>
      </c>
      <c r="M2136" s="13">
        <v>-5.1258992805755389E-2</v>
      </c>
      <c r="N2136" s="11">
        <v>170</v>
      </c>
      <c r="O2136" s="13">
        <v>0.19209039548022599</v>
      </c>
      <c r="P2136" s="7">
        <v>526</v>
      </c>
      <c r="Q2136" s="7">
        <v>572</v>
      </c>
      <c r="R2136" s="7">
        <v>574</v>
      </c>
      <c r="S2136" s="7">
        <v>570</v>
      </c>
      <c r="T2136" s="7">
        <v>758</v>
      </c>
      <c r="U2136" s="7">
        <v>853</v>
      </c>
      <c r="V2136" s="7">
        <v>885</v>
      </c>
      <c r="W2136" s="7">
        <v>949</v>
      </c>
      <c r="X2136" s="7">
        <v>1044</v>
      </c>
      <c r="Y2136" s="7">
        <v>1112</v>
      </c>
      <c r="Z2136" s="7">
        <v>1158</v>
      </c>
      <c r="AA2136" s="7">
        <v>925</v>
      </c>
      <c r="AB2136" s="7">
        <v>941</v>
      </c>
      <c r="AC2136" s="7">
        <v>1006</v>
      </c>
      <c r="AD2136" s="7">
        <v>977</v>
      </c>
      <c r="AE2136" s="7">
        <v>1015</v>
      </c>
      <c r="AF2136" s="7">
        <v>1055</v>
      </c>
      <c r="AG2136" s="9">
        <v>16334</v>
      </c>
      <c r="AH2136" s="13">
        <v>0.49084953571535894</v>
      </c>
      <c r="AI2136" s="9">
        <v>3741</v>
      </c>
      <c r="AJ2136" s="13">
        <v>0.11241998978273282</v>
      </c>
      <c r="AK2136" s="9">
        <v>7503</v>
      </c>
      <c r="AL2136" s="13">
        <v>0.20268518018261383</v>
      </c>
      <c r="AM2136" s="9">
        <v>5090</v>
      </c>
      <c r="AN2136" s="13">
        <v>0.11432806989959794</v>
      </c>
      <c r="AO2136" s="9">
        <v>12593</v>
      </c>
      <c r="AP2136" s="13">
        <v>0.34018585552974229</v>
      </c>
      <c r="AQ2136" s="9">
        <v>33277</v>
      </c>
      <c r="AR2136" s="9">
        <v>33174</v>
      </c>
      <c r="AS2136" s="9">
        <v>33832</v>
      </c>
      <c r="AT2136" s="9">
        <v>35430</v>
      </c>
      <c r="AU2136" s="9">
        <v>40587</v>
      </c>
      <c r="AV2136" s="9">
        <v>35296</v>
      </c>
      <c r="AW2136" s="9">
        <v>37018</v>
      </c>
      <c r="AX2136" s="9">
        <v>38961</v>
      </c>
      <c r="AY2136" s="9">
        <v>43014</v>
      </c>
      <c r="AZ2136" s="9">
        <v>44521</v>
      </c>
      <c r="BA2136" s="9">
        <v>47908</v>
      </c>
      <c r="BB2136" s="9">
        <v>64096</v>
      </c>
      <c r="BC2136" s="9">
        <v>46724</v>
      </c>
      <c r="BD2136" s="9">
        <v>50503</v>
      </c>
      <c r="BE2136" s="9">
        <v>49292</v>
      </c>
      <c r="BF2136" s="9">
        <v>49611</v>
      </c>
      <c r="BG2136" s="11">
        <v>15</v>
      </c>
      <c r="BH2136" s="13">
        <v>0.18072289156626506</v>
      </c>
      <c r="BI2136" s="6">
        <v>18</v>
      </c>
      <c r="BJ2136" s="13">
        <v>0.21686746987951808</v>
      </c>
      <c r="BK2136" s="6">
        <v>0</v>
      </c>
      <c r="BL2136" s="13">
        <v>0</v>
      </c>
      <c r="BM2136" s="11">
        <v>-3</v>
      </c>
      <c r="BN2136" s="13">
        <v>-2.9702970297029702E-2</v>
      </c>
      <c r="BO2136" s="11">
        <v>-3</v>
      </c>
      <c r="BP2136" s="13">
        <v>-2.9702970297029702E-2</v>
      </c>
      <c r="BQ2136" s="6">
        <v>83</v>
      </c>
      <c r="BR2136" s="6">
        <v>88</v>
      </c>
      <c r="BS2136" s="6">
        <v>94</v>
      </c>
      <c r="BT2136" s="6">
        <v>101</v>
      </c>
      <c r="BU2136" s="6">
        <v>99</v>
      </c>
      <c r="BV2136" s="6">
        <v>103</v>
      </c>
      <c r="BW2136" s="6">
        <v>101</v>
      </c>
      <c r="BX2136" s="6">
        <v>106</v>
      </c>
      <c r="BY2136" s="6">
        <v>106</v>
      </c>
      <c r="BZ2136" s="6">
        <v>101</v>
      </c>
      <c r="CA2136" s="6">
        <v>100</v>
      </c>
      <c r="CB2136" s="6">
        <v>102</v>
      </c>
      <c r="CC2136" s="11">
        <v>98</v>
      </c>
      <c r="CD2136" s="11">
        <v>514</v>
      </c>
      <c r="CE2136" s="11">
        <v>-42</v>
      </c>
      <c r="CF2136" s="11">
        <v>58</v>
      </c>
      <c r="CG2136" s="11">
        <v>16</v>
      </c>
      <c r="CH2136" s="20">
        <v>0.56999999999999995</v>
      </c>
      <c r="CI2136" s="20">
        <v>0.61</v>
      </c>
      <c r="CJ2136" s="20">
        <v>0.56999999999999995</v>
      </c>
      <c r="CK2136" s="20">
        <v>0.56999999999999995</v>
      </c>
      <c r="CL2136" s="20">
        <v>0.75</v>
      </c>
      <c r="CM2136" s="20">
        <v>0.82</v>
      </c>
      <c r="CN2136" s="20">
        <v>0.82</v>
      </c>
      <c r="CO2136" s="20">
        <v>0.9</v>
      </c>
      <c r="CP2136" s="20">
        <v>1.02</v>
      </c>
      <c r="CQ2136" s="20">
        <v>1.1100000000000001</v>
      </c>
      <c r="CR2136" s="20">
        <v>1.1599999999999999</v>
      </c>
      <c r="CS2136" s="20">
        <v>0.94</v>
      </c>
      <c r="CT2136" s="20">
        <v>0.96</v>
      </c>
      <c r="CU2136" s="20">
        <v>1.04</v>
      </c>
      <c r="CV2136" s="20">
        <v>1</v>
      </c>
      <c r="CW2136" s="20">
        <v>1.04</v>
      </c>
      <c r="CX2136" s="20">
        <v>1.07</v>
      </c>
      <c r="CY2136" s="6" t="s">
        <v>684</v>
      </c>
      <c r="CZ2136" s="6" t="s">
        <v>685</v>
      </c>
      <c r="DA2136" s="6" t="s">
        <v>157</v>
      </c>
      <c r="DB2136" s="6" t="s">
        <v>345</v>
      </c>
      <c r="DC2136" s="6">
        <v>22100</v>
      </c>
      <c r="DD2136" s="6">
        <v>476</v>
      </c>
      <c r="DE2136" s="6" t="s">
        <v>687</v>
      </c>
      <c r="DF2136" s="6" t="s">
        <v>363</v>
      </c>
      <c r="DG2136" s="6" t="s">
        <v>364</v>
      </c>
      <c r="DH2136" s="6" t="s">
        <v>365</v>
      </c>
      <c r="DI2136" s="6" t="s">
        <v>509</v>
      </c>
      <c r="DJ2136" s="6">
        <v>29</v>
      </c>
      <c r="DK2136" s="6">
        <v>187</v>
      </c>
      <c r="DL2136" s="6">
        <v>3</v>
      </c>
      <c r="DM2136" s="6" t="s">
        <v>556</v>
      </c>
      <c r="DN2136" s="6">
        <v>4</v>
      </c>
      <c r="DO2136" s="6" t="s">
        <v>557</v>
      </c>
      <c r="DP2136" s="6"/>
      <c r="DQ2136" s="6"/>
    </row>
    <row r="2137" spans="1:121" x14ac:dyDescent="0.2">
      <c r="A2137" s="6" t="s">
        <v>316</v>
      </c>
      <c r="B2137" s="6" t="s">
        <v>316</v>
      </c>
      <c r="C2137" s="6" t="s">
        <v>185</v>
      </c>
      <c r="D2137" s="6" t="s">
        <v>157</v>
      </c>
      <c r="E2137" s="6" t="s">
        <v>296</v>
      </c>
      <c r="F2137" s="11">
        <v>-44</v>
      </c>
      <c r="G2137" s="13">
        <v>-0.18</v>
      </c>
      <c r="H2137" s="11">
        <v>33</v>
      </c>
      <c r="I2137" s="13">
        <v>0.13807531380753138</v>
      </c>
      <c r="J2137" s="11">
        <v>-32</v>
      </c>
      <c r="K2137" s="13">
        <v>-0.1176470588235294</v>
      </c>
      <c r="L2137" s="11">
        <v>-45</v>
      </c>
      <c r="M2137" s="13">
        <v>-0.1875</v>
      </c>
      <c r="N2137" s="11">
        <v>-77</v>
      </c>
      <c r="O2137" s="13">
        <v>-0.28308823529411764</v>
      </c>
      <c r="P2137" s="7">
        <v>239</v>
      </c>
      <c r="Q2137" s="7">
        <v>239</v>
      </c>
      <c r="R2137" s="7">
        <v>244</v>
      </c>
      <c r="S2137" s="7">
        <v>258</v>
      </c>
      <c r="T2137" s="7">
        <v>286</v>
      </c>
      <c r="U2137" s="7">
        <v>268</v>
      </c>
      <c r="V2137" s="7">
        <v>272</v>
      </c>
      <c r="W2137" s="7">
        <v>271</v>
      </c>
      <c r="X2137" s="7">
        <v>243</v>
      </c>
      <c r="Y2137" s="7">
        <v>240</v>
      </c>
      <c r="Z2137" s="7">
        <v>221</v>
      </c>
      <c r="AA2137" s="7">
        <v>210</v>
      </c>
      <c r="AB2137" s="7">
        <v>211</v>
      </c>
      <c r="AC2137" s="7">
        <v>201</v>
      </c>
      <c r="AD2137" s="7">
        <v>192</v>
      </c>
      <c r="AE2137" s="7">
        <v>196</v>
      </c>
      <c r="AF2137" s="7">
        <v>195</v>
      </c>
      <c r="AG2137" s="9">
        <v>10891</v>
      </c>
      <c r="AH2137" s="13">
        <v>0.40375917550233559</v>
      </c>
      <c r="AI2137" s="9">
        <v>3389</v>
      </c>
      <c r="AJ2137" s="13">
        <v>0.12563950470823756</v>
      </c>
      <c r="AK2137" s="9">
        <v>3882</v>
      </c>
      <c r="AL2137" s="13">
        <v>0.12785297895464875</v>
      </c>
      <c r="AM2137" s="9">
        <v>3620</v>
      </c>
      <c r="AN2137" s="13">
        <v>0.10570886260767996</v>
      </c>
      <c r="AO2137" s="9">
        <v>7502</v>
      </c>
      <c r="AP2137" s="13">
        <v>0.24707703454862823</v>
      </c>
      <c r="AQ2137" s="9">
        <v>26974</v>
      </c>
      <c r="AR2137" s="9">
        <v>28961</v>
      </c>
      <c r="AS2137" s="9">
        <v>28418</v>
      </c>
      <c r="AT2137" s="9">
        <v>30652</v>
      </c>
      <c r="AU2137" s="9">
        <v>31368</v>
      </c>
      <c r="AV2137" s="9">
        <v>30576</v>
      </c>
      <c r="AW2137" s="9">
        <v>30363</v>
      </c>
      <c r="AX2137" s="9">
        <v>32114</v>
      </c>
      <c r="AY2137" s="9">
        <v>33348</v>
      </c>
      <c r="AZ2137" s="9">
        <v>34245</v>
      </c>
      <c r="BA2137" s="9">
        <v>33552</v>
      </c>
      <c r="BB2137" s="9">
        <v>35553</v>
      </c>
      <c r="BC2137" s="9">
        <v>36308</v>
      </c>
      <c r="BD2137" s="9">
        <v>39041</v>
      </c>
      <c r="BE2137" s="9">
        <v>40635</v>
      </c>
      <c r="BF2137" s="9">
        <v>37865</v>
      </c>
      <c r="BG2137" s="11">
        <v>-2</v>
      </c>
      <c r="BH2137" s="13">
        <v>-3.9215686274509803E-2</v>
      </c>
      <c r="BI2137" s="6">
        <v>1</v>
      </c>
      <c r="BJ2137" s="13">
        <v>1.9607843137254902E-2</v>
      </c>
      <c r="BK2137" s="6">
        <v>4</v>
      </c>
      <c r="BL2137" s="13">
        <v>7.6923076923076927E-2</v>
      </c>
      <c r="BM2137" s="11">
        <v>-7</v>
      </c>
      <c r="BN2137" s="13">
        <v>-0.125</v>
      </c>
      <c r="BO2137" s="11">
        <v>-3</v>
      </c>
      <c r="BP2137" s="13">
        <v>-5.7692307692307696E-2</v>
      </c>
      <c r="BQ2137" s="6">
        <v>51</v>
      </c>
      <c r="BR2137" s="6">
        <v>55</v>
      </c>
      <c r="BS2137" s="6">
        <v>52</v>
      </c>
      <c r="BT2137" s="6">
        <v>52</v>
      </c>
      <c r="BU2137" s="6">
        <v>52</v>
      </c>
      <c r="BV2137" s="6">
        <v>54</v>
      </c>
      <c r="BW2137" s="6">
        <v>56</v>
      </c>
      <c r="BX2137" s="6">
        <v>52</v>
      </c>
      <c r="BY2137" s="6">
        <v>48</v>
      </c>
      <c r="BZ2137" s="6">
        <v>48</v>
      </c>
      <c r="CA2137" s="6">
        <v>50</v>
      </c>
      <c r="CB2137" s="6">
        <v>50</v>
      </c>
      <c r="CC2137" s="11">
        <v>49</v>
      </c>
      <c r="CD2137" s="11">
        <v>-58</v>
      </c>
      <c r="CE2137" s="11">
        <v>-12</v>
      </c>
      <c r="CF2137" s="11">
        <v>26</v>
      </c>
      <c r="CG2137" s="11">
        <v>14</v>
      </c>
      <c r="CH2137" s="20">
        <v>0.63</v>
      </c>
      <c r="CI2137" s="20">
        <v>0.61</v>
      </c>
      <c r="CJ2137" s="20">
        <v>0.59</v>
      </c>
      <c r="CK2137" s="20">
        <v>0.61</v>
      </c>
      <c r="CL2137" s="20">
        <v>0.65</v>
      </c>
      <c r="CM2137" s="20">
        <v>0.6</v>
      </c>
      <c r="CN2137" s="20">
        <v>0.59</v>
      </c>
      <c r="CO2137" s="20">
        <v>0.6</v>
      </c>
      <c r="CP2137" s="20">
        <v>0.56000000000000005</v>
      </c>
      <c r="CQ2137" s="20">
        <v>0.57999999999999996</v>
      </c>
      <c r="CR2137" s="20">
        <v>0.54</v>
      </c>
      <c r="CS2137" s="20">
        <v>0.53</v>
      </c>
      <c r="CT2137" s="20">
        <v>0.52</v>
      </c>
      <c r="CU2137" s="20">
        <v>0.49</v>
      </c>
      <c r="CV2137" s="20">
        <v>0.46</v>
      </c>
      <c r="CW2137" s="20">
        <v>0.47</v>
      </c>
      <c r="CX2137" s="20">
        <v>0.47</v>
      </c>
      <c r="CY2137" s="6" t="s">
        <v>684</v>
      </c>
      <c r="CZ2137" s="6" t="s">
        <v>685</v>
      </c>
      <c r="DA2137" s="6" t="s">
        <v>157</v>
      </c>
      <c r="DB2137" s="6" t="s">
        <v>345</v>
      </c>
      <c r="DC2137" s="6">
        <v>22100</v>
      </c>
      <c r="DD2137" s="6">
        <v>476</v>
      </c>
      <c r="DE2137" s="6" t="s">
        <v>687</v>
      </c>
      <c r="DF2137" s="6" t="s">
        <v>363</v>
      </c>
      <c r="DG2137" s="6" t="s">
        <v>364</v>
      </c>
      <c r="DH2137" s="6" t="s">
        <v>365</v>
      </c>
      <c r="DI2137" s="6" t="s">
        <v>509</v>
      </c>
      <c r="DJ2137" s="6">
        <v>29</v>
      </c>
      <c r="DK2137" s="6">
        <v>187</v>
      </c>
      <c r="DL2137" s="6">
        <v>3</v>
      </c>
      <c r="DM2137" s="6" t="s">
        <v>556</v>
      </c>
      <c r="DN2137" s="6">
        <v>4</v>
      </c>
      <c r="DO2137" s="6" t="s">
        <v>557</v>
      </c>
      <c r="DP2137" s="6"/>
      <c r="DQ2137" s="6"/>
    </row>
    <row r="2138" spans="1:121" x14ac:dyDescent="0.2">
      <c r="A2138" s="6" t="s">
        <v>317</v>
      </c>
      <c r="B2138" s="6" t="s">
        <v>317</v>
      </c>
      <c r="C2138" s="6" t="s">
        <v>186</v>
      </c>
      <c r="D2138" s="6" t="s">
        <v>157</v>
      </c>
      <c r="E2138" s="6" t="s">
        <v>296</v>
      </c>
      <c r="F2138" s="11">
        <v>111</v>
      </c>
      <c r="G2138" s="13">
        <v>0.33</v>
      </c>
      <c r="H2138" s="11">
        <v>45</v>
      </c>
      <c r="I2138" s="13">
        <v>0.13313609467455623</v>
      </c>
      <c r="J2138" s="11">
        <v>5</v>
      </c>
      <c r="K2138" s="13">
        <v>1.3054830287206266E-2</v>
      </c>
      <c r="L2138" s="11">
        <v>61</v>
      </c>
      <c r="M2138" s="13">
        <v>0.15721649484536082</v>
      </c>
      <c r="N2138" s="11">
        <v>66</v>
      </c>
      <c r="O2138" s="13">
        <v>0.17232375979112272</v>
      </c>
      <c r="P2138" s="7">
        <v>338</v>
      </c>
      <c r="Q2138" s="7">
        <v>334</v>
      </c>
      <c r="R2138" s="7">
        <v>332</v>
      </c>
      <c r="S2138" s="7">
        <v>339</v>
      </c>
      <c r="T2138" s="7">
        <v>367</v>
      </c>
      <c r="U2138" s="7">
        <v>379</v>
      </c>
      <c r="V2138" s="7">
        <v>383</v>
      </c>
      <c r="W2138" s="7">
        <v>374</v>
      </c>
      <c r="X2138" s="7">
        <v>374</v>
      </c>
      <c r="Y2138" s="7">
        <v>388</v>
      </c>
      <c r="Z2138" s="7">
        <v>455</v>
      </c>
      <c r="AA2138" s="7">
        <v>410</v>
      </c>
      <c r="AB2138" s="7">
        <v>399</v>
      </c>
      <c r="AC2138" s="7">
        <v>411</v>
      </c>
      <c r="AD2138" s="7">
        <v>420</v>
      </c>
      <c r="AE2138" s="7">
        <v>438</v>
      </c>
      <c r="AF2138" s="7">
        <v>449</v>
      </c>
      <c r="AG2138" s="9">
        <v>6338</v>
      </c>
      <c r="AH2138" s="13">
        <v>0.19819876164863345</v>
      </c>
      <c r="AI2138" s="9">
        <v>2611</v>
      </c>
      <c r="AJ2138" s="13">
        <v>8.1649884295453126E-2</v>
      </c>
      <c r="AK2138" s="9">
        <v>2276</v>
      </c>
      <c r="AL2138" s="13">
        <v>6.5801266298534222E-2</v>
      </c>
      <c r="AM2138" s="9">
        <v>1451</v>
      </c>
      <c r="AN2138" s="13">
        <v>3.9359826393598266E-2</v>
      </c>
      <c r="AO2138" s="9">
        <v>3727</v>
      </c>
      <c r="AP2138" s="13">
        <v>0.10775101911012172</v>
      </c>
      <c r="AQ2138" s="9">
        <v>31978</v>
      </c>
      <c r="AR2138" s="9">
        <v>33901</v>
      </c>
      <c r="AS2138" s="9">
        <v>34304</v>
      </c>
      <c r="AT2138" s="9">
        <v>34331</v>
      </c>
      <c r="AU2138" s="9">
        <v>34998</v>
      </c>
      <c r="AV2138" s="9">
        <v>36177</v>
      </c>
      <c r="AW2138" s="9">
        <v>34589</v>
      </c>
      <c r="AX2138" s="9">
        <v>35561</v>
      </c>
      <c r="AY2138" s="9">
        <v>36533</v>
      </c>
      <c r="AZ2138" s="9">
        <v>36865</v>
      </c>
      <c r="BA2138" s="9">
        <v>45306</v>
      </c>
      <c r="BB2138" s="9">
        <v>41801</v>
      </c>
      <c r="BC2138" s="9">
        <v>37911</v>
      </c>
      <c r="BD2138" s="9">
        <v>34559</v>
      </c>
      <c r="BE2138" s="9">
        <v>37846</v>
      </c>
      <c r="BF2138" s="9">
        <v>38316</v>
      </c>
      <c r="BG2138" s="11">
        <v>3</v>
      </c>
      <c r="BH2138" s="13">
        <v>3.8461538461538464E-2</v>
      </c>
      <c r="BI2138" s="6">
        <v>0</v>
      </c>
      <c r="BJ2138" s="13">
        <v>0</v>
      </c>
      <c r="BK2138" s="6">
        <v>-1</v>
      </c>
      <c r="BL2138" s="13">
        <v>-1.282051282051282E-2</v>
      </c>
      <c r="BM2138" s="11">
        <v>4</v>
      </c>
      <c r="BN2138" s="13">
        <v>5.1948051948051951E-2</v>
      </c>
      <c r="BO2138" s="11">
        <v>3</v>
      </c>
      <c r="BP2138" s="13">
        <v>3.8461538461538464E-2</v>
      </c>
      <c r="BQ2138" s="6">
        <v>78</v>
      </c>
      <c r="BR2138" s="6">
        <v>78</v>
      </c>
      <c r="BS2138" s="6">
        <v>79</v>
      </c>
      <c r="BT2138" s="6">
        <v>78</v>
      </c>
      <c r="BU2138" s="6">
        <v>76</v>
      </c>
      <c r="BV2138" s="6">
        <v>74</v>
      </c>
      <c r="BW2138" s="6">
        <v>77</v>
      </c>
      <c r="BX2138" s="6">
        <v>79</v>
      </c>
      <c r="BY2138" s="6">
        <v>80</v>
      </c>
      <c r="BZ2138" s="6">
        <v>78</v>
      </c>
      <c r="CA2138" s="6">
        <v>75</v>
      </c>
      <c r="CB2138" s="6">
        <v>78</v>
      </c>
      <c r="CC2138" s="11">
        <v>81</v>
      </c>
      <c r="CD2138" s="11">
        <v>6</v>
      </c>
      <c r="CE2138" s="11">
        <v>68</v>
      </c>
      <c r="CF2138" s="11">
        <v>37</v>
      </c>
      <c r="CG2138" s="11">
        <v>105</v>
      </c>
      <c r="CH2138" s="20">
        <v>0.28000000000000003</v>
      </c>
      <c r="CI2138" s="20">
        <v>0.27</v>
      </c>
      <c r="CJ2138" s="20">
        <v>0.26</v>
      </c>
      <c r="CK2138" s="20">
        <v>0.27</v>
      </c>
      <c r="CL2138" s="20">
        <v>0.27</v>
      </c>
      <c r="CM2138" s="20">
        <v>0.27</v>
      </c>
      <c r="CN2138" s="20">
        <v>0.26</v>
      </c>
      <c r="CO2138" s="20">
        <v>0.24</v>
      </c>
      <c r="CP2138" s="20">
        <v>0.25</v>
      </c>
      <c r="CQ2138" s="20">
        <v>0.26</v>
      </c>
      <c r="CR2138" s="20">
        <v>0.3</v>
      </c>
      <c r="CS2138" s="20">
        <v>0.27</v>
      </c>
      <c r="CT2138" s="20">
        <v>0.26</v>
      </c>
      <c r="CU2138" s="20">
        <v>0.26</v>
      </c>
      <c r="CV2138" s="20">
        <v>0.26</v>
      </c>
      <c r="CW2138" s="20">
        <v>0.27</v>
      </c>
      <c r="CX2138" s="20">
        <v>0.27</v>
      </c>
      <c r="CY2138" s="6" t="s">
        <v>684</v>
      </c>
      <c r="CZ2138" s="6" t="s">
        <v>685</v>
      </c>
      <c r="DA2138" s="6" t="s">
        <v>157</v>
      </c>
      <c r="DB2138" s="6" t="s">
        <v>345</v>
      </c>
      <c r="DC2138" s="6">
        <v>22100</v>
      </c>
      <c r="DD2138" s="6">
        <v>476</v>
      </c>
      <c r="DE2138" s="6" t="s">
        <v>687</v>
      </c>
      <c r="DF2138" s="6" t="s">
        <v>363</v>
      </c>
      <c r="DG2138" s="6" t="s">
        <v>364</v>
      </c>
      <c r="DH2138" s="6" t="s">
        <v>365</v>
      </c>
      <c r="DI2138" s="6" t="s">
        <v>509</v>
      </c>
      <c r="DJ2138" s="6">
        <v>29</v>
      </c>
      <c r="DK2138" s="6">
        <v>187</v>
      </c>
      <c r="DL2138" s="6">
        <v>3</v>
      </c>
      <c r="DM2138" s="6" t="s">
        <v>556</v>
      </c>
      <c r="DN2138" s="6">
        <v>4</v>
      </c>
      <c r="DO2138" s="6" t="s">
        <v>557</v>
      </c>
      <c r="DP2138" s="6"/>
      <c r="DQ2138" s="6"/>
    </row>
    <row r="2139" spans="1:121" x14ac:dyDescent="0.2">
      <c r="A2139" s="6" t="s">
        <v>318</v>
      </c>
      <c r="B2139" s="6" t="s">
        <v>318</v>
      </c>
      <c r="C2139" s="6" t="s">
        <v>187</v>
      </c>
      <c r="D2139" s="6" t="s">
        <v>157</v>
      </c>
      <c r="E2139" s="6" t="s">
        <v>296</v>
      </c>
      <c r="F2139" s="11">
        <v>131</v>
      </c>
      <c r="G2139" s="13">
        <v>3.3589743589699999</v>
      </c>
      <c r="H2139" s="11">
        <v>-7.4740169999999964</v>
      </c>
      <c r="I2139" s="13">
        <v>-0.18931192011166584</v>
      </c>
      <c r="J2139" s="11">
        <v>4.8476980000000012</v>
      </c>
      <c r="K2139" s="13">
        <v>0.15146268389974474</v>
      </c>
      <c r="L2139" s="11">
        <v>133.40322872199999</v>
      </c>
      <c r="M2139" s="13">
        <v>3.6198165758514471</v>
      </c>
      <c r="N2139" s="11">
        <v>138.250926722</v>
      </c>
      <c r="O2139" s="13">
        <v>4.319546393554436</v>
      </c>
      <c r="P2139" s="7">
        <v>39.479906999999997</v>
      </c>
      <c r="Q2139" s="7">
        <v>46.446142000000002</v>
      </c>
      <c r="R2139" s="7">
        <v>37.133890999999998</v>
      </c>
      <c r="S2139" s="7">
        <v>30.960712999999998</v>
      </c>
      <c r="T2139" s="7">
        <v>22.997997000000002</v>
      </c>
      <c r="U2139" s="7">
        <v>28.006108999999999</v>
      </c>
      <c r="V2139" s="7">
        <v>32.005890000000001</v>
      </c>
      <c r="W2139" s="7">
        <v>34.020977999999999</v>
      </c>
      <c r="X2139" s="7">
        <v>35.995463999999998</v>
      </c>
      <c r="Y2139" s="7">
        <v>36.853588000000002</v>
      </c>
      <c r="Z2139" s="7">
        <v>40.801932000000001</v>
      </c>
      <c r="AA2139" s="7">
        <v>41.007905999999998</v>
      </c>
      <c r="AB2139" s="7">
        <v>115.95115699999999</v>
      </c>
      <c r="AC2139" s="7">
        <v>130.08043499999999</v>
      </c>
      <c r="AD2139" s="7">
        <v>143.931951</v>
      </c>
      <c r="AE2139" s="7">
        <v>152.189415</v>
      </c>
      <c r="AF2139" s="7">
        <v>170.256816722</v>
      </c>
      <c r="AG2139" s="9">
        <v>-16330.069099399996</v>
      </c>
      <c r="AH2139" s="13">
        <v>-0.29542628788899788</v>
      </c>
      <c r="AI2139" s="9">
        <v>21366.372393700003</v>
      </c>
      <c r="AJ2139" s="13">
        <v>0.38653774478864134</v>
      </c>
      <c r="AK2139" s="9">
        <v>10276.757532799995</v>
      </c>
      <c r="AL2139" s="13">
        <v>0.13408664627104849</v>
      </c>
      <c r="AM2139" s="9">
        <v>-47973.199025899994</v>
      </c>
      <c r="AN2139" s="13">
        <v>-0.5519272814434496</v>
      </c>
      <c r="AO2139" s="9">
        <v>-37696.441493099999</v>
      </c>
      <c r="AP2139" s="13">
        <v>-0.49184671332665042</v>
      </c>
      <c r="AQ2139" s="9">
        <v>55276.289784799999</v>
      </c>
      <c r="AR2139" s="9">
        <v>50058.9264014</v>
      </c>
      <c r="AS2139" s="9">
        <v>59388.144015700003</v>
      </c>
      <c r="AT2139" s="9">
        <v>63025.499728900002</v>
      </c>
      <c r="AU2139" s="9">
        <v>75121.530997199996</v>
      </c>
      <c r="AV2139" s="9">
        <v>78120.4340237</v>
      </c>
      <c r="AW2139" s="9">
        <v>76642.662178500002</v>
      </c>
      <c r="AX2139" s="9">
        <v>70630.580637199993</v>
      </c>
      <c r="AY2139" s="9">
        <v>87198.557690000001</v>
      </c>
      <c r="AZ2139" s="9">
        <v>86919.419711299997</v>
      </c>
      <c r="BA2139" s="9">
        <v>85395.873574400001</v>
      </c>
      <c r="BB2139" s="9">
        <v>94783.708939200005</v>
      </c>
      <c r="BC2139" s="9">
        <v>46591.064284</v>
      </c>
      <c r="BD2139" s="9">
        <v>41750.392066799999</v>
      </c>
      <c r="BE2139" s="9">
        <v>42198.244115300004</v>
      </c>
      <c r="BF2139" s="9">
        <v>38946.220685400003</v>
      </c>
      <c r="BG2139" s="11">
        <v>1</v>
      </c>
      <c r="BH2139" s="13">
        <v>0.2</v>
      </c>
      <c r="BI2139" s="6">
        <v>1</v>
      </c>
      <c r="BJ2139" s="13">
        <v>0.2</v>
      </c>
      <c r="BK2139" s="6">
        <v>1</v>
      </c>
      <c r="BL2139" s="13">
        <v>0.16666666666666666</v>
      </c>
      <c r="BM2139" s="11">
        <v>-1</v>
      </c>
      <c r="BN2139" s="13">
        <v>-0.14285714285714285</v>
      </c>
      <c r="BO2139" s="11">
        <v>0</v>
      </c>
      <c r="BP2139" s="13">
        <v>0</v>
      </c>
      <c r="BQ2139" s="6">
        <v>5</v>
      </c>
      <c r="BR2139" s="6">
        <v>4</v>
      </c>
      <c r="BS2139" s="6">
        <v>4</v>
      </c>
      <c r="BT2139" s="6">
        <v>6</v>
      </c>
      <c r="BU2139" s="6">
        <v>7</v>
      </c>
      <c r="BV2139" s="6">
        <v>7</v>
      </c>
      <c r="BW2139" s="6">
        <v>7</v>
      </c>
      <c r="BX2139" s="6">
        <v>5</v>
      </c>
      <c r="BY2139" s="6">
        <v>5</v>
      </c>
      <c r="BZ2139" s="6">
        <v>7</v>
      </c>
      <c r="CA2139" s="6">
        <v>6</v>
      </c>
      <c r="CB2139" s="6">
        <v>7</v>
      </c>
      <c r="CC2139" s="11">
        <v>6</v>
      </c>
      <c r="CD2139" s="11">
        <v>118.008</v>
      </c>
      <c r="CE2139" s="11">
        <v>8.4529700000000005</v>
      </c>
      <c r="CF2139" s="11">
        <v>4.3156299999999996</v>
      </c>
      <c r="CG2139" s="11">
        <v>12</v>
      </c>
      <c r="CH2139" s="20">
        <v>0.14970800000000001</v>
      </c>
      <c r="CI2139" s="20">
        <v>0.17413600000000001</v>
      </c>
      <c r="CJ2139" s="20">
        <v>0.13727700000000001</v>
      </c>
      <c r="CK2139" s="20">
        <v>0.113062</v>
      </c>
      <c r="CL2139" s="20">
        <v>8.1657900000000005E-2</v>
      </c>
      <c r="CM2139" s="20">
        <v>9.64396E-2</v>
      </c>
      <c r="CN2139" s="20">
        <v>0.10316</v>
      </c>
      <c r="CO2139" s="20">
        <v>0.105657</v>
      </c>
      <c r="CP2139" s="20">
        <v>0.112846</v>
      </c>
      <c r="CQ2139" s="20">
        <v>0.115436</v>
      </c>
      <c r="CR2139" s="20">
        <v>0.124985</v>
      </c>
      <c r="CS2139" s="20">
        <v>0.123252</v>
      </c>
      <c r="CT2139" s="20">
        <v>0.33685399999999999</v>
      </c>
      <c r="CU2139" s="20">
        <v>0.37260700000000002</v>
      </c>
      <c r="CV2139" s="20">
        <v>0.40487000000000001</v>
      </c>
      <c r="CW2139" s="20">
        <v>0.42797099999999999</v>
      </c>
      <c r="CX2139" s="20">
        <v>0.47025099999999997</v>
      </c>
      <c r="CY2139" s="6" t="s">
        <v>684</v>
      </c>
      <c r="CZ2139" s="6" t="s">
        <v>685</v>
      </c>
      <c r="DA2139" s="6" t="s">
        <v>157</v>
      </c>
      <c r="DB2139" s="6" t="s">
        <v>345</v>
      </c>
      <c r="DC2139" s="6">
        <v>22100</v>
      </c>
      <c r="DD2139" s="6">
        <v>476</v>
      </c>
      <c r="DE2139" s="6" t="s">
        <v>687</v>
      </c>
      <c r="DF2139" s="6" t="s">
        <v>363</v>
      </c>
      <c r="DG2139" s="6" t="s">
        <v>364</v>
      </c>
      <c r="DH2139" s="6" t="s">
        <v>365</v>
      </c>
      <c r="DI2139" s="6" t="s">
        <v>509</v>
      </c>
      <c r="DJ2139" s="6">
        <v>29</v>
      </c>
      <c r="DK2139" s="6">
        <v>187</v>
      </c>
      <c r="DL2139" s="6">
        <v>3</v>
      </c>
      <c r="DM2139" s="6" t="s">
        <v>556</v>
      </c>
      <c r="DN2139" s="6">
        <v>4</v>
      </c>
      <c r="DO2139" s="6" t="s">
        <v>557</v>
      </c>
      <c r="DP2139" s="6"/>
      <c r="DQ2139" s="6"/>
    </row>
    <row r="2140" spans="1:121" x14ac:dyDescent="0.2">
      <c r="A2140" s="6" t="s">
        <v>319</v>
      </c>
      <c r="B2140" s="6" t="s">
        <v>319</v>
      </c>
      <c r="C2140" s="6" t="s">
        <v>188</v>
      </c>
      <c r="D2140" s="6" t="s">
        <v>157</v>
      </c>
      <c r="E2140" s="6" t="s">
        <v>296</v>
      </c>
      <c r="F2140" s="11">
        <v>321</v>
      </c>
      <c r="G2140" s="13">
        <v>0.33472367049000001</v>
      </c>
      <c r="H2140" s="11">
        <v>353.5196926210001</v>
      </c>
      <c r="I2140" s="13">
        <v>0.36856749578822007</v>
      </c>
      <c r="J2140" s="11">
        <v>-183.39772957000014</v>
      </c>
      <c r="K2140" s="13">
        <v>-0.13971117807597541</v>
      </c>
      <c r="L2140" s="11">
        <v>150.62083509000013</v>
      </c>
      <c r="M2140" s="13">
        <v>0.13337608672975862</v>
      </c>
      <c r="N2140" s="11">
        <v>-32.77689448000001</v>
      </c>
      <c r="O2140" s="13">
        <v>-2.4969221550394868E-2</v>
      </c>
      <c r="P2140" s="7">
        <v>959.172191419</v>
      </c>
      <c r="Q2140" s="7">
        <v>1008.9825796</v>
      </c>
      <c r="R2140" s="7">
        <v>958.34544939199998</v>
      </c>
      <c r="S2140" s="7">
        <v>533.39600058099995</v>
      </c>
      <c r="T2140" s="7">
        <v>628.89082011799997</v>
      </c>
      <c r="U2140" s="7">
        <v>682.30655305300002</v>
      </c>
      <c r="V2140" s="7">
        <v>1312.6918840400001</v>
      </c>
      <c r="W2140" s="7">
        <v>1356.6406032299999</v>
      </c>
      <c r="X2140" s="7">
        <v>1104.10483869</v>
      </c>
      <c r="Y2140" s="7">
        <v>1129.29415447</v>
      </c>
      <c r="Z2140" s="7">
        <v>1262.0428615799999</v>
      </c>
      <c r="AA2140" s="7">
        <v>1349.7421032899999</v>
      </c>
      <c r="AB2140" s="7">
        <v>1225.5629671500001</v>
      </c>
      <c r="AC2140" s="7">
        <v>1176.3219728900001</v>
      </c>
      <c r="AD2140" s="7">
        <v>1205.0518290299999</v>
      </c>
      <c r="AE2140" s="7">
        <v>1256.54742347</v>
      </c>
      <c r="AF2140" s="7">
        <v>1279.9149895600001</v>
      </c>
      <c r="AG2140" s="9">
        <v>6725.7217457000006</v>
      </c>
      <c r="AH2140" s="13">
        <v>0.38262195156745649</v>
      </c>
      <c r="AI2140" s="9">
        <v>6215.2559489999985</v>
      </c>
      <c r="AJ2140" s="13">
        <v>0.35358188319610834</v>
      </c>
      <c r="AK2140" s="9">
        <v>956.7022758000021</v>
      </c>
      <c r="AL2140" s="13">
        <v>4.0208998925997712E-2</v>
      </c>
      <c r="AM2140" s="9">
        <v>-446.2364791</v>
      </c>
      <c r="AN2140" s="13">
        <v>-1.8029800336622E-2</v>
      </c>
      <c r="AO2140" s="9">
        <v>510.4657967000021</v>
      </c>
      <c r="AP2140" s="13">
        <v>2.1454238367004528E-2</v>
      </c>
      <c r="AQ2140" s="9">
        <v>17577.981917000001</v>
      </c>
      <c r="AR2140" s="9">
        <v>19099.7260403</v>
      </c>
      <c r="AS2140" s="9">
        <v>26791.9609791</v>
      </c>
      <c r="AT2140" s="9">
        <v>19836.3142329</v>
      </c>
      <c r="AU2140" s="9">
        <v>22235.751104999999</v>
      </c>
      <c r="AV2140" s="9">
        <v>23547.146895000002</v>
      </c>
      <c r="AW2140" s="9">
        <v>23793.237865999999</v>
      </c>
      <c r="AX2140" s="9">
        <v>24006.189625800002</v>
      </c>
      <c r="AY2140" s="9">
        <v>24505.461066399999</v>
      </c>
      <c r="AZ2140" s="9">
        <v>24749.940141800002</v>
      </c>
      <c r="BA2140" s="9">
        <v>24863.640453200002</v>
      </c>
      <c r="BB2140" s="9">
        <v>24935.553565099999</v>
      </c>
      <c r="BC2140" s="9">
        <v>25464.7499192</v>
      </c>
      <c r="BD2140" s="9">
        <v>24104.747798299999</v>
      </c>
      <c r="BE2140" s="9">
        <v>24499.528758799999</v>
      </c>
      <c r="BF2140" s="9">
        <v>24303.703662700002</v>
      </c>
      <c r="BG2140" s="11">
        <v>6.75</v>
      </c>
      <c r="BH2140" s="13">
        <v>0.15697674418604651</v>
      </c>
      <c r="BI2140" s="6">
        <v>6</v>
      </c>
      <c r="BJ2140" s="13">
        <v>0.13953488372093023</v>
      </c>
      <c r="BK2140" s="6">
        <v>2</v>
      </c>
      <c r="BL2140" s="13">
        <v>4.0816326530612242E-2</v>
      </c>
      <c r="BM2140" s="11">
        <v>-1.25</v>
      </c>
      <c r="BN2140" s="13">
        <v>-2.4509803921568627E-2</v>
      </c>
      <c r="BO2140" s="11">
        <v>0.75</v>
      </c>
      <c r="BP2140" s="13">
        <v>1.5306122448979591E-2</v>
      </c>
      <c r="BQ2140" s="6">
        <v>43</v>
      </c>
      <c r="BR2140" s="6">
        <v>46</v>
      </c>
      <c r="BS2140" s="6">
        <v>47</v>
      </c>
      <c r="BT2140" s="6">
        <v>49</v>
      </c>
      <c r="BU2140" s="6">
        <v>49</v>
      </c>
      <c r="BV2140" s="6">
        <v>51</v>
      </c>
      <c r="BW2140" s="6">
        <v>51</v>
      </c>
      <c r="BX2140" s="6">
        <v>53</v>
      </c>
      <c r="BY2140" s="6">
        <v>54</v>
      </c>
      <c r="BZ2140" s="6">
        <v>50</v>
      </c>
      <c r="CA2140" s="6">
        <v>52</v>
      </c>
      <c r="CB2140" s="6">
        <v>50</v>
      </c>
      <c r="CC2140" s="11">
        <v>49.75</v>
      </c>
      <c r="CD2140" s="11">
        <v>129.595</v>
      </c>
      <c r="CE2140" s="11">
        <v>86.299199999999999</v>
      </c>
      <c r="CF2140" s="11">
        <v>104.849</v>
      </c>
      <c r="CG2140" s="11">
        <v>191</v>
      </c>
      <c r="CH2140" s="20">
        <v>0.74149200000000004</v>
      </c>
      <c r="CI2140" s="20">
        <v>0.76366900000000004</v>
      </c>
      <c r="CJ2140" s="20">
        <v>0.70249799999999996</v>
      </c>
      <c r="CK2140" s="20">
        <v>0.38172200000000001</v>
      </c>
      <c r="CL2140" s="20">
        <v>0.43451000000000001</v>
      </c>
      <c r="CM2140" s="20">
        <v>0.45510699999999998</v>
      </c>
      <c r="CN2140" s="20">
        <v>0.83676099999999998</v>
      </c>
      <c r="CO2140" s="20">
        <v>0.89786200000000005</v>
      </c>
      <c r="CP2140" s="20">
        <v>0.79408299999999998</v>
      </c>
      <c r="CQ2140" s="20">
        <v>0.78879100000000002</v>
      </c>
      <c r="CR2140" s="20">
        <v>0.85736199999999996</v>
      </c>
      <c r="CS2140" s="20">
        <v>0.911246</v>
      </c>
      <c r="CT2140" s="20">
        <v>0.80887900000000001</v>
      </c>
      <c r="CU2140" s="20">
        <v>0.76452900000000001</v>
      </c>
      <c r="CV2140" s="20">
        <v>0.76702400000000004</v>
      </c>
      <c r="CW2140" s="20">
        <v>0.79596299999999998</v>
      </c>
      <c r="CX2140" s="20">
        <v>0.79528500000000002</v>
      </c>
      <c r="CY2140" s="6" t="s">
        <v>684</v>
      </c>
      <c r="CZ2140" s="6" t="s">
        <v>685</v>
      </c>
      <c r="DA2140" s="6" t="s">
        <v>157</v>
      </c>
      <c r="DB2140" s="6" t="s">
        <v>345</v>
      </c>
      <c r="DC2140" s="6">
        <v>22100</v>
      </c>
      <c r="DD2140" s="6">
        <v>476</v>
      </c>
      <c r="DE2140" s="6" t="s">
        <v>687</v>
      </c>
      <c r="DF2140" s="6" t="s">
        <v>363</v>
      </c>
      <c r="DG2140" s="6" t="s">
        <v>364</v>
      </c>
      <c r="DH2140" s="6" t="s">
        <v>365</v>
      </c>
      <c r="DI2140" s="6" t="s">
        <v>509</v>
      </c>
      <c r="DJ2140" s="6">
        <v>29</v>
      </c>
      <c r="DK2140" s="6">
        <v>187</v>
      </c>
      <c r="DL2140" s="6">
        <v>3</v>
      </c>
      <c r="DM2140" s="6" t="s">
        <v>556</v>
      </c>
      <c r="DN2140" s="6">
        <v>4</v>
      </c>
      <c r="DO2140" s="6" t="s">
        <v>557</v>
      </c>
      <c r="DP2140" s="6"/>
      <c r="DQ2140" s="6"/>
    </row>
    <row r="2141" spans="1:121" x14ac:dyDescent="0.2">
      <c r="A2141" s="6" t="s">
        <v>320</v>
      </c>
      <c r="B2141" s="6" t="s">
        <v>320</v>
      </c>
      <c r="C2141" s="6" t="s">
        <v>189</v>
      </c>
      <c r="D2141" s="6" t="s">
        <v>157</v>
      </c>
      <c r="E2141" s="6" t="s">
        <v>296</v>
      </c>
      <c r="F2141" s="11">
        <v>59</v>
      </c>
      <c r="G2141" s="13">
        <v>1.84375</v>
      </c>
      <c r="H2141" s="11">
        <v>6.741577330800002</v>
      </c>
      <c r="I2141" s="13">
        <v>0.21070055496986431</v>
      </c>
      <c r="J2141" s="11">
        <v>19.847567114599997</v>
      </c>
      <c r="K2141" s="13">
        <v>0.51235938614093168</v>
      </c>
      <c r="L2141" s="11">
        <v>32.627796867699999</v>
      </c>
      <c r="M2141" s="13">
        <v>0.55692942129943646</v>
      </c>
      <c r="N2141" s="11">
        <v>52.475363982299996</v>
      </c>
      <c r="O2141" s="13">
        <v>1.3546368238611717</v>
      </c>
      <c r="P2141" s="7">
        <v>31.996011267099998</v>
      </c>
      <c r="Q2141" s="7">
        <v>37.389358533699998</v>
      </c>
      <c r="R2141" s="7">
        <v>33.762543537200003</v>
      </c>
      <c r="S2141" s="7">
        <v>36.855200947100002</v>
      </c>
      <c r="T2141" s="7">
        <v>41.7533889571</v>
      </c>
      <c r="U2141" s="7">
        <v>38.348685404699999</v>
      </c>
      <c r="V2141" s="7">
        <v>38.7375885979</v>
      </c>
      <c r="W2141" s="7">
        <v>39.849276170300001</v>
      </c>
      <c r="X2141" s="7">
        <v>68.112236016400004</v>
      </c>
      <c r="Y2141" s="7">
        <v>58.585155712499997</v>
      </c>
      <c r="Z2141" s="7">
        <v>55.321793628400002</v>
      </c>
      <c r="AA2141" s="7">
        <v>60.643063084799998</v>
      </c>
      <c r="AB2141" s="7">
        <v>74.871153183399997</v>
      </c>
      <c r="AC2141" s="7">
        <v>66.132688875499994</v>
      </c>
      <c r="AD2141" s="7">
        <v>75.631940366400002</v>
      </c>
      <c r="AE2141" s="7">
        <v>85.100932155600006</v>
      </c>
      <c r="AF2141" s="7">
        <v>91.212952580199996</v>
      </c>
      <c r="AG2141" s="9">
        <v>6496.7991349599997</v>
      </c>
      <c r="AH2141" s="13">
        <v>0.68799567709406662</v>
      </c>
      <c r="AI2141" s="9">
        <v>5571.1273105599994</v>
      </c>
      <c r="AJ2141" s="13">
        <v>0.589969218161702</v>
      </c>
      <c r="AK2141" s="9">
        <v>2454.0707737000012</v>
      </c>
      <c r="AL2141" s="13">
        <v>0.16344989150614911</v>
      </c>
      <c r="AM2141" s="9">
        <v>-1528.3989493000008</v>
      </c>
      <c r="AN2141" s="13">
        <v>-8.7495677900885402E-2</v>
      </c>
      <c r="AO2141" s="9">
        <v>925.67182440000033</v>
      </c>
      <c r="AP2141" s="13">
        <v>6.1653054545107021E-2</v>
      </c>
      <c r="AQ2141" s="9">
        <v>9443.0813321400001</v>
      </c>
      <c r="AR2141" s="9">
        <v>13303.3091162</v>
      </c>
      <c r="AS2141" s="9">
        <v>12414.9035895</v>
      </c>
      <c r="AT2141" s="9">
        <v>8076.2312660400003</v>
      </c>
      <c r="AU2141" s="9">
        <v>7133.4876163400004</v>
      </c>
      <c r="AV2141" s="9">
        <v>7659.6579336200002</v>
      </c>
      <c r="AW2141" s="9">
        <v>15014.208642699999</v>
      </c>
      <c r="AX2141" s="9">
        <v>16401.921684000001</v>
      </c>
      <c r="AY2141" s="9">
        <v>16450.649410400001</v>
      </c>
      <c r="AZ2141" s="9">
        <v>17468.279416400001</v>
      </c>
      <c r="BA2141" s="9">
        <v>17969.532749000002</v>
      </c>
      <c r="BB2141" s="9">
        <v>18615.343487900001</v>
      </c>
      <c r="BC2141" s="9">
        <v>19237.235555899999</v>
      </c>
      <c r="BD2141" s="9">
        <v>18627.0720277</v>
      </c>
      <c r="BE2141" s="9">
        <v>17575.047774499999</v>
      </c>
      <c r="BF2141" s="9">
        <v>15939.8804671</v>
      </c>
      <c r="BG2141" s="11">
        <v>5.75</v>
      </c>
      <c r="BH2141" s="13">
        <v>0.8214285714285714</v>
      </c>
      <c r="BI2141" s="6">
        <v>0</v>
      </c>
      <c r="BJ2141" s="13">
        <v>0</v>
      </c>
      <c r="BK2141" s="6">
        <v>2</v>
      </c>
      <c r="BL2141" s="13">
        <v>0.2857142857142857</v>
      </c>
      <c r="BM2141" s="11">
        <v>3.75</v>
      </c>
      <c r="BN2141" s="13">
        <v>0.41666666666666669</v>
      </c>
      <c r="BO2141" s="11">
        <v>5.75</v>
      </c>
      <c r="BP2141" s="13">
        <v>0.8214285714285714</v>
      </c>
      <c r="BQ2141" s="6">
        <v>7</v>
      </c>
      <c r="BR2141" s="6">
        <v>6</v>
      </c>
      <c r="BS2141" s="6">
        <v>6</v>
      </c>
      <c r="BT2141" s="6">
        <v>7</v>
      </c>
      <c r="BU2141" s="6">
        <v>8</v>
      </c>
      <c r="BV2141" s="6">
        <v>8</v>
      </c>
      <c r="BW2141" s="6">
        <v>9</v>
      </c>
      <c r="BX2141" s="6">
        <v>10</v>
      </c>
      <c r="BY2141" s="6">
        <v>10</v>
      </c>
      <c r="BZ2141" s="6">
        <v>10</v>
      </c>
      <c r="CA2141" s="6">
        <v>11</v>
      </c>
      <c r="CB2141" s="6">
        <v>13</v>
      </c>
      <c r="CC2141" s="11">
        <v>12.75</v>
      </c>
      <c r="CD2141" s="11">
        <v>44.133499999999998</v>
      </c>
      <c r="CE2141" s="11">
        <v>11.585900000000001</v>
      </c>
      <c r="CF2141" s="11">
        <v>3.4975499999999999</v>
      </c>
      <c r="CG2141" s="11">
        <v>15</v>
      </c>
      <c r="CH2141" s="20">
        <v>7.4138300000000004E-2</v>
      </c>
      <c r="CI2141" s="20">
        <v>8.1057500000000005E-2</v>
      </c>
      <c r="CJ2141" s="20">
        <v>6.8843399999999999E-2</v>
      </c>
      <c r="CK2141" s="20">
        <v>7.3086700000000004E-2</v>
      </c>
      <c r="CL2141" s="20">
        <v>8.1728999999999996E-2</v>
      </c>
      <c r="CM2141" s="20">
        <v>7.2823200000000005E-2</v>
      </c>
      <c r="CN2141" s="20">
        <v>6.9203500000000001E-2</v>
      </c>
      <c r="CO2141" s="20">
        <v>6.8696599999999997E-2</v>
      </c>
      <c r="CP2141" s="20">
        <v>0.112965</v>
      </c>
      <c r="CQ2141" s="20">
        <v>9.5071799999999998E-2</v>
      </c>
      <c r="CR2141" s="20">
        <v>8.7955800000000001E-2</v>
      </c>
      <c r="CS2141" s="20">
        <v>9.67417E-2</v>
      </c>
      <c r="CT2141" s="20">
        <v>0.11829000000000001</v>
      </c>
      <c r="CU2141" s="20">
        <v>0.10412200000000001</v>
      </c>
      <c r="CV2141" s="20">
        <v>0.117879</v>
      </c>
      <c r="CW2141" s="20">
        <v>0.13217300000000001</v>
      </c>
      <c r="CX2141" s="20">
        <v>0.138459</v>
      </c>
      <c r="CY2141" s="6" t="s">
        <v>684</v>
      </c>
      <c r="CZ2141" s="6" t="s">
        <v>685</v>
      </c>
      <c r="DA2141" s="6" t="s">
        <v>157</v>
      </c>
      <c r="DB2141" s="6" t="s">
        <v>345</v>
      </c>
      <c r="DC2141" s="6">
        <v>22100</v>
      </c>
      <c r="DD2141" s="6">
        <v>476</v>
      </c>
      <c r="DE2141" s="6" t="s">
        <v>687</v>
      </c>
      <c r="DF2141" s="6" t="s">
        <v>363</v>
      </c>
      <c r="DG2141" s="6" t="s">
        <v>364</v>
      </c>
      <c r="DH2141" s="6" t="s">
        <v>365</v>
      </c>
      <c r="DI2141" s="6" t="s">
        <v>509</v>
      </c>
      <c r="DJ2141" s="6">
        <v>29</v>
      </c>
      <c r="DK2141" s="6">
        <v>187</v>
      </c>
      <c r="DL2141" s="6">
        <v>3</v>
      </c>
      <c r="DM2141" s="6" t="s">
        <v>556</v>
      </c>
      <c r="DN2141" s="6">
        <v>4</v>
      </c>
      <c r="DO2141" s="6" t="s">
        <v>557</v>
      </c>
      <c r="DP2141" s="6"/>
      <c r="DQ2141" s="6"/>
    </row>
    <row r="2142" spans="1:121" x14ac:dyDescent="0.2">
      <c r="A2142" s="6" t="s">
        <v>321</v>
      </c>
      <c r="B2142" s="6" t="s">
        <v>321</v>
      </c>
      <c r="C2142" s="6" t="s">
        <v>190</v>
      </c>
      <c r="D2142" s="6" t="s">
        <v>157</v>
      </c>
      <c r="E2142" s="6" t="s">
        <v>296</v>
      </c>
      <c r="F2142" s="11">
        <v>894</v>
      </c>
      <c r="G2142" s="13">
        <v>0.27763975155300002</v>
      </c>
      <c r="H2142" s="11">
        <v>635.27122370000006</v>
      </c>
      <c r="I2142" s="13">
        <v>0.19730903791818091</v>
      </c>
      <c r="J2142" s="11">
        <v>179.44270113999983</v>
      </c>
      <c r="K2142" s="13">
        <v>4.6548676024460826E-2</v>
      </c>
      <c r="L2142" s="11">
        <v>79.59501549999959</v>
      </c>
      <c r="M2142" s="13">
        <v>1.9729131791947106E-2</v>
      </c>
      <c r="N2142" s="11">
        <v>259.03771663999942</v>
      </c>
      <c r="O2142" s="13">
        <v>6.7196172780435173E-2</v>
      </c>
      <c r="P2142" s="7">
        <v>3219.6762520500001</v>
      </c>
      <c r="Q2142" s="7">
        <v>3287.2329247500002</v>
      </c>
      <c r="R2142" s="7">
        <v>3293.61367303</v>
      </c>
      <c r="S2142" s="7">
        <v>3501.3211902200001</v>
      </c>
      <c r="T2142" s="7">
        <v>3636.5089207000001</v>
      </c>
      <c r="U2142" s="7">
        <v>3714.9703400799999</v>
      </c>
      <c r="V2142" s="7">
        <v>3854.9474757500002</v>
      </c>
      <c r="W2142" s="7">
        <v>3803.9660693000001</v>
      </c>
      <c r="X2142" s="7">
        <v>3917.3692377000002</v>
      </c>
      <c r="Y2142" s="7">
        <v>4034.39017689</v>
      </c>
      <c r="Z2142" s="7">
        <v>4082.31706442</v>
      </c>
      <c r="AA2142" s="7">
        <v>4064.99118421</v>
      </c>
      <c r="AB2142" s="7">
        <v>4510.8064846400002</v>
      </c>
      <c r="AC2142" s="7">
        <v>4324.8611119899997</v>
      </c>
      <c r="AD2142" s="7">
        <v>4184.3807166799998</v>
      </c>
      <c r="AE2142" s="7">
        <v>4077.2310566299998</v>
      </c>
      <c r="AF2142" s="7">
        <v>4113.9851923899996</v>
      </c>
      <c r="AG2142" s="9">
        <v>9255.5456809000025</v>
      </c>
      <c r="AH2142" s="13">
        <v>0.35015184290368562</v>
      </c>
      <c r="AI2142" s="9">
        <v>6323.0416813000011</v>
      </c>
      <c r="AJ2142" s="13">
        <v>0.23921060667799807</v>
      </c>
      <c r="AK2142" s="9">
        <v>2503.029473300001</v>
      </c>
      <c r="AL2142" s="13">
        <v>7.6414403853481513E-2</v>
      </c>
      <c r="AM2142" s="9">
        <v>429.47452630000043</v>
      </c>
      <c r="AN2142" s="13">
        <v>1.2180557734141648E-2</v>
      </c>
      <c r="AO2142" s="9">
        <v>2932.5039996000014</v>
      </c>
      <c r="AP2142" s="13">
        <v>8.9525731645480527E-2</v>
      </c>
      <c r="AQ2142" s="9">
        <v>26432.9486435</v>
      </c>
      <c r="AR2142" s="9">
        <v>27829.4533037</v>
      </c>
      <c r="AS2142" s="9">
        <v>29336.316622800001</v>
      </c>
      <c r="AT2142" s="9">
        <v>31229.1477954</v>
      </c>
      <c r="AU2142" s="9">
        <v>30884.876505299999</v>
      </c>
      <c r="AV2142" s="9">
        <v>31337.591232700001</v>
      </c>
      <c r="AW2142" s="9">
        <v>32755.990324800001</v>
      </c>
      <c r="AX2142" s="9">
        <v>33392.536064699998</v>
      </c>
      <c r="AY2142" s="9">
        <v>34055.574460299998</v>
      </c>
      <c r="AZ2142" s="9">
        <v>35259.019798100002</v>
      </c>
      <c r="BA2142" s="9">
        <v>34284.1759466</v>
      </c>
      <c r="BB2142" s="9">
        <v>35163.654415600002</v>
      </c>
      <c r="BC2142" s="9">
        <v>34443.943784399999</v>
      </c>
      <c r="BD2142" s="9">
        <v>34744.841830799996</v>
      </c>
      <c r="BE2142" s="9">
        <v>35044.508616400002</v>
      </c>
      <c r="BF2142" s="9">
        <v>35688.494324400002</v>
      </c>
      <c r="BG2142" s="11">
        <v>482</v>
      </c>
      <c r="BH2142" s="13">
        <v>2.9212121212121214</v>
      </c>
      <c r="BI2142" s="6">
        <v>-4</v>
      </c>
      <c r="BJ2142" s="13">
        <v>-2.4242424242424242E-2</v>
      </c>
      <c r="BK2142" s="6">
        <v>4</v>
      </c>
      <c r="BL2142" s="13">
        <v>2.4844720496894408E-2</v>
      </c>
      <c r="BM2142" s="11">
        <v>482</v>
      </c>
      <c r="BN2142" s="13">
        <v>2.9212121212121214</v>
      </c>
      <c r="BO2142" s="11">
        <v>486</v>
      </c>
      <c r="BP2142" s="13">
        <v>3.018633540372671</v>
      </c>
      <c r="BQ2142" s="6">
        <v>165</v>
      </c>
      <c r="BR2142" s="6">
        <v>164</v>
      </c>
      <c r="BS2142" s="6">
        <v>169</v>
      </c>
      <c r="BT2142" s="6">
        <v>161</v>
      </c>
      <c r="BU2142" s="6">
        <v>162</v>
      </c>
      <c r="BV2142" s="6">
        <v>171</v>
      </c>
      <c r="BW2142" s="6">
        <v>165</v>
      </c>
      <c r="BX2142" s="6">
        <v>160</v>
      </c>
      <c r="BY2142" s="6">
        <v>169</v>
      </c>
      <c r="BZ2142" s="6">
        <v>580</v>
      </c>
      <c r="CA2142" s="6">
        <v>604</v>
      </c>
      <c r="CB2142" s="6">
        <v>615</v>
      </c>
      <c r="CC2142" s="11">
        <v>647</v>
      </c>
      <c r="CD2142" s="11">
        <v>-630.13900000000001</v>
      </c>
      <c r="CE2142" s="11">
        <v>1172.5</v>
      </c>
      <c r="CF2142" s="11">
        <v>351.94900000000001</v>
      </c>
      <c r="CG2142" s="11">
        <v>1525</v>
      </c>
      <c r="CH2142" s="20">
        <v>1.51058</v>
      </c>
      <c r="CI2142" s="20">
        <v>1.45347</v>
      </c>
      <c r="CJ2142" s="20">
        <v>1.3673500000000001</v>
      </c>
      <c r="CK2142" s="20">
        <v>1.4366300000000001</v>
      </c>
      <c r="CL2142" s="20">
        <v>1.45686</v>
      </c>
      <c r="CM2142" s="20">
        <v>1.4392799999999999</v>
      </c>
      <c r="CN2142" s="20">
        <v>1.4019200000000001</v>
      </c>
      <c r="CO2142" s="20">
        <v>1.33944</v>
      </c>
      <c r="CP2142" s="20">
        <v>1.33724</v>
      </c>
      <c r="CQ2142" s="20">
        <v>1.3560000000000001</v>
      </c>
      <c r="CR2142" s="20">
        <v>1.3682799999999999</v>
      </c>
      <c r="CS2142" s="20">
        <v>1.34457</v>
      </c>
      <c r="CT2142" s="20">
        <v>1.4699</v>
      </c>
      <c r="CU2142" s="20">
        <v>1.4073100000000001</v>
      </c>
      <c r="CV2142" s="20">
        <v>1.3344499999999999</v>
      </c>
      <c r="CW2142" s="20">
        <v>1.28793</v>
      </c>
      <c r="CX2142" s="20">
        <v>1.2627200000000001</v>
      </c>
      <c r="CY2142" s="6" t="s">
        <v>684</v>
      </c>
      <c r="CZ2142" s="6" t="s">
        <v>685</v>
      </c>
      <c r="DA2142" s="6" t="s">
        <v>157</v>
      </c>
      <c r="DB2142" s="6" t="s">
        <v>345</v>
      </c>
      <c r="DC2142" s="6">
        <v>22100</v>
      </c>
      <c r="DD2142" s="6">
        <v>476</v>
      </c>
      <c r="DE2142" s="6" t="s">
        <v>687</v>
      </c>
      <c r="DF2142" s="6" t="s">
        <v>363</v>
      </c>
      <c r="DG2142" s="6" t="s">
        <v>364</v>
      </c>
      <c r="DH2142" s="6" t="s">
        <v>365</v>
      </c>
      <c r="DI2142" s="6" t="s">
        <v>509</v>
      </c>
      <c r="DJ2142" s="6">
        <v>29</v>
      </c>
      <c r="DK2142" s="6">
        <v>187</v>
      </c>
      <c r="DL2142" s="6">
        <v>3</v>
      </c>
      <c r="DM2142" s="6" t="s">
        <v>556</v>
      </c>
      <c r="DN2142" s="6">
        <v>4</v>
      </c>
      <c r="DO2142" s="6" t="s">
        <v>557</v>
      </c>
      <c r="DP2142" s="6"/>
      <c r="DQ2142" s="6"/>
    </row>
    <row r="2143" spans="1:121" x14ac:dyDescent="0.2">
      <c r="A2143" s="6" t="s">
        <v>322</v>
      </c>
      <c r="B2143" s="6" t="s">
        <v>322</v>
      </c>
      <c r="C2143" s="6" t="s">
        <v>191</v>
      </c>
      <c r="D2143" s="6" t="s">
        <v>157</v>
      </c>
      <c r="E2143" s="6" t="s">
        <v>296</v>
      </c>
      <c r="F2143" s="11">
        <v>-17</v>
      </c>
      <c r="G2143" s="13">
        <v>-0.09</v>
      </c>
      <c r="H2143" s="11">
        <v>-33</v>
      </c>
      <c r="I2143" s="13">
        <v>-0.17934782608695651</v>
      </c>
      <c r="J2143" s="11">
        <v>17</v>
      </c>
      <c r="K2143" s="13">
        <v>0.11258278145695363</v>
      </c>
      <c r="L2143" s="11">
        <v>-1</v>
      </c>
      <c r="M2143" s="13">
        <v>-5.9523809523809521E-3</v>
      </c>
      <c r="N2143" s="11">
        <v>16</v>
      </c>
      <c r="O2143" s="13">
        <v>0.10596026490066224</v>
      </c>
      <c r="P2143" s="7">
        <v>184</v>
      </c>
      <c r="Q2143" s="7">
        <v>179</v>
      </c>
      <c r="R2143" s="7">
        <v>139</v>
      </c>
      <c r="S2143" s="7">
        <v>150</v>
      </c>
      <c r="T2143" s="7">
        <v>146</v>
      </c>
      <c r="U2143" s="7">
        <v>134</v>
      </c>
      <c r="V2143" s="7">
        <v>151</v>
      </c>
      <c r="W2143" s="7">
        <v>151</v>
      </c>
      <c r="X2143" s="7">
        <v>175</v>
      </c>
      <c r="Y2143" s="7">
        <v>168</v>
      </c>
      <c r="Z2143" s="7">
        <v>147</v>
      </c>
      <c r="AA2143" s="7">
        <v>143</v>
      </c>
      <c r="AB2143" s="7">
        <v>144</v>
      </c>
      <c r="AC2143" s="7">
        <v>182</v>
      </c>
      <c r="AD2143" s="7">
        <v>157</v>
      </c>
      <c r="AE2143" s="7">
        <v>163</v>
      </c>
      <c r="AF2143" s="7">
        <v>167</v>
      </c>
      <c r="AG2143" s="9">
        <v>2655</v>
      </c>
      <c r="AH2143" s="13">
        <v>0.22197140707298721</v>
      </c>
      <c r="AI2143" s="9">
        <v>2865</v>
      </c>
      <c r="AJ2143" s="13">
        <v>0.23952846751943815</v>
      </c>
      <c r="AK2143" s="9">
        <v>-1243</v>
      </c>
      <c r="AL2143" s="13">
        <v>-8.383920140294078E-2</v>
      </c>
      <c r="AM2143" s="9">
        <v>1033</v>
      </c>
      <c r="AN2143" s="13">
        <v>7.6050946035485539E-2</v>
      </c>
      <c r="AO2143" s="9">
        <v>-210</v>
      </c>
      <c r="AP2143" s="13">
        <v>-1.4164305949008501E-2</v>
      </c>
      <c r="AQ2143" s="9">
        <v>11961</v>
      </c>
      <c r="AR2143" s="9">
        <v>11950</v>
      </c>
      <c r="AS2143" s="9">
        <v>12340</v>
      </c>
      <c r="AT2143" s="9">
        <v>11890</v>
      </c>
      <c r="AU2143" s="9">
        <v>12017</v>
      </c>
      <c r="AV2143" s="9">
        <v>13589</v>
      </c>
      <c r="AW2143" s="9">
        <v>14826</v>
      </c>
      <c r="AX2143" s="9">
        <v>15218</v>
      </c>
      <c r="AY2143" s="9">
        <v>14090</v>
      </c>
      <c r="AZ2143" s="9">
        <v>13583</v>
      </c>
      <c r="BA2143" s="9">
        <v>13538</v>
      </c>
      <c r="BB2143" s="9">
        <v>13245</v>
      </c>
      <c r="BC2143" s="9">
        <v>14282</v>
      </c>
      <c r="BD2143" s="9">
        <v>14661</v>
      </c>
      <c r="BE2143" s="9">
        <v>13826</v>
      </c>
      <c r="BF2143" s="9">
        <v>14616</v>
      </c>
      <c r="BG2143" s="11">
        <v>3</v>
      </c>
      <c r="BH2143" s="13">
        <v>0.21428571428571427</v>
      </c>
      <c r="BI2143" s="6">
        <v>0</v>
      </c>
      <c r="BJ2143" s="13">
        <v>0</v>
      </c>
      <c r="BK2143" s="6">
        <v>1</v>
      </c>
      <c r="BL2143" s="13">
        <v>7.1428571428571425E-2</v>
      </c>
      <c r="BM2143" s="11">
        <v>2</v>
      </c>
      <c r="BN2143" s="13">
        <v>0.13333333333333333</v>
      </c>
      <c r="BO2143" s="11">
        <v>3</v>
      </c>
      <c r="BP2143" s="13">
        <v>0.21428571428571427</v>
      </c>
      <c r="BQ2143" s="6">
        <v>14</v>
      </c>
      <c r="BR2143" s="6">
        <v>16</v>
      </c>
      <c r="BS2143" s="6">
        <v>14</v>
      </c>
      <c r="BT2143" s="6">
        <v>14</v>
      </c>
      <c r="BU2143" s="6">
        <v>13</v>
      </c>
      <c r="BV2143" s="6">
        <v>13</v>
      </c>
      <c r="BW2143" s="6">
        <v>15</v>
      </c>
      <c r="BX2143" s="6">
        <v>14</v>
      </c>
      <c r="BY2143" s="6">
        <v>17</v>
      </c>
      <c r="BZ2143" s="6">
        <v>18</v>
      </c>
      <c r="CA2143" s="6">
        <v>20</v>
      </c>
      <c r="CB2143" s="6">
        <v>18</v>
      </c>
      <c r="CC2143" s="11">
        <v>17</v>
      </c>
      <c r="CD2143" s="11">
        <v>-70</v>
      </c>
      <c r="CE2143" s="11">
        <v>33</v>
      </c>
      <c r="CF2143" s="11">
        <v>20</v>
      </c>
      <c r="CG2143" s="11">
        <v>53</v>
      </c>
      <c r="CH2143" s="20">
        <v>0.56000000000000005</v>
      </c>
      <c r="CI2143" s="20">
        <v>0.53</v>
      </c>
      <c r="CJ2143" s="20">
        <v>0.39</v>
      </c>
      <c r="CK2143" s="20">
        <v>0.41</v>
      </c>
      <c r="CL2143" s="20">
        <v>0.4</v>
      </c>
      <c r="CM2143" s="20">
        <v>0.35</v>
      </c>
      <c r="CN2143" s="20">
        <v>0.38</v>
      </c>
      <c r="CO2143" s="20">
        <v>0.37</v>
      </c>
      <c r="CP2143" s="20">
        <v>0.44</v>
      </c>
      <c r="CQ2143" s="20">
        <v>0.42</v>
      </c>
      <c r="CR2143" s="20">
        <v>0.37</v>
      </c>
      <c r="CS2143" s="20">
        <v>0.36</v>
      </c>
      <c r="CT2143" s="20">
        <v>0.36</v>
      </c>
      <c r="CU2143" s="20">
        <v>0.44</v>
      </c>
      <c r="CV2143" s="20">
        <v>0.37</v>
      </c>
      <c r="CW2143" s="20">
        <v>0.38</v>
      </c>
      <c r="CX2143" s="20">
        <v>0.38</v>
      </c>
      <c r="CY2143" s="6" t="s">
        <v>684</v>
      </c>
      <c r="CZ2143" s="6" t="s">
        <v>685</v>
      </c>
      <c r="DA2143" s="6" t="s">
        <v>157</v>
      </c>
      <c r="DB2143" s="6" t="s">
        <v>345</v>
      </c>
      <c r="DC2143" s="6">
        <v>22100</v>
      </c>
      <c r="DD2143" s="6">
        <v>476</v>
      </c>
      <c r="DE2143" s="6" t="s">
        <v>687</v>
      </c>
      <c r="DF2143" s="6" t="s">
        <v>363</v>
      </c>
      <c r="DG2143" s="6" t="s">
        <v>364</v>
      </c>
      <c r="DH2143" s="6" t="s">
        <v>365</v>
      </c>
      <c r="DI2143" s="6" t="s">
        <v>509</v>
      </c>
      <c r="DJ2143" s="6">
        <v>29</v>
      </c>
      <c r="DK2143" s="6">
        <v>187</v>
      </c>
      <c r="DL2143" s="6">
        <v>3</v>
      </c>
      <c r="DM2143" s="6" t="s">
        <v>556</v>
      </c>
      <c r="DN2143" s="6">
        <v>4</v>
      </c>
      <c r="DO2143" s="6" t="s">
        <v>557</v>
      </c>
      <c r="DP2143" s="6"/>
      <c r="DQ2143" s="6"/>
    </row>
    <row r="2144" spans="1:121" x14ac:dyDescent="0.2">
      <c r="A2144" s="6" t="s">
        <v>323</v>
      </c>
      <c r="B2144" s="6" t="s">
        <v>323</v>
      </c>
      <c r="C2144" s="6" t="s">
        <v>192</v>
      </c>
      <c r="D2144" s="6" t="s">
        <v>157</v>
      </c>
      <c r="E2144" s="6" t="s">
        <v>296</v>
      </c>
      <c r="F2144" s="11">
        <v>243</v>
      </c>
      <c r="G2144" s="13">
        <v>0.13575418994399999</v>
      </c>
      <c r="H2144" s="11">
        <v>231.86117813999999</v>
      </c>
      <c r="I2144" s="13">
        <v>0.1295021603459327</v>
      </c>
      <c r="J2144" s="11">
        <v>-71.921463970000104</v>
      </c>
      <c r="K2144" s="13">
        <v>-3.5564804693447694E-2</v>
      </c>
      <c r="L2144" s="11">
        <v>82.959229870000172</v>
      </c>
      <c r="M2144" s="13">
        <v>4.2535698612227293E-2</v>
      </c>
      <c r="N2144" s="11">
        <v>11.037765900000068</v>
      </c>
      <c r="O2144" s="13">
        <v>5.45812010513638E-3</v>
      </c>
      <c r="P2144" s="7">
        <v>1790.40394014</v>
      </c>
      <c r="Q2144" s="7">
        <v>1794.92028946</v>
      </c>
      <c r="R2144" s="7">
        <v>1821.4004450100001</v>
      </c>
      <c r="S2144" s="7">
        <v>1806.0913407600001</v>
      </c>
      <c r="T2144" s="7">
        <v>1903.0965083000001</v>
      </c>
      <c r="U2144" s="7">
        <v>2047.22410244</v>
      </c>
      <c r="V2144" s="7">
        <v>2022.26511828</v>
      </c>
      <c r="W2144" s="7">
        <v>2041.10259705</v>
      </c>
      <c r="X2144" s="7">
        <v>1976.3086820999999</v>
      </c>
      <c r="Y2144" s="7">
        <v>1950.3436543099999</v>
      </c>
      <c r="Z2144" s="7">
        <v>1911.2595824</v>
      </c>
      <c r="AA2144" s="7">
        <v>1895.9235636599999</v>
      </c>
      <c r="AB2144" s="7">
        <v>1903.88289594</v>
      </c>
      <c r="AC2144" s="7">
        <v>1909.50159555</v>
      </c>
      <c r="AD2144" s="7">
        <v>2007.88693377</v>
      </c>
      <c r="AE2144" s="7">
        <v>2028.0933399200001</v>
      </c>
      <c r="AF2144" s="7">
        <v>2033.3028841800001</v>
      </c>
      <c r="AG2144" s="9">
        <v>5062.8436980999995</v>
      </c>
      <c r="AH2144" s="13">
        <v>0.47119759823464047</v>
      </c>
      <c r="AI2144" s="9">
        <v>2086.7140426999995</v>
      </c>
      <c r="AJ2144" s="13">
        <v>0.19420995467265481</v>
      </c>
      <c r="AK2144" s="9">
        <v>1140.2231613000004</v>
      </c>
      <c r="AL2144" s="13">
        <v>8.8862334774675436E-2</v>
      </c>
      <c r="AM2144" s="9">
        <v>1835.9064940999997</v>
      </c>
      <c r="AN2144" s="13">
        <v>0.13140304946695244</v>
      </c>
      <c r="AO2144" s="9">
        <v>2976.1296554</v>
      </c>
      <c r="AP2144" s="13">
        <v>0.23194216601377343</v>
      </c>
      <c r="AQ2144" s="9">
        <v>10744.6296778</v>
      </c>
      <c r="AR2144" s="9">
        <v>11282.6335375</v>
      </c>
      <c r="AS2144" s="9">
        <v>11476.1405478</v>
      </c>
      <c r="AT2144" s="9">
        <v>12248.9905033</v>
      </c>
      <c r="AU2144" s="9">
        <v>12222.20397</v>
      </c>
      <c r="AV2144" s="9">
        <v>11724.0435583</v>
      </c>
      <c r="AW2144" s="9">
        <v>12831.343720499999</v>
      </c>
      <c r="AX2144" s="9">
        <v>13104.014947</v>
      </c>
      <c r="AY2144" s="9">
        <v>13398.591334500001</v>
      </c>
      <c r="AZ2144" s="9">
        <v>13971.566881799999</v>
      </c>
      <c r="BA2144" s="9">
        <v>13953.0364689</v>
      </c>
      <c r="BB2144" s="9">
        <v>14732.0571812</v>
      </c>
      <c r="BC2144" s="9">
        <v>14821.130986100001</v>
      </c>
      <c r="BD2144" s="9">
        <v>14760.3653013</v>
      </c>
      <c r="BE2144" s="9">
        <v>15552.0178867</v>
      </c>
      <c r="BF2144" s="9">
        <v>15807.473375899999</v>
      </c>
      <c r="BG2144" s="11">
        <v>4.75</v>
      </c>
      <c r="BH2144" s="13">
        <v>4.4811320754716978E-2</v>
      </c>
      <c r="BI2144" s="6">
        <v>6</v>
      </c>
      <c r="BJ2144" s="13">
        <v>5.6603773584905662E-2</v>
      </c>
      <c r="BK2144" s="6">
        <v>-8</v>
      </c>
      <c r="BL2144" s="13">
        <v>-7.1428571428571425E-2</v>
      </c>
      <c r="BM2144" s="11">
        <v>6.75</v>
      </c>
      <c r="BN2144" s="13">
        <v>6.4903846153846159E-2</v>
      </c>
      <c r="BO2144" s="11">
        <v>-1.25</v>
      </c>
      <c r="BP2144" s="13">
        <v>-1.1160714285714286E-2</v>
      </c>
      <c r="BQ2144" s="6">
        <v>106</v>
      </c>
      <c r="BR2144" s="6">
        <v>105</v>
      </c>
      <c r="BS2144" s="6">
        <v>112</v>
      </c>
      <c r="BT2144" s="6">
        <v>112</v>
      </c>
      <c r="BU2144" s="6">
        <v>108</v>
      </c>
      <c r="BV2144" s="6">
        <v>108</v>
      </c>
      <c r="BW2144" s="6">
        <v>104</v>
      </c>
      <c r="BX2144" s="6">
        <v>101</v>
      </c>
      <c r="BY2144" s="6">
        <v>103</v>
      </c>
      <c r="BZ2144" s="6">
        <v>105</v>
      </c>
      <c r="CA2144" s="6">
        <v>108</v>
      </c>
      <c r="CB2144" s="6">
        <v>115</v>
      </c>
      <c r="CC2144" s="11">
        <v>110.75</v>
      </c>
      <c r="CD2144" s="11">
        <v>-359.96199999999999</v>
      </c>
      <c r="CE2144" s="11">
        <v>407.14800000000002</v>
      </c>
      <c r="CF2144" s="11">
        <v>195.71299999999999</v>
      </c>
      <c r="CG2144" s="11">
        <v>603</v>
      </c>
      <c r="CH2144" s="20">
        <v>1.1318999999999999</v>
      </c>
      <c r="CI2144" s="20">
        <v>1.0966100000000001</v>
      </c>
      <c r="CJ2144" s="20">
        <v>1.0576099999999999</v>
      </c>
      <c r="CK2144" s="20">
        <v>1.03108</v>
      </c>
      <c r="CL2144" s="20">
        <v>1.06</v>
      </c>
      <c r="CM2144" s="20">
        <v>1.1070899999999999</v>
      </c>
      <c r="CN2144" s="20">
        <v>1.0322899999999999</v>
      </c>
      <c r="CO2144" s="20">
        <v>1.0319</v>
      </c>
      <c r="CP2144" s="20">
        <v>1.0166500000000001</v>
      </c>
      <c r="CQ2144" s="20">
        <v>1.00078</v>
      </c>
      <c r="CR2144" s="20">
        <v>0.96728599999999998</v>
      </c>
      <c r="CS2144" s="20">
        <v>0.95278499999999999</v>
      </c>
      <c r="CT2144" s="20">
        <v>0.93253399999999997</v>
      </c>
      <c r="CU2144" s="20">
        <v>0.92412300000000003</v>
      </c>
      <c r="CV2144" s="20">
        <v>0.94324200000000002</v>
      </c>
      <c r="CW2144" s="20">
        <v>0.94147000000000003</v>
      </c>
      <c r="CX2144" s="20">
        <v>0.92698700000000001</v>
      </c>
      <c r="CY2144" s="6" t="s">
        <v>684</v>
      </c>
      <c r="CZ2144" s="6" t="s">
        <v>685</v>
      </c>
      <c r="DA2144" s="6" t="s">
        <v>157</v>
      </c>
      <c r="DB2144" s="6" t="s">
        <v>345</v>
      </c>
      <c r="DC2144" s="6">
        <v>22100</v>
      </c>
      <c r="DD2144" s="6">
        <v>476</v>
      </c>
      <c r="DE2144" s="6" t="s">
        <v>687</v>
      </c>
      <c r="DF2144" s="6" t="s">
        <v>363</v>
      </c>
      <c r="DG2144" s="6" t="s">
        <v>364</v>
      </c>
      <c r="DH2144" s="6" t="s">
        <v>365</v>
      </c>
      <c r="DI2144" s="6" t="s">
        <v>509</v>
      </c>
      <c r="DJ2144" s="6">
        <v>29</v>
      </c>
      <c r="DK2144" s="6">
        <v>187</v>
      </c>
      <c r="DL2144" s="6">
        <v>3</v>
      </c>
      <c r="DM2144" s="6" t="s">
        <v>556</v>
      </c>
      <c r="DN2144" s="6">
        <v>4</v>
      </c>
      <c r="DO2144" s="6" t="s">
        <v>557</v>
      </c>
      <c r="DP2144" s="6"/>
      <c r="DQ2144" s="6"/>
    </row>
    <row r="2145" spans="1:121" x14ac:dyDescent="0.2">
      <c r="A2145" s="6" t="s">
        <v>325</v>
      </c>
      <c r="B2145" s="6" t="s">
        <v>325</v>
      </c>
      <c r="C2145" s="6" t="s">
        <v>193</v>
      </c>
      <c r="D2145" s="6" t="s">
        <v>157</v>
      </c>
      <c r="E2145" s="6" t="s">
        <v>296</v>
      </c>
      <c r="F2145" s="11">
        <v>109</v>
      </c>
      <c r="G2145" s="13">
        <v>0.103024574669</v>
      </c>
      <c r="H2145" s="11">
        <v>305.98641988999998</v>
      </c>
      <c r="I2145" s="13">
        <v>0.28924504041228971</v>
      </c>
      <c r="J2145" s="11">
        <v>127.67562343999998</v>
      </c>
      <c r="K2145" s="13">
        <v>9.3613026566107316E-2</v>
      </c>
      <c r="L2145" s="11">
        <v>-324.26351995999994</v>
      </c>
      <c r="M2145" s="13">
        <v>-0.21740159065965556</v>
      </c>
      <c r="N2145" s="11">
        <v>-196.58789651999996</v>
      </c>
      <c r="O2145" s="13">
        <v>-0.14414018497548456</v>
      </c>
      <c r="P2145" s="7">
        <v>1057.8795731600001</v>
      </c>
      <c r="Q2145" s="7">
        <v>1126.03770085</v>
      </c>
      <c r="R2145" s="7">
        <v>1213.5212810999999</v>
      </c>
      <c r="S2145" s="7">
        <v>1220.78653998</v>
      </c>
      <c r="T2145" s="7">
        <v>1242.94149384</v>
      </c>
      <c r="U2145" s="7">
        <v>1273.2315205299999</v>
      </c>
      <c r="V2145" s="7">
        <v>1363.86599305</v>
      </c>
      <c r="W2145" s="7">
        <v>1360.0599196000001</v>
      </c>
      <c r="X2145" s="7">
        <v>1409.0536073400001</v>
      </c>
      <c r="Y2145" s="7">
        <v>1491.54161649</v>
      </c>
      <c r="Z2145" s="7">
        <v>1554.9932122499999</v>
      </c>
      <c r="AA2145" s="7">
        <v>1556.8069379999999</v>
      </c>
      <c r="AB2145" s="7">
        <v>1128.6885471200001</v>
      </c>
      <c r="AC2145" s="7">
        <v>1122.8538888099999</v>
      </c>
      <c r="AD2145" s="7">
        <v>1189.8885295699999</v>
      </c>
      <c r="AE2145" s="7">
        <v>1169.9570432999999</v>
      </c>
      <c r="AF2145" s="7">
        <v>1167.2780965300001</v>
      </c>
      <c r="AG2145" s="9">
        <v>8010.3235126000018</v>
      </c>
      <c r="AH2145" s="13">
        <v>0.49794565392871037</v>
      </c>
      <c r="AI2145" s="9">
        <v>707.58582820000265</v>
      </c>
      <c r="AJ2145" s="13">
        <v>4.3985650189972872E-2</v>
      </c>
      <c r="AK2145" s="9">
        <v>-475.43764470000133</v>
      </c>
      <c r="AL2145" s="13">
        <v>-2.8309417052826545E-2</v>
      </c>
      <c r="AM2145" s="9">
        <v>7778.1753291000005</v>
      </c>
      <c r="AN2145" s="13">
        <v>0.47663627884098531</v>
      </c>
      <c r="AO2145" s="9">
        <v>7302.7376843999991</v>
      </c>
      <c r="AP2145" s="13">
        <v>0.43483356658794198</v>
      </c>
      <c r="AQ2145" s="9">
        <v>16086.742497699999</v>
      </c>
      <c r="AR2145" s="9">
        <v>16348.956422699999</v>
      </c>
      <c r="AS2145" s="9">
        <v>16206.608138199999</v>
      </c>
      <c r="AT2145" s="9">
        <v>16989.833451800001</v>
      </c>
      <c r="AU2145" s="9">
        <v>16849.3825115</v>
      </c>
      <c r="AV2145" s="9">
        <v>16762.519866300001</v>
      </c>
      <c r="AW2145" s="9">
        <v>16794.328325900002</v>
      </c>
      <c r="AX2145" s="9">
        <v>16971.9960049</v>
      </c>
      <c r="AY2145" s="9">
        <v>16604.795803100002</v>
      </c>
      <c r="AZ2145" s="9">
        <v>16318.8906812</v>
      </c>
      <c r="BA2145" s="9">
        <v>15781.229696300001</v>
      </c>
      <c r="BB2145" s="9">
        <v>16329.075687299999</v>
      </c>
      <c r="BC2145" s="9">
        <v>21470.9833067</v>
      </c>
      <c r="BD2145" s="9">
        <v>22726.8799908</v>
      </c>
      <c r="BE2145" s="9">
        <v>23483.6287524</v>
      </c>
      <c r="BF2145" s="9">
        <v>24097.066010300001</v>
      </c>
      <c r="BG2145" s="11">
        <v>-46.75</v>
      </c>
      <c r="BH2145" s="13">
        <v>-0.27023121387283239</v>
      </c>
      <c r="BI2145" s="6">
        <v>77</v>
      </c>
      <c r="BJ2145" s="13">
        <v>0.44508670520231214</v>
      </c>
      <c r="BK2145" s="6">
        <v>95</v>
      </c>
      <c r="BL2145" s="13">
        <v>0.38</v>
      </c>
      <c r="BM2145" s="11">
        <v>-218.75</v>
      </c>
      <c r="BN2145" s="13">
        <v>-0.63405797101449279</v>
      </c>
      <c r="BO2145" s="11">
        <v>-123.75</v>
      </c>
      <c r="BP2145" s="13">
        <v>-0.495</v>
      </c>
      <c r="BQ2145" s="6">
        <v>173</v>
      </c>
      <c r="BR2145" s="6">
        <v>186</v>
      </c>
      <c r="BS2145" s="6">
        <v>202</v>
      </c>
      <c r="BT2145" s="6">
        <v>250</v>
      </c>
      <c r="BU2145" s="6">
        <v>270</v>
      </c>
      <c r="BV2145" s="6">
        <v>307</v>
      </c>
      <c r="BW2145" s="6">
        <v>345</v>
      </c>
      <c r="BX2145" s="6">
        <v>428</v>
      </c>
      <c r="BY2145" s="6">
        <v>462</v>
      </c>
      <c r="BZ2145" s="6">
        <v>117</v>
      </c>
      <c r="CA2145" s="6">
        <v>115</v>
      </c>
      <c r="CB2145" s="6">
        <v>127</v>
      </c>
      <c r="CC2145" s="11">
        <v>126.25</v>
      </c>
      <c r="CD2145" s="11">
        <v>3.5016099999999999</v>
      </c>
      <c r="CE2145" s="11">
        <v>-9.74207</v>
      </c>
      <c r="CF2145" s="11">
        <v>115.639</v>
      </c>
      <c r="CG2145" s="11">
        <v>106</v>
      </c>
      <c r="CH2145" s="20">
        <v>0.98460199999999998</v>
      </c>
      <c r="CI2145" s="20">
        <v>1.00861</v>
      </c>
      <c r="CJ2145" s="20">
        <v>1.0389999999999999</v>
      </c>
      <c r="CK2145" s="20">
        <v>1.0462499999999999</v>
      </c>
      <c r="CL2145" s="20">
        <v>1.05653</v>
      </c>
      <c r="CM2145" s="20">
        <v>1.0606</v>
      </c>
      <c r="CN2145" s="20">
        <v>1.07772</v>
      </c>
      <c r="CO2145" s="20">
        <v>1.06338</v>
      </c>
      <c r="CP2145" s="20">
        <v>1.0981300000000001</v>
      </c>
      <c r="CQ2145" s="20">
        <v>1.16811</v>
      </c>
      <c r="CR2145" s="20">
        <v>1.2186399999999999</v>
      </c>
      <c r="CS2145" s="20">
        <v>1.2208600000000001</v>
      </c>
      <c r="CT2145" s="20">
        <v>0.94105799999999995</v>
      </c>
      <c r="CU2145" s="20">
        <v>0.93486599999999997</v>
      </c>
      <c r="CV2145" s="20">
        <v>0.98065899999999995</v>
      </c>
      <c r="CW2145" s="20">
        <v>0.96295299999999995</v>
      </c>
      <c r="CX2145" s="20">
        <v>0.95196099999999995</v>
      </c>
      <c r="CY2145" s="6" t="s">
        <v>684</v>
      </c>
      <c r="CZ2145" s="6" t="s">
        <v>685</v>
      </c>
      <c r="DA2145" s="6" t="s">
        <v>157</v>
      </c>
      <c r="DB2145" s="6" t="s">
        <v>345</v>
      </c>
      <c r="DC2145" s="6">
        <v>22100</v>
      </c>
      <c r="DD2145" s="6">
        <v>476</v>
      </c>
      <c r="DE2145" s="6" t="s">
        <v>687</v>
      </c>
      <c r="DF2145" s="6" t="s">
        <v>363</v>
      </c>
      <c r="DG2145" s="6" t="s">
        <v>364</v>
      </c>
      <c r="DH2145" s="6" t="s">
        <v>365</v>
      </c>
      <c r="DI2145" s="6" t="s">
        <v>509</v>
      </c>
      <c r="DJ2145" s="6">
        <v>29</v>
      </c>
      <c r="DK2145" s="6">
        <v>187</v>
      </c>
      <c r="DL2145" s="6">
        <v>3</v>
      </c>
      <c r="DM2145" s="6" t="s">
        <v>556</v>
      </c>
      <c r="DN2145" s="6">
        <v>4</v>
      </c>
      <c r="DO2145" s="6" t="s">
        <v>557</v>
      </c>
      <c r="DP2145" s="6"/>
      <c r="DQ2145" s="6"/>
    </row>
    <row r="2146" spans="1:121" x14ac:dyDescent="0.2">
      <c r="A2146" s="6" t="s">
        <v>327</v>
      </c>
      <c r="B2146" s="6" t="s">
        <v>327</v>
      </c>
      <c r="C2146" s="6" t="s">
        <v>194</v>
      </c>
      <c r="D2146" s="6" t="s">
        <v>157</v>
      </c>
      <c r="E2146" s="6" t="s">
        <v>296</v>
      </c>
      <c r="F2146" s="11">
        <v>1141</v>
      </c>
      <c r="G2146" s="13">
        <v>0.225895862206</v>
      </c>
      <c r="H2146" s="11">
        <v>1036.8033379999997</v>
      </c>
      <c r="I2146" s="13">
        <v>0.20524977948582449</v>
      </c>
      <c r="J2146" s="11">
        <v>22.860928000000058</v>
      </c>
      <c r="K2146" s="13">
        <v>3.7549409146343808E-3</v>
      </c>
      <c r="L2146" s="11">
        <v>80.724323550000008</v>
      </c>
      <c r="M2146" s="13">
        <v>1.3209487556725932E-2</v>
      </c>
      <c r="N2146" s="11">
        <v>103.58525155000007</v>
      </c>
      <c r="O2146" s="13">
        <v>1.7014029316648419E-2</v>
      </c>
      <c r="P2146" s="7">
        <v>5051.4224210000002</v>
      </c>
      <c r="Q2146" s="7">
        <v>4913.107481</v>
      </c>
      <c r="R2146" s="7">
        <v>5435.2527840000002</v>
      </c>
      <c r="S2146" s="7">
        <v>5881.2287729999998</v>
      </c>
      <c r="T2146" s="7">
        <v>5904.323985</v>
      </c>
      <c r="U2146" s="7">
        <v>6011.6429779999999</v>
      </c>
      <c r="V2146" s="7">
        <v>6088.2257589999999</v>
      </c>
      <c r="W2146" s="7">
        <v>6304.6024880000004</v>
      </c>
      <c r="X2146" s="7">
        <v>6276.5552100000004</v>
      </c>
      <c r="Y2146" s="7">
        <v>6111.086687</v>
      </c>
      <c r="Z2146" s="7">
        <v>5994.2889089999999</v>
      </c>
      <c r="AA2146" s="7">
        <v>5965.3062739999996</v>
      </c>
      <c r="AB2146" s="7">
        <v>6061.4401630000002</v>
      </c>
      <c r="AC2146" s="7">
        <v>6126.3645489999999</v>
      </c>
      <c r="AD2146" s="7">
        <v>6116.4982719999998</v>
      </c>
      <c r="AE2146" s="7">
        <v>6148.6133129999998</v>
      </c>
      <c r="AF2146" s="7">
        <v>6191.81101055</v>
      </c>
      <c r="AG2146" s="9">
        <v>13971.652874800002</v>
      </c>
      <c r="AH2146" s="13">
        <v>0.4314894490328538</v>
      </c>
      <c r="AI2146" s="9">
        <v>7498.6120923000017</v>
      </c>
      <c r="AJ2146" s="13">
        <v>0.2315811900862115</v>
      </c>
      <c r="AK2146" s="9">
        <v>3519.0895938999965</v>
      </c>
      <c r="AL2146" s="13">
        <v>8.8244911134608708E-2</v>
      </c>
      <c r="AM2146" s="9">
        <v>2953.9511886000037</v>
      </c>
      <c r="AN2146" s="13">
        <v>6.806690692358032E-2</v>
      </c>
      <c r="AO2146" s="9">
        <v>6473.0407825000002</v>
      </c>
      <c r="AP2146" s="13">
        <v>0.16231837621086806</v>
      </c>
      <c r="AQ2146" s="9">
        <v>32380.056815100001</v>
      </c>
      <c r="AR2146" s="9">
        <v>33815.946885199999</v>
      </c>
      <c r="AS2146" s="9">
        <v>34569.042728799999</v>
      </c>
      <c r="AT2146" s="9">
        <v>35778.789659399998</v>
      </c>
      <c r="AU2146" s="9">
        <v>37196.724013999999</v>
      </c>
      <c r="AV2146" s="9">
        <v>39445.601907999997</v>
      </c>
      <c r="AW2146" s="9">
        <v>39878.668907400002</v>
      </c>
      <c r="AX2146" s="9">
        <v>39677.841431399997</v>
      </c>
      <c r="AY2146" s="9">
        <v>42304.095299000001</v>
      </c>
      <c r="AZ2146" s="9">
        <v>43397.758501299999</v>
      </c>
      <c r="BA2146" s="9">
        <v>43504.772434099999</v>
      </c>
      <c r="BB2146" s="9">
        <v>43790.017354399999</v>
      </c>
      <c r="BC2146" s="9">
        <v>44872.974611099999</v>
      </c>
      <c r="BD2146" s="9">
        <v>45147.949712499998</v>
      </c>
      <c r="BE2146" s="9">
        <v>45823.723773700003</v>
      </c>
      <c r="BF2146" s="9">
        <v>46351.709689900003</v>
      </c>
      <c r="BG2146" s="11">
        <v>-6.75</v>
      </c>
      <c r="BH2146" s="13">
        <v>-6.1926605504587159E-2</v>
      </c>
      <c r="BI2146" s="6">
        <v>3</v>
      </c>
      <c r="BJ2146" s="13">
        <v>2.7522935779816515E-2</v>
      </c>
      <c r="BK2146" s="6">
        <v>1</v>
      </c>
      <c r="BL2146" s="13">
        <v>8.9285714285714281E-3</v>
      </c>
      <c r="BM2146" s="11">
        <v>-10.75</v>
      </c>
      <c r="BN2146" s="13">
        <v>-9.5132743362831854E-2</v>
      </c>
      <c r="BO2146" s="11">
        <v>-9.75</v>
      </c>
      <c r="BP2146" s="13">
        <v>-8.7053571428571425E-2</v>
      </c>
      <c r="BQ2146" s="6">
        <v>109</v>
      </c>
      <c r="BR2146" s="6">
        <v>107</v>
      </c>
      <c r="BS2146" s="6">
        <v>109</v>
      </c>
      <c r="BT2146" s="6">
        <v>112</v>
      </c>
      <c r="BU2146" s="6">
        <v>109</v>
      </c>
      <c r="BV2146" s="6">
        <v>110</v>
      </c>
      <c r="BW2146" s="6">
        <v>113</v>
      </c>
      <c r="BX2146" s="6">
        <v>113</v>
      </c>
      <c r="BY2146" s="6">
        <v>109</v>
      </c>
      <c r="BZ2146" s="6">
        <v>106</v>
      </c>
      <c r="CA2146" s="6">
        <v>105</v>
      </c>
      <c r="CB2146" s="6">
        <v>104</v>
      </c>
      <c r="CC2146" s="11">
        <v>102.25</v>
      </c>
      <c r="CD2146" s="11">
        <v>884.34500000000003</v>
      </c>
      <c r="CE2146" s="11">
        <v>-296.13799999999998</v>
      </c>
      <c r="CF2146" s="11">
        <v>552.18100000000004</v>
      </c>
      <c r="CG2146" s="11">
        <v>256</v>
      </c>
      <c r="CH2146" s="20">
        <v>1.4153500000000001</v>
      </c>
      <c r="CI2146" s="20">
        <v>1.32219</v>
      </c>
      <c r="CJ2146" s="20">
        <v>1.40848</v>
      </c>
      <c r="CK2146" s="20">
        <v>1.5366</v>
      </c>
      <c r="CL2146" s="20">
        <v>1.53355</v>
      </c>
      <c r="CM2146" s="20">
        <v>1.5402499999999999</v>
      </c>
      <c r="CN2146" s="20">
        <v>1.4903299999999999</v>
      </c>
      <c r="CO2146" s="20">
        <v>1.5117499999999999</v>
      </c>
      <c r="CP2146" s="20">
        <v>1.48339</v>
      </c>
      <c r="CQ2146" s="20">
        <v>1.4430400000000001</v>
      </c>
      <c r="CR2146" s="20">
        <v>1.4496800000000001</v>
      </c>
      <c r="CS2146" s="20">
        <v>1.49258</v>
      </c>
      <c r="CT2146" s="20">
        <v>1.5315799999999999</v>
      </c>
      <c r="CU2146" s="20">
        <v>1.5750200000000001</v>
      </c>
      <c r="CV2146" s="20">
        <v>1.56996</v>
      </c>
      <c r="CW2146" s="20">
        <v>1.5840700000000001</v>
      </c>
      <c r="CX2146" s="20">
        <v>1.5916600000000001</v>
      </c>
      <c r="CY2146" s="6" t="s">
        <v>684</v>
      </c>
      <c r="CZ2146" s="6" t="s">
        <v>685</v>
      </c>
      <c r="DA2146" s="6" t="s">
        <v>157</v>
      </c>
      <c r="DB2146" s="6" t="s">
        <v>345</v>
      </c>
      <c r="DC2146" s="6">
        <v>22100</v>
      </c>
      <c r="DD2146" s="6">
        <v>476</v>
      </c>
      <c r="DE2146" s="6" t="s">
        <v>687</v>
      </c>
      <c r="DF2146" s="6" t="s">
        <v>363</v>
      </c>
      <c r="DG2146" s="6" t="s">
        <v>364</v>
      </c>
      <c r="DH2146" s="6" t="s">
        <v>365</v>
      </c>
      <c r="DI2146" s="6" t="s">
        <v>509</v>
      </c>
      <c r="DJ2146" s="6">
        <v>29</v>
      </c>
      <c r="DK2146" s="6">
        <v>187</v>
      </c>
      <c r="DL2146" s="6">
        <v>3</v>
      </c>
      <c r="DM2146" s="6" t="s">
        <v>556</v>
      </c>
      <c r="DN2146" s="6">
        <v>4</v>
      </c>
      <c r="DO2146" s="6" t="s">
        <v>557</v>
      </c>
      <c r="DP2146" s="6"/>
      <c r="DQ2146" s="6"/>
    </row>
    <row r="2147" spans="1:121" x14ac:dyDescent="0.2">
      <c r="A2147" s="6" t="s">
        <v>1</v>
      </c>
      <c r="B2147" s="6" t="s">
        <v>1</v>
      </c>
      <c r="C2147" s="6" t="s">
        <v>2</v>
      </c>
      <c r="D2147" s="6" t="s">
        <v>170</v>
      </c>
      <c r="E2147" s="6" t="s">
        <v>309</v>
      </c>
      <c r="F2147" s="11">
        <v>-1048</v>
      </c>
      <c r="G2147" s="13">
        <v>-0.57709251101299996</v>
      </c>
      <c r="H2147" s="11">
        <v>-412.06667632999984</v>
      </c>
      <c r="I2147" s="13">
        <v>-0.22689648943587512</v>
      </c>
      <c r="J2147" s="11">
        <v>-391.71482714000012</v>
      </c>
      <c r="K2147" s="13">
        <v>-0.27899257619212314</v>
      </c>
      <c r="L2147" s="11">
        <v>-244.11766830599993</v>
      </c>
      <c r="M2147" s="13">
        <v>-0.24114713864498188</v>
      </c>
      <c r="N2147" s="11">
        <v>-635.83249544600005</v>
      </c>
      <c r="O2147" s="13">
        <v>-0.45286145338518247</v>
      </c>
      <c r="P2147" s="7">
        <v>1816.0998319299999</v>
      </c>
      <c r="Q2147" s="7">
        <v>1783.3413653099999</v>
      </c>
      <c r="R2147" s="7">
        <v>1967.56287124</v>
      </c>
      <c r="S2147" s="7">
        <v>1577.06463171</v>
      </c>
      <c r="T2147" s="7">
        <v>1573.4641674699999</v>
      </c>
      <c r="U2147" s="7">
        <v>1409.76135009</v>
      </c>
      <c r="V2147" s="7">
        <v>1404.0331556000001</v>
      </c>
      <c r="W2147" s="7">
        <v>1202.0334791600001</v>
      </c>
      <c r="X2147" s="7">
        <v>1106.55217967</v>
      </c>
      <c r="Y2147" s="7">
        <v>1012.31832846</v>
      </c>
      <c r="Z2147" s="7">
        <v>877.18360259799999</v>
      </c>
      <c r="AA2147" s="7">
        <v>830.63854766899999</v>
      </c>
      <c r="AB2147" s="7">
        <v>749.38111122099997</v>
      </c>
      <c r="AC2147" s="7">
        <v>826.596631871</v>
      </c>
      <c r="AD2147" s="7">
        <v>875.91115876499998</v>
      </c>
      <c r="AE2147" s="7">
        <v>815.26120642399997</v>
      </c>
      <c r="AF2147" s="7">
        <v>768.20066015400005</v>
      </c>
      <c r="AG2147" s="9">
        <v>5375.4388132999993</v>
      </c>
      <c r="AH2147" s="13">
        <v>0.22589589539302901</v>
      </c>
      <c r="AI2147" s="9">
        <v>5941.1008485999992</v>
      </c>
      <c r="AJ2147" s="13">
        <v>0.24966711415153844</v>
      </c>
      <c r="AK2147" s="9">
        <v>7860.2334719000028</v>
      </c>
      <c r="AL2147" s="13">
        <v>0.26432334505119748</v>
      </c>
      <c r="AM2147" s="9">
        <v>-8425.8955072000026</v>
      </c>
      <c r="AN2147" s="13">
        <v>-0.22410832395178823</v>
      </c>
      <c r="AO2147" s="9">
        <v>-565.66203529999984</v>
      </c>
      <c r="AP2147" s="13">
        <v>-1.9022040741344871E-2</v>
      </c>
      <c r="AQ2147" s="9">
        <v>23796.088919400001</v>
      </c>
      <c r="AR2147" s="9">
        <v>28512.6284299</v>
      </c>
      <c r="AS2147" s="9">
        <v>39885.510110199997</v>
      </c>
      <c r="AT2147" s="9">
        <v>22492.082844</v>
      </c>
      <c r="AU2147" s="9">
        <v>23206.999541599998</v>
      </c>
      <c r="AV2147" s="9">
        <v>24239.487408500001</v>
      </c>
      <c r="AW2147" s="9">
        <v>29737.189768</v>
      </c>
      <c r="AX2147" s="9">
        <v>43207.2276318</v>
      </c>
      <c r="AY2147" s="9">
        <v>47908.9986231</v>
      </c>
      <c r="AZ2147" s="9">
        <v>37597.423239900003</v>
      </c>
      <c r="BA2147" s="9">
        <v>25706.553790900001</v>
      </c>
      <c r="BB2147" s="9">
        <v>27012.990819899998</v>
      </c>
      <c r="BC2147" s="9">
        <v>28562.9587574</v>
      </c>
      <c r="BD2147" s="9">
        <v>27916.694111000001</v>
      </c>
      <c r="BE2147" s="9">
        <v>29109.409199199999</v>
      </c>
      <c r="BF2147" s="9">
        <v>29171.5277327</v>
      </c>
      <c r="BG2147" s="11">
        <v>-12.5</v>
      </c>
      <c r="BH2147" s="13">
        <v>-0.27173913043478259</v>
      </c>
      <c r="BI2147" s="6">
        <v>-5</v>
      </c>
      <c r="BJ2147" s="13">
        <v>-0.10869565217391304</v>
      </c>
      <c r="BK2147" s="6">
        <v>2</v>
      </c>
      <c r="BL2147" s="13">
        <v>4.878048780487805E-2</v>
      </c>
      <c r="BM2147" s="11">
        <v>-9.5</v>
      </c>
      <c r="BN2147" s="13">
        <v>-0.22093023255813954</v>
      </c>
      <c r="BO2147" s="11">
        <v>-7.5</v>
      </c>
      <c r="BP2147" s="13">
        <v>-0.18292682926829268</v>
      </c>
      <c r="BQ2147" s="6">
        <v>46</v>
      </c>
      <c r="BR2147" s="6">
        <v>42</v>
      </c>
      <c r="BS2147" s="6">
        <v>42</v>
      </c>
      <c r="BT2147" s="6">
        <v>41</v>
      </c>
      <c r="BU2147" s="6">
        <v>39</v>
      </c>
      <c r="BV2147" s="6">
        <v>39</v>
      </c>
      <c r="BW2147" s="6">
        <v>43</v>
      </c>
      <c r="BX2147" s="6">
        <v>40</v>
      </c>
      <c r="BY2147" s="6">
        <v>37</v>
      </c>
      <c r="BZ2147" s="6">
        <v>37</v>
      </c>
      <c r="CA2147" s="6">
        <v>36</v>
      </c>
      <c r="CB2147" s="6">
        <v>36</v>
      </c>
      <c r="CC2147" s="11">
        <v>33.5</v>
      </c>
      <c r="CD2147" s="11">
        <v>-1080.8399999999999</v>
      </c>
      <c r="CE2147" s="11">
        <v>-165.58099999999999</v>
      </c>
      <c r="CF2147" s="11">
        <v>198.52199999999999</v>
      </c>
      <c r="CG2147" s="11">
        <v>33</v>
      </c>
      <c r="CH2147" s="20">
        <v>0.19686200000000001</v>
      </c>
      <c r="CI2147" s="20">
        <v>0.19719300000000001</v>
      </c>
      <c r="CJ2147" s="20">
        <v>0.21908</v>
      </c>
      <c r="CK2147" s="20">
        <v>0.17844099999999999</v>
      </c>
      <c r="CL2147" s="20">
        <v>0.17901</v>
      </c>
      <c r="CM2147" s="20">
        <v>0.16230800000000001</v>
      </c>
      <c r="CN2147" s="20">
        <v>0.16812099999999999</v>
      </c>
      <c r="CO2147" s="20">
        <v>0.148288</v>
      </c>
      <c r="CP2147" s="20">
        <v>0.13850399999999999</v>
      </c>
      <c r="CQ2147" s="20">
        <v>0.12976799999999999</v>
      </c>
      <c r="CR2147" s="20">
        <v>0.11258899999999999</v>
      </c>
      <c r="CS2147" s="20">
        <v>0.10605100000000001</v>
      </c>
      <c r="CT2147" s="20">
        <v>9.5096799999999995E-2</v>
      </c>
      <c r="CU2147" s="20">
        <v>0.103869</v>
      </c>
      <c r="CV2147" s="20">
        <v>0.109181</v>
      </c>
      <c r="CW2147" s="20">
        <v>0.101766</v>
      </c>
      <c r="CX2147" s="20">
        <v>9.6486199999999994E-2</v>
      </c>
      <c r="CY2147" s="6" t="s">
        <v>689</v>
      </c>
      <c r="CZ2147" s="6" t="s">
        <v>690</v>
      </c>
      <c r="DA2147" s="6" t="s">
        <v>170</v>
      </c>
      <c r="DB2147" s="6"/>
      <c r="DC2147" s="6">
        <v>41180</v>
      </c>
      <c r="DD2147" s="6">
        <v>476</v>
      </c>
      <c r="DE2147" s="6" t="s">
        <v>508</v>
      </c>
      <c r="DF2147" s="6" t="s">
        <v>375</v>
      </c>
      <c r="DG2147" s="6" t="s">
        <v>364</v>
      </c>
      <c r="DH2147" s="6" t="s">
        <v>419</v>
      </c>
      <c r="DI2147" s="6" t="s">
        <v>509</v>
      </c>
      <c r="DJ2147" s="6">
        <v>29</v>
      </c>
      <c r="DK2147" s="6">
        <v>189</v>
      </c>
      <c r="DL2147" s="6">
        <v>1</v>
      </c>
      <c r="DM2147" s="6" t="s">
        <v>404</v>
      </c>
      <c r="DN2147" s="6">
        <v>1</v>
      </c>
      <c r="DO2147" s="6" t="s">
        <v>405</v>
      </c>
      <c r="DP2147" s="6"/>
      <c r="DQ2147" s="6"/>
    </row>
    <row r="2148" spans="1:121" x14ac:dyDescent="0.2">
      <c r="A2148" s="6" t="s">
        <v>310</v>
      </c>
      <c r="B2148" s="6" t="s">
        <v>310</v>
      </c>
      <c r="C2148" s="6" t="s">
        <v>173</v>
      </c>
      <c r="D2148" s="6" t="s">
        <v>170</v>
      </c>
      <c r="E2148" s="6" t="s">
        <v>309</v>
      </c>
      <c r="F2148" s="11">
        <v>-157</v>
      </c>
      <c r="G2148" s="13">
        <v>-0.27495621716300001</v>
      </c>
      <c r="H2148" s="11">
        <v>-62.242509967999979</v>
      </c>
      <c r="I2148" s="13">
        <v>-0.10900367042102949</v>
      </c>
      <c r="J2148" s="11">
        <v>-39.642088798999964</v>
      </c>
      <c r="K2148" s="13">
        <v>-7.7917433580728002E-2</v>
      </c>
      <c r="L2148" s="11">
        <v>-55.415388580000013</v>
      </c>
      <c r="M2148" s="13">
        <v>-0.11812414589757632</v>
      </c>
      <c r="N2148" s="11">
        <v>-95.057477378999977</v>
      </c>
      <c r="O2148" s="13">
        <v>-0.1868376491860497</v>
      </c>
      <c r="P2148" s="7">
        <v>571.01297348599996</v>
      </c>
      <c r="Q2148" s="7">
        <v>549.29391258400005</v>
      </c>
      <c r="R2148" s="7">
        <v>568.86448637700005</v>
      </c>
      <c r="S2148" s="7">
        <v>592.20393202800005</v>
      </c>
      <c r="T2148" s="7">
        <v>596.59963670699995</v>
      </c>
      <c r="U2148" s="7">
        <v>614.75264468499995</v>
      </c>
      <c r="V2148" s="7">
        <v>508.77046351799999</v>
      </c>
      <c r="W2148" s="7">
        <v>499.46294704100001</v>
      </c>
      <c r="X2148" s="7">
        <v>466.96860326199999</v>
      </c>
      <c r="Y2148" s="7">
        <v>469.12837471900002</v>
      </c>
      <c r="Z2148" s="7">
        <v>412.631220783</v>
      </c>
      <c r="AA2148" s="7">
        <v>403.38849673499999</v>
      </c>
      <c r="AB2148" s="7">
        <v>426.16599000000002</v>
      </c>
      <c r="AC2148" s="7">
        <v>412.423928375</v>
      </c>
      <c r="AD2148" s="7">
        <v>425.73771394800002</v>
      </c>
      <c r="AE2148" s="7">
        <v>410.44910660599999</v>
      </c>
      <c r="AF2148" s="7">
        <v>413.71298613900001</v>
      </c>
      <c r="AG2148" s="9">
        <v>72530.2323645</v>
      </c>
      <c r="AH2148" s="13">
        <v>0.92139623334745269</v>
      </c>
      <c r="AI2148" s="9">
        <v>95857.072389499983</v>
      </c>
      <c r="AJ2148" s="13">
        <v>1.2177314556988632</v>
      </c>
      <c r="AK2148" s="9">
        <v>-55341.418017999982</v>
      </c>
      <c r="AL2148" s="13">
        <v>-0.31700688174271768</v>
      </c>
      <c r="AM2148" s="9">
        <v>32014.577992999999</v>
      </c>
      <c r="AN2148" s="13">
        <v>0.26850344419235134</v>
      </c>
      <c r="AO2148" s="9">
        <v>-23326.840024999983</v>
      </c>
      <c r="AP2148" s="13">
        <v>-0.13362087713096346</v>
      </c>
      <c r="AQ2148" s="9">
        <v>78717.743506500003</v>
      </c>
      <c r="AR2148" s="9">
        <v>80312.885973500001</v>
      </c>
      <c r="AS2148" s="9">
        <v>86489.387971699995</v>
      </c>
      <c r="AT2148" s="9">
        <v>117659.74499399999</v>
      </c>
      <c r="AU2148" s="9">
        <v>146229.09023199999</v>
      </c>
      <c r="AV2148" s="9">
        <v>106229.520865</v>
      </c>
      <c r="AW2148" s="9">
        <v>174574.81589599999</v>
      </c>
      <c r="AX2148" s="9">
        <v>200507.504763</v>
      </c>
      <c r="AY2148" s="9">
        <v>150366.151469</v>
      </c>
      <c r="AZ2148" s="9">
        <v>119233.397878</v>
      </c>
      <c r="BA2148" s="9">
        <v>163191.844943</v>
      </c>
      <c r="BB2148" s="9">
        <v>156151.81472699999</v>
      </c>
      <c r="BC2148" s="9">
        <v>140069.079153</v>
      </c>
      <c r="BD2148" s="9">
        <v>157585.29005000001</v>
      </c>
      <c r="BE2148" s="9">
        <v>156411.81075100001</v>
      </c>
      <c r="BF2148" s="9">
        <v>151247.975871</v>
      </c>
      <c r="BG2148" s="11">
        <v>-4</v>
      </c>
      <c r="BH2148" s="13">
        <v>-0.2</v>
      </c>
      <c r="BI2148" s="6">
        <v>-1</v>
      </c>
      <c r="BJ2148" s="13">
        <v>-0.05</v>
      </c>
      <c r="BK2148" s="6">
        <v>-1</v>
      </c>
      <c r="BL2148" s="13">
        <v>-5.2631578947368418E-2</v>
      </c>
      <c r="BM2148" s="11">
        <v>-2</v>
      </c>
      <c r="BN2148" s="13">
        <v>-0.1111111111111111</v>
      </c>
      <c r="BO2148" s="11">
        <v>-3</v>
      </c>
      <c r="BP2148" s="13">
        <v>-0.15789473684210525</v>
      </c>
      <c r="BQ2148" s="6">
        <v>20</v>
      </c>
      <c r="BR2148" s="6">
        <v>18</v>
      </c>
      <c r="BS2148" s="6">
        <v>18</v>
      </c>
      <c r="BT2148" s="6">
        <v>19</v>
      </c>
      <c r="BU2148" s="6">
        <v>20</v>
      </c>
      <c r="BV2148" s="6">
        <v>19</v>
      </c>
      <c r="BW2148" s="6">
        <v>18</v>
      </c>
      <c r="BX2148" s="6">
        <v>16</v>
      </c>
      <c r="BY2148" s="6">
        <v>18</v>
      </c>
      <c r="BZ2148" s="6">
        <v>18</v>
      </c>
      <c r="CA2148" s="6">
        <v>16</v>
      </c>
      <c r="CB2148" s="6">
        <v>17</v>
      </c>
      <c r="CC2148" s="11">
        <v>16</v>
      </c>
      <c r="CD2148" s="11">
        <v>-278.95999999999998</v>
      </c>
      <c r="CE2148" s="11">
        <v>59.241399999999999</v>
      </c>
      <c r="CF2148" s="11">
        <v>62.418599999999998</v>
      </c>
      <c r="CG2148" s="11">
        <v>121</v>
      </c>
      <c r="CH2148" s="20">
        <v>0.21815999999999999</v>
      </c>
      <c r="CI2148" s="20">
        <v>0.22362000000000001</v>
      </c>
      <c r="CJ2148" s="20">
        <v>0.23650599999999999</v>
      </c>
      <c r="CK2148" s="20">
        <v>0.242091</v>
      </c>
      <c r="CL2148" s="20">
        <v>0.22879099999999999</v>
      </c>
      <c r="CM2148" s="20">
        <v>0.21657100000000001</v>
      </c>
      <c r="CN2148" s="20">
        <v>0.172984</v>
      </c>
      <c r="CO2148" s="20">
        <v>0.15785299999999999</v>
      </c>
      <c r="CP2148" s="20">
        <v>0.164493</v>
      </c>
      <c r="CQ2148" s="20">
        <v>0.165964</v>
      </c>
      <c r="CR2148" s="20">
        <v>0.131578</v>
      </c>
      <c r="CS2148" s="20">
        <v>0.118738</v>
      </c>
      <c r="CT2148" s="20">
        <v>0.123739</v>
      </c>
      <c r="CU2148" s="20">
        <v>0.116367</v>
      </c>
      <c r="CV2148" s="20">
        <v>0.134686</v>
      </c>
      <c r="CW2148" s="20">
        <v>0.153062</v>
      </c>
      <c r="CX2148" s="20">
        <v>0.15371699999999999</v>
      </c>
      <c r="CY2148" s="6" t="s">
        <v>689</v>
      </c>
      <c r="CZ2148" s="6" t="s">
        <v>690</v>
      </c>
      <c r="DA2148" s="6" t="s">
        <v>170</v>
      </c>
      <c r="DB2148" s="6"/>
      <c r="DC2148" s="6">
        <v>41180</v>
      </c>
      <c r="DD2148" s="6">
        <v>476</v>
      </c>
      <c r="DE2148" s="6" t="s">
        <v>508</v>
      </c>
      <c r="DF2148" s="6" t="s">
        <v>375</v>
      </c>
      <c r="DG2148" s="6" t="s">
        <v>364</v>
      </c>
      <c r="DH2148" s="6" t="s">
        <v>419</v>
      </c>
      <c r="DI2148" s="6" t="s">
        <v>509</v>
      </c>
      <c r="DJ2148" s="6">
        <v>29</v>
      </c>
      <c r="DK2148" s="6">
        <v>189</v>
      </c>
      <c r="DL2148" s="6">
        <v>1</v>
      </c>
      <c r="DM2148" s="6" t="s">
        <v>404</v>
      </c>
      <c r="DN2148" s="6">
        <v>1</v>
      </c>
      <c r="DO2148" s="6" t="s">
        <v>405</v>
      </c>
      <c r="DP2148" s="6"/>
      <c r="DQ2148" s="6"/>
    </row>
    <row r="2149" spans="1:121" x14ac:dyDescent="0.2">
      <c r="A2149" s="6" t="s">
        <v>311</v>
      </c>
      <c r="B2149" s="6" t="s">
        <v>311</v>
      </c>
      <c r="C2149" s="6" t="s">
        <v>174</v>
      </c>
      <c r="D2149" s="6" t="s">
        <v>170</v>
      </c>
      <c r="E2149" s="6" t="s">
        <v>309</v>
      </c>
      <c r="F2149" s="11">
        <v>193</v>
      </c>
      <c r="G2149" s="13">
        <v>0.26657458563500003</v>
      </c>
      <c r="H2149" s="11">
        <v>130.29157299999997</v>
      </c>
      <c r="I2149" s="13">
        <v>0.18003133458051757</v>
      </c>
      <c r="J2149" s="11">
        <v>220.11253899999997</v>
      </c>
      <c r="K2149" s="13">
        <v>0.25774070808685717</v>
      </c>
      <c r="L2149" s="11">
        <v>-157.56892775099993</v>
      </c>
      <c r="M2149" s="13">
        <v>-0.14669580545798855</v>
      </c>
      <c r="N2149" s="11">
        <v>62.543611249000037</v>
      </c>
      <c r="O2149" s="13">
        <v>7.3235421856754815E-2</v>
      </c>
      <c r="P2149" s="7">
        <v>723.71608700000002</v>
      </c>
      <c r="Q2149" s="7">
        <v>711.118291</v>
      </c>
      <c r="R2149" s="7">
        <v>711.06503299999997</v>
      </c>
      <c r="S2149" s="7">
        <v>712.34322899999995</v>
      </c>
      <c r="T2149" s="7">
        <v>657.70555400000001</v>
      </c>
      <c r="U2149" s="7">
        <v>746.57137399999999</v>
      </c>
      <c r="V2149" s="7">
        <v>854.00765999999999</v>
      </c>
      <c r="W2149" s="7">
        <v>926.02092300000004</v>
      </c>
      <c r="X2149" s="7">
        <v>1034.9840529999999</v>
      </c>
      <c r="Y2149" s="7">
        <v>1074.120199</v>
      </c>
      <c r="Z2149" s="7">
        <v>1047.55048291</v>
      </c>
      <c r="AA2149" s="7">
        <v>1026.13175742</v>
      </c>
      <c r="AB2149" s="7">
        <v>968.64187575100004</v>
      </c>
      <c r="AC2149" s="7">
        <v>930.75996083400003</v>
      </c>
      <c r="AD2149" s="7">
        <v>915.71420280100006</v>
      </c>
      <c r="AE2149" s="7">
        <v>916.53577817799999</v>
      </c>
      <c r="AF2149" s="7">
        <v>916.55127124900002</v>
      </c>
      <c r="AG2149" s="9">
        <v>33001.741155299998</v>
      </c>
      <c r="AH2149" s="13">
        <v>0.3880134015645737</v>
      </c>
      <c r="AI2149" s="9">
        <v>13871.035927499994</v>
      </c>
      <c r="AJ2149" s="13">
        <v>0.16308678406167437</v>
      </c>
      <c r="AK2149" s="9">
        <v>11168.473369800005</v>
      </c>
      <c r="AL2149" s="13">
        <v>0.1128993819195642</v>
      </c>
      <c r="AM2149" s="9">
        <v>7962.2318579999992</v>
      </c>
      <c r="AN2149" s="13">
        <v>7.232303954297134E-2</v>
      </c>
      <c r="AO2149" s="9">
        <v>19130.705227800005</v>
      </c>
      <c r="AP2149" s="13">
        <v>0.19338764792548119</v>
      </c>
      <c r="AQ2149" s="9">
        <v>85053.096161699999</v>
      </c>
      <c r="AR2149" s="9">
        <v>84834.174882899999</v>
      </c>
      <c r="AS2149" s="9">
        <v>82278.2621564</v>
      </c>
      <c r="AT2149" s="9">
        <v>88121.3717015</v>
      </c>
      <c r="AU2149" s="9">
        <v>84904.339515400003</v>
      </c>
      <c r="AV2149" s="9">
        <v>101706.014664</v>
      </c>
      <c r="AW2149" s="9">
        <v>98924.132089199993</v>
      </c>
      <c r="AX2149" s="9">
        <v>104266.798406</v>
      </c>
      <c r="AY2149" s="9">
        <v>105518.62960099999</v>
      </c>
      <c r="AZ2149" s="9">
        <v>110092.605459</v>
      </c>
      <c r="BA2149" s="9">
        <v>109148.631568</v>
      </c>
      <c r="BB2149" s="9">
        <v>107071.28874</v>
      </c>
      <c r="BC2149" s="9">
        <v>108945.659527</v>
      </c>
      <c r="BD2149" s="9">
        <v>113439.850233</v>
      </c>
      <c r="BE2149" s="9">
        <v>114669.53374300001</v>
      </c>
      <c r="BF2149" s="9">
        <v>118054.837317</v>
      </c>
      <c r="BG2149" s="11">
        <v>4</v>
      </c>
      <c r="BH2149" s="13">
        <v>0.33333333333333331</v>
      </c>
      <c r="BI2149" s="6">
        <v>1</v>
      </c>
      <c r="BJ2149" s="13">
        <v>8.3333333333333329E-2</v>
      </c>
      <c r="BK2149" s="6">
        <v>1</v>
      </c>
      <c r="BL2149" s="13">
        <v>7.6923076923076927E-2</v>
      </c>
      <c r="BM2149" s="11">
        <v>2</v>
      </c>
      <c r="BN2149" s="13">
        <v>0.14285714285714285</v>
      </c>
      <c r="BO2149" s="11">
        <v>3</v>
      </c>
      <c r="BP2149" s="13">
        <v>0.23076923076923078</v>
      </c>
      <c r="BQ2149" s="6">
        <v>12</v>
      </c>
      <c r="BR2149" s="6">
        <v>11</v>
      </c>
      <c r="BS2149" s="6">
        <v>12</v>
      </c>
      <c r="BT2149" s="6">
        <v>13</v>
      </c>
      <c r="BU2149" s="6">
        <v>14</v>
      </c>
      <c r="BV2149" s="6">
        <v>14</v>
      </c>
      <c r="BW2149" s="6">
        <v>14</v>
      </c>
      <c r="BX2149" s="6">
        <v>16</v>
      </c>
      <c r="BY2149" s="6">
        <v>17</v>
      </c>
      <c r="BZ2149" s="6">
        <v>15</v>
      </c>
      <c r="CA2149" s="6">
        <v>17</v>
      </c>
      <c r="CB2149" s="6">
        <v>16</v>
      </c>
      <c r="CC2149" s="11">
        <v>16</v>
      </c>
      <c r="CD2149" s="11">
        <v>231.577</v>
      </c>
      <c r="CE2149" s="11">
        <v>-117.85299999999999</v>
      </c>
      <c r="CF2149" s="11">
        <v>79.110900000000001</v>
      </c>
      <c r="CG2149" s="11">
        <v>-39</v>
      </c>
      <c r="CH2149" s="20">
        <v>0.25236399999999998</v>
      </c>
      <c r="CI2149" s="20">
        <v>0.25379400000000002</v>
      </c>
      <c r="CJ2149" s="20">
        <v>0.263872</v>
      </c>
      <c r="CK2149" s="20">
        <v>0.27593299999999998</v>
      </c>
      <c r="CL2149" s="20">
        <v>0.26402199999999998</v>
      </c>
      <c r="CM2149" s="20">
        <v>0.30487599999999998</v>
      </c>
      <c r="CN2149" s="20">
        <v>0.35782399999999998</v>
      </c>
      <c r="CO2149" s="20">
        <v>0.38282100000000002</v>
      </c>
      <c r="CP2149" s="20">
        <v>0.42815799999999998</v>
      </c>
      <c r="CQ2149" s="20">
        <v>0.45985199999999998</v>
      </c>
      <c r="CR2149" s="20">
        <v>0.452903</v>
      </c>
      <c r="CS2149" s="20">
        <v>0.447098</v>
      </c>
      <c r="CT2149" s="20">
        <v>0.42468600000000001</v>
      </c>
      <c r="CU2149" s="20">
        <v>0.407107</v>
      </c>
      <c r="CV2149" s="20">
        <v>0.397893</v>
      </c>
      <c r="CW2149" s="20">
        <v>0.39830900000000002</v>
      </c>
      <c r="CX2149" s="20">
        <v>0.398368</v>
      </c>
      <c r="CY2149" s="6" t="s">
        <v>689</v>
      </c>
      <c r="CZ2149" s="6" t="s">
        <v>690</v>
      </c>
      <c r="DA2149" s="6" t="s">
        <v>170</v>
      </c>
      <c r="DB2149" s="6"/>
      <c r="DC2149" s="6">
        <v>41180</v>
      </c>
      <c r="DD2149" s="6">
        <v>476</v>
      </c>
      <c r="DE2149" s="6" t="s">
        <v>508</v>
      </c>
      <c r="DF2149" s="6" t="s">
        <v>375</v>
      </c>
      <c r="DG2149" s="6" t="s">
        <v>364</v>
      </c>
      <c r="DH2149" s="6" t="s">
        <v>419</v>
      </c>
      <c r="DI2149" s="6" t="s">
        <v>509</v>
      </c>
      <c r="DJ2149" s="6">
        <v>29</v>
      </c>
      <c r="DK2149" s="6">
        <v>189</v>
      </c>
      <c r="DL2149" s="6">
        <v>1</v>
      </c>
      <c r="DM2149" s="6" t="s">
        <v>404</v>
      </c>
      <c r="DN2149" s="6">
        <v>1</v>
      </c>
      <c r="DO2149" s="6" t="s">
        <v>405</v>
      </c>
      <c r="DP2149" s="6"/>
      <c r="DQ2149" s="6"/>
    </row>
    <row r="2150" spans="1:121" x14ac:dyDescent="0.2">
      <c r="A2150" s="6" t="s">
        <v>312</v>
      </c>
      <c r="B2150" s="6" t="s">
        <v>312</v>
      </c>
      <c r="C2150" s="6" t="s">
        <v>175</v>
      </c>
      <c r="D2150" s="6" t="s">
        <v>170</v>
      </c>
      <c r="E2150" s="6" t="s">
        <v>309</v>
      </c>
      <c r="F2150" s="11">
        <v>-10709</v>
      </c>
      <c r="G2150" s="13">
        <v>-0.25026290575100002</v>
      </c>
      <c r="H2150" s="11">
        <v>-1633.5238782000015</v>
      </c>
      <c r="I2150" s="13">
        <v>-3.8174796191900083E-2</v>
      </c>
      <c r="J2150" s="11">
        <v>-11036.422540200001</v>
      </c>
      <c r="K2150" s="13">
        <v>-0.26815346071869184</v>
      </c>
      <c r="L2150" s="11">
        <v>1961.5166573000024</v>
      </c>
      <c r="M2150" s="13">
        <v>6.5121900101626176E-2</v>
      </c>
      <c r="N2150" s="11">
        <v>-9074.9058828999987</v>
      </c>
      <c r="O2150" s="13">
        <v>-0.22049422349789369</v>
      </c>
      <c r="P2150" s="7">
        <v>42790.637833100001</v>
      </c>
      <c r="Q2150" s="7">
        <v>41562.308987299999</v>
      </c>
      <c r="R2150" s="7">
        <v>40716.280720700001</v>
      </c>
      <c r="S2150" s="7">
        <v>40468.2946075</v>
      </c>
      <c r="T2150" s="7">
        <v>40374.266296299997</v>
      </c>
      <c r="U2150" s="7">
        <v>40871.4904073</v>
      </c>
      <c r="V2150" s="7">
        <v>41157.1139549</v>
      </c>
      <c r="W2150" s="7">
        <v>40005.383235900001</v>
      </c>
      <c r="X2150" s="7">
        <v>33094.779742600003</v>
      </c>
      <c r="Y2150" s="7">
        <v>30120.691414699999</v>
      </c>
      <c r="Z2150" s="7">
        <v>28803.366053999998</v>
      </c>
      <c r="AA2150" s="7">
        <v>28377.255803700002</v>
      </c>
      <c r="AB2150" s="7">
        <v>28740.0923153</v>
      </c>
      <c r="AC2150" s="7">
        <v>29332.257202500001</v>
      </c>
      <c r="AD2150" s="7">
        <v>30945.744469699999</v>
      </c>
      <c r="AE2150" s="7">
        <v>32400.557106299999</v>
      </c>
      <c r="AF2150" s="7">
        <v>32082.208072000001</v>
      </c>
      <c r="AG2150" s="9">
        <v>19099.504124500003</v>
      </c>
      <c r="AH2150" s="13">
        <v>0.35680365996190955</v>
      </c>
      <c r="AI2150" s="9">
        <v>8718.3114560000031</v>
      </c>
      <c r="AJ2150" s="13">
        <v>0.16286943451051927</v>
      </c>
      <c r="AK2150" s="9">
        <v>969.82176020000043</v>
      </c>
      <c r="AL2150" s="13">
        <v>1.5580025978773915E-2</v>
      </c>
      <c r="AM2150" s="9">
        <v>9411.3709082999994</v>
      </c>
      <c r="AN2150" s="13">
        <v>0.14887267500999782</v>
      </c>
      <c r="AO2150" s="9">
        <v>10381.1926685</v>
      </c>
      <c r="AP2150" s="13">
        <v>0.16677214113295707</v>
      </c>
      <c r="AQ2150" s="9">
        <v>53529.451257699999</v>
      </c>
      <c r="AR2150" s="9">
        <v>54643.255880099998</v>
      </c>
      <c r="AS2150" s="9">
        <v>54418.875123400001</v>
      </c>
      <c r="AT2150" s="9">
        <v>55477.9545316</v>
      </c>
      <c r="AU2150" s="9">
        <v>57062.079722900002</v>
      </c>
      <c r="AV2150" s="9">
        <v>58664.960661099998</v>
      </c>
      <c r="AW2150" s="9">
        <v>62247.762713700002</v>
      </c>
      <c r="AX2150" s="9">
        <v>63748.978246899998</v>
      </c>
      <c r="AY2150" s="9">
        <v>62250.583870299997</v>
      </c>
      <c r="AZ2150" s="9">
        <v>63217.584473900002</v>
      </c>
      <c r="BA2150" s="9">
        <v>62930.928582400004</v>
      </c>
      <c r="BB2150" s="9">
        <v>65029.762335899999</v>
      </c>
      <c r="BC2150" s="9">
        <v>66460.423106899994</v>
      </c>
      <c r="BD2150" s="9">
        <v>68838.477301100007</v>
      </c>
      <c r="BE2150" s="9">
        <v>70981.599560300005</v>
      </c>
      <c r="BF2150" s="9">
        <v>72628.955382200002</v>
      </c>
      <c r="BG2150" s="11">
        <v>-667.25</v>
      </c>
      <c r="BH2150" s="13">
        <v>-0.23395862552594671</v>
      </c>
      <c r="BI2150" s="6">
        <v>-71</v>
      </c>
      <c r="BJ2150" s="13">
        <v>-2.4894810659186535E-2</v>
      </c>
      <c r="BK2150" s="6">
        <v>-327</v>
      </c>
      <c r="BL2150" s="13">
        <v>-0.11758360302049622</v>
      </c>
      <c r="BM2150" s="11">
        <v>-269.25</v>
      </c>
      <c r="BN2150" s="13">
        <v>-0.10971882640586797</v>
      </c>
      <c r="BO2150" s="11">
        <v>-596.25</v>
      </c>
      <c r="BP2150" s="13">
        <v>-0.21440129449838188</v>
      </c>
      <c r="BQ2150" s="6">
        <v>2852</v>
      </c>
      <c r="BR2150" s="6">
        <v>2866</v>
      </c>
      <c r="BS2150" s="6">
        <v>2872</v>
      </c>
      <c r="BT2150" s="6">
        <v>2781</v>
      </c>
      <c r="BU2150" s="6">
        <v>2731</v>
      </c>
      <c r="BV2150" s="6">
        <v>2554</v>
      </c>
      <c r="BW2150" s="6">
        <v>2454</v>
      </c>
      <c r="BX2150" s="6">
        <v>2356</v>
      </c>
      <c r="BY2150" s="6">
        <v>2301</v>
      </c>
      <c r="BZ2150" s="6">
        <v>2232</v>
      </c>
      <c r="CA2150" s="6">
        <v>2211</v>
      </c>
      <c r="CB2150" s="6">
        <v>2220</v>
      </c>
      <c r="CC2150" s="11">
        <v>2184.75</v>
      </c>
      <c r="CD2150" s="11">
        <v>-10202.9</v>
      </c>
      <c r="CE2150" s="11">
        <v>-5183.04</v>
      </c>
      <c r="CF2150" s="11">
        <v>4677.53</v>
      </c>
      <c r="CG2150" s="11">
        <v>-505</v>
      </c>
      <c r="CH2150" s="20">
        <v>1.0287500000000001</v>
      </c>
      <c r="CI2150" s="20">
        <v>1.0156099999999999</v>
      </c>
      <c r="CJ2150" s="20">
        <v>0.98861299999999996</v>
      </c>
      <c r="CK2150" s="20">
        <v>0.96166399999999996</v>
      </c>
      <c r="CL2150" s="20">
        <v>0.92696800000000001</v>
      </c>
      <c r="CM2150" s="20">
        <v>0.90913900000000003</v>
      </c>
      <c r="CN2150" s="20">
        <v>0.95196199999999997</v>
      </c>
      <c r="CO2150" s="20">
        <v>0.97982199999999997</v>
      </c>
      <c r="CP2150" s="20">
        <v>0.935612</v>
      </c>
      <c r="CQ2150" s="20">
        <v>0.94279299999999999</v>
      </c>
      <c r="CR2150" s="20">
        <v>0.92003800000000002</v>
      </c>
      <c r="CS2150" s="20">
        <v>0.90488599999999997</v>
      </c>
      <c r="CT2150" s="20">
        <v>0.89985300000000001</v>
      </c>
      <c r="CU2150" s="20">
        <v>0.88840200000000003</v>
      </c>
      <c r="CV2150" s="20">
        <v>0.90532500000000005</v>
      </c>
      <c r="CW2150" s="20">
        <v>0.92847100000000005</v>
      </c>
      <c r="CX2150" s="20">
        <v>0.92079</v>
      </c>
      <c r="CY2150" s="6" t="s">
        <v>689</v>
      </c>
      <c r="CZ2150" s="6" t="s">
        <v>690</v>
      </c>
      <c r="DA2150" s="6" t="s">
        <v>170</v>
      </c>
      <c r="DB2150" s="6"/>
      <c r="DC2150" s="6">
        <v>41180</v>
      </c>
      <c r="DD2150" s="6">
        <v>476</v>
      </c>
      <c r="DE2150" s="6" t="s">
        <v>508</v>
      </c>
      <c r="DF2150" s="6" t="s">
        <v>375</v>
      </c>
      <c r="DG2150" s="6" t="s">
        <v>364</v>
      </c>
      <c r="DH2150" s="6" t="s">
        <v>419</v>
      </c>
      <c r="DI2150" s="6" t="s">
        <v>509</v>
      </c>
      <c r="DJ2150" s="6">
        <v>29</v>
      </c>
      <c r="DK2150" s="6">
        <v>189</v>
      </c>
      <c r="DL2150" s="6">
        <v>1</v>
      </c>
      <c r="DM2150" s="6" t="s">
        <v>404</v>
      </c>
      <c r="DN2150" s="6">
        <v>1</v>
      </c>
      <c r="DO2150" s="6" t="s">
        <v>405</v>
      </c>
      <c r="DP2150" s="6"/>
      <c r="DQ2150" s="6"/>
    </row>
    <row r="2151" spans="1:121" x14ac:dyDescent="0.2">
      <c r="A2151" s="6" t="s">
        <v>792</v>
      </c>
      <c r="B2151" s="6" t="s">
        <v>176</v>
      </c>
      <c r="C2151" s="6" t="s">
        <v>177</v>
      </c>
      <c r="D2151" s="6" t="s">
        <v>170</v>
      </c>
      <c r="E2151" s="6" t="s">
        <v>309</v>
      </c>
      <c r="F2151" s="11">
        <v>-25292</v>
      </c>
      <c r="G2151" s="13">
        <v>-0.35320075969199999</v>
      </c>
      <c r="H2151" s="11">
        <v>-14730.354019900005</v>
      </c>
      <c r="I2151" s="13">
        <v>-0.20570937540470041</v>
      </c>
      <c r="J2151" s="11">
        <v>-14372.756658899998</v>
      </c>
      <c r="K2151" s="13">
        <v>-0.25269784445624621</v>
      </c>
      <c r="L2151" s="11">
        <v>3811.3239778999996</v>
      </c>
      <c r="M2151" s="13">
        <v>8.9668746107668118E-2</v>
      </c>
      <c r="N2151" s="11">
        <v>-10561.432680999998</v>
      </c>
      <c r="O2151" s="13">
        <v>-0.18568819720508023</v>
      </c>
      <c r="P2151" s="7">
        <v>71607.596838600002</v>
      </c>
      <c r="Q2151" s="7">
        <v>67357.836509200002</v>
      </c>
      <c r="R2151" s="7">
        <v>63406.560343099998</v>
      </c>
      <c r="S2151" s="7">
        <v>64578.255529100003</v>
      </c>
      <c r="T2151" s="7">
        <v>62042.005054100002</v>
      </c>
      <c r="U2151" s="7">
        <v>60167.710499699999</v>
      </c>
      <c r="V2151" s="7">
        <v>56877.242818699997</v>
      </c>
      <c r="W2151" s="7">
        <v>53566.363252199997</v>
      </c>
      <c r="X2151" s="7">
        <v>48387.860209500002</v>
      </c>
      <c r="Y2151" s="7">
        <v>42504.486159799999</v>
      </c>
      <c r="Z2151" s="7">
        <v>42847.615597999997</v>
      </c>
      <c r="AA2151" s="7">
        <v>42445.733916099998</v>
      </c>
      <c r="AB2151" s="7">
        <v>46773.365173899998</v>
      </c>
      <c r="AC2151" s="7">
        <v>47081.306250900001</v>
      </c>
      <c r="AD2151" s="7">
        <v>46363.676620400001</v>
      </c>
      <c r="AE2151" s="7">
        <v>46233.424756699998</v>
      </c>
      <c r="AF2151" s="7">
        <v>46315.810137699998</v>
      </c>
      <c r="AG2151" s="9">
        <v>35032.960621500002</v>
      </c>
      <c r="AH2151" s="13">
        <v>0.53882567701823192</v>
      </c>
      <c r="AI2151" s="9">
        <v>17260.864351199991</v>
      </c>
      <c r="AJ2151" s="13">
        <v>0.26548132829651144</v>
      </c>
      <c r="AK2151" s="9">
        <v>4252.9421920000023</v>
      </c>
      <c r="AL2151" s="13">
        <v>5.1689839097189341E-2</v>
      </c>
      <c r="AM2151" s="9">
        <v>13519.154078300009</v>
      </c>
      <c r="AN2151" s="13">
        <v>0.15623471531767413</v>
      </c>
      <c r="AO2151" s="9">
        <v>17772.096270300011</v>
      </c>
      <c r="AP2151" s="13">
        <v>0.21600030171102924</v>
      </c>
      <c r="AQ2151" s="9">
        <v>65017.244195500003</v>
      </c>
      <c r="AR2151" s="9">
        <v>67184.130722799993</v>
      </c>
      <c r="AS2151" s="9">
        <v>69864.125010400006</v>
      </c>
      <c r="AT2151" s="9">
        <v>72584.1925606</v>
      </c>
      <c r="AU2151" s="9">
        <v>76386.5234088</v>
      </c>
      <c r="AV2151" s="9">
        <v>81158.037438400002</v>
      </c>
      <c r="AW2151" s="9">
        <v>82278.108546699994</v>
      </c>
      <c r="AX2151" s="9">
        <v>85484.295960799995</v>
      </c>
      <c r="AY2151" s="9">
        <v>90719.779892499995</v>
      </c>
      <c r="AZ2151" s="9">
        <v>86531.050738699996</v>
      </c>
      <c r="BA2151" s="9">
        <v>87698.130915400005</v>
      </c>
      <c r="BB2151" s="9">
        <v>93812.515725599995</v>
      </c>
      <c r="BC2151" s="9">
        <v>95245.514200599995</v>
      </c>
      <c r="BD2151" s="9">
        <v>99281.910644400006</v>
      </c>
      <c r="BE2151" s="9">
        <v>100253.192918</v>
      </c>
      <c r="BF2151" s="9">
        <v>100050.20481700001</v>
      </c>
      <c r="BG2151" s="11">
        <v>-311</v>
      </c>
      <c r="BH2151" s="13">
        <v>-0.23542770628311885</v>
      </c>
      <c r="BI2151" s="6">
        <v>-101</v>
      </c>
      <c r="BJ2151" s="13">
        <v>-7.6457229371688112E-2</v>
      </c>
      <c r="BK2151" s="6">
        <v>-121</v>
      </c>
      <c r="BL2151" s="13">
        <v>-9.9180327868852461E-2</v>
      </c>
      <c r="BM2151" s="11">
        <v>-89</v>
      </c>
      <c r="BN2151" s="13">
        <v>-8.0982711555959958E-2</v>
      </c>
      <c r="BO2151" s="11">
        <v>-210</v>
      </c>
      <c r="BP2151" s="13">
        <v>-0.1721311475409836</v>
      </c>
      <c r="BQ2151" s="6">
        <v>1321</v>
      </c>
      <c r="BR2151" s="6">
        <v>1296</v>
      </c>
      <c r="BS2151" s="6">
        <v>1274</v>
      </c>
      <c r="BT2151" s="6">
        <v>1220</v>
      </c>
      <c r="BU2151" s="6">
        <v>1194</v>
      </c>
      <c r="BV2151" s="6">
        <v>1160</v>
      </c>
      <c r="BW2151" s="6">
        <v>1099</v>
      </c>
      <c r="BX2151" s="6">
        <v>1084</v>
      </c>
      <c r="BY2151" s="6">
        <v>1049</v>
      </c>
      <c r="BZ2151" s="6">
        <v>1057</v>
      </c>
      <c r="CA2151" s="6">
        <v>1046</v>
      </c>
      <c r="CB2151" s="6">
        <v>1028</v>
      </c>
      <c r="CC2151" s="11">
        <v>1010</v>
      </c>
      <c r="CD2151" s="11">
        <v>-7843.47</v>
      </c>
      <c r="CE2151" s="11">
        <v>-25275.9</v>
      </c>
      <c r="CF2151" s="11">
        <v>7827.57</v>
      </c>
      <c r="CG2151" s="11">
        <v>-17448</v>
      </c>
      <c r="CH2151" s="20">
        <v>0.89923900000000001</v>
      </c>
      <c r="CI2151" s="20">
        <v>0.918767</v>
      </c>
      <c r="CJ2151" s="20">
        <v>0.91863099999999998</v>
      </c>
      <c r="CK2151" s="20">
        <v>0.96985900000000003</v>
      </c>
      <c r="CL2151" s="20">
        <v>0.94797299999999995</v>
      </c>
      <c r="CM2151" s="20">
        <v>0.93357400000000001</v>
      </c>
      <c r="CN2151" s="20">
        <v>0.92906599999999995</v>
      </c>
      <c r="CO2151" s="20">
        <v>0.90649999999999997</v>
      </c>
      <c r="CP2151" s="20">
        <v>0.93123999999999996</v>
      </c>
      <c r="CQ2151" s="20">
        <v>0.85677499999999995</v>
      </c>
      <c r="CR2151" s="20">
        <v>0.85514400000000002</v>
      </c>
      <c r="CS2151" s="20">
        <v>0.83961399999999997</v>
      </c>
      <c r="CT2151" s="20">
        <v>0.92276199999999997</v>
      </c>
      <c r="CU2151" s="20">
        <v>0.92052599999999996</v>
      </c>
      <c r="CV2151" s="20">
        <v>0.90012800000000004</v>
      </c>
      <c r="CW2151" s="20">
        <v>0.898393</v>
      </c>
      <c r="CX2151" s="20">
        <v>0.90720599999999996</v>
      </c>
      <c r="CY2151" s="6" t="s">
        <v>689</v>
      </c>
      <c r="CZ2151" s="6" t="s">
        <v>690</v>
      </c>
      <c r="DA2151" s="6" t="s">
        <v>170</v>
      </c>
      <c r="DB2151" s="6"/>
      <c r="DC2151" s="6">
        <v>41180</v>
      </c>
      <c r="DD2151" s="6">
        <v>476</v>
      </c>
      <c r="DE2151" s="6" t="s">
        <v>508</v>
      </c>
      <c r="DF2151" s="6" t="s">
        <v>375</v>
      </c>
      <c r="DG2151" s="6" t="s">
        <v>364</v>
      </c>
      <c r="DH2151" s="6" t="s">
        <v>419</v>
      </c>
      <c r="DI2151" s="6" t="s">
        <v>509</v>
      </c>
      <c r="DJ2151" s="6">
        <v>29</v>
      </c>
      <c r="DK2151" s="6">
        <v>189</v>
      </c>
      <c r="DL2151" s="6">
        <v>1</v>
      </c>
      <c r="DM2151" s="6" t="s">
        <v>404</v>
      </c>
      <c r="DN2151" s="6">
        <v>1</v>
      </c>
      <c r="DO2151" s="6" t="s">
        <v>405</v>
      </c>
      <c r="DP2151" s="6"/>
      <c r="DQ2151" s="6"/>
    </row>
    <row r="2152" spans="1:121" x14ac:dyDescent="0.2">
      <c r="A2152" s="6" t="s">
        <v>313</v>
      </c>
      <c r="B2152" s="6" t="s">
        <v>313</v>
      </c>
      <c r="C2152" s="6" t="s">
        <v>178</v>
      </c>
      <c r="D2152" s="6" t="s">
        <v>170</v>
      </c>
      <c r="E2152" s="6" t="s">
        <v>309</v>
      </c>
      <c r="F2152" s="11">
        <v>-2782</v>
      </c>
      <c r="G2152" s="13">
        <v>-8.2101224730700001E-2</v>
      </c>
      <c r="H2152" s="11">
        <v>-1606.9049412999993</v>
      </c>
      <c r="I2152" s="13">
        <v>-4.7422848117530975E-2</v>
      </c>
      <c r="J2152" s="11">
        <v>-1790.5418737</v>
      </c>
      <c r="K2152" s="13">
        <v>-5.5473014702705194E-2</v>
      </c>
      <c r="L2152" s="11">
        <v>615.60036480000053</v>
      </c>
      <c r="M2152" s="13">
        <v>2.019211377889878E-2</v>
      </c>
      <c r="N2152" s="11">
        <v>-1174.9415088999995</v>
      </c>
      <c r="O2152" s="13">
        <v>-3.640101834834196E-2</v>
      </c>
      <c r="P2152" s="7">
        <v>33884.6148025</v>
      </c>
      <c r="Q2152" s="7">
        <v>32646.741440500002</v>
      </c>
      <c r="R2152" s="7">
        <v>32211.7363038</v>
      </c>
      <c r="S2152" s="7">
        <v>32958.216375800002</v>
      </c>
      <c r="T2152" s="7">
        <v>32609.282158599999</v>
      </c>
      <c r="U2152" s="7">
        <v>32830.165051600001</v>
      </c>
      <c r="V2152" s="7">
        <v>32277.709861200001</v>
      </c>
      <c r="W2152" s="7">
        <v>33259.556074200002</v>
      </c>
      <c r="X2152" s="7">
        <v>31425.860109900001</v>
      </c>
      <c r="Y2152" s="7">
        <v>30487.167987500001</v>
      </c>
      <c r="Z2152" s="7">
        <v>29106.274521300002</v>
      </c>
      <c r="AA2152" s="7">
        <v>29047.138217399999</v>
      </c>
      <c r="AB2152" s="7">
        <v>29592.226771099999</v>
      </c>
      <c r="AC2152" s="7">
        <v>30333.211187500001</v>
      </c>
      <c r="AD2152" s="7">
        <v>30700.584506899999</v>
      </c>
      <c r="AE2152" s="7">
        <v>31127.6832144</v>
      </c>
      <c r="AF2152" s="7">
        <v>31102.768352300001</v>
      </c>
      <c r="AG2152" s="9">
        <v>26313.701379099992</v>
      </c>
      <c r="AH2152" s="13">
        <v>0.4274132518291473</v>
      </c>
      <c r="AI2152" s="9">
        <v>13110.625721199991</v>
      </c>
      <c r="AJ2152" s="13">
        <v>0.21295579410442519</v>
      </c>
      <c r="AK2152" s="9">
        <v>1822.1749306000129</v>
      </c>
      <c r="AL2152" s="13">
        <v>2.4401197236296312E-2</v>
      </c>
      <c r="AM2152" s="9">
        <v>11380.900727299988</v>
      </c>
      <c r="AN2152" s="13">
        <v>0.14877420074095535</v>
      </c>
      <c r="AO2152" s="9">
        <v>13203.075657900001</v>
      </c>
      <c r="AP2152" s="13">
        <v>0.17680566659320407</v>
      </c>
      <c r="AQ2152" s="9">
        <v>61565.010599200003</v>
      </c>
      <c r="AR2152" s="9">
        <v>61374.3004114</v>
      </c>
      <c r="AS2152" s="9">
        <v>62206.018269699998</v>
      </c>
      <c r="AT2152" s="9">
        <v>65117.591396700001</v>
      </c>
      <c r="AU2152" s="9">
        <v>68200.6365104</v>
      </c>
      <c r="AV2152" s="9">
        <v>71483.569782499995</v>
      </c>
      <c r="AW2152" s="9">
        <v>74675.636320399994</v>
      </c>
      <c r="AX2152" s="9">
        <v>75325.722928200004</v>
      </c>
      <c r="AY2152" s="9">
        <v>76542.2218823</v>
      </c>
      <c r="AZ2152" s="9">
        <v>76497.811251000006</v>
      </c>
      <c r="BA2152" s="9">
        <v>79133.694948200005</v>
      </c>
      <c r="BB2152" s="9">
        <v>82571.931643999997</v>
      </c>
      <c r="BC2152" s="9">
        <v>82086.489739199998</v>
      </c>
      <c r="BD2152" s="9">
        <v>85868.855400600005</v>
      </c>
      <c r="BE2152" s="9">
        <v>87450.041217499995</v>
      </c>
      <c r="BF2152" s="9">
        <v>87878.711978299994</v>
      </c>
      <c r="BG2152" s="11">
        <v>-717</v>
      </c>
      <c r="BH2152" s="13">
        <v>-0.22885413341844876</v>
      </c>
      <c r="BI2152" s="6">
        <v>-329</v>
      </c>
      <c r="BJ2152" s="13">
        <v>-0.1050111714012129</v>
      </c>
      <c r="BK2152" s="6">
        <v>-251</v>
      </c>
      <c r="BL2152" s="13">
        <v>-8.9514978601997142E-2</v>
      </c>
      <c r="BM2152" s="11">
        <v>-137</v>
      </c>
      <c r="BN2152" s="13">
        <v>-5.3662358010184097E-2</v>
      </c>
      <c r="BO2152" s="11">
        <v>-388</v>
      </c>
      <c r="BP2152" s="13">
        <v>-0.13837375178316691</v>
      </c>
      <c r="BQ2152" s="6">
        <v>3133</v>
      </c>
      <c r="BR2152" s="6">
        <v>3004</v>
      </c>
      <c r="BS2152" s="6">
        <v>2927</v>
      </c>
      <c r="BT2152" s="6">
        <v>2804</v>
      </c>
      <c r="BU2152" s="6">
        <v>2770</v>
      </c>
      <c r="BV2152" s="6">
        <v>2638</v>
      </c>
      <c r="BW2152" s="6">
        <v>2553</v>
      </c>
      <c r="BX2152" s="6">
        <v>2526</v>
      </c>
      <c r="BY2152" s="6">
        <v>2499</v>
      </c>
      <c r="BZ2152" s="6">
        <v>2476</v>
      </c>
      <c r="CA2152" s="6">
        <v>2438</v>
      </c>
      <c r="CB2152" s="6">
        <v>2460</v>
      </c>
      <c r="CC2152" s="11">
        <v>2416</v>
      </c>
      <c r="CD2152" s="11">
        <v>-3715.18</v>
      </c>
      <c r="CE2152" s="11">
        <v>-2770.66</v>
      </c>
      <c r="CF2152" s="11">
        <v>3704</v>
      </c>
      <c r="CG2152" s="11">
        <v>933</v>
      </c>
      <c r="CH2152" s="20">
        <v>1.1950099999999999</v>
      </c>
      <c r="CI2152" s="20">
        <v>1.18774</v>
      </c>
      <c r="CJ2152" s="20">
        <v>1.1898899999999999</v>
      </c>
      <c r="CK2152" s="20">
        <v>1.23217</v>
      </c>
      <c r="CL2152" s="20">
        <v>1.2109099999999999</v>
      </c>
      <c r="CM2152" s="20">
        <v>1.20452</v>
      </c>
      <c r="CN2152" s="20">
        <v>1.20258</v>
      </c>
      <c r="CO2152" s="20">
        <v>1.2508999999999999</v>
      </c>
      <c r="CP2152" s="20">
        <v>1.2705900000000001</v>
      </c>
      <c r="CQ2152" s="20">
        <v>1.2781899999999999</v>
      </c>
      <c r="CR2152" s="20">
        <v>1.2135199999999999</v>
      </c>
      <c r="CS2152" s="20">
        <v>1.1989099999999999</v>
      </c>
      <c r="CT2152" s="20">
        <v>1.21126</v>
      </c>
      <c r="CU2152" s="20">
        <v>1.2320199999999999</v>
      </c>
      <c r="CV2152" s="20">
        <v>1.23899</v>
      </c>
      <c r="CW2152" s="20">
        <v>1.2605900000000001</v>
      </c>
      <c r="CX2152" s="20">
        <v>1.2593399999999999</v>
      </c>
      <c r="CY2152" s="6" t="s">
        <v>689</v>
      </c>
      <c r="CZ2152" s="6" t="s">
        <v>690</v>
      </c>
      <c r="DA2152" s="6" t="s">
        <v>170</v>
      </c>
      <c r="DB2152" s="6"/>
      <c r="DC2152" s="6">
        <v>41180</v>
      </c>
      <c r="DD2152" s="6">
        <v>476</v>
      </c>
      <c r="DE2152" s="6" t="s">
        <v>508</v>
      </c>
      <c r="DF2152" s="6" t="s">
        <v>375</v>
      </c>
      <c r="DG2152" s="6" t="s">
        <v>364</v>
      </c>
      <c r="DH2152" s="6" t="s">
        <v>419</v>
      </c>
      <c r="DI2152" s="6" t="s">
        <v>509</v>
      </c>
      <c r="DJ2152" s="6">
        <v>29</v>
      </c>
      <c r="DK2152" s="6">
        <v>189</v>
      </c>
      <c r="DL2152" s="6">
        <v>1</v>
      </c>
      <c r="DM2152" s="6" t="s">
        <v>404</v>
      </c>
      <c r="DN2152" s="6">
        <v>1</v>
      </c>
      <c r="DO2152" s="6" t="s">
        <v>405</v>
      </c>
      <c r="DP2152" s="6"/>
      <c r="DQ2152" s="6"/>
    </row>
    <row r="2153" spans="1:121" x14ac:dyDescent="0.2">
      <c r="A2153" s="6" t="s">
        <v>793</v>
      </c>
      <c r="B2153" s="6" t="s">
        <v>179</v>
      </c>
      <c r="C2153" s="6" t="s">
        <v>180</v>
      </c>
      <c r="D2153" s="6" t="s">
        <v>170</v>
      </c>
      <c r="E2153" s="6" t="s">
        <v>309</v>
      </c>
      <c r="F2153" s="11">
        <v>-5460</v>
      </c>
      <c r="G2153" s="13">
        <v>-7.0000000000000007E-2</v>
      </c>
      <c r="H2153" s="11">
        <v>-1283</v>
      </c>
      <c r="I2153" s="13">
        <v>-1.6845449890366713E-2</v>
      </c>
      <c r="J2153" s="11">
        <v>-6586</v>
      </c>
      <c r="K2153" s="13">
        <v>-8.7954059829059836E-2</v>
      </c>
      <c r="L2153" s="11">
        <v>2409</v>
      </c>
      <c r="M2153" s="13">
        <v>3.527396257357894E-2</v>
      </c>
      <c r="N2153" s="11">
        <v>-4177</v>
      </c>
      <c r="O2153" s="13">
        <v>-5.5782585470085473E-2</v>
      </c>
      <c r="P2153" s="7">
        <v>76163</v>
      </c>
      <c r="Q2153" s="7">
        <v>77745</v>
      </c>
      <c r="R2153" s="7">
        <v>77371</v>
      </c>
      <c r="S2153" s="7">
        <v>75895</v>
      </c>
      <c r="T2153" s="7">
        <v>76706</v>
      </c>
      <c r="U2153" s="7">
        <v>75123</v>
      </c>
      <c r="V2153" s="7">
        <v>74880</v>
      </c>
      <c r="W2153" s="7">
        <v>73463</v>
      </c>
      <c r="X2153" s="7">
        <v>68916</v>
      </c>
      <c r="Y2153" s="7">
        <v>68294</v>
      </c>
      <c r="Z2153" s="7">
        <v>69285</v>
      </c>
      <c r="AA2153" s="7">
        <v>70221</v>
      </c>
      <c r="AB2153" s="7">
        <v>69356</v>
      </c>
      <c r="AC2153" s="7">
        <v>70344</v>
      </c>
      <c r="AD2153" s="7">
        <v>70944</v>
      </c>
      <c r="AE2153" s="7">
        <v>70979</v>
      </c>
      <c r="AF2153" s="7">
        <v>70703</v>
      </c>
      <c r="AG2153" s="9">
        <v>10017</v>
      </c>
      <c r="AH2153" s="13">
        <v>0.37761525992385114</v>
      </c>
      <c r="AI2153" s="9">
        <v>4267</v>
      </c>
      <c r="AJ2153" s="13">
        <v>0.16085497794699741</v>
      </c>
      <c r="AK2153" s="9">
        <v>1861</v>
      </c>
      <c r="AL2153" s="13">
        <v>6.043385075014613E-2</v>
      </c>
      <c r="AM2153" s="9">
        <v>3889</v>
      </c>
      <c r="AN2153" s="13">
        <v>0.11909355382024192</v>
      </c>
      <c r="AO2153" s="9">
        <v>5750</v>
      </c>
      <c r="AP2153" s="13">
        <v>0.18672468662726505</v>
      </c>
      <c r="AQ2153" s="9">
        <v>26527</v>
      </c>
      <c r="AR2153" s="9">
        <v>27645</v>
      </c>
      <c r="AS2153" s="9">
        <v>28448</v>
      </c>
      <c r="AT2153" s="9">
        <v>29006</v>
      </c>
      <c r="AU2153" s="9">
        <v>29525</v>
      </c>
      <c r="AV2153" s="9">
        <v>30117</v>
      </c>
      <c r="AW2153" s="9">
        <v>30794</v>
      </c>
      <c r="AX2153" s="9">
        <v>32210</v>
      </c>
      <c r="AY2153" s="9">
        <v>32433</v>
      </c>
      <c r="AZ2153" s="9">
        <v>32655</v>
      </c>
      <c r="BA2153" s="9">
        <v>32974</v>
      </c>
      <c r="BB2153" s="9">
        <v>33571</v>
      </c>
      <c r="BC2153" s="9">
        <v>33681</v>
      </c>
      <c r="BD2153" s="9">
        <v>34064</v>
      </c>
      <c r="BE2153" s="9">
        <v>35620</v>
      </c>
      <c r="BF2153" s="9">
        <v>36544</v>
      </c>
      <c r="BG2153" s="11">
        <v>-333</v>
      </c>
      <c r="BH2153" s="13">
        <v>-8.2918326693227087E-2</v>
      </c>
      <c r="BI2153" s="6">
        <v>-122</v>
      </c>
      <c r="BJ2153" s="13">
        <v>-3.0378486055776893E-2</v>
      </c>
      <c r="BK2153" s="6">
        <v>-189</v>
      </c>
      <c r="BL2153" s="13">
        <v>-4.8536209553158703E-2</v>
      </c>
      <c r="BM2153" s="11">
        <v>-22</v>
      </c>
      <c r="BN2153" s="13">
        <v>-5.9379217273954118E-3</v>
      </c>
      <c r="BO2153" s="11">
        <v>-211</v>
      </c>
      <c r="BP2153" s="13">
        <v>-5.4185927067283E-2</v>
      </c>
      <c r="BQ2153" s="6">
        <v>4016</v>
      </c>
      <c r="BR2153" s="6">
        <v>3996</v>
      </c>
      <c r="BS2153" s="6">
        <v>3998</v>
      </c>
      <c r="BT2153" s="6">
        <v>3894</v>
      </c>
      <c r="BU2153" s="6">
        <v>3920</v>
      </c>
      <c r="BV2153" s="6">
        <v>3810</v>
      </c>
      <c r="BW2153" s="6">
        <v>3705</v>
      </c>
      <c r="BX2153" s="6">
        <v>3605</v>
      </c>
      <c r="BY2153" s="6">
        <v>3613</v>
      </c>
      <c r="BZ2153" s="6">
        <v>3639</v>
      </c>
      <c r="CA2153" s="6">
        <v>3696</v>
      </c>
      <c r="CB2153" s="6">
        <v>3713</v>
      </c>
      <c r="CC2153" s="11">
        <v>3683</v>
      </c>
      <c r="CD2153" s="11">
        <v>-8903</v>
      </c>
      <c r="CE2153" s="11">
        <v>-4882</v>
      </c>
      <c r="CF2153" s="11">
        <v>8326</v>
      </c>
      <c r="CG2153" s="11">
        <v>3444</v>
      </c>
      <c r="CH2153" s="20">
        <v>1</v>
      </c>
      <c r="CI2153" s="20">
        <v>1.04</v>
      </c>
      <c r="CJ2153" s="20">
        <v>1.05</v>
      </c>
      <c r="CK2153" s="20">
        <v>1.05</v>
      </c>
      <c r="CL2153" s="20">
        <v>1.06</v>
      </c>
      <c r="CM2153" s="20">
        <v>1.04</v>
      </c>
      <c r="CN2153" s="20">
        <v>1.06</v>
      </c>
      <c r="CO2153" s="20">
        <v>1.06</v>
      </c>
      <c r="CP2153" s="20">
        <v>1.05</v>
      </c>
      <c r="CQ2153" s="20">
        <v>1.06</v>
      </c>
      <c r="CR2153" s="20">
        <v>1.08</v>
      </c>
      <c r="CS2153" s="20">
        <v>1.0900000000000001</v>
      </c>
      <c r="CT2153" s="20">
        <v>1.06</v>
      </c>
      <c r="CU2153" s="20">
        <v>1.07</v>
      </c>
      <c r="CV2153" s="20">
        <v>1.06</v>
      </c>
      <c r="CW2153" s="20">
        <v>1.05</v>
      </c>
      <c r="CX2153" s="20">
        <v>1.05</v>
      </c>
      <c r="CY2153" s="6" t="s">
        <v>689</v>
      </c>
      <c r="CZ2153" s="6" t="s">
        <v>690</v>
      </c>
      <c r="DA2153" s="6" t="s">
        <v>170</v>
      </c>
      <c r="DB2153" s="6"/>
      <c r="DC2153" s="6">
        <v>41180</v>
      </c>
      <c r="DD2153" s="6">
        <v>476</v>
      </c>
      <c r="DE2153" s="6" t="s">
        <v>508</v>
      </c>
      <c r="DF2153" s="6" t="s">
        <v>375</v>
      </c>
      <c r="DG2153" s="6" t="s">
        <v>364</v>
      </c>
      <c r="DH2153" s="6" t="s">
        <v>419</v>
      </c>
      <c r="DI2153" s="6" t="s">
        <v>509</v>
      </c>
      <c r="DJ2153" s="6">
        <v>29</v>
      </c>
      <c r="DK2153" s="6">
        <v>189</v>
      </c>
      <c r="DL2153" s="6">
        <v>1</v>
      </c>
      <c r="DM2153" s="6" t="s">
        <v>404</v>
      </c>
      <c r="DN2153" s="6">
        <v>1</v>
      </c>
      <c r="DO2153" s="6" t="s">
        <v>405</v>
      </c>
      <c r="DP2153" s="6"/>
      <c r="DQ2153" s="6"/>
    </row>
    <row r="2154" spans="1:121" x14ac:dyDescent="0.2">
      <c r="A2154" s="6" t="s">
        <v>794</v>
      </c>
      <c r="B2154" s="6" t="s">
        <v>181</v>
      </c>
      <c r="C2154" s="6" t="s">
        <v>182</v>
      </c>
      <c r="D2154" s="6" t="s">
        <v>170</v>
      </c>
      <c r="E2154" s="6" t="s">
        <v>309</v>
      </c>
      <c r="F2154" s="11">
        <v>-8480</v>
      </c>
      <c r="G2154" s="13">
        <v>-0.312361868278</v>
      </c>
      <c r="H2154" s="11">
        <v>-6786.1458687999984</v>
      </c>
      <c r="I2154" s="13">
        <v>-0.24997164534334143</v>
      </c>
      <c r="J2154" s="11">
        <v>-3532.208579099999</v>
      </c>
      <c r="K2154" s="13">
        <v>-0.17347472875433745</v>
      </c>
      <c r="L2154" s="11">
        <v>1838.6085260999971</v>
      </c>
      <c r="M2154" s="13">
        <v>0.10925039327757216</v>
      </c>
      <c r="N2154" s="11">
        <v>-1693.6000530000019</v>
      </c>
      <c r="O2154" s="13">
        <v>-8.3176517816896819E-2</v>
      </c>
      <c r="P2154" s="7">
        <v>27147.662525799999</v>
      </c>
      <c r="Q2154" s="7">
        <v>27276.663143599999</v>
      </c>
      <c r="R2154" s="7">
        <v>24296.2819246</v>
      </c>
      <c r="S2154" s="7">
        <v>21463.370770400001</v>
      </c>
      <c r="T2154" s="7">
        <v>21029.877067699999</v>
      </c>
      <c r="U2154" s="7">
        <v>20389.864267100002</v>
      </c>
      <c r="V2154" s="7">
        <v>20361.516657</v>
      </c>
      <c r="W2154" s="7">
        <v>20198.166537699999</v>
      </c>
      <c r="X2154" s="7">
        <v>18206.099708599999</v>
      </c>
      <c r="Y2154" s="7">
        <v>16829.308077900001</v>
      </c>
      <c r="Z2154" s="7">
        <v>16973.2403194</v>
      </c>
      <c r="AA2154" s="7">
        <v>17297.052954300001</v>
      </c>
      <c r="AB2154" s="7">
        <v>18028.010246999998</v>
      </c>
      <c r="AC2154" s="7">
        <v>17996.426483700001</v>
      </c>
      <c r="AD2154" s="7">
        <v>18290.4365965</v>
      </c>
      <c r="AE2154" s="7">
        <v>18906.2901189</v>
      </c>
      <c r="AF2154" s="7">
        <v>18667.916603999998</v>
      </c>
      <c r="AG2154" s="9">
        <v>13106.112169300002</v>
      </c>
      <c r="AH2154" s="13">
        <v>0.27525149774530955</v>
      </c>
      <c r="AI2154" s="9">
        <v>8256.5766576000024</v>
      </c>
      <c r="AJ2154" s="13">
        <v>0.17340268890547303</v>
      </c>
      <c r="AK2154" s="9">
        <v>1107.1312751000005</v>
      </c>
      <c r="AL2154" s="13">
        <v>1.981562844547223E-2</v>
      </c>
      <c r="AM2154" s="9">
        <v>3742.4042365999994</v>
      </c>
      <c r="AN2154" s="13">
        <v>6.5680698704473128E-2</v>
      </c>
      <c r="AO2154" s="9">
        <v>4849.5355116999999</v>
      </c>
      <c r="AP2154" s="13">
        <v>8.679783147151221E-2</v>
      </c>
      <c r="AQ2154" s="9">
        <v>47615.0439749</v>
      </c>
      <c r="AR2154" s="9">
        <v>55053.219423499999</v>
      </c>
      <c r="AS2154" s="9">
        <v>55806.590078399997</v>
      </c>
      <c r="AT2154" s="9">
        <v>51193.033839999996</v>
      </c>
      <c r="AU2154" s="9">
        <v>51783.104300400002</v>
      </c>
      <c r="AV2154" s="9">
        <v>54556.178454300003</v>
      </c>
      <c r="AW2154" s="9">
        <v>55871.620632500002</v>
      </c>
      <c r="AX2154" s="9">
        <v>56105.454765499999</v>
      </c>
      <c r="AY2154" s="9">
        <v>55462.440712099997</v>
      </c>
      <c r="AZ2154" s="9">
        <v>56978.751907600003</v>
      </c>
      <c r="BA2154" s="9">
        <v>56145.902773599999</v>
      </c>
      <c r="BB2154" s="9">
        <v>56605.704006200001</v>
      </c>
      <c r="BC2154" s="9">
        <v>59002.357066600001</v>
      </c>
      <c r="BD2154" s="9">
        <v>57056.133529799998</v>
      </c>
      <c r="BE2154" s="9">
        <v>58623.532720299998</v>
      </c>
      <c r="BF2154" s="9">
        <v>60721.156144200002</v>
      </c>
      <c r="BG2154" s="11">
        <v>-43.5</v>
      </c>
      <c r="BH2154" s="13">
        <v>-5.7845744680851061E-2</v>
      </c>
      <c r="BI2154" s="6">
        <v>-2</v>
      </c>
      <c r="BJ2154" s="13">
        <v>-2.6595744680851063E-3</v>
      </c>
      <c r="BK2154" s="6">
        <v>-67</v>
      </c>
      <c r="BL2154" s="13">
        <v>-8.9333333333333334E-2</v>
      </c>
      <c r="BM2154" s="11">
        <v>25.5</v>
      </c>
      <c r="BN2154" s="13">
        <v>3.7335285505124452E-2</v>
      </c>
      <c r="BO2154" s="11">
        <v>-41.5</v>
      </c>
      <c r="BP2154" s="13">
        <v>-5.5333333333333332E-2</v>
      </c>
      <c r="BQ2154" s="6">
        <v>752</v>
      </c>
      <c r="BR2154" s="6">
        <v>752</v>
      </c>
      <c r="BS2154" s="6">
        <v>769</v>
      </c>
      <c r="BT2154" s="6">
        <v>750</v>
      </c>
      <c r="BU2154" s="6">
        <v>743</v>
      </c>
      <c r="BV2154" s="6">
        <v>714</v>
      </c>
      <c r="BW2154" s="6">
        <v>683</v>
      </c>
      <c r="BX2154" s="6">
        <v>659</v>
      </c>
      <c r="BY2154" s="6">
        <v>666</v>
      </c>
      <c r="BZ2154" s="6">
        <v>663</v>
      </c>
      <c r="CA2154" s="6">
        <v>677</v>
      </c>
      <c r="CB2154" s="6">
        <v>711</v>
      </c>
      <c r="CC2154" s="11">
        <v>708.5</v>
      </c>
      <c r="CD2154" s="11">
        <v>-13158.4</v>
      </c>
      <c r="CE2154" s="11">
        <v>1711.13</v>
      </c>
      <c r="CF2154" s="11">
        <v>2967.57</v>
      </c>
      <c r="CG2154" s="11">
        <v>4679</v>
      </c>
      <c r="CH2154" s="20">
        <v>1.20947</v>
      </c>
      <c r="CI2154" s="20">
        <v>1.2642599999999999</v>
      </c>
      <c r="CJ2154" s="20">
        <v>1.1457900000000001</v>
      </c>
      <c r="CK2154" s="20">
        <v>1.0145500000000001</v>
      </c>
      <c r="CL2154" s="20">
        <v>0.98144900000000002</v>
      </c>
      <c r="CM2154" s="20">
        <v>0.93749000000000005</v>
      </c>
      <c r="CN2154" s="20">
        <v>0.94862800000000003</v>
      </c>
      <c r="CO2154" s="20">
        <v>0.95003599999999999</v>
      </c>
      <c r="CP2154" s="20">
        <v>0.91788999999999998</v>
      </c>
      <c r="CQ2154" s="20">
        <v>0.87451999999999996</v>
      </c>
      <c r="CR2154" s="20">
        <v>0.86573599999999995</v>
      </c>
      <c r="CS2154" s="20">
        <v>0.86999899999999997</v>
      </c>
      <c r="CT2154" s="20">
        <v>0.89383500000000005</v>
      </c>
      <c r="CU2154" s="20">
        <v>0.86566100000000001</v>
      </c>
      <c r="CV2154" s="20">
        <v>0.84426100000000004</v>
      </c>
      <c r="CW2154" s="20">
        <v>0.85332799999999998</v>
      </c>
      <c r="CX2154" s="20">
        <v>0.83690699999999996</v>
      </c>
      <c r="CY2154" s="6" t="s">
        <v>689</v>
      </c>
      <c r="CZ2154" s="6" t="s">
        <v>690</v>
      </c>
      <c r="DA2154" s="6" t="s">
        <v>170</v>
      </c>
      <c r="DB2154" s="6"/>
      <c r="DC2154" s="6">
        <v>41180</v>
      </c>
      <c r="DD2154" s="6">
        <v>476</v>
      </c>
      <c r="DE2154" s="6" t="s">
        <v>508</v>
      </c>
      <c r="DF2154" s="6" t="s">
        <v>375</v>
      </c>
      <c r="DG2154" s="6" t="s">
        <v>364</v>
      </c>
      <c r="DH2154" s="6" t="s">
        <v>419</v>
      </c>
      <c r="DI2154" s="6" t="s">
        <v>509</v>
      </c>
      <c r="DJ2154" s="6">
        <v>29</v>
      </c>
      <c r="DK2154" s="6">
        <v>189</v>
      </c>
      <c r="DL2154" s="6">
        <v>1</v>
      </c>
      <c r="DM2154" s="6" t="s">
        <v>404</v>
      </c>
      <c r="DN2154" s="6">
        <v>1</v>
      </c>
      <c r="DO2154" s="6" t="s">
        <v>405</v>
      </c>
      <c r="DP2154" s="6"/>
      <c r="DQ2154" s="6"/>
    </row>
    <row r="2155" spans="1:121" x14ac:dyDescent="0.2">
      <c r="A2155" s="6" t="s">
        <v>314</v>
      </c>
      <c r="B2155" s="6" t="s">
        <v>314</v>
      </c>
      <c r="C2155" s="6" t="s">
        <v>183</v>
      </c>
      <c r="D2155" s="6" t="s">
        <v>170</v>
      </c>
      <c r="E2155" s="6" t="s">
        <v>309</v>
      </c>
      <c r="F2155" s="11">
        <v>-5195</v>
      </c>
      <c r="G2155" s="13">
        <v>-0.264094352092</v>
      </c>
      <c r="H2155" s="11">
        <v>-2434.730101000001</v>
      </c>
      <c r="I2155" s="13">
        <v>-0.12377526093914844</v>
      </c>
      <c r="J2155" s="11">
        <v>-1266.1581418999995</v>
      </c>
      <c r="K2155" s="13">
        <v>-7.3460768407236768E-2</v>
      </c>
      <c r="L2155" s="11">
        <v>-1493.8933864999999</v>
      </c>
      <c r="M2155" s="13">
        <v>-9.3545587409995148E-2</v>
      </c>
      <c r="N2155" s="11">
        <v>-2760.0515283999994</v>
      </c>
      <c r="O2155" s="13">
        <v>-0.16013442508498735</v>
      </c>
      <c r="P2155" s="7">
        <v>19670.571344600001</v>
      </c>
      <c r="Q2155" s="7">
        <v>17825.0781441</v>
      </c>
      <c r="R2155" s="7">
        <v>16423.291384200002</v>
      </c>
      <c r="S2155" s="7">
        <v>17143.711680600001</v>
      </c>
      <c r="T2155" s="7">
        <v>17261.841680000001</v>
      </c>
      <c r="U2155" s="7">
        <v>18518.162214799999</v>
      </c>
      <c r="V2155" s="7">
        <v>17235.8412436</v>
      </c>
      <c r="W2155" s="7">
        <v>16313.474418199999</v>
      </c>
      <c r="X2155" s="7">
        <v>15834.672118799999</v>
      </c>
      <c r="Y2155" s="7">
        <v>15969.6831017</v>
      </c>
      <c r="Z2155" s="7">
        <v>15502.392585</v>
      </c>
      <c r="AA2155" s="7">
        <v>15143.242892599999</v>
      </c>
      <c r="AB2155" s="7">
        <v>15018.2999676</v>
      </c>
      <c r="AC2155" s="7">
        <v>14976.9381349</v>
      </c>
      <c r="AD2155" s="7">
        <v>14795.4285105</v>
      </c>
      <c r="AE2155" s="7">
        <v>14699.6064606</v>
      </c>
      <c r="AF2155" s="7">
        <v>14475.789715200001</v>
      </c>
      <c r="AG2155" s="9">
        <v>55422.302268600004</v>
      </c>
      <c r="AH2155" s="13">
        <v>0.89362999370319629</v>
      </c>
      <c r="AI2155" s="9">
        <v>18363.059923000008</v>
      </c>
      <c r="AJ2155" s="13">
        <v>0.29608624058656291</v>
      </c>
      <c r="AK2155" s="9">
        <v>21378.280178599991</v>
      </c>
      <c r="AL2155" s="13">
        <v>0.26595737558024474</v>
      </c>
      <c r="AM2155" s="9">
        <v>15680.962167000005</v>
      </c>
      <c r="AN2155" s="13">
        <v>0.15409654371330153</v>
      </c>
      <c r="AO2155" s="9">
        <v>37059.242345599996</v>
      </c>
      <c r="AP2155" s="13">
        <v>0.4610370316455224</v>
      </c>
      <c r="AQ2155" s="9">
        <v>62019.295076399998</v>
      </c>
      <c r="AR2155" s="9">
        <v>63963.919581800001</v>
      </c>
      <c r="AS2155" s="9">
        <v>67007.572954500007</v>
      </c>
      <c r="AT2155" s="9">
        <v>70662.655023200001</v>
      </c>
      <c r="AU2155" s="9">
        <v>72819.772012000001</v>
      </c>
      <c r="AV2155" s="9">
        <v>79834.168025899999</v>
      </c>
      <c r="AW2155" s="9">
        <v>80382.354999400006</v>
      </c>
      <c r="AX2155" s="9">
        <v>82157.646464300007</v>
      </c>
      <c r="AY2155" s="9">
        <v>94618.431139199995</v>
      </c>
      <c r="AZ2155" s="9">
        <v>101760.635178</v>
      </c>
      <c r="BA2155" s="9">
        <v>113522.769965</v>
      </c>
      <c r="BB2155" s="9">
        <v>119912.90538700001</v>
      </c>
      <c r="BC2155" s="9">
        <v>110929.18687799999</v>
      </c>
      <c r="BD2155" s="9">
        <v>112181.156204</v>
      </c>
      <c r="BE2155" s="9">
        <v>117902.049868</v>
      </c>
      <c r="BF2155" s="9">
        <v>117441.597345</v>
      </c>
      <c r="BG2155" s="11">
        <v>-163</v>
      </c>
      <c r="BH2155" s="13">
        <v>-0.2583201267828843</v>
      </c>
      <c r="BI2155" s="6">
        <v>-18</v>
      </c>
      <c r="BJ2155" s="13">
        <v>-2.8526148969889066E-2</v>
      </c>
      <c r="BK2155" s="6">
        <v>-67</v>
      </c>
      <c r="BL2155" s="13">
        <v>-0.10929853181076672</v>
      </c>
      <c r="BM2155" s="11">
        <v>-78</v>
      </c>
      <c r="BN2155" s="13">
        <v>-0.14285714285714285</v>
      </c>
      <c r="BO2155" s="11">
        <v>-145</v>
      </c>
      <c r="BP2155" s="13">
        <v>-0.2365415986949429</v>
      </c>
      <c r="BQ2155" s="6">
        <v>631</v>
      </c>
      <c r="BR2155" s="6">
        <v>609</v>
      </c>
      <c r="BS2155" s="6">
        <v>613</v>
      </c>
      <c r="BT2155" s="6">
        <v>613</v>
      </c>
      <c r="BU2155" s="6">
        <v>583</v>
      </c>
      <c r="BV2155" s="6">
        <v>567</v>
      </c>
      <c r="BW2155" s="6">
        <v>546</v>
      </c>
      <c r="BX2155" s="6">
        <v>521</v>
      </c>
      <c r="BY2155" s="6">
        <v>488</v>
      </c>
      <c r="BZ2155" s="6">
        <v>487</v>
      </c>
      <c r="CA2155" s="6">
        <v>507</v>
      </c>
      <c r="CB2155" s="6">
        <v>474</v>
      </c>
      <c r="CC2155" s="11">
        <v>468</v>
      </c>
      <c r="CD2155" s="11">
        <v>-1320.1</v>
      </c>
      <c r="CE2155" s="11">
        <v>-6024.91</v>
      </c>
      <c r="CF2155" s="11">
        <v>2150.23</v>
      </c>
      <c r="CG2155" s="11">
        <v>-3875</v>
      </c>
      <c r="CH2155" s="20">
        <v>1.1128499999999999</v>
      </c>
      <c r="CI2155" s="20">
        <v>1.07874</v>
      </c>
      <c r="CJ2155" s="20">
        <v>1.0559400000000001</v>
      </c>
      <c r="CK2155" s="20">
        <v>1.1515599999999999</v>
      </c>
      <c r="CL2155" s="20">
        <v>1.1881900000000001</v>
      </c>
      <c r="CM2155" s="20">
        <v>1.29321</v>
      </c>
      <c r="CN2155" s="20">
        <v>1.24759</v>
      </c>
      <c r="CO2155" s="20">
        <v>1.2024999999999999</v>
      </c>
      <c r="CP2155" s="20">
        <v>1.24518</v>
      </c>
      <c r="CQ2155" s="20">
        <v>1.32765</v>
      </c>
      <c r="CR2155" s="20">
        <v>1.31212</v>
      </c>
      <c r="CS2155" s="20">
        <v>1.28945</v>
      </c>
      <c r="CT2155" s="20">
        <v>1.27366</v>
      </c>
      <c r="CU2155" s="20">
        <v>1.2587299999999999</v>
      </c>
      <c r="CV2155" s="20">
        <v>1.23682</v>
      </c>
      <c r="CW2155" s="20">
        <v>1.2146399999999999</v>
      </c>
      <c r="CX2155" s="20">
        <v>1.20313</v>
      </c>
      <c r="CY2155" s="6" t="s">
        <v>689</v>
      </c>
      <c r="CZ2155" s="6" t="s">
        <v>690</v>
      </c>
      <c r="DA2155" s="6" t="s">
        <v>170</v>
      </c>
      <c r="DB2155" s="6"/>
      <c r="DC2155" s="6">
        <v>41180</v>
      </c>
      <c r="DD2155" s="6">
        <v>476</v>
      </c>
      <c r="DE2155" s="6" t="s">
        <v>508</v>
      </c>
      <c r="DF2155" s="6" t="s">
        <v>375</v>
      </c>
      <c r="DG2155" s="6" t="s">
        <v>364</v>
      </c>
      <c r="DH2155" s="6" t="s">
        <v>419</v>
      </c>
      <c r="DI2155" s="6" t="s">
        <v>509</v>
      </c>
      <c r="DJ2155" s="6">
        <v>29</v>
      </c>
      <c r="DK2155" s="6">
        <v>189</v>
      </c>
      <c r="DL2155" s="6">
        <v>1</v>
      </c>
      <c r="DM2155" s="6" t="s">
        <v>404</v>
      </c>
      <c r="DN2155" s="6">
        <v>1</v>
      </c>
      <c r="DO2155" s="6" t="s">
        <v>405</v>
      </c>
      <c r="DP2155" s="6"/>
      <c r="DQ2155" s="6"/>
    </row>
    <row r="2156" spans="1:121" x14ac:dyDescent="0.2">
      <c r="A2156" s="6" t="s">
        <v>315</v>
      </c>
      <c r="B2156" s="6" t="s">
        <v>315</v>
      </c>
      <c r="C2156" s="6" t="s">
        <v>184</v>
      </c>
      <c r="D2156" s="6" t="s">
        <v>170</v>
      </c>
      <c r="E2156" s="6" t="s">
        <v>309</v>
      </c>
      <c r="F2156" s="11">
        <v>-2494</v>
      </c>
      <c r="G2156" s="13">
        <v>-7.0000000000000007E-2</v>
      </c>
      <c r="H2156" s="11">
        <v>-3030</v>
      </c>
      <c r="I2156" s="13">
        <v>-8.2604072953300078E-2</v>
      </c>
      <c r="J2156" s="11">
        <v>-3772</v>
      </c>
      <c r="K2156" s="13">
        <v>-0.11209176547502304</v>
      </c>
      <c r="L2156" s="11">
        <v>4308</v>
      </c>
      <c r="M2156" s="13">
        <v>0.14418153217979182</v>
      </c>
      <c r="N2156" s="11">
        <v>536</v>
      </c>
      <c r="O2156" s="13">
        <v>1.5928204213842084E-2</v>
      </c>
      <c r="P2156" s="7">
        <v>36681</v>
      </c>
      <c r="Q2156" s="7">
        <v>36401</v>
      </c>
      <c r="R2156" s="7">
        <v>37926</v>
      </c>
      <c r="S2156" s="7">
        <v>33190</v>
      </c>
      <c r="T2156" s="7">
        <v>33182</v>
      </c>
      <c r="U2156" s="7">
        <v>32909</v>
      </c>
      <c r="V2156" s="7">
        <v>33651</v>
      </c>
      <c r="W2156" s="7">
        <v>32242</v>
      </c>
      <c r="X2156" s="7">
        <v>31021</v>
      </c>
      <c r="Y2156" s="7">
        <v>29879</v>
      </c>
      <c r="Z2156" s="7">
        <v>30825</v>
      </c>
      <c r="AA2156" s="7">
        <v>31859</v>
      </c>
      <c r="AB2156" s="7">
        <v>32601</v>
      </c>
      <c r="AC2156" s="7">
        <v>33069</v>
      </c>
      <c r="AD2156" s="7">
        <v>33855</v>
      </c>
      <c r="AE2156" s="7">
        <v>33732</v>
      </c>
      <c r="AF2156" s="7">
        <v>34187</v>
      </c>
      <c r="AG2156" s="9">
        <v>45051</v>
      </c>
      <c r="AH2156" s="13">
        <v>0.71917053780949192</v>
      </c>
      <c r="AI2156" s="9">
        <v>16875</v>
      </c>
      <c r="AJ2156" s="13">
        <v>0.26938365020832333</v>
      </c>
      <c r="AK2156" s="9">
        <v>6287</v>
      </c>
      <c r="AL2156" s="13">
        <v>7.9063859755024016E-2</v>
      </c>
      <c r="AM2156" s="9">
        <v>21889</v>
      </c>
      <c r="AN2156" s="13">
        <v>0.255101684051046</v>
      </c>
      <c r="AO2156" s="9">
        <v>28176</v>
      </c>
      <c r="AP2156" s="13">
        <v>0.35433486757715232</v>
      </c>
      <c r="AQ2156" s="9">
        <v>62643</v>
      </c>
      <c r="AR2156" s="9">
        <v>64194</v>
      </c>
      <c r="AS2156" s="9">
        <v>66414</v>
      </c>
      <c r="AT2156" s="9">
        <v>69222</v>
      </c>
      <c r="AU2156" s="9">
        <v>73209</v>
      </c>
      <c r="AV2156" s="9">
        <v>76151</v>
      </c>
      <c r="AW2156" s="9">
        <v>79518</v>
      </c>
      <c r="AX2156" s="9">
        <v>83218</v>
      </c>
      <c r="AY2156" s="9">
        <v>82588</v>
      </c>
      <c r="AZ2156" s="9">
        <v>85805</v>
      </c>
      <c r="BA2156" s="9">
        <v>88722</v>
      </c>
      <c r="BB2156" s="9">
        <v>96793</v>
      </c>
      <c r="BC2156" s="9">
        <v>96085</v>
      </c>
      <c r="BD2156" s="9">
        <v>99416</v>
      </c>
      <c r="BE2156" s="9">
        <v>105754</v>
      </c>
      <c r="BF2156" s="9">
        <v>107694</v>
      </c>
      <c r="BG2156" s="11">
        <v>-103</v>
      </c>
      <c r="BH2156" s="13">
        <v>-3.9104024297646166E-2</v>
      </c>
      <c r="BI2156" s="6">
        <v>59</v>
      </c>
      <c r="BJ2156" s="13">
        <v>2.2399392558845863E-2</v>
      </c>
      <c r="BK2156" s="6">
        <v>-235</v>
      </c>
      <c r="BL2156" s="13">
        <v>-8.7263275157816567E-2</v>
      </c>
      <c r="BM2156" s="11">
        <v>73</v>
      </c>
      <c r="BN2156" s="13">
        <v>2.9698942229454843E-2</v>
      </c>
      <c r="BO2156" s="11">
        <v>-162</v>
      </c>
      <c r="BP2156" s="13">
        <v>-6.0155959896026734E-2</v>
      </c>
      <c r="BQ2156" s="6">
        <v>2634</v>
      </c>
      <c r="BR2156" s="6">
        <v>2657</v>
      </c>
      <c r="BS2156" s="6">
        <v>2680</v>
      </c>
      <c r="BT2156" s="6">
        <v>2693</v>
      </c>
      <c r="BU2156" s="6">
        <v>2619</v>
      </c>
      <c r="BV2156" s="6">
        <v>2541</v>
      </c>
      <c r="BW2156" s="6">
        <v>2458</v>
      </c>
      <c r="BX2156" s="6">
        <v>2462</v>
      </c>
      <c r="BY2156" s="6">
        <v>2448</v>
      </c>
      <c r="BZ2156" s="6">
        <v>2442</v>
      </c>
      <c r="CA2156" s="6">
        <v>2470</v>
      </c>
      <c r="CB2156" s="6">
        <v>2530</v>
      </c>
      <c r="CC2156" s="11">
        <v>2531</v>
      </c>
      <c r="CD2156" s="11">
        <v>-3586</v>
      </c>
      <c r="CE2156" s="11">
        <v>-2918</v>
      </c>
      <c r="CF2156" s="11">
        <v>4010</v>
      </c>
      <c r="CG2156" s="11">
        <v>1092</v>
      </c>
      <c r="CH2156" s="20">
        <v>1.27</v>
      </c>
      <c r="CI2156" s="20">
        <v>1.28</v>
      </c>
      <c r="CJ2156" s="20">
        <v>1.32</v>
      </c>
      <c r="CK2156" s="20">
        <v>1.17</v>
      </c>
      <c r="CL2156" s="20">
        <v>1.17</v>
      </c>
      <c r="CM2156" s="20">
        <v>1.1499999999999999</v>
      </c>
      <c r="CN2156" s="20">
        <v>1.22</v>
      </c>
      <c r="CO2156" s="20">
        <v>1.2</v>
      </c>
      <c r="CP2156" s="20">
        <v>1.21</v>
      </c>
      <c r="CQ2156" s="20">
        <v>1.21</v>
      </c>
      <c r="CR2156" s="20">
        <v>1.25</v>
      </c>
      <c r="CS2156" s="20">
        <v>1.29</v>
      </c>
      <c r="CT2156" s="20">
        <v>1.32</v>
      </c>
      <c r="CU2156" s="20">
        <v>1.34</v>
      </c>
      <c r="CV2156" s="20">
        <v>1.36</v>
      </c>
      <c r="CW2156" s="20">
        <v>1.34</v>
      </c>
      <c r="CX2156" s="20">
        <v>1.36</v>
      </c>
      <c r="CY2156" s="6" t="s">
        <v>689</v>
      </c>
      <c r="CZ2156" s="6" t="s">
        <v>690</v>
      </c>
      <c r="DA2156" s="6" t="s">
        <v>170</v>
      </c>
      <c r="DB2156" s="6"/>
      <c r="DC2156" s="6">
        <v>41180</v>
      </c>
      <c r="DD2156" s="6">
        <v>476</v>
      </c>
      <c r="DE2156" s="6" t="s">
        <v>508</v>
      </c>
      <c r="DF2156" s="6" t="s">
        <v>375</v>
      </c>
      <c r="DG2156" s="6" t="s">
        <v>364</v>
      </c>
      <c r="DH2156" s="6" t="s">
        <v>419</v>
      </c>
      <c r="DI2156" s="6" t="s">
        <v>509</v>
      </c>
      <c r="DJ2156" s="6">
        <v>29</v>
      </c>
      <c r="DK2156" s="6">
        <v>189</v>
      </c>
      <c r="DL2156" s="6">
        <v>1</v>
      </c>
      <c r="DM2156" s="6" t="s">
        <v>404</v>
      </c>
      <c r="DN2156" s="6">
        <v>1</v>
      </c>
      <c r="DO2156" s="6" t="s">
        <v>405</v>
      </c>
      <c r="DP2156" s="6"/>
      <c r="DQ2156" s="6"/>
    </row>
    <row r="2157" spans="1:121" x14ac:dyDescent="0.2">
      <c r="A2157" s="6" t="s">
        <v>316</v>
      </c>
      <c r="B2157" s="6" t="s">
        <v>316</v>
      </c>
      <c r="C2157" s="6" t="s">
        <v>185</v>
      </c>
      <c r="D2157" s="6" t="s">
        <v>170</v>
      </c>
      <c r="E2157" s="6" t="s">
        <v>309</v>
      </c>
      <c r="F2157" s="11">
        <v>-419</v>
      </c>
      <c r="G2157" s="13">
        <v>-0.03</v>
      </c>
      <c r="H2157" s="11">
        <v>643</v>
      </c>
      <c r="I2157" s="13">
        <v>4.7026987493600528E-2</v>
      </c>
      <c r="J2157" s="11">
        <v>-1374</v>
      </c>
      <c r="K2157" s="13">
        <v>-9.5976529756915341E-2</v>
      </c>
      <c r="L2157" s="11">
        <v>312</v>
      </c>
      <c r="M2157" s="13">
        <v>2.4107556791840519E-2</v>
      </c>
      <c r="N2157" s="11">
        <v>-1062</v>
      </c>
      <c r="O2157" s="13">
        <v>-7.4182732606873428E-2</v>
      </c>
      <c r="P2157" s="7">
        <v>13673</v>
      </c>
      <c r="Q2157" s="7">
        <v>14382</v>
      </c>
      <c r="R2157" s="7">
        <v>14338</v>
      </c>
      <c r="S2157" s="7">
        <v>14250</v>
      </c>
      <c r="T2157" s="7">
        <v>14812</v>
      </c>
      <c r="U2157" s="7">
        <v>14238</v>
      </c>
      <c r="V2157" s="7">
        <v>14316</v>
      </c>
      <c r="W2157" s="7">
        <v>14437</v>
      </c>
      <c r="X2157" s="7">
        <v>13439</v>
      </c>
      <c r="Y2157" s="7">
        <v>12942</v>
      </c>
      <c r="Z2157" s="7">
        <v>12939</v>
      </c>
      <c r="AA2157" s="7">
        <v>13018</v>
      </c>
      <c r="AB2157" s="7">
        <v>13008</v>
      </c>
      <c r="AC2157" s="7">
        <v>13645</v>
      </c>
      <c r="AD2157" s="7">
        <v>13373</v>
      </c>
      <c r="AE2157" s="7">
        <v>13323</v>
      </c>
      <c r="AF2157" s="7">
        <v>13254</v>
      </c>
      <c r="AG2157" s="9">
        <v>17779</v>
      </c>
      <c r="AH2157" s="13">
        <v>0.487844363955658</v>
      </c>
      <c r="AI2157" s="9">
        <v>4870</v>
      </c>
      <c r="AJ2157" s="13">
        <v>0.13362967841071233</v>
      </c>
      <c r="AK2157" s="9">
        <v>2093</v>
      </c>
      <c r="AL2157" s="13">
        <v>5.0660792951541848E-2</v>
      </c>
      <c r="AM2157" s="9">
        <v>10816</v>
      </c>
      <c r="AN2157" s="13">
        <v>0.24917640011979636</v>
      </c>
      <c r="AO2157" s="9">
        <v>12909</v>
      </c>
      <c r="AP2157" s="13">
        <v>0.31246066708621772</v>
      </c>
      <c r="AQ2157" s="9">
        <v>36444</v>
      </c>
      <c r="AR2157" s="9">
        <v>38050</v>
      </c>
      <c r="AS2157" s="9">
        <v>37573</v>
      </c>
      <c r="AT2157" s="9">
        <v>39651</v>
      </c>
      <c r="AU2157" s="9">
        <v>39778</v>
      </c>
      <c r="AV2157" s="9">
        <v>39936</v>
      </c>
      <c r="AW2157" s="9">
        <v>41314</v>
      </c>
      <c r="AX2157" s="9">
        <v>42030</v>
      </c>
      <c r="AY2157" s="9">
        <v>42843</v>
      </c>
      <c r="AZ2157" s="9">
        <v>43407</v>
      </c>
      <c r="BA2157" s="9">
        <v>44769</v>
      </c>
      <c r="BB2157" s="9">
        <v>47812</v>
      </c>
      <c r="BC2157" s="9">
        <v>48329</v>
      </c>
      <c r="BD2157" s="9">
        <v>50015</v>
      </c>
      <c r="BE2157" s="9">
        <v>52662</v>
      </c>
      <c r="BF2157" s="9">
        <v>54223</v>
      </c>
      <c r="BG2157" s="11">
        <v>-155</v>
      </c>
      <c r="BH2157" s="13">
        <v>-0.10869565217391304</v>
      </c>
      <c r="BI2157" s="6">
        <v>-23</v>
      </c>
      <c r="BJ2157" s="13">
        <v>-1.6129032258064516E-2</v>
      </c>
      <c r="BK2157" s="6">
        <v>-136</v>
      </c>
      <c r="BL2157" s="13">
        <v>-9.6935138987883113E-2</v>
      </c>
      <c r="BM2157" s="11">
        <v>4</v>
      </c>
      <c r="BN2157" s="13">
        <v>3.1570639305445935E-3</v>
      </c>
      <c r="BO2157" s="11">
        <v>-132</v>
      </c>
      <c r="BP2157" s="13">
        <v>-9.4084105488239492E-2</v>
      </c>
      <c r="BQ2157" s="6">
        <v>1426</v>
      </c>
      <c r="BR2157" s="6">
        <v>1432</v>
      </c>
      <c r="BS2157" s="6">
        <v>1437</v>
      </c>
      <c r="BT2157" s="6">
        <v>1403</v>
      </c>
      <c r="BU2157" s="6">
        <v>1329</v>
      </c>
      <c r="BV2157" s="6">
        <v>1299</v>
      </c>
      <c r="BW2157" s="6">
        <v>1267</v>
      </c>
      <c r="BX2157" s="6">
        <v>1229</v>
      </c>
      <c r="BY2157" s="6">
        <v>1225</v>
      </c>
      <c r="BZ2157" s="6">
        <v>1235</v>
      </c>
      <c r="CA2157" s="6">
        <v>1263</v>
      </c>
      <c r="CB2157" s="6">
        <v>1261</v>
      </c>
      <c r="CC2157" s="11">
        <v>1271</v>
      </c>
      <c r="CD2157" s="11">
        <v>-1220</v>
      </c>
      <c r="CE2157" s="11">
        <v>-694</v>
      </c>
      <c r="CF2157" s="11">
        <v>1495</v>
      </c>
      <c r="CG2157" s="11">
        <v>801</v>
      </c>
      <c r="CH2157" s="20">
        <v>1.1499999999999999</v>
      </c>
      <c r="CI2157" s="20">
        <v>1.22</v>
      </c>
      <c r="CJ2157" s="20">
        <v>1.2</v>
      </c>
      <c r="CK2157" s="20">
        <v>1.19</v>
      </c>
      <c r="CL2157" s="20">
        <v>1.2</v>
      </c>
      <c r="CM2157" s="20">
        <v>1.1499999999999999</v>
      </c>
      <c r="CN2157" s="20">
        <v>1.2</v>
      </c>
      <c r="CO2157" s="20">
        <v>1.25</v>
      </c>
      <c r="CP2157" s="20">
        <v>1.24</v>
      </c>
      <c r="CQ2157" s="20">
        <v>1.27</v>
      </c>
      <c r="CR2157" s="20">
        <v>1.29</v>
      </c>
      <c r="CS2157" s="20">
        <v>1.29</v>
      </c>
      <c r="CT2157" s="20">
        <v>1.28</v>
      </c>
      <c r="CU2157" s="20">
        <v>1.31</v>
      </c>
      <c r="CV2157" s="20">
        <v>1.26</v>
      </c>
      <c r="CW2157" s="20">
        <v>1.25</v>
      </c>
      <c r="CX2157" s="20">
        <v>1.24</v>
      </c>
      <c r="CY2157" s="6" t="s">
        <v>689</v>
      </c>
      <c r="CZ2157" s="6" t="s">
        <v>690</v>
      </c>
      <c r="DA2157" s="6" t="s">
        <v>170</v>
      </c>
      <c r="DB2157" s="6"/>
      <c r="DC2157" s="6">
        <v>41180</v>
      </c>
      <c r="DD2157" s="6">
        <v>476</v>
      </c>
      <c r="DE2157" s="6" t="s">
        <v>508</v>
      </c>
      <c r="DF2157" s="6" t="s">
        <v>375</v>
      </c>
      <c r="DG2157" s="6" t="s">
        <v>364</v>
      </c>
      <c r="DH2157" s="6" t="s">
        <v>419</v>
      </c>
      <c r="DI2157" s="6" t="s">
        <v>509</v>
      </c>
      <c r="DJ2157" s="6">
        <v>29</v>
      </c>
      <c r="DK2157" s="6">
        <v>189</v>
      </c>
      <c r="DL2157" s="6">
        <v>1</v>
      </c>
      <c r="DM2157" s="6" t="s">
        <v>404</v>
      </c>
      <c r="DN2157" s="6">
        <v>1</v>
      </c>
      <c r="DO2157" s="6" t="s">
        <v>405</v>
      </c>
      <c r="DP2157" s="6"/>
      <c r="DQ2157" s="6"/>
    </row>
    <row r="2158" spans="1:121" x14ac:dyDescent="0.2">
      <c r="A2158" s="6" t="s">
        <v>317</v>
      </c>
      <c r="B2158" s="6" t="s">
        <v>317</v>
      </c>
      <c r="C2158" s="6" t="s">
        <v>186</v>
      </c>
      <c r="D2158" s="6" t="s">
        <v>170</v>
      </c>
      <c r="E2158" s="6" t="s">
        <v>309</v>
      </c>
      <c r="F2158" s="11">
        <v>-1800</v>
      </c>
      <c r="G2158" s="13">
        <v>-0.04</v>
      </c>
      <c r="H2158" s="11">
        <v>-1707</v>
      </c>
      <c r="I2158" s="13">
        <v>-3.5903584048460377E-2</v>
      </c>
      <c r="J2158" s="11">
        <v>-3696</v>
      </c>
      <c r="K2158" s="13">
        <v>-8.0633549316054709E-2</v>
      </c>
      <c r="L2158" s="11">
        <v>3603</v>
      </c>
      <c r="M2158" s="13">
        <v>8.5498682992809855E-2</v>
      </c>
      <c r="N2158" s="11">
        <v>-93</v>
      </c>
      <c r="O2158" s="13">
        <v>-2.0289285948033248E-3</v>
      </c>
      <c r="P2158" s="7">
        <v>47544</v>
      </c>
      <c r="Q2158" s="7">
        <v>45431</v>
      </c>
      <c r="R2158" s="7">
        <v>45700</v>
      </c>
      <c r="S2158" s="7">
        <v>43376</v>
      </c>
      <c r="T2158" s="7">
        <v>45478</v>
      </c>
      <c r="U2158" s="7">
        <v>46192</v>
      </c>
      <c r="V2158" s="7">
        <v>45837</v>
      </c>
      <c r="W2158" s="7">
        <v>45613</v>
      </c>
      <c r="X2158" s="7">
        <v>43845</v>
      </c>
      <c r="Y2158" s="7">
        <v>42141</v>
      </c>
      <c r="Z2158" s="7">
        <v>42026</v>
      </c>
      <c r="AA2158" s="7">
        <v>42847</v>
      </c>
      <c r="AB2158" s="7">
        <v>40484</v>
      </c>
      <c r="AC2158" s="7">
        <v>41759</v>
      </c>
      <c r="AD2158" s="7">
        <v>44126</v>
      </c>
      <c r="AE2158" s="7">
        <v>45563</v>
      </c>
      <c r="AF2158" s="7">
        <v>45744</v>
      </c>
      <c r="AG2158" s="9">
        <v>26559</v>
      </c>
      <c r="AH2158" s="13">
        <v>0.43742279756904984</v>
      </c>
      <c r="AI2158" s="9">
        <v>20013</v>
      </c>
      <c r="AJ2158" s="13">
        <v>0.32961114679579029</v>
      </c>
      <c r="AK2158" s="9">
        <v>-1784</v>
      </c>
      <c r="AL2158" s="13">
        <v>-2.2098352533135145E-2</v>
      </c>
      <c r="AM2158" s="9">
        <v>8330</v>
      </c>
      <c r="AN2158" s="13">
        <v>0.10551516226281256</v>
      </c>
      <c r="AO2158" s="9">
        <v>6546</v>
      </c>
      <c r="AP2158" s="13">
        <v>8.1085098476402828E-2</v>
      </c>
      <c r="AQ2158" s="9">
        <v>60717</v>
      </c>
      <c r="AR2158" s="9">
        <v>62283</v>
      </c>
      <c r="AS2158" s="9">
        <v>66456</v>
      </c>
      <c r="AT2158" s="9">
        <v>69672</v>
      </c>
      <c r="AU2158" s="9">
        <v>72633</v>
      </c>
      <c r="AV2158" s="9">
        <v>77468</v>
      </c>
      <c r="AW2158" s="9">
        <v>80730</v>
      </c>
      <c r="AX2158" s="9">
        <v>84128</v>
      </c>
      <c r="AY2158" s="9">
        <v>83903</v>
      </c>
      <c r="AZ2158" s="9">
        <v>78946</v>
      </c>
      <c r="BA2158" s="9">
        <v>78031</v>
      </c>
      <c r="BB2158" s="9">
        <v>79002</v>
      </c>
      <c r="BC2158" s="9">
        <v>78898</v>
      </c>
      <c r="BD2158" s="9">
        <v>79330</v>
      </c>
      <c r="BE2158" s="9">
        <v>85741</v>
      </c>
      <c r="BF2158" s="9">
        <v>87276</v>
      </c>
      <c r="BG2158" s="11">
        <v>194</v>
      </c>
      <c r="BH2158" s="13">
        <v>4.8805031446540879E-2</v>
      </c>
      <c r="BI2158" s="6">
        <v>62</v>
      </c>
      <c r="BJ2158" s="13">
        <v>1.5597484276729559E-2</v>
      </c>
      <c r="BK2158" s="6">
        <v>-225</v>
      </c>
      <c r="BL2158" s="13">
        <v>-5.5734456279415409E-2</v>
      </c>
      <c r="BM2158" s="11">
        <v>357</v>
      </c>
      <c r="BN2158" s="13">
        <v>9.3651626442812178E-2</v>
      </c>
      <c r="BO2158" s="11">
        <v>132</v>
      </c>
      <c r="BP2158" s="13">
        <v>3.2697547683923703E-2</v>
      </c>
      <c r="BQ2158" s="6">
        <v>3975</v>
      </c>
      <c r="BR2158" s="6">
        <v>4064</v>
      </c>
      <c r="BS2158" s="6">
        <v>4116</v>
      </c>
      <c r="BT2158" s="6">
        <v>4037</v>
      </c>
      <c r="BU2158" s="6">
        <v>4038</v>
      </c>
      <c r="BV2158" s="6">
        <v>3947</v>
      </c>
      <c r="BW2158" s="6">
        <v>3812</v>
      </c>
      <c r="BX2158" s="6">
        <v>3783</v>
      </c>
      <c r="BY2158" s="6">
        <v>3842</v>
      </c>
      <c r="BZ2158" s="6">
        <v>3913</v>
      </c>
      <c r="CA2158" s="6">
        <v>3901</v>
      </c>
      <c r="CB2158" s="6">
        <v>4159</v>
      </c>
      <c r="CC2158" s="11">
        <v>4169</v>
      </c>
      <c r="CD2158" s="11">
        <v>-16511</v>
      </c>
      <c r="CE2158" s="11">
        <v>9514</v>
      </c>
      <c r="CF2158" s="11">
        <v>5197</v>
      </c>
      <c r="CG2158" s="11">
        <v>14711</v>
      </c>
      <c r="CH2158" s="20">
        <v>1.26</v>
      </c>
      <c r="CI2158" s="20">
        <v>1.24</v>
      </c>
      <c r="CJ2158" s="20">
        <v>1.26</v>
      </c>
      <c r="CK2158" s="20">
        <v>1.2</v>
      </c>
      <c r="CL2158" s="20">
        <v>1.22</v>
      </c>
      <c r="CM2158" s="20">
        <v>1.2</v>
      </c>
      <c r="CN2158" s="20">
        <v>1.19</v>
      </c>
      <c r="CO2158" s="20">
        <v>1.17</v>
      </c>
      <c r="CP2158" s="20">
        <v>1.17</v>
      </c>
      <c r="CQ2158" s="20">
        <v>1.1499999999999999</v>
      </c>
      <c r="CR2158" s="20">
        <v>1.1299999999999999</v>
      </c>
      <c r="CS2158" s="20">
        <v>1.1299999999999999</v>
      </c>
      <c r="CT2158" s="20">
        <v>1.04</v>
      </c>
      <c r="CU2158" s="20">
        <v>1.05</v>
      </c>
      <c r="CV2158" s="20">
        <v>1.08</v>
      </c>
      <c r="CW2158" s="20">
        <v>1.1000000000000001</v>
      </c>
      <c r="CX2158" s="20">
        <v>1.0900000000000001</v>
      </c>
      <c r="CY2158" s="6" t="s">
        <v>689</v>
      </c>
      <c r="CZ2158" s="6" t="s">
        <v>690</v>
      </c>
      <c r="DA2158" s="6" t="s">
        <v>170</v>
      </c>
      <c r="DB2158" s="6"/>
      <c r="DC2158" s="6">
        <v>41180</v>
      </c>
      <c r="DD2158" s="6">
        <v>476</v>
      </c>
      <c r="DE2158" s="6" t="s">
        <v>508</v>
      </c>
      <c r="DF2158" s="6" t="s">
        <v>375</v>
      </c>
      <c r="DG2158" s="6" t="s">
        <v>364</v>
      </c>
      <c r="DH2158" s="6" t="s">
        <v>419</v>
      </c>
      <c r="DI2158" s="6" t="s">
        <v>509</v>
      </c>
      <c r="DJ2158" s="6">
        <v>29</v>
      </c>
      <c r="DK2158" s="6">
        <v>189</v>
      </c>
      <c r="DL2158" s="6">
        <v>1</v>
      </c>
      <c r="DM2158" s="6" t="s">
        <v>404</v>
      </c>
      <c r="DN2158" s="6">
        <v>1</v>
      </c>
      <c r="DO2158" s="6" t="s">
        <v>405</v>
      </c>
      <c r="DP2158" s="6"/>
      <c r="DQ2158" s="6"/>
    </row>
    <row r="2159" spans="1:121" x14ac:dyDescent="0.2">
      <c r="A2159" s="6" t="s">
        <v>318</v>
      </c>
      <c r="B2159" s="6" t="s">
        <v>318</v>
      </c>
      <c r="C2159" s="6" t="s">
        <v>187</v>
      </c>
      <c r="D2159" s="6" t="s">
        <v>170</v>
      </c>
      <c r="E2159" s="6" t="s">
        <v>309</v>
      </c>
      <c r="F2159" s="11">
        <v>3739</v>
      </c>
      <c r="G2159" s="13">
        <v>0.144563872564</v>
      </c>
      <c r="H2159" s="11">
        <v>1403.3385970000018</v>
      </c>
      <c r="I2159" s="13">
        <v>5.4257364255140654E-2</v>
      </c>
      <c r="J2159" s="11">
        <v>-190.97257499999978</v>
      </c>
      <c r="K2159" s="13">
        <v>-7.0035878898809809E-3</v>
      </c>
      <c r="L2159" s="11">
        <v>2526.625739799998</v>
      </c>
      <c r="M2159" s="13">
        <v>9.3313142625443601E-2</v>
      </c>
      <c r="N2159" s="11">
        <v>2335.6531647999982</v>
      </c>
      <c r="O2159" s="13">
        <v>8.5656027939904331E-2</v>
      </c>
      <c r="P2159" s="7">
        <v>25864.481554999998</v>
      </c>
      <c r="Q2159" s="7">
        <v>25940.252208000002</v>
      </c>
      <c r="R2159" s="7">
        <v>25681.984498000002</v>
      </c>
      <c r="S2159" s="7">
        <v>25473.899154999999</v>
      </c>
      <c r="T2159" s="7">
        <v>26580.841754000001</v>
      </c>
      <c r="U2159" s="7">
        <v>27740.852317000001</v>
      </c>
      <c r="V2159" s="7">
        <v>27267.820152</v>
      </c>
      <c r="W2159" s="7">
        <v>27821.029717000001</v>
      </c>
      <c r="X2159" s="7">
        <v>26444.876332</v>
      </c>
      <c r="Y2159" s="7">
        <v>27076.847577</v>
      </c>
      <c r="Z2159" s="7">
        <v>27442.172171999999</v>
      </c>
      <c r="AA2159" s="7">
        <v>27046.956386000002</v>
      </c>
      <c r="AB2159" s="7">
        <v>28125.897316999999</v>
      </c>
      <c r="AC2159" s="7">
        <v>30082.949057000002</v>
      </c>
      <c r="AD2159" s="7">
        <v>29696.169237999999</v>
      </c>
      <c r="AE2159" s="7">
        <v>29370.699498800001</v>
      </c>
      <c r="AF2159" s="7">
        <v>29603.473316799998</v>
      </c>
      <c r="AG2159" s="9">
        <v>46790.723408499995</v>
      </c>
      <c r="AH2159" s="13">
        <v>0.55860972737426928</v>
      </c>
      <c r="AI2159" s="9">
        <v>26596.992176499989</v>
      </c>
      <c r="AJ2159" s="13">
        <v>0.31752743848348475</v>
      </c>
      <c r="AK2159" s="9">
        <v>10073.295102000004</v>
      </c>
      <c r="AL2159" s="13">
        <v>9.1276845565661499E-2</v>
      </c>
      <c r="AM2159" s="9">
        <v>10120.436130000002</v>
      </c>
      <c r="AN2159" s="13">
        <v>8.4033674420684976E-2</v>
      </c>
      <c r="AO2159" s="9">
        <v>20193.731232000006</v>
      </c>
      <c r="AP2159" s="13">
        <v>0.18298084870875839</v>
      </c>
      <c r="AQ2159" s="9">
        <v>83762.815281500007</v>
      </c>
      <c r="AR2159" s="9">
        <v>82291.165934899997</v>
      </c>
      <c r="AS2159" s="9">
        <v>87659.959407799994</v>
      </c>
      <c r="AT2159" s="9">
        <v>93750.173548000006</v>
      </c>
      <c r="AU2159" s="9">
        <v>97262.133008599994</v>
      </c>
      <c r="AV2159" s="9">
        <v>98177.334889999998</v>
      </c>
      <c r="AW2159" s="9">
        <v>110359.807458</v>
      </c>
      <c r="AX2159" s="9">
        <v>109564.081576</v>
      </c>
      <c r="AY2159" s="9">
        <v>99829.272990099998</v>
      </c>
      <c r="AZ2159" s="9">
        <v>120433.10256</v>
      </c>
      <c r="BA2159" s="9">
        <v>118473.053384</v>
      </c>
      <c r="BB2159" s="9">
        <v>127232.271423</v>
      </c>
      <c r="BC2159" s="9">
        <v>135694.375096</v>
      </c>
      <c r="BD2159" s="9">
        <v>138378.92456700001</v>
      </c>
      <c r="BE2159" s="9">
        <v>131236.40364900001</v>
      </c>
      <c r="BF2159" s="9">
        <v>130553.53869</v>
      </c>
      <c r="BG2159" s="11">
        <v>-0.75</v>
      </c>
      <c r="BH2159" s="13">
        <v>-1.7162471395881006E-3</v>
      </c>
      <c r="BI2159" s="6">
        <v>7</v>
      </c>
      <c r="BJ2159" s="13">
        <v>1.6018306636155607E-2</v>
      </c>
      <c r="BK2159" s="6">
        <v>-31</v>
      </c>
      <c r="BL2159" s="13">
        <v>-6.9819819819819814E-2</v>
      </c>
      <c r="BM2159" s="11">
        <v>23.25</v>
      </c>
      <c r="BN2159" s="13">
        <v>5.6295399515738496E-2</v>
      </c>
      <c r="BO2159" s="11">
        <v>-7.75</v>
      </c>
      <c r="BP2159" s="13">
        <v>-1.7454954954954954E-2</v>
      </c>
      <c r="BQ2159" s="6">
        <v>437</v>
      </c>
      <c r="BR2159" s="6">
        <v>445</v>
      </c>
      <c r="BS2159" s="6">
        <v>436</v>
      </c>
      <c r="BT2159" s="6">
        <v>444</v>
      </c>
      <c r="BU2159" s="6">
        <v>443</v>
      </c>
      <c r="BV2159" s="6">
        <v>419</v>
      </c>
      <c r="BW2159" s="6">
        <v>413</v>
      </c>
      <c r="BX2159" s="6">
        <v>425</v>
      </c>
      <c r="BY2159" s="6">
        <v>433</v>
      </c>
      <c r="BZ2159" s="6">
        <v>433</v>
      </c>
      <c r="CA2159" s="6">
        <v>441</v>
      </c>
      <c r="CB2159" s="6">
        <v>447</v>
      </c>
      <c r="CC2159" s="11">
        <v>436.25</v>
      </c>
      <c r="CD2159" s="11">
        <v>-4626.1000000000004</v>
      </c>
      <c r="CE2159" s="11">
        <v>5537.79</v>
      </c>
      <c r="CF2159" s="11">
        <v>2827.3</v>
      </c>
      <c r="CG2159" s="11">
        <v>8365</v>
      </c>
      <c r="CH2159" s="20">
        <v>3.1527599999999998</v>
      </c>
      <c r="CI2159" s="20">
        <v>3.2332200000000002</v>
      </c>
      <c r="CJ2159" s="20">
        <v>3.3059599999999998</v>
      </c>
      <c r="CK2159" s="20">
        <v>3.2799900000000002</v>
      </c>
      <c r="CL2159" s="20">
        <v>3.3702100000000002</v>
      </c>
      <c r="CM2159" s="20">
        <v>3.4679899999999999</v>
      </c>
      <c r="CN2159" s="20">
        <v>3.4129399999999999</v>
      </c>
      <c r="CO2159" s="20">
        <v>3.3858299999999999</v>
      </c>
      <c r="CP2159" s="20">
        <v>3.3065600000000002</v>
      </c>
      <c r="CQ2159" s="20">
        <v>3.4466800000000002</v>
      </c>
      <c r="CR2159" s="20">
        <v>3.4102399999999999</v>
      </c>
      <c r="CS2159" s="20">
        <v>3.2385700000000002</v>
      </c>
      <c r="CT2159" s="20">
        <v>3.2470699999999999</v>
      </c>
      <c r="CU2159" s="20">
        <v>3.38028</v>
      </c>
      <c r="CV2159" s="20">
        <v>3.2823799999999999</v>
      </c>
      <c r="CW2159" s="20">
        <v>3.2168700000000001</v>
      </c>
      <c r="CX2159" s="20">
        <v>3.2166800000000002</v>
      </c>
      <c r="CY2159" s="6" t="s">
        <v>689</v>
      </c>
      <c r="CZ2159" s="6" t="s">
        <v>690</v>
      </c>
      <c r="DA2159" s="6" t="s">
        <v>170</v>
      </c>
      <c r="DB2159" s="6"/>
      <c r="DC2159" s="6">
        <v>41180</v>
      </c>
      <c r="DD2159" s="6">
        <v>476</v>
      </c>
      <c r="DE2159" s="6" t="s">
        <v>508</v>
      </c>
      <c r="DF2159" s="6" t="s">
        <v>375</v>
      </c>
      <c r="DG2159" s="6" t="s">
        <v>364</v>
      </c>
      <c r="DH2159" s="6" t="s">
        <v>419</v>
      </c>
      <c r="DI2159" s="6" t="s">
        <v>509</v>
      </c>
      <c r="DJ2159" s="6">
        <v>29</v>
      </c>
      <c r="DK2159" s="6">
        <v>189</v>
      </c>
      <c r="DL2159" s="6">
        <v>1</v>
      </c>
      <c r="DM2159" s="6" t="s">
        <v>404</v>
      </c>
      <c r="DN2159" s="6">
        <v>1</v>
      </c>
      <c r="DO2159" s="6" t="s">
        <v>405</v>
      </c>
      <c r="DP2159" s="6"/>
      <c r="DQ2159" s="6"/>
    </row>
    <row r="2160" spans="1:121" x14ac:dyDescent="0.2">
      <c r="A2160" s="6" t="s">
        <v>319</v>
      </c>
      <c r="B2160" s="6" t="s">
        <v>319</v>
      </c>
      <c r="C2160" s="6" t="s">
        <v>188</v>
      </c>
      <c r="D2160" s="6" t="s">
        <v>170</v>
      </c>
      <c r="E2160" s="6" t="s">
        <v>309</v>
      </c>
      <c r="F2160" s="11">
        <v>1810</v>
      </c>
      <c r="G2160" s="13">
        <v>4.1879728822999999E-2</v>
      </c>
      <c r="H2160" s="11">
        <v>-3432.5816454000014</v>
      </c>
      <c r="I2160" s="13">
        <v>-7.9423508101195792E-2</v>
      </c>
      <c r="J2160" s="11">
        <v>-2727.5926198000016</v>
      </c>
      <c r="K2160" s="13">
        <v>-6.8556370327415461E-2</v>
      </c>
      <c r="L2160" s="11">
        <v>7970.3301110000029</v>
      </c>
      <c r="M2160" s="13">
        <v>0.21507406409934973</v>
      </c>
      <c r="N2160" s="11">
        <v>5242.7374912000014</v>
      </c>
      <c r="O2160" s="13">
        <v>0.13177299658571695</v>
      </c>
      <c r="P2160" s="7">
        <v>43218.7110273</v>
      </c>
      <c r="Q2160" s="7">
        <v>39646.409872900003</v>
      </c>
      <c r="R2160" s="7">
        <v>39849.061778800002</v>
      </c>
      <c r="S2160" s="7">
        <v>39636.307452599998</v>
      </c>
      <c r="T2160" s="7">
        <v>40212.3084409</v>
      </c>
      <c r="U2160" s="7">
        <v>40865.050138699997</v>
      </c>
      <c r="V2160" s="7">
        <v>39786.129381899998</v>
      </c>
      <c r="W2160" s="7">
        <v>40265.9060513</v>
      </c>
      <c r="X2160" s="7">
        <v>36707.7325585</v>
      </c>
      <c r="Y2160" s="7">
        <v>37058.536762099997</v>
      </c>
      <c r="Z2160" s="7">
        <v>39324.0024939</v>
      </c>
      <c r="AA2160" s="7">
        <v>39628.702444499999</v>
      </c>
      <c r="AB2160" s="7">
        <v>41092.306445900002</v>
      </c>
      <c r="AC2160" s="7">
        <v>42728.948763699998</v>
      </c>
      <c r="AD2160" s="7">
        <v>43889.395158400002</v>
      </c>
      <c r="AE2160" s="7">
        <v>44251.5726851</v>
      </c>
      <c r="AF2160" s="7">
        <v>45028.8668731</v>
      </c>
      <c r="AG2160" s="9">
        <v>18837.202963300002</v>
      </c>
      <c r="AH2160" s="13">
        <v>0.62071887653201374</v>
      </c>
      <c r="AI2160" s="9">
        <v>6270.6383712999996</v>
      </c>
      <c r="AJ2160" s="13">
        <v>0.2066285325138312</v>
      </c>
      <c r="AK2160" s="9">
        <v>4930.1755103999967</v>
      </c>
      <c r="AL2160" s="13">
        <v>0.13463789874756638</v>
      </c>
      <c r="AM2160" s="9">
        <v>7636.3890816000057</v>
      </c>
      <c r="AN2160" s="13">
        <v>0.18379585269972432</v>
      </c>
      <c r="AO2160" s="9">
        <v>12566.564592000002</v>
      </c>
      <c r="AP2160" s="13">
        <v>0.34317963885329877</v>
      </c>
      <c r="AQ2160" s="9">
        <v>30347.3982756</v>
      </c>
      <c r="AR2160" s="9">
        <v>31804.758516099999</v>
      </c>
      <c r="AS2160" s="9">
        <v>32101.487721500001</v>
      </c>
      <c r="AT2160" s="9">
        <v>33326.965062700001</v>
      </c>
      <c r="AU2160" s="9">
        <v>35385.311760999997</v>
      </c>
      <c r="AV2160" s="9">
        <v>34627.635917899999</v>
      </c>
      <c r="AW2160" s="9">
        <v>36618.0366469</v>
      </c>
      <c r="AX2160" s="9">
        <v>38311.669676899997</v>
      </c>
      <c r="AY2160" s="9">
        <v>39291.519346399997</v>
      </c>
      <c r="AZ2160" s="9">
        <v>41548.212157299997</v>
      </c>
      <c r="BA2160" s="9">
        <v>43194.8895834</v>
      </c>
      <c r="BB2160" s="9">
        <v>44340.8076353</v>
      </c>
      <c r="BC2160" s="9">
        <v>45689.628122900001</v>
      </c>
      <c r="BD2160" s="9">
        <v>46561.710865100002</v>
      </c>
      <c r="BE2160" s="9">
        <v>47934.962639199999</v>
      </c>
      <c r="BF2160" s="9">
        <v>49184.601238900002</v>
      </c>
      <c r="BG2160" s="11">
        <v>140.5</v>
      </c>
      <c r="BH2160" s="13">
        <v>7.0887991927346114E-2</v>
      </c>
      <c r="BI2160" s="6">
        <v>8</v>
      </c>
      <c r="BJ2160" s="13">
        <v>4.0363269424823411E-3</v>
      </c>
      <c r="BK2160" s="6">
        <v>-77</v>
      </c>
      <c r="BL2160" s="13">
        <v>-3.8693467336683419E-2</v>
      </c>
      <c r="BM2160" s="11">
        <v>209.5</v>
      </c>
      <c r="BN2160" s="13">
        <v>0.1095138525875588</v>
      </c>
      <c r="BO2160" s="11">
        <v>132.5</v>
      </c>
      <c r="BP2160" s="13">
        <v>6.6582914572864318E-2</v>
      </c>
      <c r="BQ2160" s="6">
        <v>1982</v>
      </c>
      <c r="BR2160" s="6">
        <v>1968</v>
      </c>
      <c r="BS2160" s="6">
        <v>1955</v>
      </c>
      <c r="BT2160" s="6">
        <v>1990</v>
      </c>
      <c r="BU2160" s="6">
        <v>2005</v>
      </c>
      <c r="BV2160" s="6">
        <v>1955</v>
      </c>
      <c r="BW2160" s="6">
        <v>1913</v>
      </c>
      <c r="BX2160" s="6">
        <v>1944</v>
      </c>
      <c r="BY2160" s="6">
        <v>1982</v>
      </c>
      <c r="BZ2160" s="6">
        <v>2022</v>
      </c>
      <c r="CA2160" s="6">
        <v>2053</v>
      </c>
      <c r="CB2160" s="6">
        <v>2127</v>
      </c>
      <c r="CC2160" s="11">
        <v>2122.5</v>
      </c>
      <c r="CD2160" s="11">
        <v>-6802.67</v>
      </c>
      <c r="CE2160" s="11">
        <v>3888.5</v>
      </c>
      <c r="CF2160" s="11">
        <v>4724.33</v>
      </c>
      <c r="CG2160" s="11">
        <v>8613</v>
      </c>
      <c r="CH2160" s="20">
        <v>1.07399</v>
      </c>
      <c r="CI2160" s="20">
        <v>0.99758000000000002</v>
      </c>
      <c r="CJ2160" s="20">
        <v>1.01715</v>
      </c>
      <c r="CK2160" s="20">
        <v>1.00014</v>
      </c>
      <c r="CL2160" s="20">
        <v>0.99211800000000006</v>
      </c>
      <c r="CM2160" s="20">
        <v>0.98956</v>
      </c>
      <c r="CN2160" s="20">
        <v>0.984842</v>
      </c>
      <c r="CO2160" s="20">
        <v>1.0442899999999999</v>
      </c>
      <c r="CP2160" s="20">
        <v>1.0529500000000001</v>
      </c>
      <c r="CQ2160" s="20">
        <v>1.05192</v>
      </c>
      <c r="CR2160" s="20">
        <v>1.0837699999999999</v>
      </c>
      <c r="CS2160" s="20">
        <v>1.0658700000000001</v>
      </c>
      <c r="CT2160" s="20">
        <v>1.0777699999999999</v>
      </c>
      <c r="CU2160" s="20">
        <v>1.0893900000000001</v>
      </c>
      <c r="CV2160" s="20">
        <v>1.09772</v>
      </c>
      <c r="CW2160" s="20">
        <v>1.0917699999999999</v>
      </c>
      <c r="CX2160" s="20">
        <v>1.1007100000000001</v>
      </c>
      <c r="CY2160" s="6" t="s">
        <v>689</v>
      </c>
      <c r="CZ2160" s="6" t="s">
        <v>690</v>
      </c>
      <c r="DA2160" s="6" t="s">
        <v>170</v>
      </c>
      <c r="DB2160" s="6"/>
      <c r="DC2160" s="6">
        <v>41180</v>
      </c>
      <c r="DD2160" s="6">
        <v>476</v>
      </c>
      <c r="DE2160" s="6" t="s">
        <v>508</v>
      </c>
      <c r="DF2160" s="6" t="s">
        <v>375</v>
      </c>
      <c r="DG2160" s="6" t="s">
        <v>364</v>
      </c>
      <c r="DH2160" s="6" t="s">
        <v>419</v>
      </c>
      <c r="DI2160" s="6" t="s">
        <v>509</v>
      </c>
      <c r="DJ2160" s="6">
        <v>29</v>
      </c>
      <c r="DK2160" s="6">
        <v>189</v>
      </c>
      <c r="DL2160" s="6">
        <v>1</v>
      </c>
      <c r="DM2160" s="6" t="s">
        <v>404</v>
      </c>
      <c r="DN2160" s="6">
        <v>1</v>
      </c>
      <c r="DO2160" s="6" t="s">
        <v>405</v>
      </c>
      <c r="DP2160" s="6"/>
      <c r="DQ2160" s="6"/>
    </row>
    <row r="2161" spans="1:121" x14ac:dyDescent="0.2">
      <c r="A2161" s="6" t="s">
        <v>320</v>
      </c>
      <c r="B2161" s="6" t="s">
        <v>320</v>
      </c>
      <c r="C2161" s="6" t="s">
        <v>189</v>
      </c>
      <c r="D2161" s="6" t="s">
        <v>170</v>
      </c>
      <c r="E2161" s="6" t="s">
        <v>309</v>
      </c>
      <c r="F2161" s="11">
        <v>-7003</v>
      </c>
      <c r="G2161" s="13">
        <v>-0.30355439965300002</v>
      </c>
      <c r="H2161" s="11">
        <v>-6888.7375746999987</v>
      </c>
      <c r="I2161" s="13">
        <v>-0.29860249558448337</v>
      </c>
      <c r="J2161" s="11">
        <v>442.14826910000011</v>
      </c>
      <c r="K2161" s="13">
        <v>2.7324832298906393E-2</v>
      </c>
      <c r="L2161" s="11">
        <v>-556.08557060000021</v>
      </c>
      <c r="M2161" s="13">
        <v>-3.3452102296142865E-2</v>
      </c>
      <c r="N2161" s="11">
        <v>-113.9373015000001</v>
      </c>
      <c r="O2161" s="13">
        <v>-7.0413430825244363E-3</v>
      </c>
      <c r="P2161" s="7">
        <v>23069.926328699999</v>
      </c>
      <c r="Q2161" s="7">
        <v>24031.468997700002</v>
      </c>
      <c r="R2161" s="7">
        <v>22935.377195900001</v>
      </c>
      <c r="S2161" s="7">
        <v>23681.308042199998</v>
      </c>
      <c r="T2161" s="7">
        <v>24584.150076400001</v>
      </c>
      <c r="U2161" s="7">
        <v>25268.709845000001</v>
      </c>
      <c r="V2161" s="7">
        <v>16181.188754000001</v>
      </c>
      <c r="W2161" s="7">
        <v>16214.441206900001</v>
      </c>
      <c r="X2161" s="7">
        <v>16780.211972100002</v>
      </c>
      <c r="Y2161" s="7">
        <v>16623.337023100001</v>
      </c>
      <c r="Z2161" s="7">
        <v>17022.2810259</v>
      </c>
      <c r="AA2161" s="7">
        <v>17960.2538719</v>
      </c>
      <c r="AB2161" s="7">
        <v>16835.4761134</v>
      </c>
      <c r="AC2161" s="7">
        <v>16501.285204200001</v>
      </c>
      <c r="AD2161" s="7">
        <v>16527.395183500001</v>
      </c>
      <c r="AE2161" s="7">
        <v>16429.725439400001</v>
      </c>
      <c r="AF2161" s="7">
        <v>16067.251452500001</v>
      </c>
      <c r="AG2161" s="9">
        <v>-320.11505300000135</v>
      </c>
      <c r="AH2161" s="13">
        <v>-7.6121014296947074E-3</v>
      </c>
      <c r="AI2161" s="9">
        <v>4063.525936500002</v>
      </c>
      <c r="AJ2161" s="13">
        <v>9.6627669648615536E-2</v>
      </c>
      <c r="AK2161" s="9">
        <v>2505.0766346999953</v>
      </c>
      <c r="AL2161" s="13">
        <v>5.4320065679863069E-2</v>
      </c>
      <c r="AM2161" s="9">
        <v>-6888.7176241999987</v>
      </c>
      <c r="AN2161" s="13">
        <v>-0.14167890154325941</v>
      </c>
      <c r="AO2161" s="9">
        <v>-4383.6409895000033</v>
      </c>
      <c r="AP2161" s="13">
        <v>-9.5054843100677036E-2</v>
      </c>
      <c r="AQ2161" s="9">
        <v>42053.4402959</v>
      </c>
      <c r="AR2161" s="9">
        <v>44097.8832406</v>
      </c>
      <c r="AS2161" s="9">
        <v>47023.732315900001</v>
      </c>
      <c r="AT2161" s="9">
        <v>49993.335733899999</v>
      </c>
      <c r="AU2161" s="9">
        <v>51521.989887900003</v>
      </c>
      <c r="AV2161" s="9">
        <v>54267.855966100004</v>
      </c>
      <c r="AW2161" s="9">
        <v>46116.966232400002</v>
      </c>
      <c r="AX2161" s="9">
        <v>46803.486698399996</v>
      </c>
      <c r="AY2161" s="9">
        <v>48539.976027700002</v>
      </c>
      <c r="AZ2161" s="9">
        <v>48622.042867099997</v>
      </c>
      <c r="BA2161" s="9">
        <v>48199.5615464</v>
      </c>
      <c r="BB2161" s="9">
        <v>51118.832578499998</v>
      </c>
      <c r="BC2161" s="9">
        <v>38272.465139100001</v>
      </c>
      <c r="BD2161" s="9">
        <v>40331.646644300003</v>
      </c>
      <c r="BE2161" s="9">
        <v>41497.893093400002</v>
      </c>
      <c r="BF2161" s="9">
        <v>41733.325242899999</v>
      </c>
      <c r="BG2161" s="11">
        <v>48.25</v>
      </c>
      <c r="BH2161" s="13">
        <v>0.12970430107526881</v>
      </c>
      <c r="BI2161" s="6">
        <v>5</v>
      </c>
      <c r="BJ2161" s="13">
        <v>1.3440860215053764E-2</v>
      </c>
      <c r="BK2161" s="6">
        <v>-6</v>
      </c>
      <c r="BL2161" s="13">
        <v>-1.5915119363395226E-2</v>
      </c>
      <c r="BM2161" s="11">
        <v>49.25</v>
      </c>
      <c r="BN2161" s="13">
        <v>0.13274932614555257</v>
      </c>
      <c r="BO2161" s="11">
        <v>43.25</v>
      </c>
      <c r="BP2161" s="13">
        <v>0.11472148541114058</v>
      </c>
      <c r="BQ2161" s="6">
        <v>372</v>
      </c>
      <c r="BR2161" s="6">
        <v>373</v>
      </c>
      <c r="BS2161" s="6">
        <v>372</v>
      </c>
      <c r="BT2161" s="6">
        <v>377</v>
      </c>
      <c r="BU2161" s="6">
        <v>377</v>
      </c>
      <c r="BV2161" s="6">
        <v>370</v>
      </c>
      <c r="BW2161" s="6">
        <v>371</v>
      </c>
      <c r="BX2161" s="6">
        <v>372</v>
      </c>
      <c r="BY2161" s="6">
        <v>384</v>
      </c>
      <c r="BZ2161" s="6">
        <v>387</v>
      </c>
      <c r="CA2161" s="6">
        <v>400</v>
      </c>
      <c r="CB2161" s="6">
        <v>421</v>
      </c>
      <c r="CC2161" s="11">
        <v>420.25</v>
      </c>
      <c r="CD2161" s="11">
        <v>-17878.2</v>
      </c>
      <c r="CE2161" s="11">
        <v>8353.74</v>
      </c>
      <c r="CF2161" s="11">
        <v>2521.8200000000002</v>
      </c>
      <c r="CG2161" s="11">
        <v>10876</v>
      </c>
      <c r="CH2161" s="20">
        <v>1.71835</v>
      </c>
      <c r="CI2161" s="20">
        <v>1.732</v>
      </c>
      <c r="CJ2161" s="20">
        <v>1.62846</v>
      </c>
      <c r="CK2161" s="20">
        <v>1.6558299999999999</v>
      </c>
      <c r="CL2161" s="20">
        <v>1.71838</v>
      </c>
      <c r="CM2161" s="20">
        <v>1.74204</v>
      </c>
      <c r="CN2161" s="20">
        <v>1.1225400000000001</v>
      </c>
      <c r="CO2161" s="20">
        <v>1.0953599999999999</v>
      </c>
      <c r="CP2161" s="20">
        <v>1.1099699999999999</v>
      </c>
      <c r="CQ2161" s="20">
        <v>1.0962799999999999</v>
      </c>
      <c r="CR2161" s="20">
        <v>1.0979300000000001</v>
      </c>
      <c r="CS2161" s="20">
        <v>1.14144</v>
      </c>
      <c r="CT2161" s="20">
        <v>1.0569999999999999</v>
      </c>
      <c r="CU2161" s="20">
        <v>1.01915</v>
      </c>
      <c r="CV2161" s="20">
        <v>1.0122</v>
      </c>
      <c r="CW2161" s="20">
        <v>0.99386699999999994</v>
      </c>
      <c r="CX2161" s="20">
        <v>0.95950199999999997</v>
      </c>
      <c r="CY2161" s="6" t="s">
        <v>689</v>
      </c>
      <c r="CZ2161" s="6" t="s">
        <v>690</v>
      </c>
      <c r="DA2161" s="6" t="s">
        <v>170</v>
      </c>
      <c r="DB2161" s="6"/>
      <c r="DC2161" s="6">
        <v>41180</v>
      </c>
      <c r="DD2161" s="6">
        <v>476</v>
      </c>
      <c r="DE2161" s="6" t="s">
        <v>508</v>
      </c>
      <c r="DF2161" s="6" t="s">
        <v>375</v>
      </c>
      <c r="DG2161" s="6" t="s">
        <v>364</v>
      </c>
      <c r="DH2161" s="6" t="s">
        <v>419</v>
      </c>
      <c r="DI2161" s="6" t="s">
        <v>509</v>
      </c>
      <c r="DJ2161" s="6">
        <v>29</v>
      </c>
      <c r="DK2161" s="6">
        <v>189</v>
      </c>
      <c r="DL2161" s="6">
        <v>1</v>
      </c>
      <c r="DM2161" s="6" t="s">
        <v>404</v>
      </c>
      <c r="DN2161" s="6">
        <v>1</v>
      </c>
      <c r="DO2161" s="6" t="s">
        <v>405</v>
      </c>
      <c r="DP2161" s="6"/>
      <c r="DQ2161" s="6"/>
    </row>
    <row r="2162" spans="1:121" x14ac:dyDescent="0.2">
      <c r="A2162" s="6" t="s">
        <v>321</v>
      </c>
      <c r="B2162" s="6" t="s">
        <v>321</v>
      </c>
      <c r="C2162" s="6" t="s">
        <v>190</v>
      </c>
      <c r="D2162" s="6" t="s">
        <v>170</v>
      </c>
      <c r="E2162" s="6" t="s">
        <v>309</v>
      </c>
      <c r="F2162" s="11">
        <v>30377</v>
      </c>
      <c r="G2162" s="13">
        <v>0.43564370634900001</v>
      </c>
      <c r="H2162" s="11">
        <v>10555.943448700011</v>
      </c>
      <c r="I2162" s="13">
        <v>0.15138624433892378</v>
      </c>
      <c r="J2162" s="11">
        <v>4140.6248803999915</v>
      </c>
      <c r="K2162" s="13">
        <v>5.1574403156810833E-2</v>
      </c>
      <c r="L2162" s="11">
        <v>15680.706892500006</v>
      </c>
      <c r="M2162" s="13">
        <v>0.1857350872566258</v>
      </c>
      <c r="N2162" s="11">
        <v>19821.331772899997</v>
      </c>
      <c r="O2162" s="13">
        <v>0.2468886666839753</v>
      </c>
      <c r="P2162" s="7">
        <v>69728.550931399994</v>
      </c>
      <c r="Q2162" s="7">
        <v>71337.451570999998</v>
      </c>
      <c r="R2162" s="7">
        <v>72360.686468200001</v>
      </c>
      <c r="S2162" s="7">
        <v>73489.1796626</v>
      </c>
      <c r="T2162" s="7">
        <v>74819.242501000001</v>
      </c>
      <c r="U2162" s="7">
        <v>78179.585174099993</v>
      </c>
      <c r="V2162" s="7">
        <v>80284.494380100004</v>
      </c>
      <c r="W2162" s="7">
        <v>82197.404097899998</v>
      </c>
      <c r="X2162" s="7">
        <v>83828.259958299997</v>
      </c>
      <c r="Y2162" s="7">
        <v>84425.119260499996</v>
      </c>
      <c r="Z2162" s="7">
        <v>86497.230877599999</v>
      </c>
      <c r="AA2162" s="7">
        <v>91055.157594000004</v>
      </c>
      <c r="AB2162" s="7">
        <v>90993.012753899995</v>
      </c>
      <c r="AC2162" s="7">
        <v>91324.1981504</v>
      </c>
      <c r="AD2162" s="7">
        <v>95045.103437600003</v>
      </c>
      <c r="AE2162" s="7">
        <v>97691.943955199997</v>
      </c>
      <c r="AF2162" s="7">
        <v>100105.826153</v>
      </c>
      <c r="AG2162" s="9">
        <v>16120.652488199994</v>
      </c>
      <c r="AH2162" s="13">
        <v>0.38417958233754096</v>
      </c>
      <c r="AI2162" s="9">
        <v>9785.6031239999938</v>
      </c>
      <c r="AJ2162" s="13">
        <v>0.2332057541623134</v>
      </c>
      <c r="AK2162" s="9">
        <v>3381.5219419000059</v>
      </c>
      <c r="AL2162" s="13">
        <v>6.5347402787631098E-2</v>
      </c>
      <c r="AM2162" s="9">
        <v>2953.5274222999942</v>
      </c>
      <c r="AN2162" s="13">
        <v>5.357545617276837E-2</v>
      </c>
      <c r="AO2162" s="9">
        <v>6335.0493642000001</v>
      </c>
      <c r="AP2162" s="13">
        <v>0.12242387587445244</v>
      </c>
      <c r="AQ2162" s="9">
        <v>41961.242162100003</v>
      </c>
      <c r="AR2162" s="9">
        <v>43107.011232199999</v>
      </c>
      <c r="AS2162" s="9">
        <v>45238.0687272</v>
      </c>
      <c r="AT2162" s="9">
        <v>47027.4991009</v>
      </c>
      <c r="AU2162" s="9">
        <v>48277.155817400002</v>
      </c>
      <c r="AV2162" s="9">
        <v>49312.532749899998</v>
      </c>
      <c r="AW2162" s="9">
        <v>51746.845286099997</v>
      </c>
      <c r="AX2162" s="9">
        <v>52516.793094799999</v>
      </c>
      <c r="AY2162" s="9">
        <v>54674.089042699998</v>
      </c>
      <c r="AZ2162" s="9">
        <v>55128.367228000003</v>
      </c>
      <c r="BA2162" s="9">
        <v>54657.703955800003</v>
      </c>
      <c r="BB2162" s="9">
        <v>54846.444167000001</v>
      </c>
      <c r="BC2162" s="9">
        <v>56181.099821900003</v>
      </c>
      <c r="BD2162" s="9">
        <v>55465.019069399998</v>
      </c>
      <c r="BE2162" s="9">
        <v>56790.541706800002</v>
      </c>
      <c r="BF2162" s="9">
        <v>58081.894650299997</v>
      </c>
      <c r="BG2162" s="11">
        <v>5302</v>
      </c>
      <c r="BH2162" s="13">
        <v>1.7406434668417596</v>
      </c>
      <c r="BI2162" s="6">
        <v>52</v>
      </c>
      <c r="BJ2162" s="13">
        <v>1.7071569271175313E-2</v>
      </c>
      <c r="BK2162" s="6">
        <v>31</v>
      </c>
      <c r="BL2162" s="13">
        <v>1.0006455777921239E-2</v>
      </c>
      <c r="BM2162" s="11">
        <v>5219</v>
      </c>
      <c r="BN2162" s="13">
        <v>1.6679450303611378</v>
      </c>
      <c r="BO2162" s="11">
        <v>5250</v>
      </c>
      <c r="BP2162" s="13">
        <v>1.6946417043253712</v>
      </c>
      <c r="BQ2162" s="6">
        <v>3046</v>
      </c>
      <c r="BR2162" s="6">
        <v>3032</v>
      </c>
      <c r="BS2162" s="6">
        <v>3078</v>
      </c>
      <c r="BT2162" s="6">
        <v>3098</v>
      </c>
      <c r="BU2162" s="6">
        <v>3115</v>
      </c>
      <c r="BV2162" s="6">
        <v>3094</v>
      </c>
      <c r="BW2162" s="6">
        <v>3129</v>
      </c>
      <c r="BX2162" s="6">
        <v>3196</v>
      </c>
      <c r="BY2162" s="6">
        <v>3292</v>
      </c>
      <c r="BZ2162" s="6">
        <v>5594</v>
      </c>
      <c r="CA2162" s="6">
        <v>6539</v>
      </c>
      <c r="CB2162" s="6">
        <v>7615</v>
      </c>
      <c r="CC2162" s="11">
        <v>8348</v>
      </c>
      <c r="CD2162" s="11">
        <v>-2637.7</v>
      </c>
      <c r="CE2162" s="11">
        <v>25392.799999999999</v>
      </c>
      <c r="CF2162" s="11">
        <v>7622.17</v>
      </c>
      <c r="CG2162" s="11">
        <v>33015</v>
      </c>
      <c r="CH2162" s="20">
        <v>1.0516300000000001</v>
      </c>
      <c r="CI2162" s="20">
        <v>1.0486200000000001</v>
      </c>
      <c r="CJ2162" s="20">
        <v>1.0460499999999999</v>
      </c>
      <c r="CK2162" s="20">
        <v>1.06318</v>
      </c>
      <c r="CL2162" s="20">
        <v>1.0703499999999999</v>
      </c>
      <c r="CM2162" s="20">
        <v>1.09961</v>
      </c>
      <c r="CN2162" s="20">
        <v>1.1337900000000001</v>
      </c>
      <c r="CO2162" s="20">
        <v>1.13418</v>
      </c>
      <c r="CP2162" s="20">
        <v>1.1413</v>
      </c>
      <c r="CQ2162" s="20">
        <v>1.15317</v>
      </c>
      <c r="CR2162" s="20">
        <v>1.17614</v>
      </c>
      <c r="CS2162" s="20">
        <v>1.1998800000000001</v>
      </c>
      <c r="CT2162" s="20">
        <v>1.17831</v>
      </c>
      <c r="CU2162" s="20">
        <v>1.1657200000000001</v>
      </c>
      <c r="CV2162" s="20">
        <v>1.1910499999999999</v>
      </c>
      <c r="CW2162" s="20">
        <v>1.2019200000000001</v>
      </c>
      <c r="CX2162" s="20">
        <v>1.2087600000000001</v>
      </c>
      <c r="CY2162" s="6" t="s">
        <v>689</v>
      </c>
      <c r="CZ2162" s="6" t="s">
        <v>690</v>
      </c>
      <c r="DA2162" s="6" t="s">
        <v>170</v>
      </c>
      <c r="DB2162" s="6"/>
      <c r="DC2162" s="6">
        <v>41180</v>
      </c>
      <c r="DD2162" s="6">
        <v>476</v>
      </c>
      <c r="DE2162" s="6" t="s">
        <v>508</v>
      </c>
      <c r="DF2162" s="6" t="s">
        <v>375</v>
      </c>
      <c r="DG2162" s="6" t="s">
        <v>364</v>
      </c>
      <c r="DH2162" s="6" t="s">
        <v>419</v>
      </c>
      <c r="DI2162" s="6" t="s">
        <v>509</v>
      </c>
      <c r="DJ2162" s="6">
        <v>29</v>
      </c>
      <c r="DK2162" s="6">
        <v>189</v>
      </c>
      <c r="DL2162" s="6">
        <v>1</v>
      </c>
      <c r="DM2162" s="6" t="s">
        <v>404</v>
      </c>
      <c r="DN2162" s="6">
        <v>1</v>
      </c>
      <c r="DO2162" s="6" t="s">
        <v>405</v>
      </c>
      <c r="DP2162" s="6"/>
      <c r="DQ2162" s="6"/>
    </row>
    <row r="2163" spans="1:121" x14ac:dyDescent="0.2">
      <c r="A2163" s="6" t="s">
        <v>322</v>
      </c>
      <c r="B2163" s="6" t="s">
        <v>322</v>
      </c>
      <c r="C2163" s="6" t="s">
        <v>191</v>
      </c>
      <c r="D2163" s="6" t="s">
        <v>170</v>
      </c>
      <c r="E2163" s="6" t="s">
        <v>309</v>
      </c>
      <c r="F2163" s="11">
        <v>503</v>
      </c>
      <c r="G2163" s="13">
        <v>0.05</v>
      </c>
      <c r="H2163" s="11">
        <v>933</v>
      </c>
      <c r="I2163" s="13">
        <v>8.9026717557251903E-2</v>
      </c>
      <c r="J2163" s="11">
        <v>845</v>
      </c>
      <c r="K2163" s="13">
        <v>7.4038377289056337E-2</v>
      </c>
      <c r="L2163" s="11">
        <v>-1275</v>
      </c>
      <c r="M2163" s="13">
        <v>-0.10401370533529124</v>
      </c>
      <c r="N2163" s="11">
        <v>-430</v>
      </c>
      <c r="O2163" s="13">
        <v>-3.7676334005081927E-2</v>
      </c>
      <c r="P2163" s="7">
        <v>10480</v>
      </c>
      <c r="Q2163" s="7">
        <v>10346</v>
      </c>
      <c r="R2163" s="7">
        <v>10422</v>
      </c>
      <c r="S2163" s="7">
        <v>11358</v>
      </c>
      <c r="T2163" s="7">
        <v>11456</v>
      </c>
      <c r="U2163" s="7">
        <v>11634</v>
      </c>
      <c r="V2163" s="7">
        <v>11413</v>
      </c>
      <c r="W2163" s="7">
        <v>11444</v>
      </c>
      <c r="X2163" s="7">
        <v>11234</v>
      </c>
      <c r="Y2163" s="7">
        <v>12258</v>
      </c>
      <c r="Z2163" s="7">
        <v>11755</v>
      </c>
      <c r="AA2163" s="7">
        <v>11688</v>
      </c>
      <c r="AB2163" s="7">
        <v>10673</v>
      </c>
      <c r="AC2163" s="7">
        <v>10797</v>
      </c>
      <c r="AD2163" s="7">
        <v>11023</v>
      </c>
      <c r="AE2163" s="7">
        <v>11009</v>
      </c>
      <c r="AF2163" s="7">
        <v>10983</v>
      </c>
      <c r="AG2163" s="9">
        <v>8855</v>
      </c>
      <c r="AH2163" s="13">
        <v>0.32959874934861905</v>
      </c>
      <c r="AI2163" s="9">
        <v>8187</v>
      </c>
      <c r="AJ2163" s="13">
        <v>0.30473460879922581</v>
      </c>
      <c r="AK2163" s="9">
        <v>-1542</v>
      </c>
      <c r="AL2163" s="13">
        <v>-4.399052862807748E-2</v>
      </c>
      <c r="AM2163" s="9">
        <v>2210</v>
      </c>
      <c r="AN2163" s="13">
        <v>6.5948494524186094E-2</v>
      </c>
      <c r="AO2163" s="9">
        <v>668</v>
      </c>
      <c r="AP2163" s="13">
        <v>1.9056856759763787E-2</v>
      </c>
      <c r="AQ2163" s="9">
        <v>26866</v>
      </c>
      <c r="AR2163" s="9">
        <v>29764</v>
      </c>
      <c r="AS2163" s="9">
        <v>29219</v>
      </c>
      <c r="AT2163" s="9">
        <v>30390</v>
      </c>
      <c r="AU2163" s="9">
        <v>32202</v>
      </c>
      <c r="AV2163" s="9">
        <v>33654</v>
      </c>
      <c r="AW2163" s="9">
        <v>35053</v>
      </c>
      <c r="AX2163" s="9">
        <v>36134</v>
      </c>
      <c r="AY2163" s="9">
        <v>35239</v>
      </c>
      <c r="AZ2163" s="9">
        <v>33511</v>
      </c>
      <c r="BA2163" s="9">
        <v>37592</v>
      </c>
      <c r="BB2163" s="9">
        <v>37987</v>
      </c>
      <c r="BC2163" s="9">
        <v>38973</v>
      </c>
      <c r="BD2163" s="9">
        <v>39336</v>
      </c>
      <c r="BE2163" s="9">
        <v>38080</v>
      </c>
      <c r="BF2163" s="9">
        <v>35721</v>
      </c>
      <c r="BG2163" s="11">
        <v>-29</v>
      </c>
      <c r="BH2163" s="13">
        <v>-6.9544364508393283E-2</v>
      </c>
      <c r="BI2163" s="6">
        <v>2</v>
      </c>
      <c r="BJ2163" s="13">
        <v>4.7961630695443642E-3</v>
      </c>
      <c r="BK2163" s="6">
        <v>-29</v>
      </c>
      <c r="BL2163" s="13">
        <v>-6.9212410501193311E-2</v>
      </c>
      <c r="BM2163" s="11">
        <v>-2</v>
      </c>
      <c r="BN2163" s="13">
        <v>-5.1282051282051282E-3</v>
      </c>
      <c r="BO2163" s="11">
        <v>-31</v>
      </c>
      <c r="BP2163" s="13">
        <v>-7.3985680190930783E-2</v>
      </c>
      <c r="BQ2163" s="6">
        <v>417</v>
      </c>
      <c r="BR2163" s="6">
        <v>432</v>
      </c>
      <c r="BS2163" s="6">
        <v>427</v>
      </c>
      <c r="BT2163" s="6">
        <v>419</v>
      </c>
      <c r="BU2163" s="6">
        <v>408</v>
      </c>
      <c r="BV2163" s="6">
        <v>400</v>
      </c>
      <c r="BW2163" s="6">
        <v>390</v>
      </c>
      <c r="BX2163" s="6">
        <v>395</v>
      </c>
      <c r="BY2163" s="6">
        <v>387</v>
      </c>
      <c r="BZ2163" s="6">
        <v>385</v>
      </c>
      <c r="CA2163" s="6">
        <v>385</v>
      </c>
      <c r="CB2163" s="6">
        <v>390</v>
      </c>
      <c r="CC2163" s="11">
        <v>388</v>
      </c>
      <c r="CD2163" s="11">
        <v>-2549</v>
      </c>
      <c r="CE2163" s="11">
        <v>1907</v>
      </c>
      <c r="CF2163" s="11">
        <v>1146</v>
      </c>
      <c r="CG2163" s="11">
        <v>3053</v>
      </c>
      <c r="CH2163" s="20">
        <v>1.03</v>
      </c>
      <c r="CI2163" s="20">
        <v>1.01</v>
      </c>
      <c r="CJ2163" s="20">
        <v>1.02</v>
      </c>
      <c r="CK2163" s="20">
        <v>1.1100000000000001</v>
      </c>
      <c r="CL2163" s="20">
        <v>1.1100000000000001</v>
      </c>
      <c r="CM2163" s="20">
        <v>1.1200000000000001</v>
      </c>
      <c r="CN2163" s="20">
        <v>1.1100000000000001</v>
      </c>
      <c r="CO2163" s="20">
        <v>1.1000000000000001</v>
      </c>
      <c r="CP2163" s="20">
        <v>1.1100000000000001</v>
      </c>
      <c r="CQ2163" s="20">
        <v>1.25</v>
      </c>
      <c r="CR2163" s="20">
        <v>1.19</v>
      </c>
      <c r="CS2163" s="20">
        <v>1.17</v>
      </c>
      <c r="CT2163" s="20">
        <v>1.05</v>
      </c>
      <c r="CU2163" s="20">
        <v>1.03</v>
      </c>
      <c r="CV2163" s="20">
        <v>1.02</v>
      </c>
      <c r="CW2163" s="20">
        <v>1</v>
      </c>
      <c r="CX2163" s="20">
        <v>0.99</v>
      </c>
      <c r="CY2163" s="6" t="s">
        <v>689</v>
      </c>
      <c r="CZ2163" s="6" t="s">
        <v>690</v>
      </c>
      <c r="DA2163" s="6" t="s">
        <v>170</v>
      </c>
      <c r="DB2163" s="6"/>
      <c r="DC2163" s="6">
        <v>41180</v>
      </c>
      <c r="DD2163" s="6">
        <v>476</v>
      </c>
      <c r="DE2163" s="6" t="s">
        <v>508</v>
      </c>
      <c r="DF2163" s="6" t="s">
        <v>375</v>
      </c>
      <c r="DG2163" s="6" t="s">
        <v>364</v>
      </c>
      <c r="DH2163" s="6" t="s">
        <v>419</v>
      </c>
      <c r="DI2163" s="6" t="s">
        <v>509</v>
      </c>
      <c r="DJ2163" s="6">
        <v>29</v>
      </c>
      <c r="DK2163" s="6">
        <v>189</v>
      </c>
      <c r="DL2163" s="6">
        <v>1</v>
      </c>
      <c r="DM2163" s="6" t="s">
        <v>404</v>
      </c>
      <c r="DN2163" s="6">
        <v>1</v>
      </c>
      <c r="DO2163" s="6" t="s">
        <v>405</v>
      </c>
      <c r="DP2163" s="6"/>
      <c r="DQ2163" s="6"/>
    </row>
    <row r="2164" spans="1:121" x14ac:dyDescent="0.2">
      <c r="A2164" s="6" t="s">
        <v>323</v>
      </c>
      <c r="B2164" s="6" t="s">
        <v>323</v>
      </c>
      <c r="C2164" s="6" t="s">
        <v>192</v>
      </c>
      <c r="D2164" s="6" t="s">
        <v>170</v>
      </c>
      <c r="E2164" s="6" t="s">
        <v>309</v>
      </c>
      <c r="F2164" s="11">
        <v>214</v>
      </c>
      <c r="G2164" s="13">
        <v>4.2206575547799998E-3</v>
      </c>
      <c r="H2164" s="11">
        <v>998.93479630000365</v>
      </c>
      <c r="I2164" s="13">
        <v>1.9701636135351443E-2</v>
      </c>
      <c r="J2164" s="11">
        <v>-4457.415865300005</v>
      </c>
      <c r="K2164" s="13">
        <v>-8.6213483028800789E-2</v>
      </c>
      <c r="L2164" s="11">
        <v>3672.2224000999995</v>
      </c>
      <c r="M2164" s="13">
        <v>7.7727780404288155E-2</v>
      </c>
      <c r="N2164" s="11">
        <v>-785.19346520000545</v>
      </c>
      <c r="O2164" s="13">
        <v>-1.518688530126408E-2</v>
      </c>
      <c r="P2164" s="7">
        <v>50703.1390407</v>
      </c>
      <c r="Q2164" s="7">
        <v>51168.073627899998</v>
      </c>
      <c r="R2164" s="7">
        <v>50652.220288099998</v>
      </c>
      <c r="S2164" s="7">
        <v>50476.069069600002</v>
      </c>
      <c r="T2164" s="7">
        <v>51075.225427099998</v>
      </c>
      <c r="U2164" s="7">
        <v>52207.550213199997</v>
      </c>
      <c r="V2164" s="7">
        <v>51702.073837000004</v>
      </c>
      <c r="W2164" s="7">
        <v>50266.007000899997</v>
      </c>
      <c r="X2164" s="7">
        <v>48801.562520599997</v>
      </c>
      <c r="Y2164" s="7">
        <v>47244.657971699999</v>
      </c>
      <c r="Z2164" s="7">
        <v>46607.752577200001</v>
      </c>
      <c r="AA2164" s="7">
        <v>46940.124864700003</v>
      </c>
      <c r="AB2164" s="7">
        <v>48392.211193900002</v>
      </c>
      <c r="AC2164" s="7">
        <v>49136.324203700002</v>
      </c>
      <c r="AD2164" s="7">
        <v>50324.3068222</v>
      </c>
      <c r="AE2164" s="7">
        <v>50884.728540900003</v>
      </c>
      <c r="AF2164" s="7">
        <v>50916.880371799998</v>
      </c>
      <c r="AG2164" s="9">
        <v>5088.3531602999992</v>
      </c>
      <c r="AH2164" s="13">
        <v>0.3217889511340879</v>
      </c>
      <c r="AI2164" s="9">
        <v>2042.4995151000021</v>
      </c>
      <c r="AJ2164" s="13">
        <v>0.12916827035196635</v>
      </c>
      <c r="AK2164" s="9">
        <v>535.81469859999925</v>
      </c>
      <c r="AL2164" s="13">
        <v>3.0008883614316795E-2</v>
      </c>
      <c r="AM2164" s="9">
        <v>2510.0389465999979</v>
      </c>
      <c r="AN2164" s="13">
        <v>0.1364817887644478</v>
      </c>
      <c r="AO2164" s="9">
        <v>3045.8536451999971</v>
      </c>
      <c r="AP2164" s="13">
        <v>0.17058633849327068</v>
      </c>
      <c r="AQ2164" s="9">
        <v>15812.703147099999</v>
      </c>
      <c r="AR2164" s="9">
        <v>16269.8638582</v>
      </c>
      <c r="AS2164" s="9">
        <v>16709.304980000001</v>
      </c>
      <c r="AT2164" s="9">
        <v>16647.920073099998</v>
      </c>
      <c r="AU2164" s="9">
        <v>16966.2414512</v>
      </c>
      <c r="AV2164" s="9">
        <v>17016.650327799998</v>
      </c>
      <c r="AW2164" s="9">
        <v>17855.202662200001</v>
      </c>
      <c r="AX2164" s="9">
        <v>17930.832018100002</v>
      </c>
      <c r="AY2164" s="9">
        <v>18041.895241300001</v>
      </c>
      <c r="AZ2164" s="9">
        <v>18391.0173608</v>
      </c>
      <c r="BA2164" s="9">
        <v>18263.908045600001</v>
      </c>
      <c r="BB2164" s="9">
        <v>18626.916396799999</v>
      </c>
      <c r="BC2164" s="9">
        <v>18902.340105899999</v>
      </c>
      <c r="BD2164" s="9">
        <v>19478.651785599999</v>
      </c>
      <c r="BE2164" s="9">
        <v>20253.252538199999</v>
      </c>
      <c r="BF2164" s="9">
        <v>20901.056307399998</v>
      </c>
      <c r="BG2164" s="11">
        <v>91.25</v>
      </c>
      <c r="BH2164" s="13">
        <v>4.3411037107516648E-2</v>
      </c>
      <c r="BI2164" s="6">
        <v>-12</v>
      </c>
      <c r="BJ2164" s="13">
        <v>-5.708848715509039E-3</v>
      </c>
      <c r="BK2164" s="6">
        <v>57</v>
      </c>
      <c r="BL2164" s="13">
        <v>2.7272727272727271E-2</v>
      </c>
      <c r="BM2164" s="11">
        <v>46.25</v>
      </c>
      <c r="BN2164" s="13">
        <v>2.1541686073591058E-2</v>
      </c>
      <c r="BO2164" s="11">
        <v>103.25</v>
      </c>
      <c r="BP2164" s="13">
        <v>4.9401913875598086E-2</v>
      </c>
      <c r="BQ2164" s="6">
        <v>2102</v>
      </c>
      <c r="BR2164" s="6">
        <v>2127</v>
      </c>
      <c r="BS2164" s="6">
        <v>2136</v>
      </c>
      <c r="BT2164" s="6">
        <v>2090</v>
      </c>
      <c r="BU2164" s="6">
        <v>2103</v>
      </c>
      <c r="BV2164" s="6">
        <v>2138</v>
      </c>
      <c r="BW2164" s="6">
        <v>2147</v>
      </c>
      <c r="BX2164" s="6">
        <v>2173</v>
      </c>
      <c r="BY2164" s="6">
        <v>2201</v>
      </c>
      <c r="BZ2164" s="6">
        <v>2197</v>
      </c>
      <c r="CA2164" s="6">
        <v>2175</v>
      </c>
      <c r="CB2164" s="6">
        <v>2192</v>
      </c>
      <c r="CC2164" s="11">
        <v>2193.25</v>
      </c>
      <c r="CD2164" s="11">
        <v>-16858.900000000001</v>
      </c>
      <c r="CE2164" s="11">
        <v>11530.2</v>
      </c>
      <c r="CF2164" s="11">
        <v>5542.46</v>
      </c>
      <c r="CG2164" s="11">
        <v>17072</v>
      </c>
      <c r="CH2164" s="20">
        <v>1.03041</v>
      </c>
      <c r="CI2164" s="20">
        <v>1.0392699999999999</v>
      </c>
      <c r="CJ2164" s="20">
        <v>1.0241499999999999</v>
      </c>
      <c r="CK2164" s="20">
        <v>1.0160400000000001</v>
      </c>
      <c r="CL2164" s="20">
        <v>1.0158700000000001</v>
      </c>
      <c r="CM2164" s="20">
        <v>1.0249600000000001</v>
      </c>
      <c r="CN2164" s="20">
        <v>1.0248699999999999</v>
      </c>
      <c r="CO2164" s="20">
        <v>0.995838</v>
      </c>
      <c r="CP2164" s="20">
        <v>1.00125</v>
      </c>
      <c r="CQ2164" s="20">
        <v>0.98519400000000001</v>
      </c>
      <c r="CR2164" s="20">
        <v>0.95693300000000003</v>
      </c>
      <c r="CS2164" s="20">
        <v>0.93978099999999998</v>
      </c>
      <c r="CT2164" s="20">
        <v>0.94192799999999999</v>
      </c>
      <c r="CU2164" s="20">
        <v>0.93283700000000003</v>
      </c>
      <c r="CV2164" s="20">
        <v>0.92895000000000005</v>
      </c>
      <c r="CW2164" s="20">
        <v>0.92001599999999994</v>
      </c>
      <c r="CX2164" s="20">
        <v>0.91321300000000005</v>
      </c>
      <c r="CY2164" s="6" t="s">
        <v>689</v>
      </c>
      <c r="CZ2164" s="6" t="s">
        <v>690</v>
      </c>
      <c r="DA2164" s="6" t="s">
        <v>170</v>
      </c>
      <c r="DB2164" s="6"/>
      <c r="DC2164" s="6">
        <v>41180</v>
      </c>
      <c r="DD2164" s="6">
        <v>476</v>
      </c>
      <c r="DE2164" s="6" t="s">
        <v>508</v>
      </c>
      <c r="DF2164" s="6" t="s">
        <v>375</v>
      </c>
      <c r="DG2164" s="6" t="s">
        <v>364</v>
      </c>
      <c r="DH2164" s="6" t="s">
        <v>419</v>
      </c>
      <c r="DI2164" s="6" t="s">
        <v>509</v>
      </c>
      <c r="DJ2164" s="6">
        <v>29</v>
      </c>
      <c r="DK2164" s="6">
        <v>189</v>
      </c>
      <c r="DL2164" s="6">
        <v>1</v>
      </c>
      <c r="DM2164" s="6" t="s">
        <v>404</v>
      </c>
      <c r="DN2164" s="6">
        <v>1</v>
      </c>
      <c r="DO2164" s="6" t="s">
        <v>405</v>
      </c>
      <c r="DP2164" s="6"/>
      <c r="DQ2164" s="6"/>
    </row>
    <row r="2165" spans="1:121" x14ac:dyDescent="0.2">
      <c r="A2165" s="6" t="s">
        <v>325</v>
      </c>
      <c r="B2165" s="6" t="s">
        <v>325</v>
      </c>
      <c r="C2165" s="6" t="s">
        <v>193</v>
      </c>
      <c r="D2165" s="6" t="s">
        <v>170</v>
      </c>
      <c r="E2165" s="6" t="s">
        <v>309</v>
      </c>
      <c r="F2165" s="11">
        <v>-4152</v>
      </c>
      <c r="G2165" s="13">
        <v>-0.11387509942100001</v>
      </c>
      <c r="H2165" s="11">
        <v>-1981.9254780999981</v>
      </c>
      <c r="I2165" s="13">
        <v>-5.4357020471674317E-2</v>
      </c>
      <c r="J2165" s="11">
        <v>-2217.6060546000008</v>
      </c>
      <c r="K2165" s="13">
        <v>-6.4316961434670639E-2</v>
      </c>
      <c r="L2165" s="11">
        <v>47.378433499998209</v>
      </c>
      <c r="M2165" s="13">
        <v>1.4685646169736515E-3</v>
      </c>
      <c r="N2165" s="11">
        <v>-2170.2276211000026</v>
      </c>
      <c r="O2165" s="13">
        <v>-6.2942850431531208E-2</v>
      </c>
      <c r="P2165" s="7">
        <v>36461.260402100001</v>
      </c>
      <c r="Q2165" s="7">
        <v>34513.669487599997</v>
      </c>
      <c r="R2165" s="7">
        <v>34973.663680600002</v>
      </c>
      <c r="S2165" s="7">
        <v>35629.223202300003</v>
      </c>
      <c r="T2165" s="7">
        <v>35148.840632300002</v>
      </c>
      <c r="U2165" s="7">
        <v>35764.1708459</v>
      </c>
      <c r="V2165" s="7">
        <v>34479.334924000003</v>
      </c>
      <c r="W2165" s="7">
        <v>33804.968045699999</v>
      </c>
      <c r="X2165" s="7">
        <v>32774.9807019</v>
      </c>
      <c r="Y2165" s="7">
        <v>32261.728869400002</v>
      </c>
      <c r="Z2165" s="7">
        <v>32724.9965576</v>
      </c>
      <c r="AA2165" s="7">
        <v>32634.013181999999</v>
      </c>
      <c r="AB2165" s="7">
        <v>32443.8437672</v>
      </c>
      <c r="AC2165" s="7">
        <v>32127.072642399999</v>
      </c>
      <c r="AD2165" s="7">
        <v>31930.290966799999</v>
      </c>
      <c r="AE2165" s="7">
        <v>32474.008630299999</v>
      </c>
      <c r="AF2165" s="7">
        <v>32309.1073029</v>
      </c>
      <c r="AG2165" s="9">
        <v>7117.2103213000009</v>
      </c>
      <c r="AH2165" s="13">
        <v>0.30639972040011326</v>
      </c>
      <c r="AI2165" s="9">
        <v>3243.9276059000003</v>
      </c>
      <c r="AJ2165" s="13">
        <v>0.13965282274592386</v>
      </c>
      <c r="AK2165" s="9">
        <v>53.358081099999254</v>
      </c>
      <c r="AL2165" s="13">
        <v>2.0156085737353603E-3</v>
      </c>
      <c r="AM2165" s="9">
        <v>3819.9246343000013</v>
      </c>
      <c r="AN2165" s="13">
        <v>0.14400789495401517</v>
      </c>
      <c r="AO2165" s="9">
        <v>3873.2827154000006</v>
      </c>
      <c r="AP2165" s="13">
        <v>0.14631376707550542</v>
      </c>
      <c r="AQ2165" s="9">
        <v>23228.514412500001</v>
      </c>
      <c r="AR2165" s="9">
        <v>23368.677513800001</v>
      </c>
      <c r="AS2165" s="9">
        <v>23952.080411300001</v>
      </c>
      <c r="AT2165" s="9">
        <v>24540.2199975</v>
      </c>
      <c r="AU2165" s="9">
        <v>25231.608158700001</v>
      </c>
      <c r="AV2165" s="9">
        <v>25745.422791100002</v>
      </c>
      <c r="AW2165" s="9">
        <v>26472.442018400001</v>
      </c>
      <c r="AX2165" s="9">
        <v>27360.964846899999</v>
      </c>
      <c r="AY2165" s="9">
        <v>26913.0552207</v>
      </c>
      <c r="AZ2165" s="9">
        <v>26525.8000995</v>
      </c>
      <c r="BA2165" s="9">
        <v>26613.728304600001</v>
      </c>
      <c r="BB2165" s="9">
        <v>27293.2341982</v>
      </c>
      <c r="BC2165" s="9">
        <v>27810.678074300002</v>
      </c>
      <c r="BD2165" s="9">
        <v>28743.218331399999</v>
      </c>
      <c r="BE2165" s="9">
        <v>29638.2167692</v>
      </c>
      <c r="BF2165" s="9">
        <v>30345.724733800002</v>
      </c>
      <c r="BG2165" s="11">
        <v>-878.5</v>
      </c>
      <c r="BH2165" s="13">
        <v>-0.23432915444118432</v>
      </c>
      <c r="BI2165" s="6">
        <v>-99</v>
      </c>
      <c r="BJ2165" s="13">
        <v>-2.6407041877834089E-2</v>
      </c>
      <c r="BK2165" s="6">
        <v>191</v>
      </c>
      <c r="BL2165" s="13">
        <v>5.232876712328767E-2</v>
      </c>
      <c r="BM2165" s="11">
        <v>-970.5</v>
      </c>
      <c r="BN2165" s="13">
        <v>-0.25266857589169489</v>
      </c>
      <c r="BO2165" s="11">
        <v>-779.5</v>
      </c>
      <c r="BP2165" s="13">
        <v>-0.21356164383561643</v>
      </c>
      <c r="BQ2165" s="6">
        <v>3749</v>
      </c>
      <c r="BR2165" s="6">
        <v>3747</v>
      </c>
      <c r="BS2165" s="6">
        <v>3749</v>
      </c>
      <c r="BT2165" s="6">
        <v>3650</v>
      </c>
      <c r="BU2165" s="6">
        <v>3606</v>
      </c>
      <c r="BV2165" s="6">
        <v>3604</v>
      </c>
      <c r="BW2165" s="6">
        <v>3841</v>
      </c>
      <c r="BX2165" s="6">
        <v>4138</v>
      </c>
      <c r="BY2165" s="6">
        <v>4482</v>
      </c>
      <c r="BZ2165" s="6">
        <v>2860</v>
      </c>
      <c r="CA2165" s="6">
        <v>2849</v>
      </c>
      <c r="CB2165" s="6">
        <v>2862</v>
      </c>
      <c r="CC2165" s="11">
        <v>2870.5</v>
      </c>
      <c r="CD2165" s="11">
        <v>-7802.03</v>
      </c>
      <c r="CE2165" s="11">
        <v>-335.774</v>
      </c>
      <c r="CF2165" s="11">
        <v>3985.65</v>
      </c>
      <c r="CG2165" s="11">
        <v>3650</v>
      </c>
      <c r="CH2165" s="20">
        <v>1.09087</v>
      </c>
      <c r="CI2165" s="20">
        <v>1.0277400000000001</v>
      </c>
      <c r="CJ2165" s="20">
        <v>1.0426899999999999</v>
      </c>
      <c r="CK2165" s="20">
        <v>1.07664</v>
      </c>
      <c r="CL2165" s="20">
        <v>1.0668899999999999</v>
      </c>
      <c r="CM2165" s="20">
        <v>1.0815600000000001</v>
      </c>
      <c r="CN2165" s="20">
        <v>1.0580000000000001</v>
      </c>
      <c r="CO2165" s="20">
        <v>1.0357400000000001</v>
      </c>
      <c r="CP2165" s="20">
        <v>1.01874</v>
      </c>
      <c r="CQ2165" s="20">
        <v>1.02678</v>
      </c>
      <c r="CR2165" s="20">
        <v>1.04043</v>
      </c>
      <c r="CS2165" s="20">
        <v>1.01955</v>
      </c>
      <c r="CT2165" s="20">
        <v>1.0749599999999999</v>
      </c>
      <c r="CU2165" s="20">
        <v>1.04928</v>
      </c>
      <c r="CV2165" s="20">
        <v>1.03406</v>
      </c>
      <c r="CW2165" s="20">
        <v>1.0410200000000001</v>
      </c>
      <c r="CX2165" s="20">
        <v>1.0365899999999999</v>
      </c>
      <c r="CY2165" s="6" t="s">
        <v>689</v>
      </c>
      <c r="CZ2165" s="6" t="s">
        <v>690</v>
      </c>
      <c r="DA2165" s="6" t="s">
        <v>170</v>
      </c>
      <c r="DB2165" s="6"/>
      <c r="DC2165" s="6">
        <v>41180</v>
      </c>
      <c r="DD2165" s="6">
        <v>476</v>
      </c>
      <c r="DE2165" s="6" t="s">
        <v>508</v>
      </c>
      <c r="DF2165" s="6" t="s">
        <v>375</v>
      </c>
      <c r="DG2165" s="6" t="s">
        <v>364</v>
      </c>
      <c r="DH2165" s="6" t="s">
        <v>419</v>
      </c>
      <c r="DI2165" s="6" t="s">
        <v>509</v>
      </c>
      <c r="DJ2165" s="6">
        <v>29</v>
      </c>
      <c r="DK2165" s="6">
        <v>189</v>
      </c>
      <c r="DL2165" s="6">
        <v>1</v>
      </c>
      <c r="DM2165" s="6" t="s">
        <v>404</v>
      </c>
      <c r="DN2165" s="6">
        <v>1</v>
      </c>
      <c r="DO2165" s="6" t="s">
        <v>405</v>
      </c>
      <c r="DP2165" s="6"/>
      <c r="DQ2165" s="6"/>
    </row>
    <row r="2166" spans="1:121" x14ac:dyDescent="0.2">
      <c r="A2166" s="6" t="s">
        <v>327</v>
      </c>
      <c r="B2166" s="6" t="s">
        <v>327</v>
      </c>
      <c r="C2166" s="6" t="s">
        <v>194</v>
      </c>
      <c r="D2166" s="6" t="s">
        <v>170</v>
      </c>
      <c r="E2166" s="6" t="s">
        <v>309</v>
      </c>
      <c r="F2166" s="11">
        <v>-3150</v>
      </c>
      <c r="G2166" s="13">
        <v>-5.2187743335699997E-2</v>
      </c>
      <c r="H2166" s="11">
        <v>1285.1997209999972</v>
      </c>
      <c r="I2166" s="13">
        <v>2.1292727846915643E-2</v>
      </c>
      <c r="J2166" s="11">
        <v>467.34596299999976</v>
      </c>
      <c r="K2166" s="13">
        <v>7.5813917203048269E-3</v>
      </c>
      <c r="L2166" s="11">
        <v>-4902.1027412999974</v>
      </c>
      <c r="M2166" s="13">
        <v>-7.8924658619878837E-2</v>
      </c>
      <c r="N2166" s="11">
        <v>-4434.7567782999977</v>
      </c>
      <c r="O2166" s="13">
        <v>-7.1941625652962637E-2</v>
      </c>
      <c r="P2166" s="7">
        <v>60358.622448000002</v>
      </c>
      <c r="Q2166" s="7">
        <v>60858.802621000003</v>
      </c>
      <c r="R2166" s="7">
        <v>61392.267212999999</v>
      </c>
      <c r="S2166" s="7">
        <v>62003.341941999999</v>
      </c>
      <c r="T2166" s="7">
        <v>61371.218881000001</v>
      </c>
      <c r="U2166" s="7">
        <v>60894.807777000002</v>
      </c>
      <c r="V2166" s="7">
        <v>61643.822168999999</v>
      </c>
      <c r="W2166" s="7">
        <v>63212.523630000003</v>
      </c>
      <c r="X2166" s="7">
        <v>63560.124292</v>
      </c>
      <c r="Y2166" s="7">
        <v>62111.168131999999</v>
      </c>
      <c r="Z2166" s="7">
        <v>60380.925262999997</v>
      </c>
      <c r="AA2166" s="7">
        <v>59396.821211000002</v>
      </c>
      <c r="AB2166" s="7">
        <v>59050.142046000001</v>
      </c>
      <c r="AC2166" s="7">
        <v>59011.044623000002</v>
      </c>
      <c r="AD2166" s="7">
        <v>57926.648772</v>
      </c>
      <c r="AE2166" s="7">
        <v>57653.842040700001</v>
      </c>
      <c r="AF2166" s="7">
        <v>57209.065390700001</v>
      </c>
      <c r="AG2166" s="9">
        <v>22120.200130800004</v>
      </c>
      <c r="AH2166" s="13">
        <v>0.50062314499013438</v>
      </c>
      <c r="AI2166" s="9">
        <v>12206.794811400003</v>
      </c>
      <c r="AJ2166" s="13">
        <v>0.27626350451610099</v>
      </c>
      <c r="AK2166" s="9">
        <v>5133.9186720999933</v>
      </c>
      <c r="AL2166" s="13">
        <v>9.1039634691007204E-2</v>
      </c>
      <c r="AM2166" s="9">
        <v>4779.4866473000075</v>
      </c>
      <c r="AN2166" s="13">
        <v>7.7682330613059666E-2</v>
      </c>
      <c r="AO2166" s="9">
        <v>9913.4053194000007</v>
      </c>
      <c r="AP2166" s="13">
        <v>0.17579413630502586</v>
      </c>
      <c r="AQ2166" s="9">
        <v>44185.332524400001</v>
      </c>
      <c r="AR2166" s="9">
        <v>46531.2324419</v>
      </c>
      <c r="AS2166" s="9">
        <v>48368.394658500001</v>
      </c>
      <c r="AT2166" s="9">
        <v>50148.258424699998</v>
      </c>
      <c r="AU2166" s="9">
        <v>51613.880523300002</v>
      </c>
      <c r="AV2166" s="9">
        <v>53477.530616399999</v>
      </c>
      <c r="AW2166" s="9">
        <v>56392.127335800003</v>
      </c>
      <c r="AX2166" s="9">
        <v>57552.047803900001</v>
      </c>
      <c r="AY2166" s="9">
        <v>58931.903943800004</v>
      </c>
      <c r="AZ2166" s="9">
        <v>61526.046007899997</v>
      </c>
      <c r="BA2166" s="9">
        <v>61997.809082899999</v>
      </c>
      <c r="BB2166" s="9">
        <v>62617.521862299996</v>
      </c>
      <c r="BC2166" s="9">
        <v>63378.480162</v>
      </c>
      <c r="BD2166" s="9">
        <v>62978.521158000003</v>
      </c>
      <c r="BE2166" s="9">
        <v>65331.329066600003</v>
      </c>
      <c r="BF2166" s="9">
        <v>66305.532655200004</v>
      </c>
      <c r="BG2166" s="11">
        <v>5.75</v>
      </c>
      <c r="BH2166" s="13">
        <v>6.7409144196951933E-3</v>
      </c>
      <c r="BI2166" s="6">
        <v>2</v>
      </c>
      <c r="BJ2166" s="13">
        <v>2.3446658851113715E-3</v>
      </c>
      <c r="BK2166" s="6">
        <v>16</v>
      </c>
      <c r="BL2166" s="13">
        <v>1.8713450292397661E-2</v>
      </c>
      <c r="BM2166" s="11">
        <v>-12.25</v>
      </c>
      <c r="BN2166" s="13">
        <v>-1.4064293915040185E-2</v>
      </c>
      <c r="BO2166" s="11">
        <v>3.75</v>
      </c>
      <c r="BP2166" s="13">
        <v>4.3859649122807015E-3</v>
      </c>
      <c r="BQ2166" s="6">
        <v>853</v>
      </c>
      <c r="BR2166" s="6">
        <v>851</v>
      </c>
      <c r="BS2166" s="6">
        <v>850</v>
      </c>
      <c r="BT2166" s="6">
        <v>855</v>
      </c>
      <c r="BU2166" s="6">
        <v>853</v>
      </c>
      <c r="BV2166" s="6">
        <v>852</v>
      </c>
      <c r="BW2166" s="6">
        <v>871</v>
      </c>
      <c r="BX2166" s="6">
        <v>892</v>
      </c>
      <c r="BY2166" s="6">
        <v>890</v>
      </c>
      <c r="BZ2166" s="6">
        <v>886</v>
      </c>
      <c r="CA2166" s="6">
        <v>880</v>
      </c>
      <c r="CB2166" s="6">
        <v>873</v>
      </c>
      <c r="CC2166" s="11">
        <v>858.75</v>
      </c>
      <c r="CD2166" s="11">
        <v>-6208.98</v>
      </c>
      <c r="CE2166" s="11">
        <v>-3538.5</v>
      </c>
      <c r="CF2166" s="11">
        <v>6597.92</v>
      </c>
      <c r="CG2166" s="11">
        <v>3059</v>
      </c>
      <c r="CH2166" s="20">
        <v>0.54363700000000004</v>
      </c>
      <c r="CI2166" s="20">
        <v>0.54448300000000005</v>
      </c>
      <c r="CJ2166" s="20">
        <v>0.55397200000000002</v>
      </c>
      <c r="CK2166" s="20">
        <v>0.57118500000000005</v>
      </c>
      <c r="CL2166" s="20">
        <v>0.56920999999999999</v>
      </c>
      <c r="CM2166" s="20">
        <v>0.56641399999999997</v>
      </c>
      <c r="CN2166" s="20">
        <v>0.58597100000000002</v>
      </c>
      <c r="CO2166" s="20">
        <v>0.59396899999999997</v>
      </c>
      <c r="CP2166" s="20">
        <v>0.59911999999999999</v>
      </c>
      <c r="CQ2166" s="20">
        <v>0.59603200000000001</v>
      </c>
      <c r="CR2166" s="20">
        <v>0.59241200000000005</v>
      </c>
      <c r="CS2166" s="20">
        <v>0.59207500000000002</v>
      </c>
      <c r="CT2166" s="20">
        <v>0.59292999999999996</v>
      </c>
      <c r="CU2166" s="20">
        <v>0.59512799999999999</v>
      </c>
      <c r="CV2166" s="20">
        <v>0.58424299999999996</v>
      </c>
      <c r="CW2166" s="20">
        <v>0.578515</v>
      </c>
      <c r="CX2166" s="20">
        <v>0.57854300000000003</v>
      </c>
      <c r="CY2166" s="6" t="s">
        <v>689</v>
      </c>
      <c r="CZ2166" s="6" t="s">
        <v>690</v>
      </c>
      <c r="DA2166" s="6" t="s">
        <v>170</v>
      </c>
      <c r="DB2166" s="6"/>
      <c r="DC2166" s="6">
        <v>41180</v>
      </c>
      <c r="DD2166" s="6">
        <v>476</v>
      </c>
      <c r="DE2166" s="6" t="s">
        <v>508</v>
      </c>
      <c r="DF2166" s="6" t="s">
        <v>375</v>
      </c>
      <c r="DG2166" s="6" t="s">
        <v>364</v>
      </c>
      <c r="DH2166" s="6" t="s">
        <v>419</v>
      </c>
      <c r="DI2166" s="6" t="s">
        <v>509</v>
      </c>
      <c r="DJ2166" s="6">
        <v>29</v>
      </c>
      <c r="DK2166" s="6">
        <v>189</v>
      </c>
      <c r="DL2166" s="6">
        <v>1</v>
      </c>
      <c r="DM2166" s="6" t="s">
        <v>404</v>
      </c>
      <c r="DN2166" s="6">
        <v>1</v>
      </c>
      <c r="DO2166" s="6" t="s">
        <v>405</v>
      </c>
      <c r="DP2166" s="6"/>
      <c r="DQ2166" s="6"/>
    </row>
    <row r="2167" spans="1:121" x14ac:dyDescent="0.2">
      <c r="A2167" s="6" t="s">
        <v>1</v>
      </c>
      <c r="B2167" s="6" t="s">
        <v>1</v>
      </c>
      <c r="C2167" s="6" t="s">
        <v>2</v>
      </c>
      <c r="D2167" s="6" t="s">
        <v>138</v>
      </c>
      <c r="E2167" s="6" t="s">
        <v>279</v>
      </c>
      <c r="F2167" s="11">
        <v>-54</v>
      </c>
      <c r="G2167" s="13">
        <v>-0.163141993958</v>
      </c>
      <c r="H2167" s="11">
        <v>121.74045635300001</v>
      </c>
      <c r="I2167" s="13">
        <v>0.3673375695906157</v>
      </c>
      <c r="J2167" s="11">
        <v>-214.91067233999999</v>
      </c>
      <c r="K2167" s="13">
        <v>-0.47425580870470446</v>
      </c>
      <c r="L2167" s="11">
        <v>38.624682482999987</v>
      </c>
      <c r="M2167" s="13">
        <v>0.16212318056981803</v>
      </c>
      <c r="N2167" s="11">
        <v>-176.285989857</v>
      </c>
      <c r="O2167" s="13">
        <v>-0.38902048824580426</v>
      </c>
      <c r="P2167" s="7">
        <v>331.41302831799999</v>
      </c>
      <c r="Q2167" s="7">
        <v>341.86490866700001</v>
      </c>
      <c r="R2167" s="7">
        <v>458.70707056100002</v>
      </c>
      <c r="S2167" s="7">
        <v>227.63355316100001</v>
      </c>
      <c r="T2167" s="7">
        <v>315.04888570200001</v>
      </c>
      <c r="U2167" s="7">
        <v>461.07684396600001</v>
      </c>
      <c r="V2167" s="7">
        <v>453.153484671</v>
      </c>
      <c r="W2167" s="7">
        <v>216.64154790000001</v>
      </c>
      <c r="X2167" s="7">
        <v>193.95048829199999</v>
      </c>
      <c r="Y2167" s="7">
        <v>238.24281233100001</v>
      </c>
      <c r="Z2167" s="7">
        <v>240.77855838100001</v>
      </c>
      <c r="AA2167" s="7">
        <v>260.95353710500001</v>
      </c>
      <c r="AB2167" s="7">
        <v>314.59959739099997</v>
      </c>
      <c r="AC2167" s="7">
        <v>295.50310484200003</v>
      </c>
      <c r="AD2167" s="7">
        <v>295.34496519800001</v>
      </c>
      <c r="AE2167" s="7">
        <v>275.62908148600002</v>
      </c>
      <c r="AF2167" s="7">
        <v>276.867494814</v>
      </c>
      <c r="AG2167" s="9">
        <v>27897.442939200002</v>
      </c>
      <c r="AH2167" s="13">
        <v>0.8277658449788039</v>
      </c>
      <c r="AI2167" s="9">
        <v>13338.3635603</v>
      </c>
      <c r="AJ2167" s="13">
        <v>0.39577253754722919</v>
      </c>
      <c r="AK2167" s="9">
        <v>-20032.182139999997</v>
      </c>
      <c r="AL2167" s="13">
        <v>-0.42585006309654322</v>
      </c>
      <c r="AM2167" s="9">
        <v>34591.261518899999</v>
      </c>
      <c r="AN2167" s="13">
        <v>1.2807652476365701</v>
      </c>
      <c r="AO2167" s="9">
        <v>14559.079378900002</v>
      </c>
      <c r="AP2167" s="13">
        <v>0.3095012230221339</v>
      </c>
      <c r="AQ2167" s="9">
        <v>33702.094751099998</v>
      </c>
      <c r="AR2167" s="9">
        <v>27374.618823100001</v>
      </c>
      <c r="AS2167" s="9">
        <v>44461.297201100002</v>
      </c>
      <c r="AT2167" s="9">
        <v>29297.6650137</v>
      </c>
      <c r="AU2167" s="9">
        <v>60768.5107278</v>
      </c>
      <c r="AV2167" s="9">
        <v>41970.2590967</v>
      </c>
      <c r="AW2167" s="9">
        <v>47040.458311399998</v>
      </c>
      <c r="AX2167" s="9">
        <v>23230.659109799999</v>
      </c>
      <c r="AY2167" s="9">
        <v>26724.462988300002</v>
      </c>
      <c r="AZ2167" s="9">
        <v>27008.276171400001</v>
      </c>
      <c r="BA2167" s="9">
        <v>38087.875131599998</v>
      </c>
      <c r="BB2167" s="9">
        <v>47501.644802499999</v>
      </c>
      <c r="BC2167" s="9">
        <v>33044.970746699997</v>
      </c>
      <c r="BD2167" s="9">
        <v>36311.328134099997</v>
      </c>
      <c r="BE2167" s="9">
        <v>57471.535300399999</v>
      </c>
      <c r="BF2167" s="9">
        <v>61599.5376903</v>
      </c>
      <c r="BG2167" s="11">
        <v>-0.75</v>
      </c>
      <c r="BH2167" s="13">
        <v>-0.1875</v>
      </c>
      <c r="BI2167" s="6">
        <v>-1</v>
      </c>
      <c r="BJ2167" s="13">
        <v>-0.25</v>
      </c>
      <c r="BK2167" s="6">
        <v>0</v>
      </c>
      <c r="BL2167" s="13">
        <v>0</v>
      </c>
      <c r="BM2167" s="11">
        <v>0.25</v>
      </c>
      <c r="BN2167" s="13">
        <v>8.3333333333333329E-2</v>
      </c>
      <c r="BO2167" s="11">
        <v>0.25</v>
      </c>
      <c r="BP2167" s="13">
        <v>8.3333333333333329E-2</v>
      </c>
      <c r="BQ2167" s="6">
        <v>4</v>
      </c>
      <c r="BR2167" s="6">
        <v>4</v>
      </c>
      <c r="BS2167" s="6">
        <v>4</v>
      </c>
      <c r="BT2167" s="6">
        <v>3</v>
      </c>
      <c r="BU2167" s="6">
        <v>3</v>
      </c>
      <c r="BV2167" s="6">
        <v>3</v>
      </c>
      <c r="BW2167" s="6">
        <v>3</v>
      </c>
      <c r="BX2167" s="6">
        <v>3</v>
      </c>
      <c r="BY2167" s="6">
        <v>3</v>
      </c>
      <c r="BZ2167" s="6">
        <v>3</v>
      </c>
      <c r="CA2167" s="6">
        <v>2</v>
      </c>
      <c r="CB2167" s="6">
        <v>3</v>
      </c>
      <c r="CC2167" s="11">
        <v>3.25</v>
      </c>
      <c r="CD2167" s="11">
        <v>-60.556800000000003</v>
      </c>
      <c r="CE2167" s="11">
        <v>-30.216200000000001</v>
      </c>
      <c r="CF2167" s="11">
        <v>36.227400000000003</v>
      </c>
      <c r="CG2167" s="11">
        <v>6</v>
      </c>
      <c r="CH2167" s="20">
        <v>9.06695E-2</v>
      </c>
      <c r="CI2167" s="20">
        <v>9.5268199999999997E-2</v>
      </c>
      <c r="CJ2167" s="20">
        <v>0.13011600000000001</v>
      </c>
      <c r="CK2167" s="20">
        <v>6.6833699999999996E-2</v>
      </c>
      <c r="CL2167" s="20">
        <v>9.3308500000000003E-2</v>
      </c>
      <c r="CM2167" s="20">
        <v>0.14158000000000001</v>
      </c>
      <c r="CN2167" s="20">
        <v>0.13867699999999999</v>
      </c>
      <c r="CO2167" s="20">
        <v>6.7550200000000005E-2</v>
      </c>
      <c r="CP2167" s="20">
        <v>6.19269E-2</v>
      </c>
      <c r="CQ2167" s="20">
        <v>7.3393700000000006E-2</v>
      </c>
      <c r="CR2167" s="20">
        <v>7.4004E-2</v>
      </c>
      <c r="CS2167" s="20">
        <v>7.9973600000000006E-2</v>
      </c>
      <c r="CT2167" s="20">
        <v>9.6757499999999996E-2</v>
      </c>
      <c r="CU2167" s="20">
        <v>9.19957E-2</v>
      </c>
      <c r="CV2167" s="20">
        <v>9.1504799999999997E-2</v>
      </c>
      <c r="CW2167" s="20">
        <v>8.6371500000000004E-2</v>
      </c>
      <c r="CX2167" s="20">
        <v>8.7345900000000004E-2</v>
      </c>
      <c r="CY2167" s="6" t="s">
        <v>741</v>
      </c>
      <c r="CZ2167" s="6" t="s">
        <v>279</v>
      </c>
      <c r="DA2167" s="6" t="s">
        <v>138</v>
      </c>
      <c r="DB2167" s="6"/>
      <c r="DC2167" s="6">
        <v>41180</v>
      </c>
      <c r="DD2167" s="6">
        <v>476</v>
      </c>
      <c r="DE2167" s="6" t="s">
        <v>508</v>
      </c>
      <c r="DF2167" s="6" t="s">
        <v>375</v>
      </c>
      <c r="DG2167" s="6" t="s">
        <v>364</v>
      </c>
      <c r="DH2167" s="6" t="s">
        <v>419</v>
      </c>
      <c r="DI2167" s="6" t="s">
        <v>509</v>
      </c>
      <c r="DJ2167" s="6">
        <v>29</v>
      </c>
      <c r="DK2167" s="6">
        <v>510</v>
      </c>
      <c r="DL2167" s="6">
        <v>1</v>
      </c>
      <c r="DM2167" s="6" t="s">
        <v>404</v>
      </c>
      <c r="DN2167" s="6">
        <v>1</v>
      </c>
      <c r="DO2167" s="6" t="s">
        <v>405</v>
      </c>
      <c r="DP2167" s="6"/>
      <c r="DQ2167" s="6"/>
    </row>
    <row r="2168" spans="1:121" x14ac:dyDescent="0.2">
      <c r="A2168" s="6" t="s">
        <v>310</v>
      </c>
      <c r="B2168" s="6" t="s">
        <v>310</v>
      </c>
      <c r="C2168" s="6" t="s">
        <v>173</v>
      </c>
      <c r="D2168" s="6" t="s">
        <v>138</v>
      </c>
      <c r="E2168" s="6" t="s">
        <v>279</v>
      </c>
      <c r="F2168" s="11">
        <v>1</v>
      </c>
      <c r="G2168" s="13">
        <v>1</v>
      </c>
      <c r="H2168" s="11">
        <v>70.478050395999986</v>
      </c>
      <c r="I2168" s="13">
        <v>0.5317027512002872</v>
      </c>
      <c r="J2168" s="11">
        <v>-171.31165539599999</v>
      </c>
      <c r="K2168" s="13">
        <v>-0.84377653737700131</v>
      </c>
      <c r="L2168" s="11">
        <v>-26.717994999999998</v>
      </c>
      <c r="M2168" s="13">
        <v>-0.84236077974033341</v>
      </c>
      <c r="N2168" s="11">
        <v>-198.02965039599999</v>
      </c>
      <c r="O2168" s="13">
        <v>-0.97537305516584549</v>
      </c>
      <c r="P2168" s="7">
        <v>132.55160000000001</v>
      </c>
      <c r="Q2168" s="7">
        <v>169.39101099999999</v>
      </c>
      <c r="R2168" s="7">
        <v>109.168668</v>
      </c>
      <c r="S2168" s="7">
        <v>5</v>
      </c>
      <c r="T2168" s="7">
        <v>256.886974829</v>
      </c>
      <c r="U2168" s="7">
        <v>190.42575650200001</v>
      </c>
      <c r="V2168" s="7">
        <v>203.02965039599999</v>
      </c>
      <c r="W2168" s="7">
        <v>58.5693214036</v>
      </c>
      <c r="X2168" s="7">
        <v>69.618167</v>
      </c>
      <c r="Y2168" s="7">
        <v>31.717994999999998</v>
      </c>
      <c r="Z2168" s="7">
        <v>19.095571</v>
      </c>
      <c r="AA2168" s="7">
        <v>0</v>
      </c>
      <c r="AB2168" s="7">
        <v>0</v>
      </c>
      <c r="AC2168" s="7">
        <v>0</v>
      </c>
      <c r="AD2168" s="7">
        <v>5</v>
      </c>
      <c r="AE2168" s="7">
        <v>5</v>
      </c>
      <c r="AF2168" s="7">
        <v>5</v>
      </c>
      <c r="AG2168" s="9">
        <v>-197967.265564</v>
      </c>
      <c r="AH2168" s="13">
        <v>-0.99999494868535044</v>
      </c>
      <c r="AI2168" s="9">
        <v>321262.08948800003</v>
      </c>
      <c r="AJ2168" s="13">
        <v>1.6227958989929177</v>
      </c>
      <c r="AK2168" s="9">
        <v>-443684.04569100001</v>
      </c>
      <c r="AL2168" s="13">
        <v>-0.85450328813415732</v>
      </c>
      <c r="AM2168" s="9">
        <v>-75545.309361000007</v>
      </c>
      <c r="AN2168" s="13">
        <v>-0.99998676308600043</v>
      </c>
      <c r="AO2168" s="9">
        <v>-519229.35505200003</v>
      </c>
      <c r="AP2168" s="13">
        <v>-0.99999807407253771</v>
      </c>
      <c r="AQ2168" s="9">
        <v>197968.265564</v>
      </c>
      <c r="AR2168" s="9">
        <v>197272.30132999999</v>
      </c>
      <c r="AS2168" s="9">
        <v>450688.635137</v>
      </c>
      <c r="AT2168" s="9">
        <v>1</v>
      </c>
      <c r="AU2168" s="9">
        <v>443216.47805699997</v>
      </c>
      <c r="AV2168" s="9">
        <v>844803.20636399998</v>
      </c>
      <c r="AW2168" s="9">
        <v>519230.35505200003</v>
      </c>
      <c r="AX2168" s="9">
        <v>102603.690558</v>
      </c>
      <c r="AY2168" s="9">
        <v>27496.8777295</v>
      </c>
      <c r="AZ2168" s="9">
        <v>75546.309361000007</v>
      </c>
      <c r="BA2168" s="9">
        <v>129812.252261</v>
      </c>
      <c r="BB2168" s="9">
        <v>0</v>
      </c>
      <c r="BC2168" s="9">
        <v>0</v>
      </c>
      <c r="BD2168" s="9">
        <v>0</v>
      </c>
      <c r="BE2168" s="9">
        <v>1</v>
      </c>
      <c r="BF2168" s="9">
        <v>1</v>
      </c>
      <c r="BG2168" s="11">
        <v>0</v>
      </c>
      <c r="BH2168" s="13">
        <v>0</v>
      </c>
      <c r="BI2168" s="6">
        <v>2</v>
      </c>
      <c r="BJ2168" s="13">
        <v>2</v>
      </c>
      <c r="BK2168" s="6">
        <v>-1</v>
      </c>
      <c r="BL2168" s="13">
        <v>-0.33333333333333331</v>
      </c>
      <c r="BM2168" s="11">
        <v>-1</v>
      </c>
      <c r="BN2168" s="13">
        <v>-0.5</v>
      </c>
      <c r="BO2168" s="11">
        <v>-2</v>
      </c>
      <c r="BP2168" s="13">
        <v>-0.66666666666666663</v>
      </c>
      <c r="BQ2168" s="6">
        <v>1</v>
      </c>
      <c r="BR2168" s="6">
        <v>2</v>
      </c>
      <c r="BS2168" s="6">
        <v>2</v>
      </c>
      <c r="BT2168" s="6">
        <v>3</v>
      </c>
      <c r="BU2168" s="6">
        <v>2</v>
      </c>
      <c r="BV2168" s="6">
        <v>2</v>
      </c>
      <c r="BW2168" s="6">
        <v>2</v>
      </c>
      <c r="BX2168" s="6">
        <v>2</v>
      </c>
      <c r="BY2168" s="6">
        <v>0</v>
      </c>
      <c r="BZ2168" s="6">
        <v>0</v>
      </c>
      <c r="CA2168" s="6">
        <v>0</v>
      </c>
      <c r="CB2168" s="6">
        <v>1</v>
      </c>
      <c r="CC2168" s="11">
        <v>1</v>
      </c>
      <c r="CD2168" s="11">
        <v>-160.16499999999999</v>
      </c>
      <c r="CE2168" s="11">
        <v>13.751899999999999</v>
      </c>
      <c r="CF2168" s="11">
        <v>14.4895</v>
      </c>
      <c r="CG2168" s="11">
        <v>28</v>
      </c>
      <c r="CH2168" s="20">
        <v>0.12781600000000001</v>
      </c>
      <c r="CI2168" s="20">
        <v>0.173793</v>
      </c>
      <c r="CJ2168" s="20">
        <v>0.11562500000000001</v>
      </c>
      <c r="CK2168" s="20">
        <v>4.8681599999999998E-3</v>
      </c>
      <c r="CL2168" s="20">
        <v>0.25646099999999999</v>
      </c>
      <c r="CM2168" s="20">
        <v>0.178921</v>
      </c>
      <c r="CN2168" s="20">
        <v>0.176424</v>
      </c>
      <c r="CO2168" s="20">
        <v>4.6786000000000001E-2</v>
      </c>
      <c r="CP2168" s="20">
        <v>6.2557399999999999E-2</v>
      </c>
      <c r="CQ2168" s="20">
        <v>2.6966E-2</v>
      </c>
      <c r="CR2168" s="20">
        <v>1.4581E-2</v>
      </c>
      <c r="CS2168" s="20">
        <v>0</v>
      </c>
      <c r="CT2168" s="20">
        <v>0</v>
      </c>
      <c r="CU2168" s="20">
        <v>0</v>
      </c>
      <c r="CV2168" s="20">
        <v>1.9682400000000001E-4</v>
      </c>
      <c r="CW2168" s="20">
        <v>6.3003699999999996E-4</v>
      </c>
      <c r="CX2168" s="20">
        <v>5.8631500000000001E-4</v>
      </c>
      <c r="CY2168" s="6" t="s">
        <v>741</v>
      </c>
      <c r="CZ2168" s="6" t="s">
        <v>279</v>
      </c>
      <c r="DA2168" s="6" t="s">
        <v>138</v>
      </c>
      <c r="DB2168" s="6"/>
      <c r="DC2168" s="6">
        <v>41180</v>
      </c>
      <c r="DD2168" s="6">
        <v>476</v>
      </c>
      <c r="DE2168" s="6" t="s">
        <v>508</v>
      </c>
      <c r="DF2168" s="6" t="s">
        <v>375</v>
      </c>
      <c r="DG2168" s="6" t="s">
        <v>364</v>
      </c>
      <c r="DH2168" s="6" t="s">
        <v>419</v>
      </c>
      <c r="DI2168" s="6" t="s">
        <v>509</v>
      </c>
      <c r="DJ2168" s="6">
        <v>29</v>
      </c>
      <c r="DK2168" s="6">
        <v>510</v>
      </c>
      <c r="DL2168" s="6">
        <v>1</v>
      </c>
      <c r="DM2168" s="6" t="s">
        <v>404</v>
      </c>
      <c r="DN2168" s="6">
        <v>1</v>
      </c>
      <c r="DO2168" s="6" t="s">
        <v>405</v>
      </c>
      <c r="DP2168" s="6"/>
      <c r="DQ2168" s="6"/>
    </row>
    <row r="2169" spans="1:121" x14ac:dyDescent="0.2">
      <c r="A2169" s="6" t="s">
        <v>311</v>
      </c>
      <c r="B2169" s="6" t="s">
        <v>311</v>
      </c>
      <c r="C2169" s="6" t="s">
        <v>174</v>
      </c>
      <c r="D2169" s="6" t="s">
        <v>138</v>
      </c>
      <c r="E2169" s="6" t="s">
        <v>279</v>
      </c>
      <c r="F2169" s="11">
        <v>-337</v>
      </c>
      <c r="G2169" s="13">
        <v>-0.17690288713899999</v>
      </c>
      <c r="H2169" s="11">
        <v>-191.34336499999995</v>
      </c>
      <c r="I2169" s="13">
        <v>-0.10044618946608298</v>
      </c>
      <c r="J2169" s="11">
        <v>-18.750990700000102</v>
      </c>
      <c r="K2169" s="13">
        <v>-1.094251446875589E-2</v>
      </c>
      <c r="L2169" s="11">
        <v>-126.95682459</v>
      </c>
      <c r="M2169" s="13">
        <v>-7.4907866590918804E-2</v>
      </c>
      <c r="N2169" s="11">
        <v>-145.7078152900001</v>
      </c>
      <c r="O2169" s="13">
        <v>-8.5030700645679927E-2</v>
      </c>
      <c r="P2169" s="7">
        <v>1904.934035</v>
      </c>
      <c r="Q2169" s="7">
        <v>1771.4023340000001</v>
      </c>
      <c r="R2169" s="7">
        <v>1947.8774229999999</v>
      </c>
      <c r="S2169" s="7">
        <v>1683.6177279999999</v>
      </c>
      <c r="T2169" s="7">
        <v>1782.278746</v>
      </c>
      <c r="U2169" s="7">
        <v>1761.441088</v>
      </c>
      <c r="V2169" s="7">
        <v>1713.59067</v>
      </c>
      <c r="W2169" s="7">
        <v>1783.1820600000001</v>
      </c>
      <c r="X2169" s="7">
        <v>1763.634724</v>
      </c>
      <c r="Y2169" s="7">
        <v>1694.8396792999999</v>
      </c>
      <c r="Z2169" s="7">
        <v>1738.50564433</v>
      </c>
      <c r="AA2169" s="7">
        <v>1658.2583886100001</v>
      </c>
      <c r="AB2169" s="7">
        <v>1683.39354755</v>
      </c>
      <c r="AC2169" s="7">
        <v>1638.4688642399999</v>
      </c>
      <c r="AD2169" s="7">
        <v>1587.52936028</v>
      </c>
      <c r="AE2169" s="7">
        <v>1600.1688597499999</v>
      </c>
      <c r="AF2169" s="7">
        <v>1567.8828547099999</v>
      </c>
      <c r="AG2169" s="9">
        <v>47670.183149199991</v>
      </c>
      <c r="AH2169" s="13">
        <v>0.6391521880218165</v>
      </c>
      <c r="AI2169" s="9">
        <v>14368.058396299995</v>
      </c>
      <c r="AJ2169" s="13">
        <v>0.19264402515253376</v>
      </c>
      <c r="AK2169" s="9">
        <v>15848.684192899993</v>
      </c>
      <c r="AL2169" s="13">
        <v>0.17817215557980642</v>
      </c>
      <c r="AM2169" s="9">
        <v>17453.440560000003</v>
      </c>
      <c r="AN2169" s="13">
        <v>0.16654013769017506</v>
      </c>
      <c r="AO2169" s="9">
        <v>33302.124752899996</v>
      </c>
      <c r="AP2169" s="13">
        <v>0.37438510859279778</v>
      </c>
      <c r="AQ2169" s="9">
        <v>74583.462346800006</v>
      </c>
      <c r="AR2169" s="9">
        <v>72950.932744100006</v>
      </c>
      <c r="AS2169" s="9">
        <v>67530.6953087</v>
      </c>
      <c r="AT2169" s="9">
        <v>81995.469297699994</v>
      </c>
      <c r="AU2169" s="9">
        <v>83539.791243600004</v>
      </c>
      <c r="AV2169" s="9">
        <v>90039.583962100005</v>
      </c>
      <c r="AW2169" s="9">
        <v>88951.520743100002</v>
      </c>
      <c r="AX2169" s="9">
        <v>96069.210800700006</v>
      </c>
      <c r="AY2169" s="9">
        <v>101593.07061</v>
      </c>
      <c r="AZ2169" s="9">
        <v>104800.20493599999</v>
      </c>
      <c r="BA2169" s="9">
        <v>103080.669002</v>
      </c>
      <c r="BB2169" s="9">
        <v>104380.677008</v>
      </c>
      <c r="BC2169" s="9">
        <v>110056.775633</v>
      </c>
      <c r="BD2169" s="9">
        <v>123890.574761</v>
      </c>
      <c r="BE2169" s="9">
        <v>118021.13003499999</v>
      </c>
      <c r="BF2169" s="9">
        <v>122253.645496</v>
      </c>
      <c r="BG2169" s="11">
        <v>2.5</v>
      </c>
      <c r="BH2169" s="13">
        <v>0.625</v>
      </c>
      <c r="BI2169" s="6">
        <v>1</v>
      </c>
      <c r="BJ2169" s="13">
        <v>0.25</v>
      </c>
      <c r="BK2169" s="6">
        <v>1</v>
      </c>
      <c r="BL2169" s="13">
        <v>0.2</v>
      </c>
      <c r="BM2169" s="11">
        <v>0.5</v>
      </c>
      <c r="BN2169" s="13">
        <v>8.3333333333333329E-2</v>
      </c>
      <c r="BO2169" s="11">
        <v>1.5</v>
      </c>
      <c r="BP2169" s="13">
        <v>0.3</v>
      </c>
      <c r="BQ2169" s="6">
        <v>4</v>
      </c>
      <c r="BR2169" s="6">
        <v>5</v>
      </c>
      <c r="BS2169" s="6">
        <v>6</v>
      </c>
      <c r="BT2169" s="6">
        <v>5</v>
      </c>
      <c r="BU2169" s="6">
        <v>5</v>
      </c>
      <c r="BV2169" s="6">
        <v>6</v>
      </c>
      <c r="BW2169" s="6">
        <v>6</v>
      </c>
      <c r="BX2169" s="6">
        <v>6</v>
      </c>
      <c r="BY2169" s="6">
        <v>6</v>
      </c>
      <c r="BZ2169" s="6">
        <v>6</v>
      </c>
      <c r="CA2169" s="6">
        <v>7</v>
      </c>
      <c r="CB2169" s="6">
        <v>7</v>
      </c>
      <c r="CC2169" s="11">
        <v>6.5</v>
      </c>
      <c r="CD2169" s="11">
        <v>-235.077</v>
      </c>
      <c r="CE2169" s="11">
        <v>-310.20699999999999</v>
      </c>
      <c r="CF2169" s="11">
        <v>208.232</v>
      </c>
      <c r="CG2169" s="11">
        <v>-102</v>
      </c>
      <c r="CH2169" s="20">
        <v>1.67652</v>
      </c>
      <c r="CI2169" s="20">
        <v>1.5932900000000001</v>
      </c>
      <c r="CJ2169" s="20">
        <v>1.84148</v>
      </c>
      <c r="CK2169" s="20">
        <v>1.69228</v>
      </c>
      <c r="CL2169" s="20">
        <v>1.8625499999999999</v>
      </c>
      <c r="CM2169" s="20">
        <v>1.9184699999999999</v>
      </c>
      <c r="CN2169" s="20">
        <v>1.83497</v>
      </c>
      <c r="CO2169" s="20">
        <v>1.8632299999999999</v>
      </c>
      <c r="CP2169" s="20">
        <v>1.86113</v>
      </c>
      <c r="CQ2169" s="20">
        <v>1.7437400000000001</v>
      </c>
      <c r="CR2169" s="20">
        <v>1.79986</v>
      </c>
      <c r="CS2169" s="20">
        <v>1.7343299999999999</v>
      </c>
      <c r="CT2169" s="20">
        <v>1.78877</v>
      </c>
      <c r="CU2169" s="20">
        <v>1.7755099999999999</v>
      </c>
      <c r="CV2169" s="20">
        <v>1.7145699999999999</v>
      </c>
      <c r="CW2169" s="20">
        <v>1.74573</v>
      </c>
      <c r="CX2169" s="20">
        <v>1.7116800000000001</v>
      </c>
      <c r="CY2169" s="6" t="s">
        <v>741</v>
      </c>
      <c r="CZ2169" s="6" t="s">
        <v>279</v>
      </c>
      <c r="DA2169" s="6" t="s">
        <v>138</v>
      </c>
      <c r="DB2169" s="6"/>
      <c r="DC2169" s="6">
        <v>41180</v>
      </c>
      <c r="DD2169" s="6">
        <v>476</v>
      </c>
      <c r="DE2169" s="6" t="s">
        <v>508</v>
      </c>
      <c r="DF2169" s="6" t="s">
        <v>375</v>
      </c>
      <c r="DG2169" s="6" t="s">
        <v>364</v>
      </c>
      <c r="DH2169" s="6" t="s">
        <v>419</v>
      </c>
      <c r="DI2169" s="6" t="s">
        <v>509</v>
      </c>
      <c r="DJ2169" s="6">
        <v>29</v>
      </c>
      <c r="DK2169" s="6">
        <v>510</v>
      </c>
      <c r="DL2169" s="6">
        <v>1</v>
      </c>
      <c r="DM2169" s="6" t="s">
        <v>404</v>
      </c>
      <c r="DN2169" s="6">
        <v>1</v>
      </c>
      <c r="DO2169" s="6" t="s">
        <v>405</v>
      </c>
      <c r="DP2169" s="6"/>
      <c r="DQ2169" s="6"/>
    </row>
    <row r="2170" spans="1:121" x14ac:dyDescent="0.2">
      <c r="A2170" s="6" t="s">
        <v>312</v>
      </c>
      <c r="B2170" s="6" t="s">
        <v>312</v>
      </c>
      <c r="C2170" s="6" t="s">
        <v>175</v>
      </c>
      <c r="D2170" s="6" t="s">
        <v>138</v>
      </c>
      <c r="E2170" s="6" t="s">
        <v>279</v>
      </c>
      <c r="F2170" s="11">
        <v>-997</v>
      </c>
      <c r="G2170" s="13">
        <v>-0.118141959948</v>
      </c>
      <c r="H2170" s="11">
        <v>1002.0543471800011</v>
      </c>
      <c r="I2170" s="13">
        <v>0.11873631369760884</v>
      </c>
      <c r="J2170" s="11">
        <v>-2175.7392067000001</v>
      </c>
      <c r="K2170" s="13">
        <v>-0.23044717449803193</v>
      </c>
      <c r="L2170" s="11">
        <v>176.16277334999995</v>
      </c>
      <c r="M2170" s="13">
        <v>2.4246008417631415E-2</v>
      </c>
      <c r="N2170" s="11">
        <v>-1999.5764333500001</v>
      </c>
      <c r="O2170" s="13">
        <v>-0.2117885902130992</v>
      </c>
      <c r="P2170" s="7">
        <v>8439.3250554499991</v>
      </c>
      <c r="Q2170" s="7">
        <v>8628.2941097799994</v>
      </c>
      <c r="R2170" s="7">
        <v>8056.6131513</v>
      </c>
      <c r="S2170" s="7">
        <v>8864.3965668199999</v>
      </c>
      <c r="T2170" s="7">
        <v>8924.1931729700009</v>
      </c>
      <c r="U2170" s="7">
        <v>9081.1480689300006</v>
      </c>
      <c r="V2170" s="7">
        <v>9441.3794026300002</v>
      </c>
      <c r="W2170" s="7">
        <v>9115.15587117</v>
      </c>
      <c r="X2170" s="7">
        <v>8543.6437244600002</v>
      </c>
      <c r="Y2170" s="7">
        <v>7265.6401959300001</v>
      </c>
      <c r="Z2170" s="7">
        <v>7045.3884667499997</v>
      </c>
      <c r="AA2170" s="7">
        <v>7066.4888757500003</v>
      </c>
      <c r="AB2170" s="7">
        <v>7102.0535060399998</v>
      </c>
      <c r="AC2170" s="7">
        <v>6951.7942264699996</v>
      </c>
      <c r="AD2170" s="7">
        <v>7063.4124819299996</v>
      </c>
      <c r="AE2170" s="7">
        <v>7521.9338388599999</v>
      </c>
      <c r="AF2170" s="7">
        <v>7441.8029692800001</v>
      </c>
      <c r="AG2170" s="9">
        <v>20445.712718599993</v>
      </c>
      <c r="AH2170" s="13">
        <v>0.37013860398318565</v>
      </c>
      <c r="AI2170" s="9">
        <v>8520.2971214999998</v>
      </c>
      <c r="AJ2170" s="13">
        <v>0.15424705049313203</v>
      </c>
      <c r="AK2170" s="9">
        <v>3304.847970099996</v>
      </c>
      <c r="AL2170" s="13">
        <v>5.1834013889848617E-2</v>
      </c>
      <c r="AM2170" s="9">
        <v>8620.5676269999967</v>
      </c>
      <c r="AN2170" s="13">
        <v>0.12854405838911109</v>
      </c>
      <c r="AO2170" s="9">
        <v>11925.415597099993</v>
      </c>
      <c r="AP2170" s="13">
        <v>0.18704102678695839</v>
      </c>
      <c r="AQ2170" s="9">
        <v>55237.990575900003</v>
      </c>
      <c r="AR2170" s="9">
        <v>57253.137541600001</v>
      </c>
      <c r="AS2170" s="9">
        <v>55759.4521694</v>
      </c>
      <c r="AT2170" s="9">
        <v>56454.875387499997</v>
      </c>
      <c r="AU2170" s="9">
        <v>57620.763767800003</v>
      </c>
      <c r="AV2170" s="9">
        <v>59654.747269599997</v>
      </c>
      <c r="AW2170" s="9">
        <v>63758.287697400003</v>
      </c>
      <c r="AX2170" s="9">
        <v>66966.804353900006</v>
      </c>
      <c r="AY2170" s="9">
        <v>67062.642871300006</v>
      </c>
      <c r="AZ2170" s="9">
        <v>67063.135667499999</v>
      </c>
      <c r="BA2170" s="9">
        <v>67481.539406199998</v>
      </c>
      <c r="BB2170" s="9">
        <v>67807.270017999996</v>
      </c>
      <c r="BC2170" s="9">
        <v>67065.149827700006</v>
      </c>
      <c r="BD2170" s="9">
        <v>71600.899609700005</v>
      </c>
      <c r="BE2170" s="9">
        <v>72459.949803700001</v>
      </c>
      <c r="BF2170" s="9">
        <v>75683.703294499996</v>
      </c>
      <c r="BG2170" s="11">
        <v>-84.5</v>
      </c>
      <c r="BH2170" s="13">
        <v>-0.16933867735470942</v>
      </c>
      <c r="BI2170" s="6">
        <v>36</v>
      </c>
      <c r="BJ2170" s="13">
        <v>7.2144288577154311E-2</v>
      </c>
      <c r="BK2170" s="6">
        <v>-60</v>
      </c>
      <c r="BL2170" s="13">
        <v>-0.11214953271028037</v>
      </c>
      <c r="BM2170" s="11">
        <v>-60.5</v>
      </c>
      <c r="BN2170" s="13">
        <v>-0.12736842105263158</v>
      </c>
      <c r="BO2170" s="11">
        <v>-120.5</v>
      </c>
      <c r="BP2170" s="13">
        <v>-0.22523364485981309</v>
      </c>
      <c r="BQ2170" s="6">
        <v>499</v>
      </c>
      <c r="BR2170" s="6">
        <v>504</v>
      </c>
      <c r="BS2170" s="6">
        <v>508</v>
      </c>
      <c r="BT2170" s="6">
        <v>535</v>
      </c>
      <c r="BU2170" s="6">
        <v>513</v>
      </c>
      <c r="BV2170" s="6">
        <v>500</v>
      </c>
      <c r="BW2170" s="6">
        <v>475</v>
      </c>
      <c r="BX2170" s="6">
        <v>457</v>
      </c>
      <c r="BY2170" s="6">
        <v>451</v>
      </c>
      <c r="BZ2170" s="6">
        <v>434</v>
      </c>
      <c r="CA2170" s="6">
        <v>427</v>
      </c>
      <c r="CB2170" s="6">
        <v>417</v>
      </c>
      <c r="CC2170" s="11">
        <v>414.5</v>
      </c>
      <c r="CD2170" s="11">
        <v>-897.82500000000005</v>
      </c>
      <c r="CE2170" s="11">
        <v>-1022.22</v>
      </c>
      <c r="CF2170" s="11">
        <v>922.52</v>
      </c>
      <c r="CG2170" s="11">
        <v>-99</v>
      </c>
      <c r="CH2170" s="20">
        <v>0.51207999999999998</v>
      </c>
      <c r="CI2170" s="20">
        <v>0.531362</v>
      </c>
      <c r="CJ2170" s="20">
        <v>0.49834800000000001</v>
      </c>
      <c r="CK2170" s="20">
        <v>0.546601</v>
      </c>
      <c r="CL2170" s="20">
        <v>0.53339899999999996</v>
      </c>
      <c r="CM2170" s="20">
        <v>0.538748</v>
      </c>
      <c r="CN2170" s="20">
        <v>0.55811599999999995</v>
      </c>
      <c r="CO2170" s="20">
        <v>0.564272</v>
      </c>
      <c r="CP2170" s="20">
        <v>0.61613600000000002</v>
      </c>
      <c r="CQ2170" s="20">
        <v>0.54653099999999999</v>
      </c>
      <c r="CR2170" s="20">
        <v>0.53888999999999998</v>
      </c>
      <c r="CS2170" s="20">
        <v>0.54088700000000001</v>
      </c>
      <c r="CT2170" s="20">
        <v>0.53892799999999996</v>
      </c>
      <c r="CU2170" s="20">
        <v>0.52164500000000003</v>
      </c>
      <c r="CV2170" s="20">
        <v>0.51362300000000005</v>
      </c>
      <c r="CW2170" s="20">
        <v>0.54110999999999998</v>
      </c>
      <c r="CX2170" s="20">
        <v>0.53648200000000001</v>
      </c>
      <c r="CY2170" s="6" t="s">
        <v>741</v>
      </c>
      <c r="CZ2170" s="6" t="s">
        <v>279</v>
      </c>
      <c r="DA2170" s="6" t="s">
        <v>138</v>
      </c>
      <c r="DB2170" s="6"/>
      <c r="DC2170" s="6">
        <v>41180</v>
      </c>
      <c r="DD2170" s="6">
        <v>476</v>
      </c>
      <c r="DE2170" s="6" t="s">
        <v>508</v>
      </c>
      <c r="DF2170" s="6" t="s">
        <v>375</v>
      </c>
      <c r="DG2170" s="6" t="s">
        <v>364</v>
      </c>
      <c r="DH2170" s="6" t="s">
        <v>419</v>
      </c>
      <c r="DI2170" s="6" t="s">
        <v>509</v>
      </c>
      <c r="DJ2170" s="6">
        <v>29</v>
      </c>
      <c r="DK2170" s="6">
        <v>510</v>
      </c>
      <c r="DL2170" s="6">
        <v>1</v>
      </c>
      <c r="DM2170" s="6" t="s">
        <v>404</v>
      </c>
      <c r="DN2170" s="6">
        <v>1</v>
      </c>
      <c r="DO2170" s="6" t="s">
        <v>405</v>
      </c>
      <c r="DP2170" s="6"/>
      <c r="DQ2170" s="6"/>
    </row>
    <row r="2171" spans="1:121" x14ac:dyDescent="0.2">
      <c r="A2171" s="6" t="s">
        <v>792</v>
      </c>
      <c r="B2171" s="6" t="s">
        <v>176</v>
      </c>
      <c r="C2171" s="6" t="s">
        <v>177</v>
      </c>
      <c r="D2171" s="6" t="s">
        <v>138</v>
      </c>
      <c r="E2171" s="6" t="s">
        <v>279</v>
      </c>
      <c r="F2171" s="11">
        <v>-11561</v>
      </c>
      <c r="G2171" s="13">
        <v>-0.40392006149100002</v>
      </c>
      <c r="H2171" s="11">
        <v>-5051.5223885999985</v>
      </c>
      <c r="I2171" s="13">
        <v>-0.17649180409103168</v>
      </c>
      <c r="J2171" s="11">
        <v>-3955.7946432999997</v>
      </c>
      <c r="K2171" s="13">
        <v>-0.1678294118230208</v>
      </c>
      <c r="L2171" s="11">
        <v>-2553.4628026999999</v>
      </c>
      <c r="M2171" s="13">
        <v>-0.1301821704404991</v>
      </c>
      <c r="N2171" s="11">
        <v>-6509.2574459999996</v>
      </c>
      <c r="O2171" s="13">
        <v>-0.27616318516864669</v>
      </c>
      <c r="P2171" s="7">
        <v>28621.8525252</v>
      </c>
      <c r="Q2171" s="7">
        <v>27452.635444799998</v>
      </c>
      <c r="R2171" s="7">
        <v>26209.105196600001</v>
      </c>
      <c r="S2171" s="7">
        <v>24838.278826599999</v>
      </c>
      <c r="T2171" s="7">
        <v>24459.782086399999</v>
      </c>
      <c r="U2171" s="7">
        <v>24108.506980800001</v>
      </c>
      <c r="V2171" s="7">
        <v>23570.330136600001</v>
      </c>
      <c r="W2171" s="7">
        <v>22742.361652299998</v>
      </c>
      <c r="X2171" s="7">
        <v>20306.365677500002</v>
      </c>
      <c r="Y2171" s="7">
        <v>19614.535493300002</v>
      </c>
      <c r="Z2171" s="7">
        <v>19681.4547141</v>
      </c>
      <c r="AA2171" s="7">
        <v>20518.9724609</v>
      </c>
      <c r="AB2171" s="7">
        <v>17819.078334099999</v>
      </c>
      <c r="AC2171" s="7">
        <v>17841.119346899999</v>
      </c>
      <c r="AD2171" s="7">
        <v>18035.622833400001</v>
      </c>
      <c r="AE2171" s="7">
        <v>17421.054577899999</v>
      </c>
      <c r="AF2171" s="7">
        <v>17061.072690600002</v>
      </c>
      <c r="AG2171" s="9">
        <v>19441.229175300003</v>
      </c>
      <c r="AH2171" s="13">
        <v>0.2908122474682</v>
      </c>
      <c r="AI2171" s="9">
        <v>11763.605981100001</v>
      </c>
      <c r="AJ2171" s="13">
        <v>0.17596627573530269</v>
      </c>
      <c r="AK2171" s="9">
        <v>3777.9214942000108</v>
      </c>
      <c r="AL2171" s="13">
        <v>4.805593534761652E-2</v>
      </c>
      <c r="AM2171" s="9">
        <v>3899.7016999999905</v>
      </c>
      <c r="AN2171" s="13">
        <v>4.7330493383176304E-2</v>
      </c>
      <c r="AO2171" s="9">
        <v>7677.6231942000013</v>
      </c>
      <c r="AP2171" s="13">
        <v>9.7660939860785542E-2</v>
      </c>
      <c r="AQ2171" s="9">
        <v>66851.480102899994</v>
      </c>
      <c r="AR2171" s="9">
        <v>63547.435902700003</v>
      </c>
      <c r="AS2171" s="9">
        <v>67720.858647800007</v>
      </c>
      <c r="AT2171" s="9">
        <v>69697.735767799997</v>
      </c>
      <c r="AU2171" s="9">
        <v>71145.4805204</v>
      </c>
      <c r="AV2171" s="9">
        <v>74375.607082699993</v>
      </c>
      <c r="AW2171" s="9">
        <v>78615.086083999995</v>
      </c>
      <c r="AX2171" s="9">
        <v>110759.833625</v>
      </c>
      <c r="AY2171" s="9">
        <v>85506.637111599994</v>
      </c>
      <c r="AZ2171" s="9">
        <v>82393.007578200006</v>
      </c>
      <c r="BA2171" s="9">
        <v>82846.178779199996</v>
      </c>
      <c r="BB2171" s="9">
        <v>91216.944138999999</v>
      </c>
      <c r="BC2171" s="9">
        <v>84415.206973499997</v>
      </c>
      <c r="BD2171" s="9">
        <v>88393.724668700001</v>
      </c>
      <c r="BE2171" s="9">
        <v>88601.519634099997</v>
      </c>
      <c r="BF2171" s="9">
        <v>86292.709278199996</v>
      </c>
      <c r="BG2171" s="11">
        <v>-137.5</v>
      </c>
      <c r="BH2171" s="13">
        <v>-0.22540983606557377</v>
      </c>
      <c r="BI2171" s="6">
        <v>-50</v>
      </c>
      <c r="BJ2171" s="13">
        <v>-8.1967213114754092E-2</v>
      </c>
      <c r="BK2171" s="6">
        <v>-36</v>
      </c>
      <c r="BL2171" s="13">
        <v>-6.4285714285714279E-2</v>
      </c>
      <c r="BM2171" s="11">
        <v>-51.5</v>
      </c>
      <c r="BN2171" s="13">
        <v>-9.82824427480916E-2</v>
      </c>
      <c r="BO2171" s="11">
        <v>-87.5</v>
      </c>
      <c r="BP2171" s="13">
        <v>-0.15625</v>
      </c>
      <c r="BQ2171" s="6">
        <v>610</v>
      </c>
      <c r="BR2171" s="6">
        <v>579</v>
      </c>
      <c r="BS2171" s="6">
        <v>554</v>
      </c>
      <c r="BT2171" s="6">
        <v>560</v>
      </c>
      <c r="BU2171" s="6">
        <v>544</v>
      </c>
      <c r="BV2171" s="6">
        <v>524</v>
      </c>
      <c r="BW2171" s="6">
        <v>524</v>
      </c>
      <c r="BX2171" s="6">
        <v>514</v>
      </c>
      <c r="BY2171" s="6">
        <v>507</v>
      </c>
      <c r="BZ2171" s="6">
        <v>504</v>
      </c>
      <c r="CA2171" s="6">
        <v>484</v>
      </c>
      <c r="CB2171" s="6">
        <v>488</v>
      </c>
      <c r="CC2171" s="11">
        <v>472.5</v>
      </c>
      <c r="CD2171" s="11">
        <v>-4586.62</v>
      </c>
      <c r="CE2171" s="11">
        <v>-10102.9</v>
      </c>
      <c r="CF2171" s="11">
        <v>3128.71</v>
      </c>
      <c r="CG2171" s="11">
        <v>-6974</v>
      </c>
      <c r="CH2171" s="20">
        <v>0.90715800000000002</v>
      </c>
      <c r="CI2171" s="20">
        <v>0.94370799999999999</v>
      </c>
      <c r="CJ2171" s="20">
        <v>0.96734399999999998</v>
      </c>
      <c r="CK2171" s="20">
        <v>0.96795900000000001</v>
      </c>
      <c r="CL2171" s="20">
        <v>0.972939</v>
      </c>
      <c r="CM2171" s="20">
        <v>0.99767899999999998</v>
      </c>
      <c r="CN2171" s="20">
        <v>0.98398300000000005</v>
      </c>
      <c r="CO2171" s="20">
        <v>0.97276300000000004</v>
      </c>
      <c r="CP2171" s="20">
        <v>0.99690699999999999</v>
      </c>
      <c r="CQ2171" s="20">
        <v>0.95016500000000004</v>
      </c>
      <c r="CR2171" s="20">
        <v>0.94059499999999996</v>
      </c>
      <c r="CS2171" s="20">
        <v>0.97427399999999997</v>
      </c>
      <c r="CT2171" s="20">
        <v>0.85200100000000001</v>
      </c>
      <c r="CU2171" s="20">
        <v>0.86421899999999996</v>
      </c>
      <c r="CV2171" s="20">
        <v>0.87033000000000005</v>
      </c>
      <c r="CW2171" s="20">
        <v>0.84981600000000002</v>
      </c>
      <c r="CX2171" s="20">
        <v>0.83938900000000005</v>
      </c>
      <c r="CY2171" s="6" t="s">
        <v>741</v>
      </c>
      <c r="CZ2171" s="6" t="s">
        <v>279</v>
      </c>
      <c r="DA2171" s="6" t="s">
        <v>138</v>
      </c>
      <c r="DB2171" s="6"/>
      <c r="DC2171" s="6">
        <v>41180</v>
      </c>
      <c r="DD2171" s="6">
        <v>476</v>
      </c>
      <c r="DE2171" s="6" t="s">
        <v>508</v>
      </c>
      <c r="DF2171" s="6" t="s">
        <v>375</v>
      </c>
      <c r="DG2171" s="6" t="s">
        <v>364</v>
      </c>
      <c r="DH2171" s="6" t="s">
        <v>419</v>
      </c>
      <c r="DI2171" s="6" t="s">
        <v>509</v>
      </c>
      <c r="DJ2171" s="6">
        <v>29</v>
      </c>
      <c r="DK2171" s="6">
        <v>510</v>
      </c>
      <c r="DL2171" s="6">
        <v>1</v>
      </c>
      <c r="DM2171" s="6" t="s">
        <v>404</v>
      </c>
      <c r="DN2171" s="6">
        <v>1</v>
      </c>
      <c r="DO2171" s="6" t="s">
        <v>405</v>
      </c>
      <c r="DP2171" s="6"/>
      <c r="DQ2171" s="6"/>
    </row>
    <row r="2172" spans="1:121" x14ac:dyDescent="0.2">
      <c r="A2172" s="6" t="s">
        <v>313</v>
      </c>
      <c r="B2172" s="6" t="s">
        <v>313</v>
      </c>
      <c r="C2172" s="6" t="s">
        <v>178</v>
      </c>
      <c r="D2172" s="6" t="s">
        <v>138</v>
      </c>
      <c r="E2172" s="6" t="s">
        <v>279</v>
      </c>
      <c r="F2172" s="11">
        <v>-4017</v>
      </c>
      <c r="G2172" s="13">
        <v>-0.34957793055399999</v>
      </c>
      <c r="H2172" s="11">
        <v>-1107.0797378999996</v>
      </c>
      <c r="I2172" s="13">
        <v>-9.6346785046380834E-2</v>
      </c>
      <c r="J2172" s="11">
        <v>-2446.6977298399997</v>
      </c>
      <c r="K2172" s="13">
        <v>-0.23563339802728964</v>
      </c>
      <c r="L2172" s="11">
        <v>-462.54118579999977</v>
      </c>
      <c r="M2172" s="13">
        <v>-5.8278079793768547E-2</v>
      </c>
      <c r="N2172" s="11">
        <v>-2909.2389156399995</v>
      </c>
      <c r="O2172" s="13">
        <v>-0.28017921584874694</v>
      </c>
      <c r="P2172" s="7">
        <v>11490.572699099999</v>
      </c>
      <c r="Q2172" s="7">
        <v>10998.1674662</v>
      </c>
      <c r="R2172" s="7">
        <v>10314.5135412</v>
      </c>
      <c r="S2172" s="7">
        <v>10285.7237465</v>
      </c>
      <c r="T2172" s="7">
        <v>9931.7291443499998</v>
      </c>
      <c r="U2172" s="7">
        <v>9902.2653877800003</v>
      </c>
      <c r="V2172" s="7">
        <v>10383.4929612</v>
      </c>
      <c r="W2172" s="7">
        <v>10152.412018499999</v>
      </c>
      <c r="X2172" s="7">
        <v>9202.7504711000001</v>
      </c>
      <c r="Y2172" s="7">
        <v>7936.7952313599999</v>
      </c>
      <c r="Z2172" s="7">
        <v>7917.4918037699999</v>
      </c>
      <c r="AA2172" s="7">
        <v>7997.9622518599999</v>
      </c>
      <c r="AB2172" s="7">
        <v>7975.43593461</v>
      </c>
      <c r="AC2172" s="7">
        <v>8064.5682949900001</v>
      </c>
      <c r="AD2172" s="7">
        <v>7658.6359964000003</v>
      </c>
      <c r="AE2172" s="7">
        <v>7680.29166601</v>
      </c>
      <c r="AF2172" s="7">
        <v>7474.2540455600001</v>
      </c>
      <c r="AG2172" s="9">
        <v>22434.102363699996</v>
      </c>
      <c r="AH2172" s="13">
        <v>0.42700660715454919</v>
      </c>
      <c r="AI2172" s="9">
        <v>11611.840222299994</v>
      </c>
      <c r="AJ2172" s="13">
        <v>0.22101764607118793</v>
      </c>
      <c r="AK2172" s="9">
        <v>1630.7558688999998</v>
      </c>
      <c r="AL2172" s="13">
        <v>2.5421016212660144E-2</v>
      </c>
      <c r="AM2172" s="9">
        <v>9191.5062725000025</v>
      </c>
      <c r="AN2172" s="13">
        <v>0.13972960495086623</v>
      </c>
      <c r="AO2172" s="9">
        <v>10822.262141400002</v>
      </c>
      <c r="AP2172" s="13">
        <v>0.16870268971637092</v>
      </c>
      <c r="AQ2172" s="9">
        <v>52538.068469700003</v>
      </c>
      <c r="AR2172" s="9">
        <v>53984.431003799997</v>
      </c>
      <c r="AS2172" s="9">
        <v>55359.403247900002</v>
      </c>
      <c r="AT2172" s="9">
        <v>56905.332983200002</v>
      </c>
      <c r="AU2172" s="9">
        <v>59025.923573599997</v>
      </c>
      <c r="AV2172" s="9">
        <v>61340.938872300001</v>
      </c>
      <c r="AW2172" s="9">
        <v>64149.908691999997</v>
      </c>
      <c r="AX2172" s="9">
        <v>70636.5040171</v>
      </c>
      <c r="AY2172" s="9">
        <v>63202.774688099998</v>
      </c>
      <c r="AZ2172" s="9">
        <v>65780.664560899997</v>
      </c>
      <c r="BA2172" s="9">
        <v>66945.327027699997</v>
      </c>
      <c r="BB2172" s="9">
        <v>68692.425255299997</v>
      </c>
      <c r="BC2172" s="9">
        <v>68937.652175399999</v>
      </c>
      <c r="BD2172" s="9">
        <v>72141.526777799998</v>
      </c>
      <c r="BE2172" s="9">
        <v>73671.848519799998</v>
      </c>
      <c r="BF2172" s="9">
        <v>74972.1708334</v>
      </c>
      <c r="BG2172" s="11">
        <v>-132</v>
      </c>
      <c r="BH2172" s="13">
        <v>-0.21533442088091354</v>
      </c>
      <c r="BI2172" s="6">
        <v>-22</v>
      </c>
      <c r="BJ2172" s="13">
        <v>-3.588907014681892E-2</v>
      </c>
      <c r="BK2172" s="6">
        <v>-53</v>
      </c>
      <c r="BL2172" s="13">
        <v>-8.9678510998307953E-2</v>
      </c>
      <c r="BM2172" s="11">
        <v>-57</v>
      </c>
      <c r="BN2172" s="13">
        <v>-0.10594795539033457</v>
      </c>
      <c r="BO2172" s="11">
        <v>-110</v>
      </c>
      <c r="BP2172" s="13">
        <v>-0.18612521150592218</v>
      </c>
      <c r="BQ2172" s="6">
        <v>613</v>
      </c>
      <c r="BR2172" s="6">
        <v>575</v>
      </c>
      <c r="BS2172" s="6">
        <v>567</v>
      </c>
      <c r="BT2172" s="6">
        <v>591</v>
      </c>
      <c r="BU2172" s="6">
        <v>594</v>
      </c>
      <c r="BV2172" s="6">
        <v>568</v>
      </c>
      <c r="BW2172" s="6">
        <v>538</v>
      </c>
      <c r="BX2172" s="6">
        <v>514</v>
      </c>
      <c r="BY2172" s="6">
        <v>530</v>
      </c>
      <c r="BZ2172" s="6">
        <v>510</v>
      </c>
      <c r="CA2172" s="6">
        <v>498</v>
      </c>
      <c r="CB2172" s="6">
        <v>488</v>
      </c>
      <c r="CC2172" s="11">
        <v>481</v>
      </c>
      <c r="CD2172" s="11">
        <v>-4332.82</v>
      </c>
      <c r="CE2172" s="11">
        <v>-939.55600000000004</v>
      </c>
      <c r="CF2172" s="11">
        <v>1256.06</v>
      </c>
      <c r="CG2172" s="11">
        <v>316</v>
      </c>
      <c r="CH2172" s="20">
        <v>1.02278</v>
      </c>
      <c r="CI2172" s="20">
        <v>1.0084200000000001</v>
      </c>
      <c r="CJ2172" s="20">
        <v>0.97065000000000001</v>
      </c>
      <c r="CK2172" s="20">
        <v>0.99782300000000002</v>
      </c>
      <c r="CL2172" s="20">
        <v>0.96010099999999998</v>
      </c>
      <c r="CM2172" s="20">
        <v>0.96897200000000006</v>
      </c>
      <c r="CN2172" s="20">
        <v>0.988707</v>
      </c>
      <c r="CO2172" s="20">
        <v>0.96509599999999995</v>
      </c>
      <c r="CP2172" s="20">
        <v>0.94914900000000002</v>
      </c>
      <c r="CQ2172" s="20">
        <v>0.79967299999999997</v>
      </c>
      <c r="CR2172" s="20">
        <v>0.790462</v>
      </c>
      <c r="CS2172" s="20">
        <v>0.79239899999999996</v>
      </c>
      <c r="CT2172" s="20">
        <v>0.79118699999999997</v>
      </c>
      <c r="CU2172" s="20">
        <v>0.81151399999999996</v>
      </c>
      <c r="CV2172" s="20">
        <v>0.76824499999999996</v>
      </c>
      <c r="CW2172" s="20">
        <v>0.78080700000000003</v>
      </c>
      <c r="CX2172" s="20">
        <v>0.76013699999999995</v>
      </c>
      <c r="CY2172" s="6" t="s">
        <v>741</v>
      </c>
      <c r="CZ2172" s="6" t="s">
        <v>279</v>
      </c>
      <c r="DA2172" s="6" t="s">
        <v>138</v>
      </c>
      <c r="DB2172" s="6"/>
      <c r="DC2172" s="6">
        <v>41180</v>
      </c>
      <c r="DD2172" s="6">
        <v>476</v>
      </c>
      <c r="DE2172" s="6" t="s">
        <v>508</v>
      </c>
      <c r="DF2172" s="6" t="s">
        <v>375</v>
      </c>
      <c r="DG2172" s="6" t="s">
        <v>364</v>
      </c>
      <c r="DH2172" s="6" t="s">
        <v>419</v>
      </c>
      <c r="DI2172" s="6" t="s">
        <v>509</v>
      </c>
      <c r="DJ2172" s="6">
        <v>29</v>
      </c>
      <c r="DK2172" s="6">
        <v>510</v>
      </c>
      <c r="DL2172" s="6">
        <v>1</v>
      </c>
      <c r="DM2172" s="6" t="s">
        <v>404</v>
      </c>
      <c r="DN2172" s="6">
        <v>1</v>
      </c>
      <c r="DO2172" s="6" t="s">
        <v>405</v>
      </c>
      <c r="DP2172" s="6"/>
      <c r="DQ2172" s="6"/>
    </row>
    <row r="2173" spans="1:121" x14ac:dyDescent="0.2">
      <c r="A2173" s="6" t="s">
        <v>793</v>
      </c>
      <c r="B2173" s="6" t="s">
        <v>179</v>
      </c>
      <c r="C2173" s="6" t="s">
        <v>180</v>
      </c>
      <c r="D2173" s="6" t="s">
        <v>138</v>
      </c>
      <c r="E2173" s="6" t="s">
        <v>279</v>
      </c>
      <c r="F2173" s="11">
        <v>-2226</v>
      </c>
      <c r="G2173" s="13">
        <v>-0.2</v>
      </c>
      <c r="H2173" s="11">
        <v>-1046</v>
      </c>
      <c r="I2173" s="13">
        <v>-9.5717423133235724E-2</v>
      </c>
      <c r="J2173" s="11">
        <v>-878</v>
      </c>
      <c r="K2173" s="13">
        <v>-8.8848411252782838E-2</v>
      </c>
      <c r="L2173" s="11">
        <v>-302</v>
      </c>
      <c r="M2173" s="13">
        <v>-3.3540648600621947E-2</v>
      </c>
      <c r="N2173" s="11">
        <v>-1180</v>
      </c>
      <c r="O2173" s="13">
        <v>-0.11940902651285164</v>
      </c>
      <c r="P2173" s="7">
        <v>10928</v>
      </c>
      <c r="Q2173" s="7">
        <v>10386</v>
      </c>
      <c r="R2173" s="7">
        <v>10520</v>
      </c>
      <c r="S2173" s="7">
        <v>10030</v>
      </c>
      <c r="T2173" s="7">
        <v>9904</v>
      </c>
      <c r="U2173" s="7">
        <v>9773</v>
      </c>
      <c r="V2173" s="7">
        <v>9882</v>
      </c>
      <c r="W2173" s="7">
        <v>9420</v>
      </c>
      <c r="X2173" s="7">
        <v>9406</v>
      </c>
      <c r="Y2173" s="7">
        <v>9004</v>
      </c>
      <c r="Z2173" s="7">
        <v>9067</v>
      </c>
      <c r="AA2173" s="7">
        <v>8603</v>
      </c>
      <c r="AB2173" s="7">
        <v>8576</v>
      </c>
      <c r="AC2173" s="7">
        <v>8255</v>
      </c>
      <c r="AD2173" s="7">
        <v>8551</v>
      </c>
      <c r="AE2173" s="7">
        <v>8763</v>
      </c>
      <c r="AF2173" s="7">
        <v>8702</v>
      </c>
      <c r="AG2173" s="9">
        <v>6407</v>
      </c>
      <c r="AH2173" s="13">
        <v>0.23438814706420341</v>
      </c>
      <c r="AI2173" s="9">
        <v>3991</v>
      </c>
      <c r="AJ2173" s="13">
        <v>0.14600329248216573</v>
      </c>
      <c r="AK2173" s="9">
        <v>570</v>
      </c>
      <c r="AL2173" s="13">
        <v>1.8195747941007472E-2</v>
      </c>
      <c r="AM2173" s="9">
        <v>1846</v>
      </c>
      <c r="AN2173" s="13">
        <v>5.7875595685979435E-2</v>
      </c>
      <c r="AO2173" s="9">
        <v>2416</v>
      </c>
      <c r="AP2173" s="13">
        <v>7.7124433378024645E-2</v>
      </c>
      <c r="AQ2173" s="9">
        <v>27335</v>
      </c>
      <c r="AR2173" s="9">
        <v>28677</v>
      </c>
      <c r="AS2173" s="9">
        <v>29545</v>
      </c>
      <c r="AT2173" s="9">
        <v>29650</v>
      </c>
      <c r="AU2173" s="9">
        <v>31073</v>
      </c>
      <c r="AV2173" s="9">
        <v>31691</v>
      </c>
      <c r="AW2173" s="9">
        <v>31326</v>
      </c>
      <c r="AX2173" s="9">
        <v>32619</v>
      </c>
      <c r="AY2173" s="9">
        <v>32798</v>
      </c>
      <c r="AZ2173" s="9">
        <v>31896</v>
      </c>
      <c r="BA2173" s="9">
        <v>34095</v>
      </c>
      <c r="BB2173" s="9">
        <v>32177</v>
      </c>
      <c r="BC2173" s="9">
        <v>32623</v>
      </c>
      <c r="BD2173" s="9">
        <v>32959</v>
      </c>
      <c r="BE2173" s="9">
        <v>33597</v>
      </c>
      <c r="BF2173" s="9">
        <v>33742</v>
      </c>
      <c r="BG2173" s="11">
        <v>-100</v>
      </c>
      <c r="BH2173" s="13">
        <v>-0.11210762331838565</v>
      </c>
      <c r="BI2173" s="6">
        <v>-4</v>
      </c>
      <c r="BJ2173" s="13">
        <v>-4.4843049327354259E-3</v>
      </c>
      <c r="BK2173" s="6">
        <v>-31</v>
      </c>
      <c r="BL2173" s="13">
        <v>-3.4909909909909907E-2</v>
      </c>
      <c r="BM2173" s="11">
        <v>-65</v>
      </c>
      <c r="BN2173" s="13">
        <v>-7.5845974329054849E-2</v>
      </c>
      <c r="BO2173" s="11">
        <v>-96</v>
      </c>
      <c r="BP2173" s="13">
        <v>-0.10810810810810811</v>
      </c>
      <c r="BQ2173" s="6">
        <v>892</v>
      </c>
      <c r="BR2173" s="6">
        <v>878</v>
      </c>
      <c r="BS2173" s="6">
        <v>846</v>
      </c>
      <c r="BT2173" s="6">
        <v>888</v>
      </c>
      <c r="BU2173" s="6">
        <v>877</v>
      </c>
      <c r="BV2173" s="6">
        <v>865</v>
      </c>
      <c r="BW2173" s="6">
        <v>857</v>
      </c>
      <c r="BX2173" s="6">
        <v>832</v>
      </c>
      <c r="BY2173" s="6">
        <v>817</v>
      </c>
      <c r="BZ2173" s="6">
        <v>803</v>
      </c>
      <c r="CA2173" s="6">
        <v>805</v>
      </c>
      <c r="CB2173" s="6">
        <v>818</v>
      </c>
      <c r="CC2173" s="11">
        <v>792</v>
      </c>
      <c r="CD2173" s="11">
        <v>-2720</v>
      </c>
      <c r="CE2173" s="11">
        <v>-700</v>
      </c>
      <c r="CF2173" s="11">
        <v>1195</v>
      </c>
      <c r="CG2173" s="11">
        <v>495</v>
      </c>
      <c r="CH2173" s="20">
        <v>0.36</v>
      </c>
      <c r="CI2173" s="20">
        <v>0.35</v>
      </c>
      <c r="CJ2173" s="20">
        <v>0.36</v>
      </c>
      <c r="CK2173" s="20">
        <v>0.36</v>
      </c>
      <c r="CL2173" s="20">
        <v>0.36</v>
      </c>
      <c r="CM2173" s="20">
        <v>0.36</v>
      </c>
      <c r="CN2173" s="20">
        <v>0.36</v>
      </c>
      <c r="CO2173" s="20">
        <v>0.34</v>
      </c>
      <c r="CP2173" s="20">
        <v>0.36</v>
      </c>
      <c r="CQ2173" s="20">
        <v>0.34</v>
      </c>
      <c r="CR2173" s="20">
        <v>0.34</v>
      </c>
      <c r="CS2173" s="20">
        <v>0.32</v>
      </c>
      <c r="CT2173" s="20">
        <v>0.32</v>
      </c>
      <c r="CU2173" s="20">
        <v>0.31</v>
      </c>
      <c r="CV2173" s="20">
        <v>0.32</v>
      </c>
      <c r="CW2173" s="20">
        <v>0.33</v>
      </c>
      <c r="CX2173" s="20">
        <v>0.32</v>
      </c>
      <c r="CY2173" s="6" t="s">
        <v>741</v>
      </c>
      <c r="CZ2173" s="6" t="s">
        <v>279</v>
      </c>
      <c r="DA2173" s="6" t="s">
        <v>138</v>
      </c>
      <c r="DB2173" s="6"/>
      <c r="DC2173" s="6">
        <v>41180</v>
      </c>
      <c r="DD2173" s="6">
        <v>476</v>
      </c>
      <c r="DE2173" s="6" t="s">
        <v>508</v>
      </c>
      <c r="DF2173" s="6" t="s">
        <v>375</v>
      </c>
      <c r="DG2173" s="6" t="s">
        <v>364</v>
      </c>
      <c r="DH2173" s="6" t="s">
        <v>419</v>
      </c>
      <c r="DI2173" s="6" t="s">
        <v>509</v>
      </c>
      <c r="DJ2173" s="6">
        <v>29</v>
      </c>
      <c r="DK2173" s="6">
        <v>510</v>
      </c>
      <c r="DL2173" s="6">
        <v>1</v>
      </c>
      <c r="DM2173" s="6" t="s">
        <v>404</v>
      </c>
      <c r="DN2173" s="6">
        <v>1</v>
      </c>
      <c r="DO2173" s="6" t="s">
        <v>405</v>
      </c>
      <c r="DP2173" s="6"/>
      <c r="DQ2173" s="6"/>
    </row>
    <row r="2174" spans="1:121" x14ac:dyDescent="0.2">
      <c r="A2174" s="6" t="s">
        <v>794</v>
      </c>
      <c r="B2174" s="6" t="s">
        <v>181</v>
      </c>
      <c r="C2174" s="6" t="s">
        <v>182</v>
      </c>
      <c r="D2174" s="6" t="s">
        <v>138</v>
      </c>
      <c r="E2174" s="6" t="s">
        <v>279</v>
      </c>
      <c r="F2174" s="11">
        <v>-2545</v>
      </c>
      <c r="G2174" s="13">
        <v>-0.29593023255799999</v>
      </c>
      <c r="H2174" s="11">
        <v>-1448.9864545399996</v>
      </c>
      <c r="I2174" s="13">
        <v>-0.168483643077457</v>
      </c>
      <c r="J2174" s="11">
        <v>-1079.35802728</v>
      </c>
      <c r="K2174" s="13">
        <v>-0.15093437057429729</v>
      </c>
      <c r="L2174" s="11">
        <v>-17.086119210000106</v>
      </c>
      <c r="M2174" s="13">
        <v>-2.8140045386388919E-3</v>
      </c>
      <c r="N2174" s="11">
        <v>-1096.4441464900001</v>
      </c>
      <c r="O2174" s="13">
        <v>-0.15332364510910351</v>
      </c>
      <c r="P2174" s="7">
        <v>8600.1609893599998</v>
      </c>
      <c r="Q2174" s="7">
        <v>8108.1549571300002</v>
      </c>
      <c r="R2174" s="7">
        <v>7740.26872052</v>
      </c>
      <c r="S2174" s="7">
        <v>7464.8731012099997</v>
      </c>
      <c r="T2174" s="7">
        <v>7083.0779597800001</v>
      </c>
      <c r="U2174" s="7">
        <v>6847.9843904999998</v>
      </c>
      <c r="V2174" s="7">
        <v>7151.1745348200002</v>
      </c>
      <c r="W2174" s="7">
        <v>6302.1659107799996</v>
      </c>
      <c r="X2174" s="7">
        <v>6309.57424739</v>
      </c>
      <c r="Y2174" s="7">
        <v>6071.8165075400002</v>
      </c>
      <c r="Z2174" s="7">
        <v>6504.6410224499996</v>
      </c>
      <c r="AA2174" s="7">
        <v>6468.2273722</v>
      </c>
      <c r="AB2174" s="7">
        <v>6323.6683307000003</v>
      </c>
      <c r="AC2174" s="7">
        <v>6122.6699686399998</v>
      </c>
      <c r="AD2174" s="7">
        <v>6194.9911715500002</v>
      </c>
      <c r="AE2174" s="7">
        <v>6153.7847381199999</v>
      </c>
      <c r="AF2174" s="7">
        <v>6054.7303883300001</v>
      </c>
      <c r="AG2174" s="9">
        <v>16504.673192300004</v>
      </c>
      <c r="AH2174" s="13">
        <v>0.39598554718492535</v>
      </c>
      <c r="AI2174" s="9">
        <v>8576.774293100003</v>
      </c>
      <c r="AJ2174" s="13">
        <v>0.2057767895167586</v>
      </c>
      <c r="AK2174" s="9">
        <v>994.39078970000264</v>
      </c>
      <c r="AL2174" s="13">
        <v>1.9786208411892079E-2</v>
      </c>
      <c r="AM2174" s="9">
        <v>6933.5081094999987</v>
      </c>
      <c r="AN2174" s="13">
        <v>0.13528491706339954</v>
      </c>
      <c r="AO2174" s="9">
        <v>7927.8988992000013</v>
      </c>
      <c r="AP2174" s="13">
        <v>0.15774790103929359</v>
      </c>
      <c r="AQ2174" s="9">
        <v>41679.988852199996</v>
      </c>
      <c r="AR2174" s="9">
        <v>43914.723581600003</v>
      </c>
      <c r="AS2174" s="9">
        <v>46209.333577700003</v>
      </c>
      <c r="AT2174" s="9">
        <v>46304.873847700001</v>
      </c>
      <c r="AU2174" s="9">
        <v>46569.1045132</v>
      </c>
      <c r="AV2174" s="9">
        <v>47773.782696200004</v>
      </c>
      <c r="AW2174" s="9">
        <v>50256.763145299999</v>
      </c>
      <c r="AX2174" s="9">
        <v>52327.030607399996</v>
      </c>
      <c r="AY2174" s="9">
        <v>49954.2459198</v>
      </c>
      <c r="AZ2174" s="9">
        <v>51251.153935000002</v>
      </c>
      <c r="BA2174" s="9">
        <v>52576.954546000001</v>
      </c>
      <c r="BB2174" s="9">
        <v>53336.300607999998</v>
      </c>
      <c r="BC2174" s="9">
        <v>53754.078269899997</v>
      </c>
      <c r="BD2174" s="9">
        <v>53172.341005399998</v>
      </c>
      <c r="BE2174" s="9">
        <v>55694.091827900003</v>
      </c>
      <c r="BF2174" s="9">
        <v>58184.662044500001</v>
      </c>
      <c r="BG2174" s="11">
        <v>-31</v>
      </c>
      <c r="BH2174" s="13">
        <v>-0.13304721030042918</v>
      </c>
      <c r="BI2174" s="6">
        <v>-15</v>
      </c>
      <c r="BJ2174" s="13">
        <v>-6.4377682403433473E-2</v>
      </c>
      <c r="BK2174" s="6">
        <v>-19</v>
      </c>
      <c r="BL2174" s="13">
        <v>-8.7155963302752298E-2</v>
      </c>
      <c r="BM2174" s="11">
        <v>3</v>
      </c>
      <c r="BN2174" s="13">
        <v>1.507537688442211E-2</v>
      </c>
      <c r="BO2174" s="11">
        <v>-16</v>
      </c>
      <c r="BP2174" s="13">
        <v>-7.3394495412844041E-2</v>
      </c>
      <c r="BQ2174" s="6">
        <v>233</v>
      </c>
      <c r="BR2174" s="6">
        <v>221</v>
      </c>
      <c r="BS2174" s="6">
        <v>206</v>
      </c>
      <c r="BT2174" s="6">
        <v>218</v>
      </c>
      <c r="BU2174" s="6">
        <v>209</v>
      </c>
      <c r="BV2174" s="6">
        <v>205</v>
      </c>
      <c r="BW2174" s="6">
        <v>199</v>
      </c>
      <c r="BX2174" s="6">
        <v>200</v>
      </c>
      <c r="BY2174" s="6">
        <v>197</v>
      </c>
      <c r="BZ2174" s="6">
        <v>202</v>
      </c>
      <c r="CA2174" s="6">
        <v>196</v>
      </c>
      <c r="CB2174" s="6">
        <v>200</v>
      </c>
      <c r="CC2174" s="11">
        <v>202</v>
      </c>
      <c r="CD2174" s="11">
        <v>-4027.6</v>
      </c>
      <c r="CE2174" s="11">
        <v>542.072</v>
      </c>
      <c r="CF2174" s="11">
        <v>940.101</v>
      </c>
      <c r="CG2174" s="11">
        <v>1482</v>
      </c>
      <c r="CH2174" s="20">
        <v>0.96702299999999997</v>
      </c>
      <c r="CI2174" s="20">
        <v>0.94711500000000004</v>
      </c>
      <c r="CJ2174" s="20">
        <v>0.92991599999999996</v>
      </c>
      <c r="CK2174" s="20">
        <v>0.91561300000000001</v>
      </c>
      <c r="CL2174" s="20">
        <v>0.86054900000000001</v>
      </c>
      <c r="CM2174" s="20">
        <v>0.83975</v>
      </c>
      <c r="CN2174" s="20">
        <v>0.85148500000000005</v>
      </c>
      <c r="CO2174" s="20">
        <v>0.74922699999999998</v>
      </c>
      <c r="CP2174" s="20">
        <v>0.81146700000000005</v>
      </c>
      <c r="CQ2174" s="20">
        <v>0.758247</v>
      </c>
      <c r="CR2174" s="20">
        <v>0.79446899999999998</v>
      </c>
      <c r="CS2174" s="20">
        <v>0.78092899999999998</v>
      </c>
      <c r="CT2174" s="20">
        <v>0.75987499999999997</v>
      </c>
      <c r="CU2174" s="20">
        <v>0.729653</v>
      </c>
      <c r="CV2174" s="20">
        <v>0.71075500000000003</v>
      </c>
      <c r="CW2174" s="20">
        <v>0.69725599999999999</v>
      </c>
      <c r="CX2174" s="20">
        <v>0.68179900000000004</v>
      </c>
      <c r="CY2174" s="6" t="s">
        <v>741</v>
      </c>
      <c r="CZ2174" s="6" t="s">
        <v>279</v>
      </c>
      <c r="DA2174" s="6" t="s">
        <v>138</v>
      </c>
      <c r="DB2174" s="6"/>
      <c r="DC2174" s="6">
        <v>41180</v>
      </c>
      <c r="DD2174" s="6">
        <v>476</v>
      </c>
      <c r="DE2174" s="6" t="s">
        <v>508</v>
      </c>
      <c r="DF2174" s="6" t="s">
        <v>375</v>
      </c>
      <c r="DG2174" s="6" t="s">
        <v>364</v>
      </c>
      <c r="DH2174" s="6" t="s">
        <v>419</v>
      </c>
      <c r="DI2174" s="6" t="s">
        <v>509</v>
      </c>
      <c r="DJ2174" s="6">
        <v>29</v>
      </c>
      <c r="DK2174" s="6">
        <v>510</v>
      </c>
      <c r="DL2174" s="6">
        <v>1</v>
      </c>
      <c r="DM2174" s="6" t="s">
        <v>404</v>
      </c>
      <c r="DN2174" s="6">
        <v>1</v>
      </c>
      <c r="DO2174" s="6" t="s">
        <v>405</v>
      </c>
      <c r="DP2174" s="6"/>
      <c r="DQ2174" s="6"/>
    </row>
    <row r="2175" spans="1:121" x14ac:dyDescent="0.2">
      <c r="A2175" s="6" t="s">
        <v>314</v>
      </c>
      <c r="B2175" s="6" t="s">
        <v>314</v>
      </c>
      <c r="C2175" s="6" t="s">
        <v>183</v>
      </c>
      <c r="D2175" s="6" t="s">
        <v>138</v>
      </c>
      <c r="E2175" s="6" t="s">
        <v>279</v>
      </c>
      <c r="F2175" s="11">
        <v>-1786</v>
      </c>
      <c r="G2175" s="13">
        <v>-0.264592592593</v>
      </c>
      <c r="H2175" s="11">
        <v>-720.18760535000001</v>
      </c>
      <c r="I2175" s="13">
        <v>-0.10669588608267667</v>
      </c>
      <c r="J2175" s="11">
        <v>787.8204561600005</v>
      </c>
      <c r="K2175" s="13">
        <v>0.13065617832090287</v>
      </c>
      <c r="L2175" s="11">
        <v>-1853.6303104400004</v>
      </c>
      <c r="M2175" s="13">
        <v>-0.2718912678385072</v>
      </c>
      <c r="N2175" s="11">
        <v>-1065.8098542799999</v>
      </c>
      <c r="O2175" s="13">
        <v>-0.17675936349220869</v>
      </c>
      <c r="P2175" s="7">
        <v>6749.9097836999999</v>
      </c>
      <c r="Q2175" s="7">
        <v>5913.2049442300004</v>
      </c>
      <c r="R2175" s="7">
        <v>5275.4190129799999</v>
      </c>
      <c r="S2175" s="7">
        <v>5009.4513962399997</v>
      </c>
      <c r="T2175" s="7">
        <v>4854.0068752799998</v>
      </c>
      <c r="U2175" s="7">
        <v>4583.2526712700001</v>
      </c>
      <c r="V2175" s="7">
        <v>6029.7221783499999</v>
      </c>
      <c r="W2175" s="7">
        <v>7680.8129546700002</v>
      </c>
      <c r="X2175" s="7">
        <v>4932.6992163900004</v>
      </c>
      <c r="Y2175" s="7">
        <v>6817.5426345100004</v>
      </c>
      <c r="Z2175" s="7">
        <v>6553.2439327299999</v>
      </c>
      <c r="AA2175" s="7">
        <v>6075.6421836400004</v>
      </c>
      <c r="AB2175" s="7">
        <v>5757.6866956399999</v>
      </c>
      <c r="AC2175" s="7">
        <v>5227.8781562000004</v>
      </c>
      <c r="AD2175" s="7">
        <v>5146.4167765299999</v>
      </c>
      <c r="AE2175" s="7">
        <v>5113.7860942899997</v>
      </c>
      <c r="AF2175" s="7">
        <v>4963.9123240700001</v>
      </c>
      <c r="AG2175" s="9">
        <v>37852.774710200007</v>
      </c>
      <c r="AH2175" s="13">
        <v>0.59141650787797795</v>
      </c>
      <c r="AI2175" s="9">
        <v>21990.334598499998</v>
      </c>
      <c r="AJ2175" s="13">
        <v>0.34357975062284218</v>
      </c>
      <c r="AK2175" s="9">
        <v>10335.470636600003</v>
      </c>
      <c r="AL2175" s="13">
        <v>0.1201883935027476</v>
      </c>
      <c r="AM2175" s="9">
        <v>5526.9694751000061</v>
      </c>
      <c r="AN2175" s="13">
        <v>5.7375736084180409E-2</v>
      </c>
      <c r="AO2175" s="9">
        <v>15862.440111700009</v>
      </c>
      <c r="AP2175" s="13">
        <v>0.18446002713292331</v>
      </c>
      <c r="AQ2175" s="9">
        <v>64003.581580799997</v>
      </c>
      <c r="AR2175" s="9">
        <v>68414.411444800004</v>
      </c>
      <c r="AS2175" s="9">
        <v>71821.474484699997</v>
      </c>
      <c r="AT2175" s="9">
        <v>71793.656807199994</v>
      </c>
      <c r="AU2175" s="9">
        <v>74108.247916699998</v>
      </c>
      <c r="AV2175" s="9">
        <v>76569.037836500007</v>
      </c>
      <c r="AW2175" s="9">
        <v>85993.916179299995</v>
      </c>
      <c r="AX2175" s="9">
        <v>86701.581034400006</v>
      </c>
      <c r="AY2175" s="9">
        <v>86541.446763999993</v>
      </c>
      <c r="AZ2175" s="9">
        <v>96329.386815899998</v>
      </c>
      <c r="BA2175" s="9">
        <v>89017.037895700007</v>
      </c>
      <c r="BB2175" s="9">
        <v>98899.867688600003</v>
      </c>
      <c r="BC2175" s="9">
        <v>100538.024037</v>
      </c>
      <c r="BD2175" s="9">
        <v>100166.855983</v>
      </c>
      <c r="BE2175" s="9">
        <v>99088.241133599993</v>
      </c>
      <c r="BF2175" s="9">
        <v>101856.356291</v>
      </c>
      <c r="BG2175" s="11">
        <v>-16.75</v>
      </c>
      <c r="BH2175" s="13">
        <v>-0.10534591194968554</v>
      </c>
      <c r="BI2175" s="6">
        <v>3</v>
      </c>
      <c r="BJ2175" s="13">
        <v>1.8867924528301886E-2</v>
      </c>
      <c r="BK2175" s="6">
        <v>-1</v>
      </c>
      <c r="BL2175" s="13">
        <v>-6.1728395061728392E-3</v>
      </c>
      <c r="BM2175" s="11">
        <v>-18.75</v>
      </c>
      <c r="BN2175" s="13">
        <v>-0.11645962732919254</v>
      </c>
      <c r="BO2175" s="11">
        <v>-19.75</v>
      </c>
      <c r="BP2175" s="13">
        <v>-0.12191358024691358</v>
      </c>
      <c r="BQ2175" s="6">
        <v>159</v>
      </c>
      <c r="BR2175" s="6">
        <v>143</v>
      </c>
      <c r="BS2175" s="6">
        <v>148</v>
      </c>
      <c r="BT2175" s="6">
        <v>162</v>
      </c>
      <c r="BU2175" s="6">
        <v>167</v>
      </c>
      <c r="BV2175" s="6">
        <v>159</v>
      </c>
      <c r="BW2175" s="6">
        <v>161</v>
      </c>
      <c r="BX2175" s="6">
        <v>150</v>
      </c>
      <c r="BY2175" s="6">
        <v>157</v>
      </c>
      <c r="BZ2175" s="6">
        <v>156</v>
      </c>
      <c r="CA2175" s="6">
        <v>154</v>
      </c>
      <c r="CB2175" s="6">
        <v>142</v>
      </c>
      <c r="CC2175" s="11">
        <v>142.25</v>
      </c>
      <c r="CD2175" s="11">
        <v>-456.411</v>
      </c>
      <c r="CE2175" s="11">
        <v>-2067.4299999999998</v>
      </c>
      <c r="CF2175" s="11">
        <v>737.846</v>
      </c>
      <c r="CG2175" s="11">
        <v>-1329</v>
      </c>
      <c r="CH2175" s="20">
        <v>0.96380299999999997</v>
      </c>
      <c r="CI2175" s="20">
        <v>0.90187300000000004</v>
      </c>
      <c r="CJ2175" s="20">
        <v>0.86408499999999999</v>
      </c>
      <c r="CK2175" s="20">
        <v>0.87314099999999994</v>
      </c>
      <c r="CL2175" s="20">
        <v>0.86980199999999996</v>
      </c>
      <c r="CM2175" s="20">
        <v>0.853653</v>
      </c>
      <c r="CN2175" s="20">
        <v>1.1154500000000001</v>
      </c>
      <c r="CO2175" s="20">
        <v>1.4310099999999999</v>
      </c>
      <c r="CP2175" s="20">
        <v>0.98947700000000005</v>
      </c>
      <c r="CQ2175" s="20">
        <v>1.36208</v>
      </c>
      <c r="CR2175" s="20">
        <v>1.3282</v>
      </c>
      <c r="CS2175" s="20">
        <v>1.2418199999999999</v>
      </c>
      <c r="CT2175" s="20">
        <v>1.18343</v>
      </c>
      <c r="CU2175" s="20">
        <v>1.0885499999999999</v>
      </c>
      <c r="CV2175" s="20">
        <v>1.06932</v>
      </c>
      <c r="CW2175" s="20">
        <v>1.0607800000000001</v>
      </c>
      <c r="CX2175" s="20">
        <v>1.03627</v>
      </c>
      <c r="CY2175" s="6" t="s">
        <v>741</v>
      </c>
      <c r="CZ2175" s="6" t="s">
        <v>279</v>
      </c>
      <c r="DA2175" s="6" t="s">
        <v>138</v>
      </c>
      <c r="DB2175" s="6"/>
      <c r="DC2175" s="6">
        <v>41180</v>
      </c>
      <c r="DD2175" s="6">
        <v>476</v>
      </c>
      <c r="DE2175" s="6" t="s">
        <v>508</v>
      </c>
      <c r="DF2175" s="6" t="s">
        <v>375</v>
      </c>
      <c r="DG2175" s="6" t="s">
        <v>364</v>
      </c>
      <c r="DH2175" s="6" t="s">
        <v>419</v>
      </c>
      <c r="DI2175" s="6" t="s">
        <v>509</v>
      </c>
      <c r="DJ2175" s="6">
        <v>29</v>
      </c>
      <c r="DK2175" s="6">
        <v>510</v>
      </c>
      <c r="DL2175" s="6">
        <v>1</v>
      </c>
      <c r="DM2175" s="6" t="s">
        <v>404</v>
      </c>
      <c r="DN2175" s="6">
        <v>1</v>
      </c>
      <c r="DO2175" s="6" t="s">
        <v>405</v>
      </c>
      <c r="DP2175" s="6"/>
      <c r="DQ2175" s="6"/>
    </row>
    <row r="2176" spans="1:121" x14ac:dyDescent="0.2">
      <c r="A2176" s="6" t="s">
        <v>315</v>
      </c>
      <c r="B2176" s="6" t="s">
        <v>315</v>
      </c>
      <c r="C2176" s="6" t="s">
        <v>184</v>
      </c>
      <c r="D2176" s="6" t="s">
        <v>138</v>
      </c>
      <c r="E2176" s="6" t="s">
        <v>279</v>
      </c>
      <c r="F2176" s="11">
        <v>2430</v>
      </c>
      <c r="G2176" s="13">
        <v>0.22</v>
      </c>
      <c r="H2176" s="11">
        <v>-2031</v>
      </c>
      <c r="I2176" s="13">
        <v>-0.18802073690057397</v>
      </c>
      <c r="J2176" s="11">
        <v>2932</v>
      </c>
      <c r="K2176" s="13">
        <v>0.33428343404400868</v>
      </c>
      <c r="L2176" s="11">
        <v>1529</v>
      </c>
      <c r="M2176" s="13">
        <v>0.13065026061693585</v>
      </c>
      <c r="N2176" s="11">
        <v>4461</v>
      </c>
      <c r="O2176" s="13">
        <v>0.5086079124387185</v>
      </c>
      <c r="P2176" s="7">
        <v>10802</v>
      </c>
      <c r="Q2176" s="7">
        <v>9968</v>
      </c>
      <c r="R2176" s="7">
        <v>9773</v>
      </c>
      <c r="S2176" s="7">
        <v>9455</v>
      </c>
      <c r="T2176" s="7">
        <v>9145</v>
      </c>
      <c r="U2176" s="7">
        <v>9069</v>
      </c>
      <c r="V2176" s="7">
        <v>8771</v>
      </c>
      <c r="W2176" s="7">
        <v>9991</v>
      </c>
      <c r="X2176" s="7">
        <v>9732</v>
      </c>
      <c r="Y2176" s="7">
        <v>11703</v>
      </c>
      <c r="Z2176" s="7">
        <v>12446</v>
      </c>
      <c r="AA2176" s="7">
        <v>13003</v>
      </c>
      <c r="AB2176" s="7">
        <v>12678</v>
      </c>
      <c r="AC2176" s="7">
        <v>12761</v>
      </c>
      <c r="AD2176" s="7">
        <v>12571</v>
      </c>
      <c r="AE2176" s="7">
        <v>12814</v>
      </c>
      <c r="AF2176" s="7">
        <v>13232</v>
      </c>
      <c r="AG2176" s="9">
        <v>48759</v>
      </c>
      <c r="AH2176" s="13">
        <v>0.8213563776025874</v>
      </c>
      <c r="AI2176" s="9">
        <v>15935</v>
      </c>
      <c r="AJ2176" s="13">
        <v>0.26842867731284953</v>
      </c>
      <c r="AK2176" s="9">
        <v>5477</v>
      </c>
      <c r="AL2176" s="13">
        <v>7.2736689730275306E-2</v>
      </c>
      <c r="AM2176" s="9">
        <v>27347</v>
      </c>
      <c r="AN2176" s="13">
        <v>0.33855353075170841</v>
      </c>
      <c r="AO2176" s="9">
        <v>32824</v>
      </c>
      <c r="AP2176" s="13">
        <v>0.43591548360535998</v>
      </c>
      <c r="AQ2176" s="9">
        <v>59364</v>
      </c>
      <c r="AR2176" s="9">
        <v>61065</v>
      </c>
      <c r="AS2176" s="9">
        <v>62517</v>
      </c>
      <c r="AT2176" s="9">
        <v>66527</v>
      </c>
      <c r="AU2176" s="9">
        <v>69309</v>
      </c>
      <c r="AV2176" s="9">
        <v>71080</v>
      </c>
      <c r="AW2176" s="9">
        <v>75299</v>
      </c>
      <c r="AX2176" s="9">
        <v>76241</v>
      </c>
      <c r="AY2176" s="9">
        <v>70646</v>
      </c>
      <c r="AZ2176" s="9">
        <v>80776</v>
      </c>
      <c r="BA2176" s="9">
        <v>96903</v>
      </c>
      <c r="BB2176" s="9">
        <v>93826</v>
      </c>
      <c r="BC2176" s="9">
        <v>97344</v>
      </c>
      <c r="BD2176" s="9">
        <v>102516</v>
      </c>
      <c r="BE2176" s="9">
        <v>108831</v>
      </c>
      <c r="BF2176" s="9">
        <v>108123</v>
      </c>
      <c r="BG2176" s="11">
        <v>9</v>
      </c>
      <c r="BH2176" s="13">
        <v>2.4725274725274724E-2</v>
      </c>
      <c r="BI2176" s="6">
        <v>6</v>
      </c>
      <c r="BJ2176" s="13">
        <v>1.6483516483516484E-2</v>
      </c>
      <c r="BK2176" s="6">
        <v>37</v>
      </c>
      <c r="BL2176" s="13">
        <v>0.1</v>
      </c>
      <c r="BM2176" s="11">
        <v>-34</v>
      </c>
      <c r="BN2176" s="13">
        <v>-8.3538083538083535E-2</v>
      </c>
      <c r="BO2176" s="11">
        <v>3</v>
      </c>
      <c r="BP2176" s="13">
        <v>8.1081081081081086E-3</v>
      </c>
      <c r="BQ2176" s="6">
        <v>364</v>
      </c>
      <c r="BR2176" s="6">
        <v>358</v>
      </c>
      <c r="BS2176" s="6">
        <v>343</v>
      </c>
      <c r="BT2176" s="6">
        <v>370</v>
      </c>
      <c r="BU2176" s="6">
        <v>380</v>
      </c>
      <c r="BV2176" s="6">
        <v>388</v>
      </c>
      <c r="BW2176" s="6">
        <v>407</v>
      </c>
      <c r="BX2176" s="6">
        <v>381</v>
      </c>
      <c r="BY2176" s="6">
        <v>389</v>
      </c>
      <c r="BZ2176" s="6">
        <v>378</v>
      </c>
      <c r="CA2176" s="6">
        <v>381</v>
      </c>
      <c r="CB2176" s="6">
        <v>379</v>
      </c>
      <c r="CC2176" s="11">
        <v>373</v>
      </c>
      <c r="CD2176" s="11">
        <v>2109</v>
      </c>
      <c r="CE2176" s="11">
        <v>-859</v>
      </c>
      <c r="CF2176" s="11">
        <v>1181</v>
      </c>
      <c r="CG2176" s="11">
        <v>322</v>
      </c>
      <c r="CH2176" s="20">
        <v>0.95</v>
      </c>
      <c r="CI2176" s="20">
        <v>0.88</v>
      </c>
      <c r="CJ2176" s="20">
        <v>0.87</v>
      </c>
      <c r="CK2176" s="20">
        <v>0.87</v>
      </c>
      <c r="CL2176" s="20">
        <v>0.84</v>
      </c>
      <c r="CM2176" s="20">
        <v>0.84</v>
      </c>
      <c r="CN2176" s="20">
        <v>0.81</v>
      </c>
      <c r="CO2176" s="20">
        <v>0.94</v>
      </c>
      <c r="CP2176" s="20">
        <v>0.97</v>
      </c>
      <c r="CQ2176" s="20">
        <v>1.1399999999999999</v>
      </c>
      <c r="CR2176" s="20">
        <v>1.21</v>
      </c>
      <c r="CS2176" s="20">
        <v>1.27</v>
      </c>
      <c r="CT2176" s="20">
        <v>1.25</v>
      </c>
      <c r="CU2176" s="20">
        <v>1.28</v>
      </c>
      <c r="CV2176" s="20">
        <v>1.25</v>
      </c>
      <c r="CW2176" s="20">
        <v>1.28</v>
      </c>
      <c r="CX2176" s="20">
        <v>1.32</v>
      </c>
      <c r="CY2176" s="6" t="s">
        <v>741</v>
      </c>
      <c r="CZ2176" s="6" t="s">
        <v>279</v>
      </c>
      <c r="DA2176" s="6" t="s">
        <v>138</v>
      </c>
      <c r="DB2176" s="6"/>
      <c r="DC2176" s="6">
        <v>41180</v>
      </c>
      <c r="DD2176" s="6">
        <v>476</v>
      </c>
      <c r="DE2176" s="6" t="s">
        <v>508</v>
      </c>
      <c r="DF2176" s="6" t="s">
        <v>375</v>
      </c>
      <c r="DG2176" s="6" t="s">
        <v>364</v>
      </c>
      <c r="DH2176" s="6" t="s">
        <v>419</v>
      </c>
      <c r="DI2176" s="6" t="s">
        <v>509</v>
      </c>
      <c r="DJ2176" s="6">
        <v>29</v>
      </c>
      <c r="DK2176" s="6">
        <v>510</v>
      </c>
      <c r="DL2176" s="6">
        <v>1</v>
      </c>
      <c r="DM2176" s="6" t="s">
        <v>404</v>
      </c>
      <c r="DN2176" s="6">
        <v>1</v>
      </c>
      <c r="DO2176" s="6" t="s">
        <v>405</v>
      </c>
      <c r="DP2176" s="6"/>
      <c r="DQ2176" s="6"/>
    </row>
    <row r="2177" spans="1:121" x14ac:dyDescent="0.2">
      <c r="A2177" s="6" t="s">
        <v>316</v>
      </c>
      <c r="B2177" s="6" t="s">
        <v>316</v>
      </c>
      <c r="C2177" s="6" t="s">
        <v>185</v>
      </c>
      <c r="D2177" s="6" t="s">
        <v>138</v>
      </c>
      <c r="E2177" s="6" t="s">
        <v>279</v>
      </c>
      <c r="F2177" s="11">
        <v>-693</v>
      </c>
      <c r="G2177" s="13">
        <v>-0.22</v>
      </c>
      <c r="H2177" s="11">
        <v>-81</v>
      </c>
      <c r="I2177" s="13">
        <v>-2.6061776061776065E-2</v>
      </c>
      <c r="J2177" s="11">
        <v>-66</v>
      </c>
      <c r="K2177" s="13">
        <v>-2.1803766105054509E-2</v>
      </c>
      <c r="L2177" s="11">
        <v>-546</v>
      </c>
      <c r="M2177" s="13">
        <v>-0.18439716312056736</v>
      </c>
      <c r="N2177" s="11">
        <v>-612</v>
      </c>
      <c r="O2177" s="13">
        <v>-0.20218037661050545</v>
      </c>
      <c r="P2177" s="7">
        <v>3108</v>
      </c>
      <c r="Q2177" s="7">
        <v>3206</v>
      </c>
      <c r="R2177" s="7">
        <v>3381</v>
      </c>
      <c r="S2177" s="7">
        <v>3311</v>
      </c>
      <c r="T2177" s="7">
        <v>3198</v>
      </c>
      <c r="U2177" s="7">
        <v>3055</v>
      </c>
      <c r="V2177" s="7">
        <v>3027</v>
      </c>
      <c r="W2177" s="7">
        <v>2933</v>
      </c>
      <c r="X2177" s="7">
        <v>3124</v>
      </c>
      <c r="Y2177" s="7">
        <v>2961</v>
      </c>
      <c r="Z2177" s="7">
        <v>2871</v>
      </c>
      <c r="AA2177" s="7">
        <v>2824</v>
      </c>
      <c r="AB2177" s="7">
        <v>2534</v>
      </c>
      <c r="AC2177" s="7">
        <v>2503</v>
      </c>
      <c r="AD2177" s="7">
        <v>2512</v>
      </c>
      <c r="AE2177" s="7">
        <v>2469</v>
      </c>
      <c r="AF2177" s="7">
        <v>2415</v>
      </c>
      <c r="AG2177" s="9">
        <v>17742</v>
      </c>
      <c r="AH2177" s="13">
        <v>0.53841951930080112</v>
      </c>
      <c r="AI2177" s="9">
        <v>9734</v>
      </c>
      <c r="AJ2177" s="13">
        <v>0.29539936877882983</v>
      </c>
      <c r="AK2177" s="9">
        <v>1248</v>
      </c>
      <c r="AL2177" s="13">
        <v>2.9236752096706179E-2</v>
      </c>
      <c r="AM2177" s="9">
        <v>6760</v>
      </c>
      <c r="AN2177" s="13">
        <v>0.15386716438293804</v>
      </c>
      <c r="AO2177" s="9">
        <v>8008</v>
      </c>
      <c r="AP2177" s="13">
        <v>0.18760249262053133</v>
      </c>
      <c r="AQ2177" s="9">
        <v>32952</v>
      </c>
      <c r="AR2177" s="9">
        <v>34824</v>
      </c>
      <c r="AS2177" s="9">
        <v>34877</v>
      </c>
      <c r="AT2177" s="9">
        <v>36143</v>
      </c>
      <c r="AU2177" s="9">
        <v>37457</v>
      </c>
      <c r="AV2177" s="9">
        <v>38036</v>
      </c>
      <c r="AW2177" s="9">
        <v>42686</v>
      </c>
      <c r="AX2177" s="9">
        <v>41772</v>
      </c>
      <c r="AY2177" s="9">
        <v>44002</v>
      </c>
      <c r="AZ2177" s="9">
        <v>43934</v>
      </c>
      <c r="BA2177" s="9">
        <v>44840</v>
      </c>
      <c r="BB2177" s="9">
        <v>45963</v>
      </c>
      <c r="BC2177" s="9">
        <v>44771</v>
      </c>
      <c r="BD2177" s="9">
        <v>45268</v>
      </c>
      <c r="BE2177" s="9">
        <v>48756</v>
      </c>
      <c r="BF2177" s="9">
        <v>50694</v>
      </c>
      <c r="BG2177" s="11">
        <v>-16</v>
      </c>
      <c r="BH2177" s="13">
        <v>-4.4692737430167599E-2</v>
      </c>
      <c r="BI2177" s="6">
        <v>-22</v>
      </c>
      <c r="BJ2177" s="13">
        <v>-6.1452513966480445E-2</v>
      </c>
      <c r="BK2177" s="6">
        <v>-3</v>
      </c>
      <c r="BL2177" s="13">
        <v>-8.9285714285714281E-3</v>
      </c>
      <c r="BM2177" s="11">
        <v>9</v>
      </c>
      <c r="BN2177" s="13">
        <v>2.7027027027027029E-2</v>
      </c>
      <c r="BO2177" s="11">
        <v>6</v>
      </c>
      <c r="BP2177" s="13">
        <v>1.7857142857142856E-2</v>
      </c>
      <c r="BQ2177" s="6">
        <v>358</v>
      </c>
      <c r="BR2177" s="6">
        <v>339</v>
      </c>
      <c r="BS2177" s="6">
        <v>333</v>
      </c>
      <c r="BT2177" s="6">
        <v>336</v>
      </c>
      <c r="BU2177" s="6">
        <v>329</v>
      </c>
      <c r="BV2177" s="6">
        <v>333</v>
      </c>
      <c r="BW2177" s="6">
        <v>333</v>
      </c>
      <c r="BX2177" s="6">
        <v>334</v>
      </c>
      <c r="BY2177" s="6">
        <v>336</v>
      </c>
      <c r="BZ2177" s="6">
        <v>339</v>
      </c>
      <c r="CA2177" s="6">
        <v>335</v>
      </c>
      <c r="CB2177" s="6">
        <v>337</v>
      </c>
      <c r="CC2177" s="11">
        <v>342</v>
      </c>
      <c r="CD2177" s="11">
        <v>-875</v>
      </c>
      <c r="CE2177" s="11">
        <v>-158</v>
      </c>
      <c r="CF2177" s="11">
        <v>340</v>
      </c>
      <c r="CG2177" s="11">
        <v>182</v>
      </c>
      <c r="CH2177" s="20">
        <v>0.66</v>
      </c>
      <c r="CI2177" s="20">
        <v>0.68</v>
      </c>
      <c r="CJ2177" s="20">
        <v>0.72</v>
      </c>
      <c r="CK2177" s="20">
        <v>0.71</v>
      </c>
      <c r="CL2177" s="20">
        <v>0.68</v>
      </c>
      <c r="CM2177" s="20">
        <v>0.66</v>
      </c>
      <c r="CN2177" s="20">
        <v>0.65</v>
      </c>
      <c r="CO2177" s="20">
        <v>0.64</v>
      </c>
      <c r="CP2177" s="20">
        <v>0.74</v>
      </c>
      <c r="CQ2177" s="20">
        <v>0.7</v>
      </c>
      <c r="CR2177" s="20">
        <v>0.69</v>
      </c>
      <c r="CS2177" s="20">
        <v>0.67</v>
      </c>
      <c r="CT2177" s="20">
        <v>0.6</v>
      </c>
      <c r="CU2177" s="20">
        <v>0.6</v>
      </c>
      <c r="CV2177" s="20">
        <v>0.59</v>
      </c>
      <c r="CW2177" s="20">
        <v>0.57999999999999996</v>
      </c>
      <c r="CX2177" s="20">
        <v>0.56999999999999995</v>
      </c>
      <c r="CY2177" s="6" t="s">
        <v>741</v>
      </c>
      <c r="CZ2177" s="6" t="s">
        <v>279</v>
      </c>
      <c r="DA2177" s="6" t="s">
        <v>138</v>
      </c>
      <c r="DB2177" s="6"/>
      <c r="DC2177" s="6">
        <v>41180</v>
      </c>
      <c r="DD2177" s="6">
        <v>476</v>
      </c>
      <c r="DE2177" s="6" t="s">
        <v>508</v>
      </c>
      <c r="DF2177" s="6" t="s">
        <v>375</v>
      </c>
      <c r="DG2177" s="6" t="s">
        <v>364</v>
      </c>
      <c r="DH2177" s="6" t="s">
        <v>419</v>
      </c>
      <c r="DI2177" s="6" t="s">
        <v>509</v>
      </c>
      <c r="DJ2177" s="6">
        <v>29</v>
      </c>
      <c r="DK2177" s="6">
        <v>510</v>
      </c>
      <c r="DL2177" s="6">
        <v>1</v>
      </c>
      <c r="DM2177" s="6" t="s">
        <v>404</v>
      </c>
      <c r="DN2177" s="6">
        <v>1</v>
      </c>
      <c r="DO2177" s="6" t="s">
        <v>405</v>
      </c>
      <c r="DP2177" s="6"/>
      <c r="DQ2177" s="6"/>
    </row>
    <row r="2178" spans="1:121" x14ac:dyDescent="0.2">
      <c r="A2178" s="6" t="s">
        <v>317</v>
      </c>
      <c r="B2178" s="6" t="s">
        <v>317</v>
      </c>
      <c r="C2178" s="6" t="s">
        <v>186</v>
      </c>
      <c r="D2178" s="6" t="s">
        <v>138</v>
      </c>
      <c r="E2178" s="6" t="s">
        <v>279</v>
      </c>
      <c r="F2178" s="11">
        <v>3022</v>
      </c>
      <c r="G2178" s="13">
        <v>0.21</v>
      </c>
      <c r="H2178" s="11">
        <v>2131</v>
      </c>
      <c r="I2178" s="13">
        <v>0.14584901786325372</v>
      </c>
      <c r="J2178" s="11">
        <v>-1843</v>
      </c>
      <c r="K2178" s="13">
        <v>-0.11008242742802532</v>
      </c>
      <c r="L2178" s="11">
        <v>2734</v>
      </c>
      <c r="M2178" s="13">
        <v>0.18350224847305188</v>
      </c>
      <c r="N2178" s="11">
        <v>891</v>
      </c>
      <c r="O2178" s="13">
        <v>5.3219448094612355E-2</v>
      </c>
      <c r="P2178" s="7">
        <v>14611</v>
      </c>
      <c r="Q2178" s="7">
        <v>14000</v>
      </c>
      <c r="R2178" s="7">
        <v>13362</v>
      </c>
      <c r="S2178" s="7">
        <v>14572</v>
      </c>
      <c r="T2178" s="7">
        <v>15116</v>
      </c>
      <c r="U2178" s="7">
        <v>15568</v>
      </c>
      <c r="V2178" s="7">
        <v>16742</v>
      </c>
      <c r="W2178" s="7">
        <v>17732</v>
      </c>
      <c r="X2178" s="7">
        <v>15672</v>
      </c>
      <c r="Y2178" s="7">
        <v>14899</v>
      </c>
      <c r="Z2178" s="7">
        <v>15101</v>
      </c>
      <c r="AA2178" s="7">
        <v>15235</v>
      </c>
      <c r="AB2178" s="7">
        <v>16349</v>
      </c>
      <c r="AC2178" s="7">
        <v>16556</v>
      </c>
      <c r="AD2178" s="7">
        <v>17159</v>
      </c>
      <c r="AE2178" s="7">
        <v>17319</v>
      </c>
      <c r="AF2178" s="7">
        <v>17633</v>
      </c>
      <c r="AG2178" s="9">
        <v>32035</v>
      </c>
      <c r="AH2178" s="13">
        <v>0.48515091396465299</v>
      </c>
      <c r="AI2178" s="9">
        <v>12981</v>
      </c>
      <c r="AJ2178" s="13">
        <v>0.1965894806984598</v>
      </c>
      <c r="AK2178" s="9">
        <v>7555</v>
      </c>
      <c r="AL2178" s="13">
        <v>9.5618387080443484E-2</v>
      </c>
      <c r="AM2178" s="9">
        <v>11499</v>
      </c>
      <c r="AN2178" s="13">
        <v>0.13283352778772511</v>
      </c>
      <c r="AO2178" s="9">
        <v>19054</v>
      </c>
      <c r="AP2178" s="13">
        <v>0.24115324254543613</v>
      </c>
      <c r="AQ2178" s="9">
        <v>66031</v>
      </c>
      <c r="AR2178" s="9">
        <v>68014</v>
      </c>
      <c r="AS2178" s="9">
        <v>68346</v>
      </c>
      <c r="AT2178" s="9">
        <v>69144</v>
      </c>
      <c r="AU2178" s="9">
        <v>71472</v>
      </c>
      <c r="AV2178" s="9">
        <v>74193</v>
      </c>
      <c r="AW2178" s="9">
        <v>79012</v>
      </c>
      <c r="AX2178" s="9">
        <v>83743</v>
      </c>
      <c r="AY2178" s="9">
        <v>87013</v>
      </c>
      <c r="AZ2178" s="9">
        <v>86567</v>
      </c>
      <c r="BA2178" s="9">
        <v>87659</v>
      </c>
      <c r="BB2178" s="9">
        <v>92832</v>
      </c>
      <c r="BC2178" s="9">
        <v>90353</v>
      </c>
      <c r="BD2178" s="9">
        <v>91339</v>
      </c>
      <c r="BE2178" s="9">
        <v>97935</v>
      </c>
      <c r="BF2178" s="9">
        <v>98066</v>
      </c>
      <c r="BG2178" s="11">
        <v>278</v>
      </c>
      <c r="BH2178" s="13">
        <v>0.31519274376417233</v>
      </c>
      <c r="BI2178" s="6">
        <v>87</v>
      </c>
      <c r="BJ2178" s="13">
        <v>9.8639455782312924E-2</v>
      </c>
      <c r="BK2178" s="6">
        <v>20</v>
      </c>
      <c r="BL2178" s="13">
        <v>2.063983488132095E-2</v>
      </c>
      <c r="BM2178" s="11">
        <v>171</v>
      </c>
      <c r="BN2178" s="13">
        <v>0.17290192113245703</v>
      </c>
      <c r="BO2178" s="11">
        <v>191</v>
      </c>
      <c r="BP2178" s="13">
        <v>0.19711042311661506</v>
      </c>
      <c r="BQ2178" s="6">
        <v>882</v>
      </c>
      <c r="BR2178" s="6">
        <v>874</v>
      </c>
      <c r="BS2178" s="6">
        <v>885</v>
      </c>
      <c r="BT2178" s="6">
        <v>969</v>
      </c>
      <c r="BU2178" s="6">
        <v>995</v>
      </c>
      <c r="BV2178" s="6">
        <v>969</v>
      </c>
      <c r="BW2178" s="6">
        <v>989</v>
      </c>
      <c r="BX2178" s="6">
        <v>981</v>
      </c>
      <c r="BY2178" s="6">
        <v>1012</v>
      </c>
      <c r="BZ2178" s="6">
        <v>1043</v>
      </c>
      <c r="CA2178" s="6">
        <v>1058</v>
      </c>
      <c r="CB2178" s="6">
        <v>1140</v>
      </c>
      <c r="CC2178" s="11">
        <v>1160</v>
      </c>
      <c r="CD2178" s="11">
        <v>-1498</v>
      </c>
      <c r="CE2178" s="11">
        <v>2924</v>
      </c>
      <c r="CF2178" s="11">
        <v>1597</v>
      </c>
      <c r="CG2178" s="11">
        <v>4521</v>
      </c>
      <c r="CH2178" s="20">
        <v>0.98</v>
      </c>
      <c r="CI2178" s="20">
        <v>0.96</v>
      </c>
      <c r="CJ2178" s="20">
        <v>0.94</v>
      </c>
      <c r="CK2178" s="20">
        <v>1.04</v>
      </c>
      <c r="CL2178" s="20">
        <v>1.05</v>
      </c>
      <c r="CM2178" s="20">
        <v>1.08</v>
      </c>
      <c r="CN2178" s="20">
        <v>1.1100000000000001</v>
      </c>
      <c r="CO2178" s="20">
        <v>1.1499999999999999</v>
      </c>
      <c r="CP2178" s="20">
        <v>1.07</v>
      </c>
      <c r="CQ2178" s="20">
        <v>0.98</v>
      </c>
      <c r="CR2178" s="20">
        <v>0.97</v>
      </c>
      <c r="CS2178" s="20">
        <v>0.96</v>
      </c>
      <c r="CT2178" s="20">
        <v>1.02</v>
      </c>
      <c r="CU2178" s="20">
        <v>1.03</v>
      </c>
      <c r="CV2178" s="20">
        <v>1.05</v>
      </c>
      <c r="CW2178" s="20">
        <v>1.05</v>
      </c>
      <c r="CX2178" s="20">
        <v>1.06</v>
      </c>
      <c r="CY2178" s="6" t="s">
        <v>741</v>
      </c>
      <c r="CZ2178" s="6" t="s">
        <v>279</v>
      </c>
      <c r="DA2178" s="6" t="s">
        <v>138</v>
      </c>
      <c r="DB2178" s="6"/>
      <c r="DC2178" s="6">
        <v>41180</v>
      </c>
      <c r="DD2178" s="6">
        <v>476</v>
      </c>
      <c r="DE2178" s="6" t="s">
        <v>508</v>
      </c>
      <c r="DF2178" s="6" t="s">
        <v>375</v>
      </c>
      <c r="DG2178" s="6" t="s">
        <v>364</v>
      </c>
      <c r="DH2178" s="6" t="s">
        <v>419</v>
      </c>
      <c r="DI2178" s="6" t="s">
        <v>509</v>
      </c>
      <c r="DJ2178" s="6">
        <v>29</v>
      </c>
      <c r="DK2178" s="6">
        <v>510</v>
      </c>
      <c r="DL2178" s="6">
        <v>1</v>
      </c>
      <c r="DM2178" s="6" t="s">
        <v>404</v>
      </c>
      <c r="DN2178" s="6">
        <v>1</v>
      </c>
      <c r="DO2178" s="6" t="s">
        <v>405</v>
      </c>
      <c r="DP2178" s="6"/>
      <c r="DQ2178" s="6"/>
    </row>
    <row r="2179" spans="1:121" x14ac:dyDescent="0.2">
      <c r="A2179" s="6" t="s">
        <v>318</v>
      </c>
      <c r="B2179" s="6" t="s">
        <v>318</v>
      </c>
      <c r="C2179" s="6" t="s">
        <v>187</v>
      </c>
      <c r="D2179" s="6" t="s">
        <v>138</v>
      </c>
      <c r="E2179" s="6" t="s">
        <v>279</v>
      </c>
      <c r="F2179" s="11">
        <v>-13764</v>
      </c>
      <c r="G2179" s="13">
        <v>-0.63586805876399999</v>
      </c>
      <c r="H2179" s="11">
        <v>-8224.5982609999992</v>
      </c>
      <c r="I2179" s="13">
        <v>-0.37995104173415578</v>
      </c>
      <c r="J2179" s="11">
        <v>-5914.8068440000006</v>
      </c>
      <c r="K2179" s="13">
        <v>-0.44068425140373535</v>
      </c>
      <c r="L2179" s="11">
        <v>375.30033575000016</v>
      </c>
      <c r="M2179" s="13">
        <v>4.9992962014953735E-2</v>
      </c>
      <c r="N2179" s="11">
        <v>-5539.5065082500005</v>
      </c>
      <c r="O2179" s="13">
        <v>-0.41272240042979685</v>
      </c>
      <c r="P2179" s="7">
        <v>21646.468511999999</v>
      </c>
      <c r="Q2179" s="7">
        <v>19895.734477999998</v>
      </c>
      <c r="R2179" s="7">
        <v>18599.307526000001</v>
      </c>
      <c r="S2179" s="7">
        <v>16075.968096000001</v>
      </c>
      <c r="T2179" s="7">
        <v>15557.849006</v>
      </c>
      <c r="U2179" s="7">
        <v>14563.402387</v>
      </c>
      <c r="V2179" s="7">
        <v>13421.870251</v>
      </c>
      <c r="W2179" s="7">
        <v>12600.032182000001</v>
      </c>
      <c r="X2179" s="7">
        <v>8372.9969359999996</v>
      </c>
      <c r="Y2179" s="7">
        <v>7507.0634069999996</v>
      </c>
      <c r="Z2179" s="7">
        <v>7774.9505950000002</v>
      </c>
      <c r="AA2179" s="7">
        <v>7221.0200279999999</v>
      </c>
      <c r="AB2179" s="7">
        <v>8465.9790420000008</v>
      </c>
      <c r="AC2179" s="7">
        <v>8400.0961050000005</v>
      </c>
      <c r="AD2179" s="7">
        <v>8422.850778</v>
      </c>
      <c r="AE2179" s="7">
        <v>8413.1430789999995</v>
      </c>
      <c r="AF2179" s="7">
        <v>7882.3637427499998</v>
      </c>
      <c r="AG2179" s="9">
        <v>55005.725714300002</v>
      </c>
      <c r="AH2179" s="13">
        <v>0.66144423602449398</v>
      </c>
      <c r="AI2179" s="9">
        <v>34969.396944299995</v>
      </c>
      <c r="AJ2179" s="13">
        <v>0.42050724257686745</v>
      </c>
      <c r="AK2179" s="9">
        <v>14041.425338000015</v>
      </c>
      <c r="AL2179" s="13">
        <v>0.11886474966982156</v>
      </c>
      <c r="AM2179" s="9">
        <v>5994.9034319999919</v>
      </c>
      <c r="AN2179" s="13">
        <v>4.5357225960412272E-2</v>
      </c>
      <c r="AO2179" s="9">
        <v>20036.328770000007</v>
      </c>
      <c r="AP2179" s="13">
        <v>0.16961335093973576</v>
      </c>
      <c r="AQ2179" s="9">
        <v>83160.034842699999</v>
      </c>
      <c r="AR2179" s="9">
        <v>90832.075853899994</v>
      </c>
      <c r="AS2179" s="9">
        <v>89891.268861499993</v>
      </c>
      <c r="AT2179" s="9">
        <v>103790.111525</v>
      </c>
      <c r="AU2179" s="9">
        <v>116487.509341</v>
      </c>
      <c r="AV2179" s="9">
        <v>119052.824288</v>
      </c>
      <c r="AW2179" s="9">
        <v>118129.43178699999</v>
      </c>
      <c r="AX2179" s="9">
        <v>220217.50755899999</v>
      </c>
      <c r="AY2179" s="9">
        <v>125986.851778</v>
      </c>
      <c r="AZ2179" s="9">
        <v>132170.85712500001</v>
      </c>
      <c r="BA2179" s="9">
        <v>135921.12237900001</v>
      </c>
      <c r="BB2179" s="9">
        <v>132128.976196</v>
      </c>
      <c r="BC2179" s="9">
        <v>128342.898568</v>
      </c>
      <c r="BD2179" s="9">
        <v>131337.573409</v>
      </c>
      <c r="BE2179" s="9">
        <v>136791.57023300001</v>
      </c>
      <c r="BF2179" s="9">
        <v>138165.760557</v>
      </c>
      <c r="BG2179" s="11">
        <v>-7.75</v>
      </c>
      <c r="BH2179" s="13">
        <v>-8.2446808510638292E-2</v>
      </c>
      <c r="BI2179" s="6">
        <v>-5</v>
      </c>
      <c r="BJ2179" s="13">
        <v>-5.3191489361702128E-2</v>
      </c>
      <c r="BK2179" s="6">
        <v>4</v>
      </c>
      <c r="BL2179" s="13">
        <v>4.49438202247191E-2</v>
      </c>
      <c r="BM2179" s="11">
        <v>-6.75</v>
      </c>
      <c r="BN2179" s="13">
        <v>-7.2580645161290328E-2</v>
      </c>
      <c r="BO2179" s="11">
        <v>-2.75</v>
      </c>
      <c r="BP2179" s="13">
        <v>-3.0898876404494381E-2</v>
      </c>
      <c r="BQ2179" s="6">
        <v>94</v>
      </c>
      <c r="BR2179" s="6">
        <v>96</v>
      </c>
      <c r="BS2179" s="6">
        <v>90</v>
      </c>
      <c r="BT2179" s="6">
        <v>89</v>
      </c>
      <c r="BU2179" s="6">
        <v>89</v>
      </c>
      <c r="BV2179" s="6">
        <v>87</v>
      </c>
      <c r="BW2179" s="6">
        <v>93</v>
      </c>
      <c r="BX2179" s="6">
        <v>94</v>
      </c>
      <c r="BY2179" s="6">
        <v>97</v>
      </c>
      <c r="BZ2179" s="6">
        <v>95</v>
      </c>
      <c r="CA2179" s="6">
        <v>94</v>
      </c>
      <c r="CB2179" s="6">
        <v>91</v>
      </c>
      <c r="CC2179" s="11">
        <v>86.25</v>
      </c>
      <c r="CD2179" s="11">
        <v>-20765</v>
      </c>
      <c r="CE2179" s="11">
        <v>4634.68</v>
      </c>
      <c r="CF2179" s="11">
        <v>2366.2199999999998</v>
      </c>
      <c r="CG2179" s="11">
        <v>7001</v>
      </c>
      <c r="CH2179" s="20">
        <v>6.6595399999999998</v>
      </c>
      <c r="CI2179" s="20">
        <v>6.2496799999999997</v>
      </c>
      <c r="CJ2179" s="20">
        <v>6.0994099999999998</v>
      </c>
      <c r="CK2179" s="20">
        <v>5.3711399999999996</v>
      </c>
      <c r="CL2179" s="20">
        <v>5.1352399999999996</v>
      </c>
      <c r="CM2179" s="20">
        <v>4.8557499999999996</v>
      </c>
      <c r="CN2179" s="20">
        <v>4.2934400000000004</v>
      </c>
      <c r="CO2179" s="20">
        <v>3.8757799999999998</v>
      </c>
      <c r="CP2179" s="20">
        <v>2.6706300000000001</v>
      </c>
      <c r="CQ2179" s="20">
        <v>2.2964799999999999</v>
      </c>
      <c r="CR2179" s="20">
        <v>2.31365</v>
      </c>
      <c r="CS2179" s="20">
        <v>2.0754600000000001</v>
      </c>
      <c r="CT2179" s="20">
        <v>2.3687800000000001</v>
      </c>
      <c r="CU2179" s="20">
        <v>2.33846</v>
      </c>
      <c r="CV2179" s="20">
        <v>2.31406</v>
      </c>
      <c r="CW2179" s="20">
        <v>2.3132199999999998</v>
      </c>
      <c r="CX2179" s="20">
        <v>2.1513</v>
      </c>
      <c r="CY2179" s="6" t="s">
        <v>741</v>
      </c>
      <c r="CZ2179" s="6" t="s">
        <v>279</v>
      </c>
      <c r="DA2179" s="6" t="s">
        <v>138</v>
      </c>
      <c r="DB2179" s="6"/>
      <c r="DC2179" s="6">
        <v>41180</v>
      </c>
      <c r="DD2179" s="6">
        <v>476</v>
      </c>
      <c r="DE2179" s="6" t="s">
        <v>508</v>
      </c>
      <c r="DF2179" s="6" t="s">
        <v>375</v>
      </c>
      <c r="DG2179" s="6" t="s">
        <v>364</v>
      </c>
      <c r="DH2179" s="6" t="s">
        <v>419</v>
      </c>
      <c r="DI2179" s="6" t="s">
        <v>509</v>
      </c>
      <c r="DJ2179" s="6">
        <v>29</v>
      </c>
      <c r="DK2179" s="6">
        <v>510</v>
      </c>
      <c r="DL2179" s="6">
        <v>1</v>
      </c>
      <c r="DM2179" s="6" t="s">
        <v>404</v>
      </c>
      <c r="DN2179" s="6">
        <v>1</v>
      </c>
      <c r="DO2179" s="6" t="s">
        <v>405</v>
      </c>
      <c r="DP2179" s="6"/>
      <c r="DQ2179" s="6"/>
    </row>
    <row r="2180" spans="1:121" x14ac:dyDescent="0.2">
      <c r="A2180" s="6" t="s">
        <v>319</v>
      </c>
      <c r="B2180" s="6" t="s">
        <v>319</v>
      </c>
      <c r="C2180" s="6" t="s">
        <v>188</v>
      </c>
      <c r="D2180" s="6" t="s">
        <v>138</v>
      </c>
      <c r="E2180" s="6" t="s">
        <v>279</v>
      </c>
      <c r="F2180" s="11">
        <v>-2217</v>
      </c>
      <c r="G2180" s="13">
        <v>-0.15818765608300001</v>
      </c>
      <c r="H2180" s="11">
        <v>-1375.5492809999996</v>
      </c>
      <c r="I2180" s="13">
        <v>-9.8147134147862122E-2</v>
      </c>
      <c r="J2180" s="11">
        <v>-616.27160739999999</v>
      </c>
      <c r="K2180" s="13">
        <v>-4.8757108088574905E-2</v>
      </c>
      <c r="L2180" s="11">
        <v>-225.16069070000049</v>
      </c>
      <c r="M2180" s="13">
        <v>-1.872694464137763E-2</v>
      </c>
      <c r="N2180" s="11">
        <v>-841.43229810000048</v>
      </c>
      <c r="O2180" s="13">
        <v>-6.6570981065904131E-2</v>
      </c>
      <c r="P2180" s="7">
        <v>14015.1752055</v>
      </c>
      <c r="Q2180" s="7">
        <v>13165.7011212</v>
      </c>
      <c r="R2180" s="7">
        <v>12072.0946563</v>
      </c>
      <c r="S2180" s="7">
        <v>11444.642159000001</v>
      </c>
      <c r="T2180" s="7">
        <v>11593.424026799999</v>
      </c>
      <c r="U2180" s="7">
        <v>11708.792532400001</v>
      </c>
      <c r="V2180" s="7">
        <v>12639.6259245</v>
      </c>
      <c r="W2180" s="7">
        <v>13456.0322273</v>
      </c>
      <c r="X2180" s="7">
        <v>12496.043959299999</v>
      </c>
      <c r="Y2180" s="7">
        <v>12023.3543171</v>
      </c>
      <c r="Z2180" s="7">
        <v>12504.280428800001</v>
      </c>
      <c r="AA2180" s="7">
        <v>11177.3899762</v>
      </c>
      <c r="AB2180" s="7">
        <v>11759.0353447</v>
      </c>
      <c r="AC2180" s="7">
        <v>12154.5621887</v>
      </c>
      <c r="AD2180" s="7">
        <v>12117.769925099999</v>
      </c>
      <c r="AE2180" s="7">
        <v>11791.326648300001</v>
      </c>
      <c r="AF2180" s="7">
        <v>11798.1936264</v>
      </c>
      <c r="AG2180" s="9">
        <v>10699.6929332</v>
      </c>
      <c r="AH2180" s="13">
        <v>0.47020078069730542</v>
      </c>
      <c r="AI2180" s="9">
        <v>6047.3717617000002</v>
      </c>
      <c r="AJ2180" s="13">
        <v>0.26575332033082644</v>
      </c>
      <c r="AK2180" s="9">
        <v>3545.3445003999987</v>
      </c>
      <c r="AL2180" s="13">
        <v>0.12308961073266152</v>
      </c>
      <c r="AM2180" s="9">
        <v>1106.9766711000011</v>
      </c>
      <c r="AN2180" s="13">
        <v>3.4220552342470491E-2</v>
      </c>
      <c r="AO2180" s="9">
        <v>4652.3211714999998</v>
      </c>
      <c r="AP2180" s="13">
        <v>0.16152235754202338</v>
      </c>
      <c r="AQ2180" s="9">
        <v>22755.583087999999</v>
      </c>
      <c r="AR2180" s="9">
        <v>23374.636008500001</v>
      </c>
      <c r="AS2180" s="9">
        <v>24041.5814417</v>
      </c>
      <c r="AT2180" s="9">
        <v>25600.934225000001</v>
      </c>
      <c r="AU2180" s="9">
        <v>26080.935347099999</v>
      </c>
      <c r="AV2180" s="9">
        <v>27528.321101199999</v>
      </c>
      <c r="AW2180" s="9">
        <v>28802.9548497</v>
      </c>
      <c r="AX2180" s="9">
        <v>30065.216698699998</v>
      </c>
      <c r="AY2180" s="9">
        <v>30617.8194468</v>
      </c>
      <c r="AZ2180" s="9">
        <v>32348.299350099998</v>
      </c>
      <c r="BA2180" s="9">
        <v>36634.700301899997</v>
      </c>
      <c r="BB2180" s="9">
        <v>32165.325051299998</v>
      </c>
      <c r="BC2180" s="9">
        <v>31910.622797700002</v>
      </c>
      <c r="BD2180" s="9">
        <v>32768.504775399997</v>
      </c>
      <c r="BE2180" s="9">
        <v>33524.467935400004</v>
      </c>
      <c r="BF2180" s="9">
        <v>33455.276021199999</v>
      </c>
      <c r="BG2180" s="11">
        <v>54.25</v>
      </c>
      <c r="BH2180" s="13">
        <v>0.14313984168865435</v>
      </c>
      <c r="BI2180" s="6">
        <v>-8</v>
      </c>
      <c r="BJ2180" s="13">
        <v>-2.1108179419525065E-2</v>
      </c>
      <c r="BK2180" s="6">
        <v>15</v>
      </c>
      <c r="BL2180" s="13">
        <v>4.0431266846361183E-2</v>
      </c>
      <c r="BM2180" s="11">
        <v>47.25</v>
      </c>
      <c r="BN2180" s="13">
        <v>0.12240932642487047</v>
      </c>
      <c r="BO2180" s="11">
        <v>62.25</v>
      </c>
      <c r="BP2180" s="13">
        <v>0.16778975741239893</v>
      </c>
      <c r="BQ2180" s="6">
        <v>379</v>
      </c>
      <c r="BR2180" s="6">
        <v>375</v>
      </c>
      <c r="BS2180" s="6">
        <v>362</v>
      </c>
      <c r="BT2180" s="6">
        <v>371</v>
      </c>
      <c r="BU2180" s="6">
        <v>383</v>
      </c>
      <c r="BV2180" s="6">
        <v>380</v>
      </c>
      <c r="BW2180" s="6">
        <v>386</v>
      </c>
      <c r="BX2180" s="6">
        <v>386</v>
      </c>
      <c r="BY2180" s="6">
        <v>390</v>
      </c>
      <c r="BZ2180" s="6">
        <v>386</v>
      </c>
      <c r="CA2180" s="6">
        <v>412</v>
      </c>
      <c r="CB2180" s="6">
        <v>437</v>
      </c>
      <c r="CC2180" s="11">
        <v>433.25</v>
      </c>
      <c r="CD2180" s="11">
        <v>-5009.99</v>
      </c>
      <c r="CE2180" s="11">
        <v>1260.98</v>
      </c>
      <c r="CF2180" s="11">
        <v>1532.03</v>
      </c>
      <c r="CG2180" s="11">
        <v>2793</v>
      </c>
      <c r="CH2180" s="20">
        <v>0.87901399999999996</v>
      </c>
      <c r="CI2180" s="20">
        <v>0.83487999999999996</v>
      </c>
      <c r="CJ2180" s="20">
        <v>0.78500199999999998</v>
      </c>
      <c r="CK2180" s="20">
        <v>0.74934500000000004</v>
      </c>
      <c r="CL2180" s="20">
        <v>0.74462700000000004</v>
      </c>
      <c r="CM2180" s="20">
        <v>0.75620100000000001</v>
      </c>
      <c r="CN2180" s="20">
        <v>0.79961899999999997</v>
      </c>
      <c r="CO2180" s="20">
        <v>0.88205800000000001</v>
      </c>
      <c r="CP2180" s="20">
        <v>0.91436799999999996</v>
      </c>
      <c r="CQ2180" s="20">
        <v>0.82018100000000005</v>
      </c>
      <c r="CR2180" s="20">
        <v>0.82521999999999995</v>
      </c>
      <c r="CS2180" s="20">
        <v>0.72162800000000005</v>
      </c>
      <c r="CT2180" s="20">
        <v>0.74748199999999998</v>
      </c>
      <c r="CU2180" s="20">
        <v>0.76774100000000001</v>
      </c>
      <c r="CV2180" s="20">
        <v>0.75332600000000005</v>
      </c>
      <c r="CW2180" s="20">
        <v>0.73030799999999996</v>
      </c>
      <c r="CX2180" s="20">
        <v>0.72439600000000004</v>
      </c>
      <c r="CY2180" s="6" t="s">
        <v>741</v>
      </c>
      <c r="CZ2180" s="6" t="s">
        <v>279</v>
      </c>
      <c r="DA2180" s="6" t="s">
        <v>138</v>
      </c>
      <c r="DB2180" s="6"/>
      <c r="DC2180" s="6">
        <v>41180</v>
      </c>
      <c r="DD2180" s="6">
        <v>476</v>
      </c>
      <c r="DE2180" s="6" t="s">
        <v>508</v>
      </c>
      <c r="DF2180" s="6" t="s">
        <v>375</v>
      </c>
      <c r="DG2180" s="6" t="s">
        <v>364</v>
      </c>
      <c r="DH2180" s="6" t="s">
        <v>419</v>
      </c>
      <c r="DI2180" s="6" t="s">
        <v>509</v>
      </c>
      <c r="DJ2180" s="6">
        <v>29</v>
      </c>
      <c r="DK2180" s="6">
        <v>510</v>
      </c>
      <c r="DL2180" s="6">
        <v>1</v>
      </c>
      <c r="DM2180" s="6" t="s">
        <v>404</v>
      </c>
      <c r="DN2180" s="6">
        <v>1</v>
      </c>
      <c r="DO2180" s="6" t="s">
        <v>405</v>
      </c>
      <c r="DP2180" s="6"/>
      <c r="DQ2180" s="6"/>
    </row>
    <row r="2181" spans="1:121" x14ac:dyDescent="0.2">
      <c r="A2181" s="6" t="s">
        <v>320</v>
      </c>
      <c r="B2181" s="6" t="s">
        <v>320</v>
      </c>
      <c r="C2181" s="6" t="s">
        <v>189</v>
      </c>
      <c r="D2181" s="6" t="s">
        <v>138</v>
      </c>
      <c r="E2181" s="6" t="s">
        <v>279</v>
      </c>
      <c r="F2181" s="11">
        <v>9500</v>
      </c>
      <c r="G2181" s="13">
        <v>0.50658561296899995</v>
      </c>
      <c r="H2181" s="11">
        <v>6777.1408847000021</v>
      </c>
      <c r="I2181" s="13">
        <v>0.36138063365525697</v>
      </c>
      <c r="J2181" s="11">
        <v>2284.2979234999984</v>
      </c>
      <c r="K2181" s="13">
        <v>8.9472904923074068E-2</v>
      </c>
      <c r="L2181" s="11">
        <v>438.35013469999831</v>
      </c>
      <c r="M2181" s="13">
        <v>1.5759538784097343E-2</v>
      </c>
      <c r="N2181" s="11">
        <v>2722.6480581999967</v>
      </c>
      <c r="O2181" s="13">
        <v>0.10664249542243244</v>
      </c>
      <c r="P2181" s="7">
        <v>18753.470035599999</v>
      </c>
      <c r="Q2181" s="7">
        <v>21993.8090204</v>
      </c>
      <c r="R2181" s="7">
        <v>23743.650533100001</v>
      </c>
      <c r="S2181" s="7">
        <v>22774.564040900001</v>
      </c>
      <c r="T2181" s="7">
        <v>24653.426501099999</v>
      </c>
      <c r="U2181" s="7">
        <v>22384.794921100001</v>
      </c>
      <c r="V2181" s="7">
        <v>25530.610920300001</v>
      </c>
      <c r="W2181" s="7">
        <v>26278.413488499998</v>
      </c>
      <c r="X2181" s="7">
        <v>26789.696797000001</v>
      </c>
      <c r="Y2181" s="7">
        <v>27814.9088438</v>
      </c>
      <c r="Z2181" s="7">
        <v>28765.345781399999</v>
      </c>
      <c r="AA2181" s="7">
        <v>29810.575145300001</v>
      </c>
      <c r="AB2181" s="7">
        <v>29544.938362000001</v>
      </c>
      <c r="AC2181" s="7">
        <v>27967.439727600002</v>
      </c>
      <c r="AD2181" s="7">
        <v>27908.756311699999</v>
      </c>
      <c r="AE2181" s="7">
        <v>28041.985971400001</v>
      </c>
      <c r="AF2181" s="7">
        <v>28253.258978499998</v>
      </c>
      <c r="AG2181" s="9">
        <v>24184.494949299995</v>
      </c>
      <c r="AH2181" s="13">
        <v>0.57260596736439096</v>
      </c>
      <c r="AI2181" s="9">
        <v>12889.515548000003</v>
      </c>
      <c r="AJ2181" s="13">
        <v>0.3051795596597533</v>
      </c>
      <c r="AK2181" s="9">
        <v>-112.36908440000116</v>
      </c>
      <c r="AL2181" s="13">
        <v>-2.0384282328344112E-3</v>
      </c>
      <c r="AM2181" s="9">
        <v>11407.348485699993</v>
      </c>
      <c r="AN2181" s="13">
        <v>0.20735736928144449</v>
      </c>
      <c r="AO2181" s="9">
        <v>11294.979401299992</v>
      </c>
      <c r="AP2181" s="13">
        <v>0.20489625793278049</v>
      </c>
      <c r="AQ2181" s="9">
        <v>42235.841621799998</v>
      </c>
      <c r="AR2181" s="9">
        <v>38381.785111199999</v>
      </c>
      <c r="AS2181" s="9">
        <v>39536.973377800001</v>
      </c>
      <c r="AT2181" s="9">
        <v>42754.948610599997</v>
      </c>
      <c r="AU2181" s="9">
        <v>42203.7243648</v>
      </c>
      <c r="AV2181" s="9">
        <v>49277.605154999997</v>
      </c>
      <c r="AW2181" s="9">
        <v>55125.357169800001</v>
      </c>
      <c r="AX2181" s="9">
        <v>55610.044330099998</v>
      </c>
      <c r="AY2181" s="9">
        <v>58904.055125799998</v>
      </c>
      <c r="AZ2181" s="9">
        <v>55012.9880854</v>
      </c>
      <c r="BA2181" s="9">
        <v>59933.995174099997</v>
      </c>
      <c r="BB2181" s="9">
        <v>55148.050436999998</v>
      </c>
      <c r="BC2181" s="9">
        <v>58647.426575999998</v>
      </c>
      <c r="BD2181" s="9">
        <v>64463.816182399998</v>
      </c>
      <c r="BE2181" s="9">
        <v>65469.154242800003</v>
      </c>
      <c r="BF2181" s="9">
        <v>66420.336571099993</v>
      </c>
      <c r="BG2181" s="11">
        <v>51.5</v>
      </c>
      <c r="BH2181" s="13">
        <v>0.83064516129032262</v>
      </c>
      <c r="BI2181" s="6">
        <v>21</v>
      </c>
      <c r="BJ2181" s="13">
        <v>0.33870967741935482</v>
      </c>
      <c r="BK2181" s="6">
        <v>1</v>
      </c>
      <c r="BL2181" s="13">
        <v>1.2048192771084338E-2</v>
      </c>
      <c r="BM2181" s="11">
        <v>29.5</v>
      </c>
      <c r="BN2181" s="13">
        <v>0.35119047619047616</v>
      </c>
      <c r="BO2181" s="11">
        <v>30.5</v>
      </c>
      <c r="BP2181" s="13">
        <v>0.36746987951807231</v>
      </c>
      <c r="BQ2181" s="6">
        <v>62</v>
      </c>
      <c r="BR2181" s="6">
        <v>69</v>
      </c>
      <c r="BS2181" s="6">
        <v>75</v>
      </c>
      <c r="BT2181" s="6">
        <v>83</v>
      </c>
      <c r="BU2181" s="6">
        <v>81</v>
      </c>
      <c r="BV2181" s="6">
        <v>81</v>
      </c>
      <c r="BW2181" s="6">
        <v>84</v>
      </c>
      <c r="BX2181" s="6">
        <v>90</v>
      </c>
      <c r="BY2181" s="6">
        <v>105</v>
      </c>
      <c r="BZ2181" s="6">
        <v>95</v>
      </c>
      <c r="CA2181" s="6">
        <v>100</v>
      </c>
      <c r="CB2181" s="6">
        <v>107</v>
      </c>
      <c r="CC2181" s="11">
        <v>113.5</v>
      </c>
      <c r="CD2181" s="11">
        <v>659.08399999999995</v>
      </c>
      <c r="CE2181" s="11">
        <v>6790.72</v>
      </c>
      <c r="CF2181" s="11">
        <v>2049.98</v>
      </c>
      <c r="CG2181" s="11">
        <v>8841</v>
      </c>
      <c r="CH2181" s="20">
        <v>3.5254599999999998</v>
      </c>
      <c r="CI2181" s="20">
        <v>3.9948800000000002</v>
      </c>
      <c r="CJ2181" s="20">
        <v>4.2947699999999998</v>
      </c>
      <c r="CK2181" s="20">
        <v>4.1321199999999996</v>
      </c>
      <c r="CL2181" s="20">
        <v>4.4860600000000002</v>
      </c>
      <c r="CM2181" s="20">
        <v>4.1158900000000003</v>
      </c>
      <c r="CN2181" s="20">
        <v>4.5265399999999998</v>
      </c>
      <c r="CO2181" s="20">
        <v>4.4869300000000001</v>
      </c>
      <c r="CP2181" s="20">
        <v>4.5204300000000002</v>
      </c>
      <c r="CQ2181" s="20">
        <v>4.4082999999999997</v>
      </c>
      <c r="CR2181" s="20">
        <v>4.4428200000000002</v>
      </c>
      <c r="CS2181" s="20">
        <v>4.5476900000000002</v>
      </c>
      <c r="CT2181" s="20">
        <v>4.4957099999999999</v>
      </c>
      <c r="CU2181" s="20">
        <v>4.2794499999999998</v>
      </c>
      <c r="CV2181" s="20">
        <v>4.2484500000000001</v>
      </c>
      <c r="CW2181" s="20">
        <v>4.2584</v>
      </c>
      <c r="CX2181" s="20">
        <v>4.2379199999999999</v>
      </c>
      <c r="CY2181" s="6" t="s">
        <v>741</v>
      </c>
      <c r="CZ2181" s="6" t="s">
        <v>279</v>
      </c>
      <c r="DA2181" s="6" t="s">
        <v>138</v>
      </c>
      <c r="DB2181" s="6"/>
      <c r="DC2181" s="6">
        <v>41180</v>
      </c>
      <c r="DD2181" s="6">
        <v>476</v>
      </c>
      <c r="DE2181" s="6" t="s">
        <v>508</v>
      </c>
      <c r="DF2181" s="6" t="s">
        <v>375</v>
      </c>
      <c r="DG2181" s="6" t="s">
        <v>364</v>
      </c>
      <c r="DH2181" s="6" t="s">
        <v>419</v>
      </c>
      <c r="DI2181" s="6" t="s">
        <v>509</v>
      </c>
      <c r="DJ2181" s="6">
        <v>29</v>
      </c>
      <c r="DK2181" s="6">
        <v>510</v>
      </c>
      <c r="DL2181" s="6">
        <v>1</v>
      </c>
      <c r="DM2181" s="6" t="s">
        <v>404</v>
      </c>
      <c r="DN2181" s="6">
        <v>1</v>
      </c>
      <c r="DO2181" s="6" t="s">
        <v>405</v>
      </c>
      <c r="DP2181" s="6"/>
      <c r="DQ2181" s="6"/>
    </row>
    <row r="2182" spans="1:121" x14ac:dyDescent="0.2">
      <c r="A2182" s="6" t="s">
        <v>321</v>
      </c>
      <c r="B2182" s="6" t="s">
        <v>321</v>
      </c>
      <c r="C2182" s="6" t="s">
        <v>190</v>
      </c>
      <c r="D2182" s="6" t="s">
        <v>138</v>
      </c>
      <c r="E2182" s="6" t="s">
        <v>279</v>
      </c>
      <c r="F2182" s="11">
        <v>16087</v>
      </c>
      <c r="G2182" s="13">
        <v>0.47246615172299999</v>
      </c>
      <c r="H2182" s="11">
        <v>126.03482280000026</v>
      </c>
      <c r="I2182" s="13">
        <v>3.7015623596192105E-3</v>
      </c>
      <c r="J2182" s="11">
        <v>8794.9076512000029</v>
      </c>
      <c r="K2182" s="13">
        <v>0.25734823770338983</v>
      </c>
      <c r="L2182" s="11">
        <v>7166.4027390999981</v>
      </c>
      <c r="M2182" s="13">
        <v>0.16677676621215967</v>
      </c>
      <c r="N2182" s="11">
        <v>15961.310390300001</v>
      </c>
      <c r="O2182" s="13">
        <v>0.467044710790119</v>
      </c>
      <c r="P2182" s="7">
        <v>34049.088075599997</v>
      </c>
      <c r="Q2182" s="7">
        <v>34858.152315300002</v>
      </c>
      <c r="R2182" s="7">
        <v>34244.6886725</v>
      </c>
      <c r="S2182" s="7">
        <v>33960.203598</v>
      </c>
      <c r="T2182" s="7">
        <v>33844.078607700001</v>
      </c>
      <c r="U2182" s="7">
        <v>34079.0796175</v>
      </c>
      <c r="V2182" s="7">
        <v>34175.122898399997</v>
      </c>
      <c r="W2182" s="7">
        <v>33570.694174199998</v>
      </c>
      <c r="X2182" s="7">
        <v>32646.515033700001</v>
      </c>
      <c r="Y2182" s="7">
        <v>42970.0305496</v>
      </c>
      <c r="Z2182" s="7">
        <v>42809.100247800001</v>
      </c>
      <c r="AA2182" s="7">
        <v>44869.576536300003</v>
      </c>
      <c r="AB2182" s="7">
        <v>46596.215444699999</v>
      </c>
      <c r="AC2182" s="7">
        <v>46370.029301800001</v>
      </c>
      <c r="AD2182" s="7">
        <v>48592.431397100001</v>
      </c>
      <c r="AE2182" s="7">
        <v>48546.621052499999</v>
      </c>
      <c r="AF2182" s="7">
        <v>50136.433288699998</v>
      </c>
      <c r="AG2182" s="9">
        <v>23327.562766399999</v>
      </c>
      <c r="AH2182" s="13">
        <v>0.64657931688541415</v>
      </c>
      <c r="AI2182" s="9">
        <v>8044.9812788999989</v>
      </c>
      <c r="AJ2182" s="13">
        <v>0.22298593949812168</v>
      </c>
      <c r="AK2182" s="9">
        <v>11952.745827800005</v>
      </c>
      <c r="AL2182" s="13">
        <v>0.27089354828704054</v>
      </c>
      <c r="AM2182" s="9">
        <v>3329.8356596999947</v>
      </c>
      <c r="AN2182" s="13">
        <v>5.9380602840008213E-2</v>
      </c>
      <c r="AO2182" s="9">
        <v>15282.5814875</v>
      </c>
      <c r="AP2182" s="13">
        <v>0.34635997332980212</v>
      </c>
      <c r="AQ2182" s="9">
        <v>36078.424034299998</v>
      </c>
      <c r="AR2182" s="9">
        <v>37594.573547300002</v>
      </c>
      <c r="AS2182" s="9">
        <v>38829.021700400001</v>
      </c>
      <c r="AT2182" s="9">
        <v>40920.0780591</v>
      </c>
      <c r="AU2182" s="9">
        <v>42072.223479</v>
      </c>
      <c r="AV2182" s="9">
        <v>43499.998265900002</v>
      </c>
      <c r="AW2182" s="9">
        <v>44123.405313199997</v>
      </c>
      <c r="AX2182" s="9">
        <v>46360.472049399999</v>
      </c>
      <c r="AY2182" s="9">
        <v>46895.734047999998</v>
      </c>
      <c r="AZ2182" s="9">
        <v>56076.151141000002</v>
      </c>
      <c r="BA2182" s="9">
        <v>56381.176053399999</v>
      </c>
      <c r="BB2182" s="9">
        <v>55864.029639100001</v>
      </c>
      <c r="BC2182" s="9">
        <v>56965.705751699999</v>
      </c>
      <c r="BD2182" s="9">
        <v>57517.9651858</v>
      </c>
      <c r="BE2182" s="9">
        <v>58912.032081500001</v>
      </c>
      <c r="BF2182" s="9">
        <v>59405.986800699997</v>
      </c>
      <c r="BG2182" s="11">
        <v>5096.25</v>
      </c>
      <c r="BH2182" s="13">
        <v>6.450949367088608</v>
      </c>
      <c r="BI2182" s="6">
        <v>6</v>
      </c>
      <c r="BJ2182" s="13">
        <v>7.5949367088607592E-3</v>
      </c>
      <c r="BK2182" s="6">
        <v>-29</v>
      </c>
      <c r="BL2182" s="13">
        <v>-3.6432160804020099E-2</v>
      </c>
      <c r="BM2182" s="11">
        <v>5119.25</v>
      </c>
      <c r="BN2182" s="13">
        <v>6.6743807040417211</v>
      </c>
      <c r="BO2182" s="11">
        <v>5090.25</v>
      </c>
      <c r="BP2182" s="13">
        <v>6.3947864321608039</v>
      </c>
      <c r="BQ2182" s="6">
        <v>790</v>
      </c>
      <c r="BR2182" s="6">
        <v>760</v>
      </c>
      <c r="BS2182" s="6">
        <v>764</v>
      </c>
      <c r="BT2182" s="6">
        <v>796</v>
      </c>
      <c r="BU2182" s="6">
        <v>782</v>
      </c>
      <c r="BV2182" s="6">
        <v>787</v>
      </c>
      <c r="BW2182" s="6">
        <v>767</v>
      </c>
      <c r="BX2182" s="6">
        <v>745</v>
      </c>
      <c r="BY2182" s="6">
        <v>734</v>
      </c>
      <c r="BZ2182" s="6">
        <v>2923</v>
      </c>
      <c r="CA2182" s="6">
        <v>3931</v>
      </c>
      <c r="CB2182" s="6">
        <v>5175</v>
      </c>
      <c r="CC2182" s="11">
        <v>5886.25</v>
      </c>
      <c r="CD2182" s="11">
        <v>-34.169199999999996</v>
      </c>
      <c r="CE2182" s="11">
        <v>12399.5</v>
      </c>
      <c r="CF2182" s="11">
        <v>3721.98</v>
      </c>
      <c r="CG2182" s="11">
        <v>16122</v>
      </c>
      <c r="CH2182" s="20">
        <v>1.29606</v>
      </c>
      <c r="CI2182" s="20">
        <v>1.2913399999999999</v>
      </c>
      <c r="CJ2182" s="20">
        <v>1.2611399999999999</v>
      </c>
      <c r="CK2182" s="20">
        <v>1.2748699999999999</v>
      </c>
      <c r="CL2182" s="20">
        <v>1.2604299999999999</v>
      </c>
      <c r="CM2182" s="20">
        <v>1.27841</v>
      </c>
      <c r="CN2182" s="20">
        <v>1.23346</v>
      </c>
      <c r="CO2182" s="20">
        <v>1.1708000000000001</v>
      </c>
      <c r="CP2182" s="20">
        <v>1.1338200000000001</v>
      </c>
      <c r="CQ2182" s="20">
        <v>1.4105099999999999</v>
      </c>
      <c r="CR2182" s="20">
        <v>1.39388</v>
      </c>
      <c r="CS2182" s="20">
        <v>1.41927</v>
      </c>
      <c r="CT2182" s="20">
        <v>1.4623999999999999</v>
      </c>
      <c r="CU2182" s="20">
        <v>1.4664299999999999</v>
      </c>
      <c r="CV2182" s="20">
        <v>1.51355</v>
      </c>
      <c r="CW2182" s="20">
        <v>1.49939</v>
      </c>
      <c r="CX2182" s="20">
        <v>1.5206</v>
      </c>
      <c r="CY2182" s="6" t="s">
        <v>741</v>
      </c>
      <c r="CZ2182" s="6" t="s">
        <v>279</v>
      </c>
      <c r="DA2182" s="6" t="s">
        <v>138</v>
      </c>
      <c r="DB2182" s="6"/>
      <c r="DC2182" s="6">
        <v>41180</v>
      </c>
      <c r="DD2182" s="6">
        <v>476</v>
      </c>
      <c r="DE2182" s="6" t="s">
        <v>508</v>
      </c>
      <c r="DF2182" s="6" t="s">
        <v>375</v>
      </c>
      <c r="DG2182" s="6" t="s">
        <v>364</v>
      </c>
      <c r="DH2182" s="6" t="s">
        <v>419</v>
      </c>
      <c r="DI2182" s="6" t="s">
        <v>509</v>
      </c>
      <c r="DJ2182" s="6">
        <v>29</v>
      </c>
      <c r="DK2182" s="6">
        <v>510</v>
      </c>
      <c r="DL2182" s="6">
        <v>1</v>
      </c>
      <c r="DM2182" s="6" t="s">
        <v>404</v>
      </c>
      <c r="DN2182" s="6">
        <v>1</v>
      </c>
      <c r="DO2182" s="6" t="s">
        <v>405</v>
      </c>
      <c r="DP2182" s="6"/>
      <c r="DQ2182" s="6"/>
    </row>
    <row r="2183" spans="1:121" x14ac:dyDescent="0.2">
      <c r="A2183" s="6" t="s">
        <v>322</v>
      </c>
      <c r="B2183" s="6" t="s">
        <v>322</v>
      </c>
      <c r="C2183" s="6" t="s">
        <v>191</v>
      </c>
      <c r="D2183" s="6" t="s">
        <v>138</v>
      </c>
      <c r="E2183" s="6" t="s">
        <v>279</v>
      </c>
      <c r="F2183" s="11">
        <v>828</v>
      </c>
      <c r="G2183" s="13">
        <v>0.17</v>
      </c>
      <c r="H2183" s="11">
        <v>316</v>
      </c>
      <c r="I2183" s="13">
        <v>6.6233494026409559E-2</v>
      </c>
      <c r="J2183" s="11">
        <v>356</v>
      </c>
      <c r="K2183" s="13">
        <v>6.9982307843522704E-2</v>
      </c>
      <c r="L2183" s="11">
        <v>156</v>
      </c>
      <c r="M2183" s="13">
        <v>2.8660665074407496E-2</v>
      </c>
      <c r="N2183" s="11">
        <v>512</v>
      </c>
      <c r="O2183" s="13">
        <v>0.10064871240416748</v>
      </c>
      <c r="P2183" s="7">
        <v>4771</v>
      </c>
      <c r="Q2183" s="7">
        <v>4771</v>
      </c>
      <c r="R2183" s="7">
        <v>4547</v>
      </c>
      <c r="S2183" s="7">
        <v>4607</v>
      </c>
      <c r="T2183" s="7">
        <v>4690</v>
      </c>
      <c r="U2183" s="7">
        <v>4953</v>
      </c>
      <c r="V2183" s="7">
        <v>5087</v>
      </c>
      <c r="W2183" s="7">
        <v>5804</v>
      </c>
      <c r="X2183" s="7">
        <v>5558</v>
      </c>
      <c r="Y2183" s="7">
        <v>5443</v>
      </c>
      <c r="Z2183" s="7">
        <v>5283</v>
      </c>
      <c r="AA2183" s="7">
        <v>5365</v>
      </c>
      <c r="AB2183" s="7">
        <v>6323</v>
      </c>
      <c r="AC2183" s="7">
        <v>6461</v>
      </c>
      <c r="AD2183" s="7">
        <v>5461</v>
      </c>
      <c r="AE2183" s="7">
        <v>5577</v>
      </c>
      <c r="AF2183" s="7">
        <v>5599</v>
      </c>
      <c r="AG2183" s="9">
        <v>27285</v>
      </c>
      <c r="AH2183" s="13">
        <v>0.49113491134911347</v>
      </c>
      <c r="AI2183" s="9">
        <v>8157</v>
      </c>
      <c r="AJ2183" s="13">
        <v>0.14682746827468274</v>
      </c>
      <c r="AK2183" s="9">
        <v>235</v>
      </c>
      <c r="AL2183" s="13">
        <v>3.6884731290808639E-3</v>
      </c>
      <c r="AM2183" s="9">
        <v>18893</v>
      </c>
      <c r="AN2183" s="13">
        <v>0.29544779270333243</v>
      </c>
      <c r="AO2183" s="9">
        <v>19128</v>
      </c>
      <c r="AP2183" s="13">
        <v>0.30022601707684582</v>
      </c>
      <c r="AQ2183" s="9">
        <v>55555</v>
      </c>
      <c r="AR2183" s="9">
        <v>62091</v>
      </c>
      <c r="AS2183" s="9">
        <v>66796</v>
      </c>
      <c r="AT2183" s="9">
        <v>62436</v>
      </c>
      <c r="AU2183" s="9">
        <v>58206</v>
      </c>
      <c r="AV2183" s="9">
        <v>68090</v>
      </c>
      <c r="AW2183" s="9">
        <v>63712</v>
      </c>
      <c r="AX2183" s="9">
        <v>64245</v>
      </c>
      <c r="AY2183" s="9">
        <v>65354</v>
      </c>
      <c r="AZ2183" s="9">
        <v>63947</v>
      </c>
      <c r="BA2183" s="9">
        <v>71585</v>
      </c>
      <c r="BB2183" s="9">
        <v>67649</v>
      </c>
      <c r="BC2183" s="9">
        <v>65975</v>
      </c>
      <c r="BD2183" s="9">
        <v>69524</v>
      </c>
      <c r="BE2183" s="9">
        <v>78433</v>
      </c>
      <c r="BF2183" s="9">
        <v>82840</v>
      </c>
      <c r="BG2183" s="11">
        <v>21</v>
      </c>
      <c r="BH2183" s="13">
        <v>0.21649484536082475</v>
      </c>
      <c r="BI2183" s="6">
        <v>1</v>
      </c>
      <c r="BJ2183" s="13">
        <v>1.0309278350515464E-2</v>
      </c>
      <c r="BK2183" s="6">
        <v>-2</v>
      </c>
      <c r="BL2183" s="13">
        <v>-2.0408163265306121E-2</v>
      </c>
      <c r="BM2183" s="11">
        <v>22</v>
      </c>
      <c r="BN2183" s="13">
        <v>0.22916666666666666</v>
      </c>
      <c r="BO2183" s="11">
        <v>20</v>
      </c>
      <c r="BP2183" s="13">
        <v>0.20408163265306123</v>
      </c>
      <c r="BQ2183" s="6">
        <v>97</v>
      </c>
      <c r="BR2183" s="6">
        <v>96</v>
      </c>
      <c r="BS2183" s="6">
        <v>87</v>
      </c>
      <c r="BT2183" s="6">
        <v>98</v>
      </c>
      <c r="BU2183" s="6">
        <v>105</v>
      </c>
      <c r="BV2183" s="6">
        <v>102</v>
      </c>
      <c r="BW2183" s="6">
        <v>96</v>
      </c>
      <c r="BX2183" s="6">
        <v>100</v>
      </c>
      <c r="BY2183" s="6">
        <v>97</v>
      </c>
      <c r="BZ2183" s="6">
        <v>112</v>
      </c>
      <c r="CA2183" s="6">
        <v>111</v>
      </c>
      <c r="CB2183" s="6">
        <v>115</v>
      </c>
      <c r="CC2183" s="11">
        <v>118</v>
      </c>
      <c r="CD2183" s="11">
        <v>-561</v>
      </c>
      <c r="CE2183" s="11">
        <v>868</v>
      </c>
      <c r="CF2183" s="11">
        <v>521</v>
      </c>
      <c r="CG2183" s="11">
        <v>1389</v>
      </c>
      <c r="CH2183" s="20">
        <v>1.19</v>
      </c>
      <c r="CI2183" s="20">
        <v>1.17</v>
      </c>
      <c r="CJ2183" s="20">
        <v>1.1299999999999999</v>
      </c>
      <c r="CK2183" s="20">
        <v>1.1599999999999999</v>
      </c>
      <c r="CL2183" s="20">
        <v>1.19</v>
      </c>
      <c r="CM2183" s="20">
        <v>1.27</v>
      </c>
      <c r="CN2183" s="20">
        <v>1.26</v>
      </c>
      <c r="CO2183" s="20">
        <v>1.42</v>
      </c>
      <c r="CP2183" s="20">
        <v>1.41</v>
      </c>
      <c r="CQ2183" s="20">
        <v>1.33</v>
      </c>
      <c r="CR2183" s="20">
        <v>1.28</v>
      </c>
      <c r="CS2183" s="20">
        <v>1.28</v>
      </c>
      <c r="CT2183" s="20">
        <v>1.5</v>
      </c>
      <c r="CU2183" s="20">
        <v>1.53</v>
      </c>
      <c r="CV2183" s="20">
        <v>1.26</v>
      </c>
      <c r="CW2183" s="20">
        <v>1.27</v>
      </c>
      <c r="CX2183" s="20">
        <v>1.27</v>
      </c>
      <c r="CY2183" s="6" t="s">
        <v>741</v>
      </c>
      <c r="CZ2183" s="6" t="s">
        <v>279</v>
      </c>
      <c r="DA2183" s="6" t="s">
        <v>138</v>
      </c>
      <c r="DB2183" s="6"/>
      <c r="DC2183" s="6">
        <v>41180</v>
      </c>
      <c r="DD2183" s="6">
        <v>476</v>
      </c>
      <c r="DE2183" s="6" t="s">
        <v>508</v>
      </c>
      <c r="DF2183" s="6" t="s">
        <v>375</v>
      </c>
      <c r="DG2183" s="6" t="s">
        <v>364</v>
      </c>
      <c r="DH2183" s="6" t="s">
        <v>419</v>
      </c>
      <c r="DI2183" s="6" t="s">
        <v>509</v>
      </c>
      <c r="DJ2183" s="6">
        <v>29</v>
      </c>
      <c r="DK2183" s="6">
        <v>510</v>
      </c>
      <c r="DL2183" s="6">
        <v>1</v>
      </c>
      <c r="DM2183" s="6" t="s">
        <v>404</v>
      </c>
      <c r="DN2183" s="6">
        <v>1</v>
      </c>
      <c r="DO2183" s="6" t="s">
        <v>405</v>
      </c>
      <c r="DP2183" s="6"/>
      <c r="DQ2183" s="6"/>
    </row>
    <row r="2184" spans="1:121" x14ac:dyDescent="0.2">
      <c r="A2184" s="6" t="s">
        <v>323</v>
      </c>
      <c r="B2184" s="6" t="s">
        <v>323</v>
      </c>
      <c r="C2184" s="6" t="s">
        <v>192</v>
      </c>
      <c r="D2184" s="6" t="s">
        <v>138</v>
      </c>
      <c r="E2184" s="6" t="s">
        <v>279</v>
      </c>
      <c r="F2184" s="11">
        <v>4846</v>
      </c>
      <c r="G2184" s="13">
        <v>0.28024520009300002</v>
      </c>
      <c r="H2184" s="11">
        <v>1695.9292627000032</v>
      </c>
      <c r="I2184" s="13">
        <v>9.8075215029728227E-2</v>
      </c>
      <c r="J2184" s="11">
        <v>-286.08804740000051</v>
      </c>
      <c r="K2184" s="13">
        <v>-1.5066735342968421E-2</v>
      </c>
      <c r="L2184" s="11">
        <v>3436.2709732999974</v>
      </c>
      <c r="M2184" s="13">
        <v>0.1837384482710244</v>
      </c>
      <c r="N2184" s="11">
        <v>3150.1829258999969</v>
      </c>
      <c r="O2184" s="13">
        <v>0.16590337435562874</v>
      </c>
      <c r="P2184" s="7">
        <v>17292.128925599998</v>
      </c>
      <c r="Q2184" s="7">
        <v>16925.047771900001</v>
      </c>
      <c r="R2184" s="7">
        <v>17235.602785800002</v>
      </c>
      <c r="S2184" s="7">
        <v>18029.613314800001</v>
      </c>
      <c r="T2184" s="7">
        <v>18602.238577200002</v>
      </c>
      <c r="U2184" s="7">
        <v>18633.537333200002</v>
      </c>
      <c r="V2184" s="7">
        <v>18988.058188300001</v>
      </c>
      <c r="W2184" s="7">
        <v>18872.7447011</v>
      </c>
      <c r="X2184" s="7">
        <v>18605.424283</v>
      </c>
      <c r="Y2184" s="7">
        <v>18701.970140900001</v>
      </c>
      <c r="Z2184" s="7">
        <v>18794.734096</v>
      </c>
      <c r="AA2184" s="7">
        <v>19308.130857799999</v>
      </c>
      <c r="AB2184" s="7">
        <v>19211.841195100002</v>
      </c>
      <c r="AC2184" s="7">
        <v>20055.3929862</v>
      </c>
      <c r="AD2184" s="7">
        <v>21574.146911100001</v>
      </c>
      <c r="AE2184" s="7">
        <v>21736.099512699999</v>
      </c>
      <c r="AF2184" s="7">
        <v>22138.241114199998</v>
      </c>
      <c r="AG2184" s="9">
        <v>7237.9311603999995</v>
      </c>
      <c r="AH2184" s="13">
        <v>0.44791368070551074</v>
      </c>
      <c r="AI2184" s="9">
        <v>3228.8480713999998</v>
      </c>
      <c r="AJ2184" s="13">
        <v>0.19981472496068031</v>
      </c>
      <c r="AK2184" s="9">
        <v>1833.8980487000008</v>
      </c>
      <c r="AL2184" s="13">
        <v>9.458905354548458E-2</v>
      </c>
      <c r="AM2184" s="9">
        <v>2175.1850402999989</v>
      </c>
      <c r="AN2184" s="13">
        <v>0.10249691609713785</v>
      </c>
      <c r="AO2184" s="9">
        <v>4009.0830889999997</v>
      </c>
      <c r="AP2184" s="13">
        <v>0.20678105592758164</v>
      </c>
      <c r="AQ2184" s="9">
        <v>16159.2098482</v>
      </c>
      <c r="AR2184" s="9">
        <v>16852.471360200001</v>
      </c>
      <c r="AS2184" s="9">
        <v>17669.5786348</v>
      </c>
      <c r="AT2184" s="9">
        <v>17943.432445099999</v>
      </c>
      <c r="AU2184" s="9">
        <v>18181.582529700001</v>
      </c>
      <c r="AV2184" s="9">
        <v>18496.069620900002</v>
      </c>
      <c r="AW2184" s="9">
        <v>19388.0579196</v>
      </c>
      <c r="AX2184" s="9">
        <v>20539.9371173</v>
      </c>
      <c r="AY2184" s="9">
        <v>20558.890427800001</v>
      </c>
      <c r="AZ2184" s="9">
        <v>21221.955968300001</v>
      </c>
      <c r="BA2184" s="9">
        <v>21321.9063207</v>
      </c>
      <c r="BB2184" s="9">
        <v>21715.963665499999</v>
      </c>
      <c r="BC2184" s="9">
        <v>21392.880946000001</v>
      </c>
      <c r="BD2184" s="9">
        <v>21358.7957818</v>
      </c>
      <c r="BE2184" s="9">
        <v>22841.149321600002</v>
      </c>
      <c r="BF2184" s="9">
        <v>23397.1410086</v>
      </c>
      <c r="BG2184" s="11">
        <v>145</v>
      </c>
      <c r="BH2184" s="13">
        <v>0.18494897959183673</v>
      </c>
      <c r="BI2184" s="6">
        <v>57</v>
      </c>
      <c r="BJ2184" s="13">
        <v>7.2704081632653059E-2</v>
      </c>
      <c r="BK2184" s="6">
        <v>67</v>
      </c>
      <c r="BL2184" s="13">
        <v>7.9667063020214035E-2</v>
      </c>
      <c r="BM2184" s="11">
        <v>21</v>
      </c>
      <c r="BN2184" s="13">
        <v>2.3127753303964757E-2</v>
      </c>
      <c r="BO2184" s="11">
        <v>88</v>
      </c>
      <c r="BP2184" s="13">
        <v>0.10463733650416171</v>
      </c>
      <c r="BQ2184" s="6">
        <v>784</v>
      </c>
      <c r="BR2184" s="6">
        <v>768</v>
      </c>
      <c r="BS2184" s="6">
        <v>760</v>
      </c>
      <c r="BT2184" s="6">
        <v>841</v>
      </c>
      <c r="BU2184" s="6">
        <v>869</v>
      </c>
      <c r="BV2184" s="6">
        <v>890</v>
      </c>
      <c r="BW2184" s="6">
        <v>908</v>
      </c>
      <c r="BX2184" s="6">
        <v>898</v>
      </c>
      <c r="BY2184" s="6">
        <v>903</v>
      </c>
      <c r="BZ2184" s="6">
        <v>911</v>
      </c>
      <c r="CA2184" s="6">
        <v>909</v>
      </c>
      <c r="CB2184" s="6">
        <v>931</v>
      </c>
      <c r="CC2184" s="11">
        <v>929</v>
      </c>
      <c r="CD2184" s="11">
        <v>-976.452</v>
      </c>
      <c r="CE2184" s="11">
        <v>3932.33</v>
      </c>
      <c r="CF2184" s="11">
        <v>1890.24</v>
      </c>
      <c r="CG2184" s="11">
        <v>5822</v>
      </c>
      <c r="CH2184" s="20">
        <v>0.886938</v>
      </c>
      <c r="CI2184" s="20">
        <v>0.86635399999999996</v>
      </c>
      <c r="CJ2184" s="20">
        <v>0.88779300000000005</v>
      </c>
      <c r="CK2184" s="20">
        <v>0.94172299999999998</v>
      </c>
      <c r="CL2184" s="20">
        <v>0.963198</v>
      </c>
      <c r="CM2184" s="20">
        <v>0.97567499999999996</v>
      </c>
      <c r="CN2184" s="20">
        <v>0.96195200000000003</v>
      </c>
      <c r="CO2184" s="20">
        <v>0.94502900000000001</v>
      </c>
      <c r="CP2184" s="20">
        <v>0.97374899999999998</v>
      </c>
      <c r="CQ2184" s="20">
        <v>0.93722899999999998</v>
      </c>
      <c r="CR2184" s="20">
        <v>0.92404299999999995</v>
      </c>
      <c r="CS2184" s="20">
        <v>0.92790300000000003</v>
      </c>
      <c r="CT2184" s="20">
        <v>0.90630599999999994</v>
      </c>
      <c r="CU2184" s="20">
        <v>0.94329700000000005</v>
      </c>
      <c r="CV2184" s="20">
        <v>0.98986200000000002</v>
      </c>
      <c r="CW2184" s="20">
        <v>0.98657300000000003</v>
      </c>
      <c r="CX2184" s="20">
        <v>0.99731899999999996</v>
      </c>
      <c r="CY2184" s="6" t="s">
        <v>741</v>
      </c>
      <c r="CZ2184" s="6" t="s">
        <v>279</v>
      </c>
      <c r="DA2184" s="6" t="s">
        <v>138</v>
      </c>
      <c r="DB2184" s="6"/>
      <c r="DC2184" s="6">
        <v>41180</v>
      </c>
      <c r="DD2184" s="6">
        <v>476</v>
      </c>
      <c r="DE2184" s="6" t="s">
        <v>508</v>
      </c>
      <c r="DF2184" s="6" t="s">
        <v>375</v>
      </c>
      <c r="DG2184" s="6" t="s">
        <v>364</v>
      </c>
      <c r="DH2184" s="6" t="s">
        <v>419</v>
      </c>
      <c r="DI2184" s="6" t="s">
        <v>509</v>
      </c>
      <c r="DJ2184" s="6">
        <v>29</v>
      </c>
      <c r="DK2184" s="6">
        <v>510</v>
      </c>
      <c r="DL2184" s="6">
        <v>1</v>
      </c>
      <c r="DM2184" s="6" t="s">
        <v>404</v>
      </c>
      <c r="DN2184" s="6">
        <v>1</v>
      </c>
      <c r="DO2184" s="6" t="s">
        <v>405</v>
      </c>
      <c r="DP2184" s="6"/>
      <c r="DQ2184" s="6"/>
    </row>
    <row r="2185" spans="1:121" x14ac:dyDescent="0.2">
      <c r="A2185" s="6" t="s">
        <v>325</v>
      </c>
      <c r="B2185" s="6" t="s">
        <v>325</v>
      </c>
      <c r="C2185" s="6" t="s">
        <v>193</v>
      </c>
      <c r="D2185" s="6" t="s">
        <v>138</v>
      </c>
      <c r="E2185" s="6" t="s">
        <v>279</v>
      </c>
      <c r="F2185" s="11">
        <v>-994</v>
      </c>
      <c r="G2185" s="13">
        <v>-8.3193839973199998E-2</v>
      </c>
      <c r="H2185" s="11">
        <v>-145.37514150000061</v>
      </c>
      <c r="I2185" s="13">
        <v>-1.2167797642857626E-2</v>
      </c>
      <c r="J2185" s="11">
        <v>416.89755660000083</v>
      </c>
      <c r="K2185" s="13">
        <v>3.5323847262114946E-2</v>
      </c>
      <c r="L2185" s="11">
        <v>-1264.8745106999995</v>
      </c>
      <c r="M2185" s="13">
        <v>-0.10351656966000164</v>
      </c>
      <c r="N2185" s="11">
        <v>-847.97695409999869</v>
      </c>
      <c r="O2185" s="13">
        <v>-7.1849325893654684E-2</v>
      </c>
      <c r="P2185" s="7">
        <v>11947.5311611</v>
      </c>
      <c r="Q2185" s="7">
        <v>11972.423578100001</v>
      </c>
      <c r="R2185" s="7">
        <v>12460.385091</v>
      </c>
      <c r="S2185" s="7">
        <v>11873.547753500001</v>
      </c>
      <c r="T2185" s="7">
        <v>11634.2063124</v>
      </c>
      <c r="U2185" s="7">
        <v>11409.3077973</v>
      </c>
      <c r="V2185" s="7">
        <v>11802.156019599999</v>
      </c>
      <c r="W2185" s="7">
        <v>11904.1445561</v>
      </c>
      <c r="X2185" s="7">
        <v>11906.1337083</v>
      </c>
      <c r="Y2185" s="7">
        <v>12219.0535762</v>
      </c>
      <c r="Z2185" s="7">
        <v>12457.382632500001</v>
      </c>
      <c r="AA2185" s="7">
        <v>12799.499360100001</v>
      </c>
      <c r="AB2185" s="7">
        <v>11058.8262144</v>
      </c>
      <c r="AC2185" s="7">
        <v>10749.9376983</v>
      </c>
      <c r="AD2185" s="7">
        <v>10884.4903139</v>
      </c>
      <c r="AE2185" s="7">
        <v>11005.7655299</v>
      </c>
      <c r="AF2185" s="7">
        <v>10954.1790655</v>
      </c>
      <c r="AG2185" s="9">
        <v>5638.6577078999981</v>
      </c>
      <c r="AH2185" s="13">
        <v>0.21435238490021552</v>
      </c>
      <c r="AI2185" s="9">
        <v>1957.9950466000009</v>
      </c>
      <c r="AJ2185" s="13">
        <v>7.4432769216244518E-2</v>
      </c>
      <c r="AK2185" s="9">
        <v>247.29973809999865</v>
      </c>
      <c r="AL2185" s="13">
        <v>8.7497772926521129E-3</v>
      </c>
      <c r="AM2185" s="9">
        <v>3433.3629231999985</v>
      </c>
      <c r="AN2185" s="13">
        <v>0.12042304477938828</v>
      </c>
      <c r="AO2185" s="9">
        <v>3680.6626612999971</v>
      </c>
      <c r="AP2185" s="13">
        <v>0.13022649689476312</v>
      </c>
      <c r="AQ2185" s="9">
        <v>26305.551536200001</v>
      </c>
      <c r="AR2185" s="9">
        <v>27009.178225700001</v>
      </c>
      <c r="AS2185" s="9">
        <v>26452.0992348</v>
      </c>
      <c r="AT2185" s="9">
        <v>27499.854587000002</v>
      </c>
      <c r="AU2185" s="9">
        <v>27452.554048900001</v>
      </c>
      <c r="AV2185" s="9">
        <v>28145.745814400001</v>
      </c>
      <c r="AW2185" s="9">
        <v>28263.546582800001</v>
      </c>
      <c r="AX2185" s="9">
        <v>29486.0391342</v>
      </c>
      <c r="AY2185" s="9">
        <v>29766.232801099999</v>
      </c>
      <c r="AZ2185" s="9">
        <v>28510.8463209</v>
      </c>
      <c r="BA2185" s="9">
        <v>27370.085293100001</v>
      </c>
      <c r="BB2185" s="9">
        <v>27654.4469101</v>
      </c>
      <c r="BC2185" s="9">
        <v>30023.553285000002</v>
      </c>
      <c r="BD2185" s="9">
        <v>30159.448527199998</v>
      </c>
      <c r="BE2185" s="9">
        <v>31398.290417799999</v>
      </c>
      <c r="BF2185" s="9">
        <v>31944.209244099999</v>
      </c>
      <c r="BG2185" s="11">
        <v>-234</v>
      </c>
      <c r="BH2185" s="13">
        <v>-0.21546961325966851</v>
      </c>
      <c r="BI2185" s="6">
        <v>155</v>
      </c>
      <c r="BJ2185" s="13">
        <v>0.1427255985267035</v>
      </c>
      <c r="BK2185" s="6">
        <v>329</v>
      </c>
      <c r="BL2185" s="13">
        <v>0.26510878323932313</v>
      </c>
      <c r="BM2185" s="11">
        <v>-718</v>
      </c>
      <c r="BN2185" s="13">
        <v>-0.45732484076433122</v>
      </c>
      <c r="BO2185" s="11">
        <v>-389</v>
      </c>
      <c r="BP2185" s="13">
        <v>-0.31345688960515711</v>
      </c>
      <c r="BQ2185" s="6">
        <v>1086</v>
      </c>
      <c r="BR2185" s="6">
        <v>1084</v>
      </c>
      <c r="BS2185" s="6">
        <v>1117</v>
      </c>
      <c r="BT2185" s="6">
        <v>1241</v>
      </c>
      <c r="BU2185" s="6">
        <v>1236</v>
      </c>
      <c r="BV2185" s="6">
        <v>1303</v>
      </c>
      <c r="BW2185" s="6">
        <v>1570</v>
      </c>
      <c r="BX2185" s="6">
        <v>1977</v>
      </c>
      <c r="BY2185" s="6">
        <v>2333</v>
      </c>
      <c r="BZ2185" s="6">
        <v>775</v>
      </c>
      <c r="CA2185" s="6">
        <v>814</v>
      </c>
      <c r="CB2185" s="6">
        <v>851</v>
      </c>
      <c r="CC2185" s="11">
        <v>852</v>
      </c>
      <c r="CD2185" s="11">
        <v>-2189.34</v>
      </c>
      <c r="CE2185" s="11">
        <v>-110.02500000000001</v>
      </c>
      <c r="CF2185" s="11">
        <v>1306.01</v>
      </c>
      <c r="CG2185" s="11">
        <v>1196</v>
      </c>
      <c r="CH2185" s="20">
        <v>0.902173</v>
      </c>
      <c r="CI2185" s="20">
        <v>0.89848300000000003</v>
      </c>
      <c r="CJ2185" s="20">
        <v>0.94638</v>
      </c>
      <c r="CK2185" s="20">
        <v>0.93101800000000001</v>
      </c>
      <c r="CL2185" s="20">
        <v>0.91932599999999998</v>
      </c>
      <c r="CM2185" s="20">
        <v>0.92022800000000005</v>
      </c>
      <c r="CN2185" s="20">
        <v>0.92555799999999999</v>
      </c>
      <c r="CO2185" s="20">
        <v>0.92185700000000004</v>
      </c>
      <c r="CP2185" s="20">
        <v>0.94403999999999999</v>
      </c>
      <c r="CQ2185" s="20">
        <v>0.93457500000000004</v>
      </c>
      <c r="CR2185" s="20">
        <v>0.94840500000000005</v>
      </c>
      <c r="CS2185" s="20">
        <v>0.95986700000000003</v>
      </c>
      <c r="CT2185" s="20">
        <v>0.88804099999999997</v>
      </c>
      <c r="CU2185" s="20">
        <v>0.86984099999999998</v>
      </c>
      <c r="CV2185" s="20">
        <v>0.87614599999999998</v>
      </c>
      <c r="CW2185" s="20">
        <v>0.88569600000000004</v>
      </c>
      <c r="CX2185" s="20">
        <v>0.88276299999999996</v>
      </c>
      <c r="CY2185" s="6" t="s">
        <v>741</v>
      </c>
      <c r="CZ2185" s="6" t="s">
        <v>279</v>
      </c>
      <c r="DA2185" s="6" t="s">
        <v>138</v>
      </c>
      <c r="DB2185" s="6"/>
      <c r="DC2185" s="6">
        <v>41180</v>
      </c>
      <c r="DD2185" s="6">
        <v>476</v>
      </c>
      <c r="DE2185" s="6" t="s">
        <v>508</v>
      </c>
      <c r="DF2185" s="6" t="s">
        <v>375</v>
      </c>
      <c r="DG2185" s="6" t="s">
        <v>364</v>
      </c>
      <c r="DH2185" s="6" t="s">
        <v>419</v>
      </c>
      <c r="DI2185" s="6" t="s">
        <v>509</v>
      </c>
      <c r="DJ2185" s="6">
        <v>29</v>
      </c>
      <c r="DK2185" s="6">
        <v>510</v>
      </c>
      <c r="DL2185" s="6">
        <v>1</v>
      </c>
      <c r="DM2185" s="6" t="s">
        <v>404</v>
      </c>
      <c r="DN2185" s="6">
        <v>1</v>
      </c>
      <c r="DO2185" s="6" t="s">
        <v>405</v>
      </c>
      <c r="DP2185" s="6"/>
      <c r="DQ2185" s="6"/>
    </row>
    <row r="2186" spans="1:121" x14ac:dyDescent="0.2">
      <c r="A2186" s="6" t="s">
        <v>327</v>
      </c>
      <c r="B2186" s="6" t="s">
        <v>327</v>
      </c>
      <c r="C2186" s="6" t="s">
        <v>194</v>
      </c>
      <c r="D2186" s="6" t="s">
        <v>138</v>
      </c>
      <c r="E2186" s="6" t="s">
        <v>279</v>
      </c>
      <c r="F2186" s="11">
        <v>-10512</v>
      </c>
      <c r="G2186" s="13">
        <v>-0.228278572825</v>
      </c>
      <c r="H2186" s="11">
        <v>-5988.4695490000013</v>
      </c>
      <c r="I2186" s="13">
        <v>-0.13004493487101648</v>
      </c>
      <c r="J2186" s="11">
        <v>-822.94875799999863</v>
      </c>
      <c r="K2186" s="13">
        <v>-2.0542512932102193E-2</v>
      </c>
      <c r="L2186" s="11">
        <v>-3701.2524367000005</v>
      </c>
      <c r="M2186" s="13">
        <v>-9.4328709045574971E-2</v>
      </c>
      <c r="N2186" s="11">
        <v>-4524.2011946999992</v>
      </c>
      <c r="O2186" s="13">
        <v>-0.11293347325223994</v>
      </c>
      <c r="P2186" s="7">
        <v>46049.233328000002</v>
      </c>
      <c r="Q2186" s="7">
        <v>45894.728711999996</v>
      </c>
      <c r="R2186" s="7">
        <v>44481.723023999999</v>
      </c>
      <c r="S2186" s="7">
        <v>42901.435937000002</v>
      </c>
      <c r="T2186" s="7">
        <v>42424.064889000001</v>
      </c>
      <c r="U2186" s="7">
        <v>41540.131638999999</v>
      </c>
      <c r="V2186" s="7">
        <v>40060.763779000001</v>
      </c>
      <c r="W2186" s="7">
        <v>39304.623871000003</v>
      </c>
      <c r="X2186" s="7">
        <v>40126.811320000001</v>
      </c>
      <c r="Y2186" s="7">
        <v>39237.815021000002</v>
      </c>
      <c r="Z2186" s="7">
        <v>38167.489919</v>
      </c>
      <c r="AA2186" s="7">
        <v>37556.948331</v>
      </c>
      <c r="AB2186" s="7">
        <v>37126.256429000001</v>
      </c>
      <c r="AC2186" s="7">
        <v>36887.560001999998</v>
      </c>
      <c r="AD2186" s="7">
        <v>36542.858369000001</v>
      </c>
      <c r="AE2186" s="7">
        <v>36230.331232800003</v>
      </c>
      <c r="AF2186" s="7">
        <v>35536.562584300002</v>
      </c>
      <c r="AG2186" s="9">
        <v>23368.849482499994</v>
      </c>
      <c r="AH2186" s="13">
        <v>0.48539938225761375</v>
      </c>
      <c r="AI2186" s="9">
        <v>9529.3216707999964</v>
      </c>
      <c r="AJ2186" s="13">
        <v>0.19793558325600427</v>
      </c>
      <c r="AK2186" s="9">
        <v>8510.9066272000055</v>
      </c>
      <c r="AL2186" s="13">
        <v>0.14757209697697898</v>
      </c>
      <c r="AM2186" s="9">
        <v>5328.6211844999925</v>
      </c>
      <c r="AN2186" s="13">
        <v>8.0512495852798086E-2</v>
      </c>
      <c r="AO2186" s="9">
        <v>13839.527811699998</v>
      </c>
      <c r="AP2186" s="13">
        <v>0.2399659906756248</v>
      </c>
      <c r="AQ2186" s="9">
        <v>48143.550108800002</v>
      </c>
      <c r="AR2186" s="9">
        <v>50325.025830099999</v>
      </c>
      <c r="AS2186" s="9">
        <v>53140.466642599997</v>
      </c>
      <c r="AT2186" s="9">
        <v>56304.857731299999</v>
      </c>
      <c r="AU2186" s="9">
        <v>56638.950575900002</v>
      </c>
      <c r="AV2186" s="9">
        <v>58659.570710400003</v>
      </c>
      <c r="AW2186" s="9">
        <v>57672.871779599998</v>
      </c>
      <c r="AX2186" s="9">
        <v>59211.7687965</v>
      </c>
      <c r="AY2186" s="9">
        <v>61381.094626500002</v>
      </c>
      <c r="AZ2186" s="9">
        <v>66183.778406800004</v>
      </c>
      <c r="BA2186" s="9">
        <v>67337.147185099995</v>
      </c>
      <c r="BB2186" s="9">
        <v>67594.838679299995</v>
      </c>
      <c r="BC2186" s="9">
        <v>67512.931201400002</v>
      </c>
      <c r="BD2186" s="9">
        <v>69043.915878200001</v>
      </c>
      <c r="BE2186" s="9">
        <v>71396.236859199998</v>
      </c>
      <c r="BF2186" s="9">
        <v>71512.399591299996</v>
      </c>
      <c r="BG2186" s="11">
        <v>-57.25</v>
      </c>
      <c r="BH2186" s="13">
        <v>-0.15514905149051492</v>
      </c>
      <c r="BI2186" s="6">
        <v>20</v>
      </c>
      <c r="BJ2186" s="13">
        <v>5.4200542005420058E-2</v>
      </c>
      <c r="BK2186" s="6">
        <v>-33</v>
      </c>
      <c r="BL2186" s="13">
        <v>-8.4832904884318772E-2</v>
      </c>
      <c r="BM2186" s="11">
        <v>-44.25</v>
      </c>
      <c r="BN2186" s="13">
        <v>-0.12429775280898876</v>
      </c>
      <c r="BO2186" s="11">
        <v>-77.25</v>
      </c>
      <c r="BP2186" s="13">
        <v>-0.19858611825192801</v>
      </c>
      <c r="BQ2186" s="6">
        <v>369</v>
      </c>
      <c r="BR2186" s="6">
        <v>369</v>
      </c>
      <c r="BS2186" s="6">
        <v>357</v>
      </c>
      <c r="BT2186" s="6">
        <v>389</v>
      </c>
      <c r="BU2186" s="6">
        <v>388</v>
      </c>
      <c r="BV2186" s="6">
        <v>386</v>
      </c>
      <c r="BW2186" s="6">
        <v>356</v>
      </c>
      <c r="BX2186" s="6">
        <v>341</v>
      </c>
      <c r="BY2186" s="6">
        <v>336</v>
      </c>
      <c r="BZ2186" s="6">
        <v>328</v>
      </c>
      <c r="CA2186" s="6">
        <v>321</v>
      </c>
      <c r="CB2186" s="6">
        <v>314</v>
      </c>
      <c r="CC2186" s="11">
        <v>311.75</v>
      </c>
      <c r="CD2186" s="11">
        <v>-12846.8</v>
      </c>
      <c r="CE2186" s="11">
        <v>-2699.62</v>
      </c>
      <c r="CF2186" s="11">
        <v>5033.74</v>
      </c>
      <c r="CG2186" s="11">
        <v>2334</v>
      </c>
      <c r="CH2186" s="20">
        <v>1.0467900000000001</v>
      </c>
      <c r="CI2186" s="20">
        <v>1.03481</v>
      </c>
      <c r="CJ2186" s="20">
        <v>1.0225299999999999</v>
      </c>
      <c r="CK2186" s="20">
        <v>1.0255300000000001</v>
      </c>
      <c r="CL2186" s="20">
        <v>1.02434</v>
      </c>
      <c r="CM2186" s="20">
        <v>1.0305200000000001</v>
      </c>
      <c r="CN2186" s="20">
        <v>0.97323999999999999</v>
      </c>
      <c r="CO2186" s="20">
        <v>0.93346899999999999</v>
      </c>
      <c r="CP2186" s="20">
        <v>0.96485200000000004</v>
      </c>
      <c r="CQ2186" s="20">
        <v>0.90488500000000005</v>
      </c>
      <c r="CR2186" s="20">
        <v>0.896706</v>
      </c>
      <c r="CS2186" s="20">
        <v>0.89863499999999996</v>
      </c>
      <c r="CT2186" s="20">
        <v>0.90349800000000002</v>
      </c>
      <c r="CU2186" s="20">
        <v>0.92166099999999995</v>
      </c>
      <c r="CV2186" s="20">
        <v>0.916103</v>
      </c>
      <c r="CW2186" s="20">
        <v>0.91263899999999998</v>
      </c>
      <c r="CX2186" s="20">
        <v>0.90266500000000005</v>
      </c>
      <c r="CY2186" s="6" t="s">
        <v>741</v>
      </c>
      <c r="CZ2186" s="6" t="s">
        <v>279</v>
      </c>
      <c r="DA2186" s="6" t="s">
        <v>138</v>
      </c>
      <c r="DB2186" s="6"/>
      <c r="DC2186" s="6">
        <v>41180</v>
      </c>
      <c r="DD2186" s="6">
        <v>476</v>
      </c>
      <c r="DE2186" s="6" t="s">
        <v>508</v>
      </c>
      <c r="DF2186" s="6" t="s">
        <v>375</v>
      </c>
      <c r="DG2186" s="6" t="s">
        <v>364</v>
      </c>
      <c r="DH2186" s="6" t="s">
        <v>419</v>
      </c>
      <c r="DI2186" s="6" t="s">
        <v>509</v>
      </c>
      <c r="DJ2186" s="6">
        <v>29</v>
      </c>
      <c r="DK2186" s="6">
        <v>510</v>
      </c>
      <c r="DL2186" s="6">
        <v>1</v>
      </c>
      <c r="DM2186" s="6" t="s">
        <v>404</v>
      </c>
      <c r="DN2186" s="6">
        <v>1</v>
      </c>
      <c r="DO2186" s="6" t="s">
        <v>405</v>
      </c>
      <c r="DP2186" s="6"/>
      <c r="DQ2186" s="6"/>
    </row>
    <row r="2187" spans="1:121" x14ac:dyDescent="0.2">
      <c r="A2187" s="6" t="s">
        <v>1</v>
      </c>
      <c r="B2187" s="6" t="s">
        <v>1</v>
      </c>
      <c r="C2187" s="6" t="s">
        <v>2</v>
      </c>
      <c r="D2187" s="6" t="s">
        <v>142</v>
      </c>
      <c r="E2187" s="6" t="s">
        <v>283</v>
      </c>
      <c r="F2187" s="11">
        <v>-58</v>
      </c>
      <c r="G2187" s="13">
        <v>-0.281553398058</v>
      </c>
      <c r="H2187" s="11">
        <v>-89.010740068000004</v>
      </c>
      <c r="I2187" s="13">
        <v>-0.43160101466264289</v>
      </c>
      <c r="J2187" s="11">
        <v>21.719621886000013</v>
      </c>
      <c r="K2187" s="13">
        <v>0.18528446655967629</v>
      </c>
      <c r="L2187" s="11">
        <v>9.1147186089999934</v>
      </c>
      <c r="M2187" s="13">
        <v>6.5600541423885689E-2</v>
      </c>
      <c r="N2187" s="11">
        <v>30.834340495000006</v>
      </c>
      <c r="O2187" s="13">
        <v>0.2630397693073126</v>
      </c>
      <c r="P2187" s="7">
        <v>206.233852665</v>
      </c>
      <c r="Q2187" s="7">
        <v>155.23142554500001</v>
      </c>
      <c r="R2187" s="7">
        <v>141.44037331600001</v>
      </c>
      <c r="S2187" s="7">
        <v>116.70453607499999</v>
      </c>
      <c r="T2187" s="7">
        <v>145.92123848899999</v>
      </c>
      <c r="U2187" s="7">
        <v>147.360300817</v>
      </c>
      <c r="V2187" s="7">
        <v>117.223112597</v>
      </c>
      <c r="W2187" s="7">
        <v>119.0199865</v>
      </c>
      <c r="X2187" s="7">
        <v>122.01821175400001</v>
      </c>
      <c r="Y2187" s="7">
        <v>138.94273448300001</v>
      </c>
      <c r="Z2187" s="7">
        <v>146.21191304999999</v>
      </c>
      <c r="AA2187" s="7">
        <v>150.13701143399999</v>
      </c>
      <c r="AB2187" s="7">
        <v>121.616582937</v>
      </c>
      <c r="AC2187" s="7">
        <v>140.88703294300001</v>
      </c>
      <c r="AD2187" s="7">
        <v>148.829657298</v>
      </c>
      <c r="AE2187" s="7">
        <v>147.79283475400001</v>
      </c>
      <c r="AF2187" s="7">
        <v>148.057453092</v>
      </c>
      <c r="AG2187" s="9">
        <v>9682.6011637000011</v>
      </c>
      <c r="AH2187" s="13">
        <v>0.44232212670743987</v>
      </c>
      <c r="AI2187" s="9">
        <v>1434.7826002000002</v>
      </c>
      <c r="AJ2187" s="13">
        <v>6.5543966993346831E-2</v>
      </c>
      <c r="AK2187" s="9">
        <v>3704.3218022000001</v>
      </c>
      <c r="AL2187" s="13">
        <v>0.1588122340404835</v>
      </c>
      <c r="AM2187" s="9">
        <v>4543.4967613000008</v>
      </c>
      <c r="AN2187" s="13">
        <v>0.16809407227678891</v>
      </c>
      <c r="AO2187" s="9">
        <v>8247.8185635000009</v>
      </c>
      <c r="AP2187" s="13">
        <v>0.35360170146451175</v>
      </c>
      <c r="AQ2187" s="9">
        <v>21890.383905899998</v>
      </c>
      <c r="AR2187" s="9">
        <v>20520.219756400002</v>
      </c>
      <c r="AS2187" s="9">
        <v>24946.789879399999</v>
      </c>
      <c r="AT2187" s="9">
        <v>21956.231073200001</v>
      </c>
      <c r="AU2187" s="9">
        <v>22154.729851399999</v>
      </c>
      <c r="AV2187" s="9">
        <v>22739.562516099999</v>
      </c>
      <c r="AW2187" s="9">
        <v>23325.166506099999</v>
      </c>
      <c r="AX2187" s="9">
        <v>24544.999851600001</v>
      </c>
      <c r="AY2187" s="9">
        <v>24544.6323668</v>
      </c>
      <c r="AZ2187" s="9">
        <v>27029.488308299999</v>
      </c>
      <c r="BA2187" s="9">
        <v>28276.9102227</v>
      </c>
      <c r="BB2187" s="9">
        <v>29081.070679100001</v>
      </c>
      <c r="BC2187" s="9">
        <v>31972.3840107</v>
      </c>
      <c r="BD2187" s="9">
        <v>31493.7413873</v>
      </c>
      <c r="BE2187" s="9">
        <v>31934.264694099998</v>
      </c>
      <c r="BF2187" s="9">
        <v>31572.985069599999</v>
      </c>
      <c r="BG2187" s="11">
        <v>4.75</v>
      </c>
      <c r="BH2187" s="13">
        <v>0.95</v>
      </c>
      <c r="BI2187" s="6">
        <v>2</v>
      </c>
      <c r="BJ2187" s="13">
        <v>0.4</v>
      </c>
      <c r="BK2187" s="6">
        <v>2</v>
      </c>
      <c r="BL2187" s="13">
        <v>0.2857142857142857</v>
      </c>
      <c r="BM2187" s="11">
        <v>0.75</v>
      </c>
      <c r="BN2187" s="13">
        <v>8.3333333333333329E-2</v>
      </c>
      <c r="BO2187" s="11">
        <v>2.75</v>
      </c>
      <c r="BP2187" s="13">
        <v>0.39285714285714285</v>
      </c>
      <c r="BQ2187" s="6">
        <v>5</v>
      </c>
      <c r="BR2187" s="6">
        <v>7</v>
      </c>
      <c r="BS2187" s="6">
        <v>8</v>
      </c>
      <c r="BT2187" s="6">
        <v>7</v>
      </c>
      <c r="BU2187" s="6">
        <v>7</v>
      </c>
      <c r="BV2187" s="6">
        <v>7</v>
      </c>
      <c r="BW2187" s="6">
        <v>9</v>
      </c>
      <c r="BX2187" s="6">
        <v>8</v>
      </c>
      <c r="BY2187" s="6">
        <v>8</v>
      </c>
      <c r="BZ2187" s="6">
        <v>7</v>
      </c>
      <c r="CA2187" s="6">
        <v>8</v>
      </c>
      <c r="CB2187" s="6">
        <v>8</v>
      </c>
      <c r="CC2187" s="11">
        <v>9.75</v>
      </c>
      <c r="CD2187" s="11">
        <v>-61.917099999999998</v>
      </c>
      <c r="CE2187" s="11">
        <v>-18.803100000000001</v>
      </c>
      <c r="CF2187" s="11">
        <v>22.543800000000001</v>
      </c>
      <c r="CG2187" s="11">
        <v>4</v>
      </c>
      <c r="CH2187" s="20">
        <v>2.3833299999999999</v>
      </c>
      <c r="CI2187" s="20">
        <v>1.8388100000000001</v>
      </c>
      <c r="CJ2187" s="20">
        <v>1.64747</v>
      </c>
      <c r="CK2187" s="20">
        <v>1.4193800000000001</v>
      </c>
      <c r="CL2187" s="20">
        <v>1.7380199999999999</v>
      </c>
      <c r="CM2187" s="20">
        <v>1.68912</v>
      </c>
      <c r="CN2187" s="20">
        <v>1.36053</v>
      </c>
      <c r="CO2187" s="20">
        <v>1.42479</v>
      </c>
      <c r="CP2187" s="20">
        <v>1.4685299999999999</v>
      </c>
      <c r="CQ2187" s="20">
        <v>1.70041</v>
      </c>
      <c r="CR2187" s="20">
        <v>1.82385</v>
      </c>
      <c r="CS2187" s="20">
        <v>1.9087499999999999</v>
      </c>
      <c r="CT2187" s="20">
        <v>1.56558</v>
      </c>
      <c r="CU2187" s="20">
        <v>1.81047</v>
      </c>
      <c r="CV2187" s="20">
        <v>1.9197500000000001</v>
      </c>
      <c r="CW2187" s="20">
        <v>1.9254</v>
      </c>
      <c r="CX2187" s="20">
        <v>1.8893500000000001</v>
      </c>
      <c r="CY2187" s="6" t="s">
        <v>682</v>
      </c>
      <c r="CZ2187" s="6" t="s">
        <v>683</v>
      </c>
      <c r="DA2187" s="6" t="s">
        <v>142</v>
      </c>
      <c r="DB2187" s="6" t="s">
        <v>345</v>
      </c>
      <c r="DC2187" s="6"/>
      <c r="DD2187" s="6"/>
      <c r="DE2187" s="6"/>
      <c r="DF2187" s="6"/>
      <c r="DG2187" s="6"/>
      <c r="DH2187" s="6" t="s">
        <v>333</v>
      </c>
      <c r="DI2187" s="6"/>
      <c r="DJ2187" s="6"/>
      <c r="DK2187" s="6"/>
      <c r="DL2187" s="6">
        <v>4</v>
      </c>
      <c r="DM2187" s="6" t="s">
        <v>446</v>
      </c>
      <c r="DN2187" s="6">
        <v>6</v>
      </c>
      <c r="DO2187" s="6" t="s">
        <v>393</v>
      </c>
      <c r="DP2187" s="6"/>
      <c r="DQ2187" s="6"/>
    </row>
    <row r="2188" spans="1:121" x14ac:dyDescent="0.2">
      <c r="A2188" s="6" t="s">
        <v>310</v>
      </c>
      <c r="B2188" s="6" t="s">
        <v>310</v>
      </c>
      <c r="C2188" s="6" t="s">
        <v>173</v>
      </c>
      <c r="D2188" s="6" t="s">
        <v>142</v>
      </c>
      <c r="E2188" s="6" t="s">
        <v>283</v>
      </c>
      <c r="F2188" s="11">
        <v>-79</v>
      </c>
      <c r="G2188" s="13">
        <v>-0.27719298245599999</v>
      </c>
      <c r="H2188" s="11">
        <v>13.577868502000001</v>
      </c>
      <c r="I2188" s="13">
        <v>4.7632188443055723E-2</v>
      </c>
      <c r="J2188" s="11">
        <v>-80.36229989200001</v>
      </c>
      <c r="K2188" s="13">
        <v>-0.26909923357548032</v>
      </c>
      <c r="L2188" s="11">
        <v>-11.898242088999979</v>
      </c>
      <c r="M2188" s="13">
        <v>-5.4511042439374234E-2</v>
      </c>
      <c r="N2188" s="11">
        <v>-92.260541980999989</v>
      </c>
      <c r="O2188" s="13">
        <v>-0.30894139627301848</v>
      </c>
      <c r="P2188" s="7">
        <v>285.056575098</v>
      </c>
      <c r="Q2188" s="7">
        <v>267.70879843300003</v>
      </c>
      <c r="R2188" s="7">
        <v>278.88615700000003</v>
      </c>
      <c r="S2188" s="7">
        <v>239.010491</v>
      </c>
      <c r="T2188" s="7">
        <v>235.84433305499999</v>
      </c>
      <c r="U2188" s="7">
        <v>276.54624387299998</v>
      </c>
      <c r="V2188" s="7">
        <v>298.6344436</v>
      </c>
      <c r="W2188" s="7">
        <v>263.910270416</v>
      </c>
      <c r="X2188" s="7">
        <v>232.829991105</v>
      </c>
      <c r="Y2188" s="7">
        <v>218.27214370799999</v>
      </c>
      <c r="Z2188" s="7">
        <v>219.93705299999999</v>
      </c>
      <c r="AA2188" s="7">
        <v>219.117671</v>
      </c>
      <c r="AB2188" s="7">
        <v>246.343323</v>
      </c>
      <c r="AC2188" s="7">
        <v>237.04247899999999</v>
      </c>
      <c r="AD2188" s="7">
        <v>223.10718299999999</v>
      </c>
      <c r="AE2188" s="7">
        <v>212.23673475000001</v>
      </c>
      <c r="AF2188" s="7">
        <v>206.37390161900001</v>
      </c>
      <c r="AG2188" s="9">
        <v>33003.572307900002</v>
      </c>
      <c r="AH2188" s="13">
        <v>0.72543734416000138</v>
      </c>
      <c r="AI2188" s="9">
        <v>10117.269224999996</v>
      </c>
      <c r="AJ2188" s="13">
        <v>0.22238334833162543</v>
      </c>
      <c r="AK2188" s="9">
        <v>10441.563992900003</v>
      </c>
      <c r="AL2188" s="13">
        <v>0.18775741064950735</v>
      </c>
      <c r="AM2188" s="9">
        <v>12444.739090000003</v>
      </c>
      <c r="AN2188" s="13">
        <v>0.18840376612171447</v>
      </c>
      <c r="AO2188" s="9">
        <v>22886.303082900005</v>
      </c>
      <c r="AP2188" s="13">
        <v>0.4115353800548503</v>
      </c>
      <c r="AQ2188" s="9">
        <v>45494.724766500003</v>
      </c>
      <c r="AR2188" s="9">
        <v>45971.003023999998</v>
      </c>
      <c r="AS2188" s="9">
        <v>47619.009112699998</v>
      </c>
      <c r="AT2188" s="9">
        <v>48554.619604599997</v>
      </c>
      <c r="AU2188" s="9">
        <v>49378.477235600003</v>
      </c>
      <c r="AV2188" s="9">
        <v>54985.3041018</v>
      </c>
      <c r="AW2188" s="9">
        <v>55611.9939915</v>
      </c>
      <c r="AX2188" s="9">
        <v>59000.480929899997</v>
      </c>
      <c r="AY2188" s="9">
        <v>65093.820680299999</v>
      </c>
      <c r="AZ2188" s="9">
        <v>66053.557984400002</v>
      </c>
      <c r="BA2188" s="9">
        <v>68653.808666900004</v>
      </c>
      <c r="BB2188" s="9">
        <v>74966.491508499996</v>
      </c>
      <c r="BC2188" s="9">
        <v>75556.267146600003</v>
      </c>
      <c r="BD2188" s="9">
        <v>75457.572837200001</v>
      </c>
      <c r="BE2188" s="9">
        <v>79815.366571299994</v>
      </c>
      <c r="BF2188" s="9">
        <v>78498.297074400005</v>
      </c>
      <c r="BG2188" s="11">
        <v>1</v>
      </c>
      <c r="BH2188" s="13">
        <v>0.16666666666666666</v>
      </c>
      <c r="BI2188" s="6">
        <v>0</v>
      </c>
      <c r="BJ2188" s="13">
        <v>0</v>
      </c>
      <c r="BK2188" s="6">
        <v>0</v>
      </c>
      <c r="BL2188" s="13">
        <v>0</v>
      </c>
      <c r="BM2188" s="11">
        <v>1</v>
      </c>
      <c r="BN2188" s="13">
        <v>0.16666666666666666</v>
      </c>
      <c r="BO2188" s="11">
        <v>1</v>
      </c>
      <c r="BP2188" s="13">
        <v>0.16666666666666666</v>
      </c>
      <c r="BQ2188" s="6">
        <v>6</v>
      </c>
      <c r="BR2188" s="6">
        <v>6</v>
      </c>
      <c r="BS2188" s="6">
        <v>6</v>
      </c>
      <c r="BT2188" s="6">
        <v>6</v>
      </c>
      <c r="BU2188" s="6">
        <v>6</v>
      </c>
      <c r="BV2188" s="6">
        <v>6</v>
      </c>
      <c r="BW2188" s="6">
        <v>6</v>
      </c>
      <c r="BX2188" s="6">
        <v>6</v>
      </c>
      <c r="BY2188" s="6">
        <v>6</v>
      </c>
      <c r="BZ2188" s="6">
        <v>6</v>
      </c>
      <c r="CA2188" s="6">
        <v>6</v>
      </c>
      <c r="CB2188" s="6">
        <v>7</v>
      </c>
      <c r="CC2188" s="11">
        <v>7</v>
      </c>
      <c r="CD2188" s="11">
        <v>-139.417</v>
      </c>
      <c r="CE2188" s="11">
        <v>29.574000000000002</v>
      </c>
      <c r="CF2188" s="11">
        <v>31.1601</v>
      </c>
      <c r="CG2188" s="11">
        <v>61</v>
      </c>
      <c r="CH2188" s="20">
        <v>11.610799999999999</v>
      </c>
      <c r="CI2188" s="20">
        <v>11.6753</v>
      </c>
      <c r="CJ2188" s="20">
        <v>12.129099999999999</v>
      </c>
      <c r="CK2188" s="20">
        <v>10.5024</v>
      </c>
      <c r="CL2188" s="20">
        <v>9.4688499999999998</v>
      </c>
      <c r="CM2188" s="20">
        <v>9.6996400000000005</v>
      </c>
      <c r="CN2188" s="20">
        <v>9.8418399999999995</v>
      </c>
      <c r="CO2188" s="20">
        <v>8.0937400000000004</v>
      </c>
      <c r="CP2188" s="20">
        <v>7.8861499999999998</v>
      </c>
      <c r="CQ2188" s="20">
        <v>7.3720400000000001</v>
      </c>
      <c r="CR2188" s="20">
        <v>6.8158399999999997</v>
      </c>
      <c r="CS2188" s="20">
        <v>6.4224399999999999</v>
      </c>
      <c r="CT2188" s="20">
        <v>7.2558600000000002</v>
      </c>
      <c r="CU2188" s="20">
        <v>6.8397699999999997</v>
      </c>
      <c r="CV2188" s="20">
        <v>7.3040000000000003</v>
      </c>
      <c r="CW2188" s="20">
        <v>8.2601800000000001</v>
      </c>
      <c r="CX2188" s="20">
        <v>7.7905600000000002</v>
      </c>
      <c r="CY2188" s="6" t="s">
        <v>682</v>
      </c>
      <c r="CZ2188" s="6" t="s">
        <v>683</v>
      </c>
      <c r="DA2188" s="6" t="s">
        <v>142</v>
      </c>
      <c r="DB2188" s="6" t="s">
        <v>345</v>
      </c>
      <c r="DC2188" s="6"/>
      <c r="DD2188" s="6"/>
      <c r="DE2188" s="6"/>
      <c r="DF2188" s="6"/>
      <c r="DG2188" s="6"/>
      <c r="DH2188" s="6" t="s">
        <v>333</v>
      </c>
      <c r="DI2188" s="6"/>
      <c r="DJ2188" s="6"/>
      <c r="DK2188" s="6"/>
      <c r="DL2188" s="6">
        <v>4</v>
      </c>
      <c r="DM2188" s="6" t="s">
        <v>446</v>
      </c>
      <c r="DN2188" s="6">
        <v>6</v>
      </c>
      <c r="DO2188" s="6" t="s">
        <v>393</v>
      </c>
      <c r="DP2188" s="6"/>
      <c r="DQ2188" s="6"/>
    </row>
    <row r="2189" spans="1:121" x14ac:dyDescent="0.2">
      <c r="A2189" s="6" t="s">
        <v>311</v>
      </c>
      <c r="B2189" s="6" t="s">
        <v>311</v>
      </c>
      <c r="C2189" s="6" t="s">
        <v>174</v>
      </c>
      <c r="D2189" s="6" t="s">
        <v>142</v>
      </c>
      <c r="E2189" s="6" t="s">
        <v>283</v>
      </c>
      <c r="F2189" s="11">
        <v>-22</v>
      </c>
      <c r="G2189" s="13">
        <v>-0.52380952381000001</v>
      </c>
      <c r="H2189" s="11">
        <v>1.2412120000000044</v>
      </c>
      <c r="I2189" s="13">
        <v>2.9830468587380775E-2</v>
      </c>
      <c r="J2189" s="11">
        <v>-2.6685569999999998</v>
      </c>
      <c r="K2189" s="13">
        <v>-6.2276594635916525E-2</v>
      </c>
      <c r="L2189" s="11">
        <v>-19.7640371249</v>
      </c>
      <c r="M2189" s="13">
        <v>-0.49186880290149287</v>
      </c>
      <c r="N2189" s="11">
        <v>-22.4325941249</v>
      </c>
      <c r="O2189" s="13">
        <v>-0.52351348348505955</v>
      </c>
      <c r="P2189" s="7">
        <v>41.608866999999996</v>
      </c>
      <c r="Q2189" s="7">
        <v>44.736384000000001</v>
      </c>
      <c r="R2189" s="7">
        <v>50.675618</v>
      </c>
      <c r="S2189" s="7">
        <v>43.912629000000003</v>
      </c>
      <c r="T2189" s="7">
        <v>44.483151999999997</v>
      </c>
      <c r="U2189" s="7">
        <v>49.077584999999999</v>
      </c>
      <c r="V2189" s="7">
        <v>42.850079000000001</v>
      </c>
      <c r="W2189" s="7">
        <v>40.849981</v>
      </c>
      <c r="X2189" s="7">
        <v>38.918106000000002</v>
      </c>
      <c r="Y2189" s="7">
        <v>40.181522000000001</v>
      </c>
      <c r="Z2189" s="7">
        <v>34.326044000000003</v>
      </c>
      <c r="AA2189" s="7">
        <v>35.768289000000003</v>
      </c>
      <c r="AB2189" s="7">
        <v>46.792140000000003</v>
      </c>
      <c r="AC2189" s="7">
        <v>42.729965</v>
      </c>
      <c r="AD2189" s="7">
        <v>20.198475999999999</v>
      </c>
      <c r="AE2189" s="7">
        <v>22.543019749999999</v>
      </c>
      <c r="AF2189" s="7">
        <v>20.417484875100001</v>
      </c>
      <c r="AG2189" s="9">
        <v>72825.092390100006</v>
      </c>
      <c r="AH2189" s="13">
        <v>1.8148559424534896</v>
      </c>
      <c r="AI2189" s="9">
        <v>32347.372991199998</v>
      </c>
      <c r="AJ2189" s="13">
        <v>0.80612080491942384</v>
      </c>
      <c r="AK2189" s="9">
        <v>77774.691643900005</v>
      </c>
      <c r="AL2189" s="13">
        <v>1.0731306921576156</v>
      </c>
      <c r="AM2189" s="9">
        <v>-37296.972244999997</v>
      </c>
      <c r="AN2189" s="13">
        <v>-0.24823397072515929</v>
      </c>
      <c r="AO2189" s="9">
        <v>40477.719398900008</v>
      </c>
      <c r="AP2189" s="13">
        <v>0.55850922861113284</v>
      </c>
      <c r="AQ2189" s="9">
        <v>40127.202763900001</v>
      </c>
      <c r="AR2189" s="9">
        <v>48841.072675000003</v>
      </c>
      <c r="AS2189" s="9">
        <v>60194.959332300001</v>
      </c>
      <c r="AT2189" s="9">
        <v>66061.317496100004</v>
      </c>
      <c r="AU2189" s="9">
        <v>59400.896751599998</v>
      </c>
      <c r="AV2189" s="9">
        <v>76236.596029799999</v>
      </c>
      <c r="AW2189" s="9">
        <v>72474.575755099999</v>
      </c>
      <c r="AX2189" s="9">
        <v>57545.617493999998</v>
      </c>
      <c r="AY2189" s="9">
        <v>44687.0197539</v>
      </c>
      <c r="AZ2189" s="9">
        <v>150249.267399</v>
      </c>
      <c r="BA2189" s="9">
        <v>132546.38345200001</v>
      </c>
      <c r="BB2189" s="9">
        <v>53944.003451999997</v>
      </c>
      <c r="BC2189" s="9">
        <v>83988.703116999997</v>
      </c>
      <c r="BD2189" s="9">
        <v>88005.015805300005</v>
      </c>
      <c r="BE2189" s="9">
        <v>75880.558545599997</v>
      </c>
      <c r="BF2189" s="9">
        <v>112952.29515400001</v>
      </c>
      <c r="BG2189" s="11">
        <v>0</v>
      </c>
      <c r="BH2189" s="13">
        <v>0</v>
      </c>
      <c r="BI2189" s="6">
        <v>0</v>
      </c>
      <c r="BJ2189" s="13">
        <v>0</v>
      </c>
      <c r="BK2189" s="6">
        <v>1</v>
      </c>
      <c r="BL2189" s="13">
        <v>0.5</v>
      </c>
      <c r="BM2189" s="11">
        <v>-1</v>
      </c>
      <c r="BN2189" s="13">
        <v>-0.33333333333333331</v>
      </c>
      <c r="BO2189" s="11">
        <v>0</v>
      </c>
      <c r="BP2189" s="13">
        <v>0</v>
      </c>
      <c r="BQ2189" s="6">
        <v>2</v>
      </c>
      <c r="BR2189" s="6">
        <v>2</v>
      </c>
      <c r="BS2189" s="6">
        <v>2</v>
      </c>
      <c r="BT2189" s="6">
        <v>2</v>
      </c>
      <c r="BU2189" s="6">
        <v>2</v>
      </c>
      <c r="BV2189" s="6">
        <v>3</v>
      </c>
      <c r="BW2189" s="6">
        <v>3</v>
      </c>
      <c r="BX2189" s="6">
        <v>3</v>
      </c>
      <c r="BY2189" s="6">
        <v>3</v>
      </c>
      <c r="BZ2189" s="6">
        <v>3</v>
      </c>
      <c r="CA2189" s="6">
        <v>2</v>
      </c>
      <c r="CB2189" s="6">
        <v>2</v>
      </c>
      <c r="CC2189" s="11">
        <v>2</v>
      </c>
      <c r="CD2189" s="11">
        <v>-18.963999999999999</v>
      </c>
      <c r="CE2189" s="11">
        <v>-6.7757399999999999</v>
      </c>
      <c r="CF2189" s="11">
        <v>4.5483500000000001</v>
      </c>
      <c r="CG2189" s="11">
        <v>-2</v>
      </c>
      <c r="CH2189" s="20">
        <v>1.5468500000000001</v>
      </c>
      <c r="CI2189" s="20">
        <v>1.71041</v>
      </c>
      <c r="CJ2189" s="20">
        <v>1.96722</v>
      </c>
      <c r="CK2189" s="20">
        <v>1.82839</v>
      </c>
      <c r="CL2189" s="20">
        <v>1.86947</v>
      </c>
      <c r="CM2189" s="20">
        <v>1.99536</v>
      </c>
      <c r="CN2189" s="20">
        <v>1.7402500000000001</v>
      </c>
      <c r="CO2189" s="20">
        <v>1.6387400000000001</v>
      </c>
      <c r="CP2189" s="20">
        <v>1.5480700000000001</v>
      </c>
      <c r="CQ2189" s="20">
        <v>1.6423300000000001</v>
      </c>
      <c r="CR2189" s="20">
        <v>1.4422999999999999</v>
      </c>
      <c r="CS2189" s="20">
        <v>1.5518700000000001</v>
      </c>
      <c r="CT2189" s="20">
        <v>2.0811199999999999</v>
      </c>
      <c r="CU2189" s="20">
        <v>1.9113199999999999</v>
      </c>
      <c r="CV2189" s="20">
        <v>0.90822400000000003</v>
      </c>
      <c r="CW2189" s="20">
        <v>1.0224599999999999</v>
      </c>
      <c r="CX2189" s="20">
        <v>0.90161599999999997</v>
      </c>
      <c r="CY2189" s="6" t="s">
        <v>682</v>
      </c>
      <c r="CZ2189" s="6" t="s">
        <v>683</v>
      </c>
      <c r="DA2189" s="6" t="s">
        <v>142</v>
      </c>
      <c r="DB2189" s="6" t="s">
        <v>345</v>
      </c>
      <c r="DC2189" s="6"/>
      <c r="DD2189" s="6"/>
      <c r="DE2189" s="6"/>
      <c r="DF2189" s="6"/>
      <c r="DG2189" s="6"/>
      <c r="DH2189" s="6" t="s">
        <v>333</v>
      </c>
      <c r="DI2189" s="6"/>
      <c r="DJ2189" s="6"/>
      <c r="DK2189" s="6"/>
      <c r="DL2189" s="6">
        <v>4</v>
      </c>
      <c r="DM2189" s="6" t="s">
        <v>446</v>
      </c>
      <c r="DN2189" s="6">
        <v>6</v>
      </c>
      <c r="DO2189" s="6" t="s">
        <v>393</v>
      </c>
      <c r="DP2189" s="6"/>
      <c r="DQ2189" s="6"/>
    </row>
    <row r="2190" spans="1:121" x14ac:dyDescent="0.2">
      <c r="A2190" s="6" t="s">
        <v>312</v>
      </c>
      <c r="B2190" s="6" t="s">
        <v>312</v>
      </c>
      <c r="C2190" s="6" t="s">
        <v>175</v>
      </c>
      <c r="D2190" s="6" t="s">
        <v>142</v>
      </c>
      <c r="E2190" s="6" t="s">
        <v>283</v>
      </c>
      <c r="F2190" s="11">
        <v>-52</v>
      </c>
      <c r="G2190" s="13">
        <v>-8.7986463621000002E-2</v>
      </c>
      <c r="H2190" s="11">
        <v>202.84069429099998</v>
      </c>
      <c r="I2190" s="13">
        <v>0.34295229322667148</v>
      </c>
      <c r="J2190" s="11">
        <v>-232.22928361900006</v>
      </c>
      <c r="K2190" s="13">
        <v>-0.29237148939679208</v>
      </c>
      <c r="L2190" s="11">
        <v>-23.389866073000007</v>
      </c>
      <c r="M2190" s="13">
        <v>-4.1614094618891595E-2</v>
      </c>
      <c r="N2190" s="11">
        <v>-255.61914969200006</v>
      </c>
      <c r="O2190" s="13">
        <v>-0.3218188091920593</v>
      </c>
      <c r="P2190" s="7">
        <v>591.45455008500005</v>
      </c>
      <c r="Q2190" s="7">
        <v>558.57958552699995</v>
      </c>
      <c r="R2190" s="7">
        <v>625.104276798</v>
      </c>
      <c r="S2190" s="7">
        <v>652.51732874599998</v>
      </c>
      <c r="T2190" s="7">
        <v>672.87510835700004</v>
      </c>
      <c r="U2190" s="7">
        <v>699.17492012100001</v>
      </c>
      <c r="V2190" s="7">
        <v>794.29524437600003</v>
      </c>
      <c r="W2190" s="7">
        <v>847.65860323300001</v>
      </c>
      <c r="X2190" s="7">
        <v>647.38673627200001</v>
      </c>
      <c r="Y2190" s="7">
        <v>562.06596075699997</v>
      </c>
      <c r="Z2190" s="7">
        <v>545.80123952700001</v>
      </c>
      <c r="AA2190" s="7">
        <v>509.10382517900001</v>
      </c>
      <c r="AB2190" s="7">
        <v>506.883480464</v>
      </c>
      <c r="AC2190" s="7">
        <v>480.42280275600001</v>
      </c>
      <c r="AD2190" s="7">
        <v>530.31724311899995</v>
      </c>
      <c r="AE2190" s="7">
        <v>537.93240609999998</v>
      </c>
      <c r="AF2190" s="7">
        <v>538.67609468399996</v>
      </c>
      <c r="AG2190" s="9">
        <v>10986.982701299996</v>
      </c>
      <c r="AH2190" s="13">
        <v>0.29604020753280447</v>
      </c>
      <c r="AI2190" s="9">
        <v>13256.492303599996</v>
      </c>
      <c r="AJ2190" s="13">
        <v>0.35719130897060763</v>
      </c>
      <c r="AK2190" s="9">
        <v>-8549.7383682</v>
      </c>
      <c r="AL2190" s="13">
        <v>-0.16973992829822329</v>
      </c>
      <c r="AM2190" s="9">
        <v>6280.2287658999994</v>
      </c>
      <c r="AN2190" s="13">
        <v>0.15017322261341581</v>
      </c>
      <c r="AO2190" s="9">
        <v>-2269.5096023000006</v>
      </c>
      <c r="AP2190" s="13">
        <v>-4.5057097723521823E-2</v>
      </c>
      <c r="AQ2190" s="9">
        <v>37113.143491100003</v>
      </c>
      <c r="AR2190" s="9">
        <v>35309.39155</v>
      </c>
      <c r="AS2190" s="9">
        <v>39096.050781899998</v>
      </c>
      <c r="AT2190" s="9">
        <v>37779.355788499997</v>
      </c>
      <c r="AU2190" s="9">
        <v>41396.169395600002</v>
      </c>
      <c r="AV2190" s="9">
        <v>44054.181448800002</v>
      </c>
      <c r="AW2190" s="9">
        <v>50369.6357947</v>
      </c>
      <c r="AX2190" s="9">
        <v>53998.766572300003</v>
      </c>
      <c r="AY2190" s="9">
        <v>50001.619062799997</v>
      </c>
      <c r="AZ2190" s="9">
        <v>41819.8974265</v>
      </c>
      <c r="BA2190" s="9">
        <v>41914.299056800002</v>
      </c>
      <c r="BB2190" s="9">
        <v>45170.207724799999</v>
      </c>
      <c r="BC2190" s="9">
        <v>44415.267065200002</v>
      </c>
      <c r="BD2190" s="9">
        <v>46823.758429399997</v>
      </c>
      <c r="BE2190" s="9">
        <v>48470.792827899997</v>
      </c>
      <c r="BF2190" s="9">
        <v>48100.126192399999</v>
      </c>
      <c r="BG2190" s="11">
        <v>0.5</v>
      </c>
      <c r="BH2190" s="13">
        <v>7.8125E-3</v>
      </c>
      <c r="BI2190" s="6">
        <v>9</v>
      </c>
      <c r="BJ2190" s="13">
        <v>0.140625</v>
      </c>
      <c r="BK2190" s="6">
        <v>1</v>
      </c>
      <c r="BL2190" s="13">
        <v>1.3698630136986301E-2</v>
      </c>
      <c r="BM2190" s="11">
        <v>-9.5</v>
      </c>
      <c r="BN2190" s="13">
        <v>-0.12837837837837837</v>
      </c>
      <c r="BO2190" s="11">
        <v>-8.5</v>
      </c>
      <c r="BP2190" s="13">
        <v>-0.11643835616438356</v>
      </c>
      <c r="BQ2190" s="6">
        <v>64</v>
      </c>
      <c r="BR2190" s="6">
        <v>65</v>
      </c>
      <c r="BS2190" s="6">
        <v>69</v>
      </c>
      <c r="BT2190" s="6">
        <v>73</v>
      </c>
      <c r="BU2190" s="6">
        <v>71</v>
      </c>
      <c r="BV2190" s="6">
        <v>72</v>
      </c>
      <c r="BW2190" s="6">
        <v>74</v>
      </c>
      <c r="BX2190" s="6">
        <v>72</v>
      </c>
      <c r="BY2190" s="6">
        <v>68</v>
      </c>
      <c r="BZ2190" s="6">
        <v>71</v>
      </c>
      <c r="CA2190" s="6">
        <v>66</v>
      </c>
      <c r="CB2190" s="6">
        <v>66</v>
      </c>
      <c r="CC2190" s="11">
        <v>64.5</v>
      </c>
      <c r="CD2190" s="11">
        <v>-45.791400000000003</v>
      </c>
      <c r="CE2190" s="11">
        <v>-71.640199999999993</v>
      </c>
      <c r="CF2190" s="11">
        <v>64.653099999999995</v>
      </c>
      <c r="CG2190" s="11">
        <v>-7</v>
      </c>
      <c r="CH2190" s="20">
        <v>1.5159499999999999</v>
      </c>
      <c r="CI2190" s="20">
        <v>1.4622200000000001</v>
      </c>
      <c r="CJ2190" s="20">
        <v>1.58775</v>
      </c>
      <c r="CK2190" s="20">
        <v>1.66673</v>
      </c>
      <c r="CL2190" s="20">
        <v>1.61737</v>
      </c>
      <c r="CM2190" s="20">
        <v>1.5484</v>
      </c>
      <c r="CN2190" s="20">
        <v>1.78077</v>
      </c>
      <c r="CO2190" s="20">
        <v>2.0146199999999999</v>
      </c>
      <c r="CP2190" s="20">
        <v>1.7598199999999999</v>
      </c>
      <c r="CQ2190" s="20">
        <v>1.6796</v>
      </c>
      <c r="CR2190" s="20">
        <v>1.6943299999999999</v>
      </c>
      <c r="CS2190" s="20">
        <v>1.6165400000000001</v>
      </c>
      <c r="CT2190" s="20">
        <v>1.60995</v>
      </c>
      <c r="CU2190" s="20">
        <v>1.4880500000000001</v>
      </c>
      <c r="CV2190" s="20">
        <v>1.6054900000000001</v>
      </c>
      <c r="CW2190" s="20">
        <v>1.6088100000000001</v>
      </c>
      <c r="CX2190" s="20">
        <v>1.5707800000000001</v>
      </c>
      <c r="CY2190" s="6" t="s">
        <v>682</v>
      </c>
      <c r="CZ2190" s="6" t="s">
        <v>683</v>
      </c>
      <c r="DA2190" s="6" t="s">
        <v>142</v>
      </c>
      <c r="DB2190" s="6" t="s">
        <v>345</v>
      </c>
      <c r="DC2190" s="6"/>
      <c r="DD2190" s="6"/>
      <c r="DE2190" s="6"/>
      <c r="DF2190" s="6"/>
      <c r="DG2190" s="6"/>
      <c r="DH2190" s="6" t="s">
        <v>333</v>
      </c>
      <c r="DI2190" s="6"/>
      <c r="DJ2190" s="6"/>
      <c r="DK2190" s="6"/>
      <c r="DL2190" s="6">
        <v>4</v>
      </c>
      <c r="DM2190" s="6" t="s">
        <v>446</v>
      </c>
      <c r="DN2190" s="6">
        <v>6</v>
      </c>
      <c r="DO2190" s="6" t="s">
        <v>393</v>
      </c>
      <c r="DP2190" s="6"/>
      <c r="DQ2190" s="6"/>
    </row>
    <row r="2191" spans="1:121" x14ac:dyDescent="0.2">
      <c r="A2191" s="6" t="s">
        <v>792</v>
      </c>
      <c r="B2191" s="6" t="s">
        <v>176</v>
      </c>
      <c r="C2191" s="6" t="s">
        <v>177</v>
      </c>
      <c r="D2191" s="6" t="s">
        <v>142</v>
      </c>
      <c r="E2191" s="6" t="s">
        <v>283</v>
      </c>
      <c r="F2191" s="11">
        <v>-960</v>
      </c>
      <c r="G2191" s="13">
        <v>-0.56206088993000003</v>
      </c>
      <c r="H2191" s="11">
        <v>-101.48983948999989</v>
      </c>
      <c r="I2191" s="13">
        <v>-5.9432208634501757E-2</v>
      </c>
      <c r="J2191" s="11">
        <v>-133.36366331999989</v>
      </c>
      <c r="K2191" s="13">
        <v>-8.3032233063415284E-2</v>
      </c>
      <c r="L2191" s="11">
        <v>-725.10686634500007</v>
      </c>
      <c r="M2191" s="13">
        <v>-0.4923309627470428</v>
      </c>
      <c r="N2191" s="11">
        <v>-858.47052966499996</v>
      </c>
      <c r="O2191" s="13">
        <v>-0.53448385656731001</v>
      </c>
      <c r="P2191" s="7">
        <v>1707.6572084699999</v>
      </c>
      <c r="Q2191" s="7">
        <v>1603.56184162</v>
      </c>
      <c r="R2191" s="7">
        <v>1642.69070889</v>
      </c>
      <c r="S2191" s="7">
        <v>1483.89179883</v>
      </c>
      <c r="T2191" s="7">
        <v>1538.3586226499999</v>
      </c>
      <c r="U2191" s="7">
        <v>1598.83432922</v>
      </c>
      <c r="V2191" s="7">
        <v>1606.16736898</v>
      </c>
      <c r="W2191" s="7">
        <v>1606.09508547</v>
      </c>
      <c r="X2191" s="7">
        <v>1496.6286074699999</v>
      </c>
      <c r="Y2191" s="7">
        <v>1472.8037056600001</v>
      </c>
      <c r="Z2191" s="7">
        <v>1429.4263333900001</v>
      </c>
      <c r="AA2191" s="7">
        <v>1369.52865</v>
      </c>
      <c r="AB2191" s="7">
        <v>682.16335877200004</v>
      </c>
      <c r="AC2191" s="7">
        <v>606.52300153500005</v>
      </c>
      <c r="AD2191" s="7">
        <v>729.30803708099995</v>
      </c>
      <c r="AE2191" s="7">
        <v>715.15384184599998</v>
      </c>
      <c r="AF2191" s="7">
        <v>747.69683931500003</v>
      </c>
      <c r="AG2191" s="9">
        <v>20140.689440800001</v>
      </c>
      <c r="AH2191" s="13">
        <v>0.57629655399595381</v>
      </c>
      <c r="AI2191" s="9">
        <v>12806.224777700001</v>
      </c>
      <c r="AJ2191" s="13">
        <v>0.36643150825491128</v>
      </c>
      <c r="AK2191" s="9">
        <v>5363.9520163999987</v>
      </c>
      <c r="AL2191" s="13">
        <v>0.11232300305941639</v>
      </c>
      <c r="AM2191" s="9">
        <v>1970.5126467000009</v>
      </c>
      <c r="AN2191" s="13">
        <v>3.7096431102573366E-2</v>
      </c>
      <c r="AO2191" s="9">
        <v>7334.4646630999996</v>
      </c>
      <c r="AP2191" s="13">
        <v>0.15358621670621755</v>
      </c>
      <c r="AQ2191" s="9">
        <v>34948.481473899999</v>
      </c>
      <c r="AR2191" s="9">
        <v>38826.983956600001</v>
      </c>
      <c r="AS2191" s="9">
        <v>38804.5935627</v>
      </c>
      <c r="AT2191" s="9">
        <v>41199.231255500003</v>
      </c>
      <c r="AU2191" s="9">
        <v>42629.412156799997</v>
      </c>
      <c r="AV2191" s="9">
        <v>48483.168892100002</v>
      </c>
      <c r="AW2191" s="9">
        <v>47754.706251600001</v>
      </c>
      <c r="AX2191" s="9">
        <v>49377.5388981</v>
      </c>
      <c r="AY2191" s="9">
        <v>48328.1250248</v>
      </c>
      <c r="AZ2191" s="9">
        <v>53118.658267999999</v>
      </c>
      <c r="BA2191" s="9">
        <v>56270.276827499998</v>
      </c>
      <c r="BB2191" s="9">
        <v>60483.517650100002</v>
      </c>
      <c r="BC2191" s="9">
        <v>36482.236158699998</v>
      </c>
      <c r="BD2191" s="9">
        <v>34402.7530663</v>
      </c>
      <c r="BE2191" s="9">
        <v>56163.815665100003</v>
      </c>
      <c r="BF2191" s="9">
        <v>55089.1709147</v>
      </c>
      <c r="BG2191" s="11">
        <v>-9.5</v>
      </c>
      <c r="BH2191" s="13">
        <v>-0.24358974358974358</v>
      </c>
      <c r="BI2191" s="6">
        <v>-6</v>
      </c>
      <c r="BJ2191" s="13">
        <v>-0.15384615384615385</v>
      </c>
      <c r="BK2191" s="6">
        <v>-1</v>
      </c>
      <c r="BL2191" s="13">
        <v>-3.0303030303030304E-2</v>
      </c>
      <c r="BM2191" s="11">
        <v>-2.5</v>
      </c>
      <c r="BN2191" s="13">
        <v>-7.8125E-2</v>
      </c>
      <c r="BO2191" s="11">
        <v>-3.5</v>
      </c>
      <c r="BP2191" s="13">
        <v>-0.10606060606060606</v>
      </c>
      <c r="BQ2191" s="6">
        <v>39</v>
      </c>
      <c r="BR2191" s="6">
        <v>41</v>
      </c>
      <c r="BS2191" s="6">
        <v>39</v>
      </c>
      <c r="BT2191" s="6">
        <v>33</v>
      </c>
      <c r="BU2191" s="6">
        <v>31</v>
      </c>
      <c r="BV2191" s="6">
        <v>31</v>
      </c>
      <c r="BW2191" s="6">
        <v>32</v>
      </c>
      <c r="BX2191" s="6">
        <v>33</v>
      </c>
      <c r="BY2191" s="6">
        <v>30</v>
      </c>
      <c r="BZ2191" s="6">
        <v>33</v>
      </c>
      <c r="CA2191" s="6">
        <v>32</v>
      </c>
      <c r="CB2191" s="6">
        <v>31</v>
      </c>
      <c r="CC2191" s="11">
        <v>29.5</v>
      </c>
      <c r="CD2191" s="11">
        <v>-543.86300000000006</v>
      </c>
      <c r="CE2191" s="11">
        <v>-602.76499999999999</v>
      </c>
      <c r="CF2191" s="11">
        <v>186.667</v>
      </c>
      <c r="CG2191" s="11">
        <v>-416</v>
      </c>
      <c r="CH2191" s="20">
        <v>2.2862300000000002</v>
      </c>
      <c r="CI2191" s="20">
        <v>2.3431600000000001</v>
      </c>
      <c r="CJ2191" s="20">
        <v>2.4896199999999999</v>
      </c>
      <c r="CK2191" s="20">
        <v>2.3954599999999999</v>
      </c>
      <c r="CL2191" s="20">
        <v>2.4608400000000001</v>
      </c>
      <c r="CM2191" s="20">
        <v>2.4698799999999999</v>
      </c>
      <c r="CN2191" s="20">
        <v>2.5430299999999999</v>
      </c>
      <c r="CO2191" s="20">
        <v>2.63748</v>
      </c>
      <c r="CP2191" s="20">
        <v>2.76953</v>
      </c>
      <c r="CQ2191" s="20">
        <v>2.8342900000000002</v>
      </c>
      <c r="CR2191" s="20">
        <v>2.7725200000000001</v>
      </c>
      <c r="CS2191" s="20">
        <v>2.6975799999999999</v>
      </c>
      <c r="CT2191" s="20">
        <v>1.36521</v>
      </c>
      <c r="CU2191" s="20">
        <v>1.2127300000000001</v>
      </c>
      <c r="CV2191" s="20">
        <v>1.46523</v>
      </c>
      <c r="CW2191" s="20">
        <v>1.45035</v>
      </c>
      <c r="CX2191" s="20">
        <v>1.48797</v>
      </c>
      <c r="CY2191" s="6" t="s">
        <v>682</v>
      </c>
      <c r="CZ2191" s="6" t="s">
        <v>683</v>
      </c>
      <c r="DA2191" s="6" t="s">
        <v>142</v>
      </c>
      <c r="DB2191" s="6" t="s">
        <v>345</v>
      </c>
      <c r="DC2191" s="6"/>
      <c r="DD2191" s="6"/>
      <c r="DE2191" s="6"/>
      <c r="DF2191" s="6"/>
      <c r="DG2191" s="6"/>
      <c r="DH2191" s="6" t="s">
        <v>333</v>
      </c>
      <c r="DI2191" s="6"/>
      <c r="DJ2191" s="6"/>
      <c r="DK2191" s="6"/>
      <c r="DL2191" s="6">
        <v>4</v>
      </c>
      <c r="DM2191" s="6" t="s">
        <v>446</v>
      </c>
      <c r="DN2191" s="6">
        <v>6</v>
      </c>
      <c r="DO2191" s="6" t="s">
        <v>393</v>
      </c>
      <c r="DP2191" s="6"/>
      <c r="DQ2191" s="6"/>
    </row>
    <row r="2192" spans="1:121" x14ac:dyDescent="0.2">
      <c r="A2192" s="6" t="s">
        <v>313</v>
      </c>
      <c r="B2192" s="6" t="s">
        <v>313</v>
      </c>
      <c r="C2192" s="6" t="s">
        <v>178</v>
      </c>
      <c r="D2192" s="6" t="s">
        <v>142</v>
      </c>
      <c r="E2192" s="6" t="s">
        <v>283</v>
      </c>
      <c r="F2192" s="11">
        <v>-15</v>
      </c>
      <c r="G2192" s="13">
        <v>-8.5227272727300005E-2</v>
      </c>
      <c r="H2192" s="11">
        <v>108.14452709400001</v>
      </c>
      <c r="I2192" s="13">
        <v>0.61550875736528143</v>
      </c>
      <c r="J2192" s="11">
        <v>189.73260867699997</v>
      </c>
      <c r="K2192" s="13">
        <v>0.66843987900163948</v>
      </c>
      <c r="L2192" s="11">
        <v>-312.78973606799997</v>
      </c>
      <c r="M2192" s="13">
        <v>-0.66048400658987083</v>
      </c>
      <c r="N2192" s="11">
        <v>-123.05712739099999</v>
      </c>
      <c r="O2192" s="13">
        <v>-0.43353797703568259</v>
      </c>
      <c r="P2192" s="7">
        <v>175.699412559</v>
      </c>
      <c r="Q2192" s="7">
        <v>165.99197355499999</v>
      </c>
      <c r="R2192" s="7">
        <v>226.79868734900001</v>
      </c>
      <c r="S2192" s="7">
        <v>193.57965844</v>
      </c>
      <c r="T2192" s="7">
        <v>191.39728006499999</v>
      </c>
      <c r="U2192" s="7">
        <v>208.131659732</v>
      </c>
      <c r="V2192" s="7">
        <v>283.84393965300001</v>
      </c>
      <c r="W2192" s="7">
        <v>370.81909713700003</v>
      </c>
      <c r="X2192" s="7">
        <v>483.96541599400001</v>
      </c>
      <c r="Y2192" s="7">
        <v>473.57654832999998</v>
      </c>
      <c r="Z2192" s="7">
        <v>449.39374232300003</v>
      </c>
      <c r="AA2192" s="7">
        <v>417.86857671299998</v>
      </c>
      <c r="AB2192" s="7">
        <v>392.46799354799998</v>
      </c>
      <c r="AC2192" s="7">
        <v>382.12018092</v>
      </c>
      <c r="AD2192" s="7">
        <v>173.021301833</v>
      </c>
      <c r="AE2192" s="7">
        <v>170.852580899</v>
      </c>
      <c r="AF2192" s="7">
        <v>160.78681226200001</v>
      </c>
      <c r="AG2192" s="9">
        <v>30941.893188699993</v>
      </c>
      <c r="AH2192" s="13">
        <v>0.73159519216096436</v>
      </c>
      <c r="AI2192" s="9">
        <v>17339.458313199997</v>
      </c>
      <c r="AJ2192" s="13">
        <v>0.40997699330321918</v>
      </c>
      <c r="AK2192" s="9">
        <v>11142.941499799999</v>
      </c>
      <c r="AL2192" s="13">
        <v>0.18685803794224085</v>
      </c>
      <c r="AM2192" s="9">
        <v>2459.4933756999962</v>
      </c>
      <c r="AN2192" s="13">
        <v>3.4750320598888731E-2</v>
      </c>
      <c r="AO2192" s="9">
        <v>13602.434875499996</v>
      </c>
      <c r="AP2192" s="13">
        <v>0.22810173526610175</v>
      </c>
      <c r="AQ2192" s="9">
        <v>42293.7350057</v>
      </c>
      <c r="AR2192" s="9">
        <v>46045.420057099996</v>
      </c>
      <c r="AS2192" s="9">
        <v>36011.800456700003</v>
      </c>
      <c r="AT2192" s="9">
        <v>34421.557714900002</v>
      </c>
      <c r="AU2192" s="9">
        <v>40994.223461399997</v>
      </c>
      <c r="AV2192" s="9">
        <v>49580.446645800002</v>
      </c>
      <c r="AW2192" s="9">
        <v>59633.193318899997</v>
      </c>
      <c r="AX2192" s="9">
        <v>62333.138140100004</v>
      </c>
      <c r="AY2192" s="9">
        <v>71065.102251799995</v>
      </c>
      <c r="AZ2192" s="9">
        <v>70776.134818699997</v>
      </c>
      <c r="BA2192" s="9">
        <v>70590.973033000002</v>
      </c>
      <c r="BB2192" s="9">
        <v>74396.932973600007</v>
      </c>
      <c r="BC2192" s="9">
        <v>80022.874882100004</v>
      </c>
      <c r="BD2192" s="9">
        <v>85671.568444300006</v>
      </c>
      <c r="BE2192" s="9">
        <v>72701.883752499998</v>
      </c>
      <c r="BF2192" s="9">
        <v>73235.628194399993</v>
      </c>
      <c r="BG2192" s="11">
        <v>5</v>
      </c>
      <c r="BH2192" s="13">
        <v>0.27777777777777779</v>
      </c>
      <c r="BI2192" s="6">
        <v>-1</v>
      </c>
      <c r="BJ2192" s="13">
        <v>-5.5555555555555552E-2</v>
      </c>
      <c r="BK2192" s="6">
        <v>4</v>
      </c>
      <c r="BL2192" s="13">
        <v>0.23529411764705882</v>
      </c>
      <c r="BM2192" s="11">
        <v>2</v>
      </c>
      <c r="BN2192" s="13">
        <v>9.5238095238095233E-2</v>
      </c>
      <c r="BO2192" s="11">
        <v>6</v>
      </c>
      <c r="BP2192" s="13">
        <v>0.35294117647058826</v>
      </c>
      <c r="BQ2192" s="6">
        <v>18</v>
      </c>
      <c r="BR2192" s="6">
        <v>16</v>
      </c>
      <c r="BS2192" s="6">
        <v>17</v>
      </c>
      <c r="BT2192" s="6">
        <v>17</v>
      </c>
      <c r="BU2192" s="6">
        <v>19</v>
      </c>
      <c r="BV2192" s="6">
        <v>19</v>
      </c>
      <c r="BW2192" s="6">
        <v>21</v>
      </c>
      <c r="BX2192" s="6">
        <v>23</v>
      </c>
      <c r="BY2192" s="6">
        <v>21</v>
      </c>
      <c r="BZ2192" s="6">
        <v>24</v>
      </c>
      <c r="CA2192" s="6">
        <v>20</v>
      </c>
      <c r="CB2192" s="6">
        <v>22</v>
      </c>
      <c r="CC2192" s="11">
        <v>23</v>
      </c>
      <c r="CD2192" s="11">
        <v>-19.752199999999998</v>
      </c>
      <c r="CE2192" s="11">
        <v>-14.3665</v>
      </c>
      <c r="CF2192" s="11">
        <v>19.206099999999999</v>
      </c>
      <c r="CG2192" s="11">
        <v>5</v>
      </c>
      <c r="CH2192" s="20">
        <v>0.660605</v>
      </c>
      <c r="CI2192" s="20">
        <v>0.64694799999999997</v>
      </c>
      <c r="CJ2192" s="20">
        <v>0.87640099999999999</v>
      </c>
      <c r="CK2192" s="20">
        <v>0.77791100000000002</v>
      </c>
      <c r="CL2192" s="20">
        <v>0.74407999999999996</v>
      </c>
      <c r="CM2192" s="20">
        <v>0.76026899999999997</v>
      </c>
      <c r="CN2192" s="20">
        <v>1.02504</v>
      </c>
      <c r="CO2192" s="20">
        <v>1.3533500000000001</v>
      </c>
      <c r="CP2192" s="20">
        <v>1.8814900000000001</v>
      </c>
      <c r="CQ2192" s="20">
        <v>1.8955599999999999</v>
      </c>
      <c r="CR2192" s="20">
        <v>1.82091</v>
      </c>
      <c r="CS2192" s="20">
        <v>1.7174400000000001</v>
      </c>
      <c r="CT2192" s="20">
        <v>1.62961</v>
      </c>
      <c r="CU2192" s="20">
        <v>1.5871999999999999</v>
      </c>
      <c r="CV2192" s="20">
        <v>0.72258500000000003</v>
      </c>
      <c r="CW2192" s="20">
        <v>0.72211999999999998</v>
      </c>
      <c r="CX2192" s="20">
        <v>0.66143200000000002</v>
      </c>
      <c r="CY2192" s="6" t="s">
        <v>682</v>
      </c>
      <c r="CZ2192" s="6" t="s">
        <v>683</v>
      </c>
      <c r="DA2192" s="6" t="s">
        <v>142</v>
      </c>
      <c r="DB2192" s="6" t="s">
        <v>345</v>
      </c>
      <c r="DC2192" s="6"/>
      <c r="DD2192" s="6"/>
      <c r="DE2192" s="6"/>
      <c r="DF2192" s="6"/>
      <c r="DG2192" s="6"/>
      <c r="DH2192" s="6" t="s">
        <v>333</v>
      </c>
      <c r="DI2192" s="6"/>
      <c r="DJ2192" s="6"/>
      <c r="DK2192" s="6"/>
      <c r="DL2192" s="6">
        <v>4</v>
      </c>
      <c r="DM2192" s="6" t="s">
        <v>446</v>
      </c>
      <c r="DN2192" s="6">
        <v>6</v>
      </c>
      <c r="DO2192" s="6" t="s">
        <v>393</v>
      </c>
      <c r="DP2192" s="6"/>
      <c r="DQ2192" s="6"/>
    </row>
    <row r="2193" spans="1:121" x14ac:dyDescent="0.2">
      <c r="A2193" s="6" t="s">
        <v>793</v>
      </c>
      <c r="B2193" s="6" t="s">
        <v>179</v>
      </c>
      <c r="C2193" s="6" t="s">
        <v>180</v>
      </c>
      <c r="D2193" s="6" t="s">
        <v>142</v>
      </c>
      <c r="E2193" s="6" t="s">
        <v>283</v>
      </c>
      <c r="F2193" s="11">
        <v>0</v>
      </c>
      <c r="G2193" s="13">
        <v>0</v>
      </c>
      <c r="H2193" s="11">
        <v>-50</v>
      </c>
      <c r="I2193" s="13">
        <v>-8.8495575221238951E-2</v>
      </c>
      <c r="J2193" s="11">
        <v>-32</v>
      </c>
      <c r="K2193" s="13">
        <v>-6.2135922330097085E-2</v>
      </c>
      <c r="L2193" s="11">
        <v>82</v>
      </c>
      <c r="M2193" s="13">
        <v>0.16977225672877846</v>
      </c>
      <c r="N2193" s="11">
        <v>50</v>
      </c>
      <c r="O2193" s="13">
        <v>9.7087378640776698E-2</v>
      </c>
      <c r="P2193" s="7">
        <v>565</v>
      </c>
      <c r="Q2193" s="7">
        <v>560</v>
      </c>
      <c r="R2193" s="7">
        <v>527</v>
      </c>
      <c r="S2193" s="7">
        <v>525</v>
      </c>
      <c r="T2193" s="7">
        <v>529</v>
      </c>
      <c r="U2193" s="7">
        <v>548</v>
      </c>
      <c r="V2193" s="7">
        <v>515</v>
      </c>
      <c r="W2193" s="7">
        <v>508</v>
      </c>
      <c r="X2193" s="7">
        <v>506</v>
      </c>
      <c r="Y2193" s="7">
        <v>483</v>
      </c>
      <c r="Z2193" s="7">
        <v>467</v>
      </c>
      <c r="AA2193" s="7">
        <v>487</v>
      </c>
      <c r="AB2193" s="7">
        <v>489</v>
      </c>
      <c r="AC2193" s="7">
        <v>516</v>
      </c>
      <c r="AD2193" s="7">
        <v>547</v>
      </c>
      <c r="AE2193" s="7">
        <v>550</v>
      </c>
      <c r="AF2193" s="7">
        <v>565</v>
      </c>
      <c r="AG2193" s="9">
        <v>12407</v>
      </c>
      <c r="AH2193" s="13">
        <v>0.5945466743339084</v>
      </c>
      <c r="AI2193" s="9">
        <v>3580</v>
      </c>
      <c r="AJ2193" s="13">
        <v>0.17155453325666092</v>
      </c>
      <c r="AK2193" s="9">
        <v>2481</v>
      </c>
      <c r="AL2193" s="13">
        <v>0.10148069371727748</v>
      </c>
      <c r="AM2193" s="9">
        <v>6346</v>
      </c>
      <c r="AN2193" s="13">
        <v>0.23565672694864273</v>
      </c>
      <c r="AO2193" s="9">
        <v>8827</v>
      </c>
      <c r="AP2193" s="13">
        <v>0.3610520287958115</v>
      </c>
      <c r="AQ2193" s="9">
        <v>20868</v>
      </c>
      <c r="AR2193" s="9">
        <v>22274</v>
      </c>
      <c r="AS2193" s="9">
        <v>22778</v>
      </c>
      <c r="AT2193" s="9">
        <v>21945</v>
      </c>
      <c r="AU2193" s="9">
        <v>23428</v>
      </c>
      <c r="AV2193" s="9">
        <v>23081</v>
      </c>
      <c r="AW2193" s="9">
        <v>24448</v>
      </c>
      <c r="AX2193" s="9">
        <v>25263</v>
      </c>
      <c r="AY2193" s="9">
        <v>25682</v>
      </c>
      <c r="AZ2193" s="9">
        <v>26929</v>
      </c>
      <c r="BA2193" s="9">
        <v>27809</v>
      </c>
      <c r="BB2193" s="9">
        <v>29720</v>
      </c>
      <c r="BC2193" s="9">
        <v>32058</v>
      </c>
      <c r="BD2193" s="9">
        <v>32890</v>
      </c>
      <c r="BE2193" s="9">
        <v>31748</v>
      </c>
      <c r="BF2193" s="9">
        <v>33275</v>
      </c>
      <c r="BG2193" s="11">
        <v>-13</v>
      </c>
      <c r="BH2193" s="13">
        <v>-0.21311475409836064</v>
      </c>
      <c r="BI2193" s="6">
        <v>-6</v>
      </c>
      <c r="BJ2193" s="13">
        <v>-9.8360655737704916E-2</v>
      </c>
      <c r="BK2193" s="6">
        <v>-1</v>
      </c>
      <c r="BL2193" s="13">
        <v>-1.8181818181818181E-2</v>
      </c>
      <c r="BM2193" s="11">
        <v>-6</v>
      </c>
      <c r="BN2193" s="13">
        <v>-0.1111111111111111</v>
      </c>
      <c r="BO2193" s="11">
        <v>-7</v>
      </c>
      <c r="BP2193" s="13">
        <v>-0.12727272727272726</v>
      </c>
      <c r="BQ2193" s="6">
        <v>61</v>
      </c>
      <c r="BR2193" s="6">
        <v>57</v>
      </c>
      <c r="BS2193" s="6">
        <v>57</v>
      </c>
      <c r="BT2193" s="6">
        <v>55</v>
      </c>
      <c r="BU2193" s="6">
        <v>57</v>
      </c>
      <c r="BV2193" s="6">
        <v>54</v>
      </c>
      <c r="BW2193" s="6">
        <v>54</v>
      </c>
      <c r="BX2193" s="6">
        <v>48</v>
      </c>
      <c r="BY2193" s="6">
        <v>42</v>
      </c>
      <c r="BZ2193" s="6">
        <v>42</v>
      </c>
      <c r="CA2193" s="6">
        <v>47</v>
      </c>
      <c r="CB2193" s="6">
        <v>49</v>
      </c>
      <c r="CC2193" s="11">
        <v>48</v>
      </c>
      <c r="CD2193" s="11">
        <v>-26</v>
      </c>
      <c r="CE2193" s="11">
        <v>-36</v>
      </c>
      <c r="CF2193" s="11">
        <v>62</v>
      </c>
      <c r="CG2193" s="11">
        <v>26</v>
      </c>
      <c r="CH2193" s="20">
        <v>0.79</v>
      </c>
      <c r="CI2193" s="20">
        <v>0.8</v>
      </c>
      <c r="CJ2193" s="20">
        <v>0.75</v>
      </c>
      <c r="CK2193" s="20">
        <v>0.78</v>
      </c>
      <c r="CL2193" s="20">
        <v>0.76</v>
      </c>
      <c r="CM2193" s="20">
        <v>0.75</v>
      </c>
      <c r="CN2193" s="20">
        <v>0.71</v>
      </c>
      <c r="CO2193" s="20">
        <v>0.71</v>
      </c>
      <c r="CP2193" s="20">
        <v>0.74</v>
      </c>
      <c r="CQ2193" s="20">
        <v>0.72</v>
      </c>
      <c r="CR2193" s="20">
        <v>0.7</v>
      </c>
      <c r="CS2193" s="20">
        <v>0.75</v>
      </c>
      <c r="CT2193" s="20">
        <v>0.76</v>
      </c>
      <c r="CU2193" s="20">
        <v>0.8</v>
      </c>
      <c r="CV2193" s="20">
        <v>0.85</v>
      </c>
      <c r="CW2193" s="20">
        <v>0.85</v>
      </c>
      <c r="CX2193" s="20">
        <v>0.85</v>
      </c>
      <c r="CY2193" s="6" t="s">
        <v>682</v>
      </c>
      <c r="CZ2193" s="6" t="s">
        <v>683</v>
      </c>
      <c r="DA2193" s="6" t="s">
        <v>142</v>
      </c>
      <c r="DB2193" s="6" t="s">
        <v>345</v>
      </c>
      <c r="DC2193" s="6"/>
      <c r="DD2193" s="6"/>
      <c r="DE2193" s="6"/>
      <c r="DF2193" s="6"/>
      <c r="DG2193" s="6"/>
      <c r="DH2193" s="6" t="s">
        <v>333</v>
      </c>
      <c r="DI2193" s="6"/>
      <c r="DJ2193" s="6"/>
      <c r="DK2193" s="6"/>
      <c r="DL2193" s="6">
        <v>4</v>
      </c>
      <c r="DM2193" s="6" t="s">
        <v>446</v>
      </c>
      <c r="DN2193" s="6">
        <v>6</v>
      </c>
      <c r="DO2193" s="6" t="s">
        <v>393</v>
      </c>
      <c r="DP2193" s="6"/>
      <c r="DQ2193" s="6"/>
    </row>
    <row r="2194" spans="1:121" x14ac:dyDescent="0.2">
      <c r="A2194" s="6" t="s">
        <v>794</v>
      </c>
      <c r="B2194" s="6" t="s">
        <v>181</v>
      </c>
      <c r="C2194" s="6" t="s">
        <v>182</v>
      </c>
      <c r="D2194" s="6" t="s">
        <v>142</v>
      </c>
      <c r="E2194" s="6" t="s">
        <v>283</v>
      </c>
      <c r="F2194" s="11">
        <v>800</v>
      </c>
      <c r="G2194" s="13">
        <v>3.4042553191499998</v>
      </c>
      <c r="H2194" s="11">
        <v>28.300323037000027</v>
      </c>
      <c r="I2194" s="13">
        <v>0.12032254025281768</v>
      </c>
      <c r="J2194" s="11">
        <v>-10.676381296000017</v>
      </c>
      <c r="K2194" s="13">
        <v>-4.0516936548117867E-2</v>
      </c>
      <c r="L2194" s="11">
        <v>782.46990278700002</v>
      </c>
      <c r="M2194" s="13">
        <v>3.0948731561960532</v>
      </c>
      <c r="N2194" s="11">
        <v>771.79352149100009</v>
      </c>
      <c r="O2194" s="13">
        <v>2.9289614403538669</v>
      </c>
      <c r="P2194" s="7">
        <v>235.203836102</v>
      </c>
      <c r="Q2194" s="7">
        <v>237.154127477</v>
      </c>
      <c r="R2194" s="7">
        <v>225.29172215299999</v>
      </c>
      <c r="S2194" s="7">
        <v>249.10216824099999</v>
      </c>
      <c r="T2194" s="7">
        <v>251.46415307800001</v>
      </c>
      <c r="U2194" s="7">
        <v>274.770949621</v>
      </c>
      <c r="V2194" s="7">
        <v>263.50415913900002</v>
      </c>
      <c r="W2194" s="7">
        <v>238.43509123800001</v>
      </c>
      <c r="X2194" s="7">
        <v>241.69246442100001</v>
      </c>
      <c r="Y2194" s="7">
        <v>252.82777784300001</v>
      </c>
      <c r="Z2194" s="7">
        <v>252.463764088</v>
      </c>
      <c r="AA2194" s="7">
        <v>239.565526167</v>
      </c>
      <c r="AB2194" s="7">
        <v>867.19100672699994</v>
      </c>
      <c r="AC2194" s="7">
        <v>903.291693022</v>
      </c>
      <c r="AD2194" s="7">
        <v>923.84390316700001</v>
      </c>
      <c r="AE2194" s="7">
        <v>922.25368436799999</v>
      </c>
      <c r="AF2194" s="7">
        <v>1035.2976806300001</v>
      </c>
      <c r="AG2194" s="9">
        <v>34199.719358800001</v>
      </c>
      <c r="AH2194" s="13">
        <v>0.8134514354786998</v>
      </c>
      <c r="AI2194" s="9">
        <v>9135.3521478999974</v>
      </c>
      <c r="AJ2194" s="13">
        <v>0.21728731865750084</v>
      </c>
      <c r="AK2194" s="9">
        <v>-7260.1254750000007</v>
      </c>
      <c r="AL2194" s="13">
        <v>-0.1418600525835336</v>
      </c>
      <c r="AM2194" s="9">
        <v>32324.492685900004</v>
      </c>
      <c r="AN2194" s="13">
        <v>0.73601995341658188</v>
      </c>
      <c r="AO2194" s="9">
        <v>25064.367210900004</v>
      </c>
      <c r="AP2194" s="13">
        <v>0.48974807153884198</v>
      </c>
      <c r="AQ2194" s="9">
        <v>42042.7303551</v>
      </c>
      <c r="AR2194" s="9">
        <v>41406.981993200003</v>
      </c>
      <c r="AS2194" s="9">
        <v>43140.907611299997</v>
      </c>
      <c r="AT2194" s="9">
        <v>45088.182344599998</v>
      </c>
      <c r="AU2194" s="9">
        <v>47679.735297400002</v>
      </c>
      <c r="AV2194" s="9">
        <v>48593.453447200001</v>
      </c>
      <c r="AW2194" s="9">
        <v>51178.082502999998</v>
      </c>
      <c r="AX2194" s="9">
        <v>55114.073129299999</v>
      </c>
      <c r="AY2194" s="9">
        <v>57036.1270448</v>
      </c>
      <c r="AZ2194" s="9">
        <v>43917.957027999997</v>
      </c>
      <c r="BA2194" s="9">
        <v>49291.894439399999</v>
      </c>
      <c r="BB2194" s="9">
        <v>61215.802062700001</v>
      </c>
      <c r="BC2194" s="9">
        <v>72372.7534036</v>
      </c>
      <c r="BD2194" s="9">
        <v>78209.835190700003</v>
      </c>
      <c r="BE2194" s="9">
        <v>73888.953501800002</v>
      </c>
      <c r="BF2194" s="9">
        <v>76242.449713900001</v>
      </c>
      <c r="BG2194" s="11">
        <v>3.25</v>
      </c>
      <c r="BH2194" s="13">
        <v>0.25</v>
      </c>
      <c r="BI2194" s="6">
        <v>2</v>
      </c>
      <c r="BJ2194" s="13">
        <v>0.15384615384615385</v>
      </c>
      <c r="BK2194" s="6">
        <v>-2</v>
      </c>
      <c r="BL2194" s="13">
        <v>-0.13333333333333333</v>
      </c>
      <c r="BM2194" s="11">
        <v>3.25</v>
      </c>
      <c r="BN2194" s="13">
        <v>0.25</v>
      </c>
      <c r="BO2194" s="11">
        <v>1.25</v>
      </c>
      <c r="BP2194" s="13">
        <v>8.3333333333333329E-2</v>
      </c>
      <c r="BQ2194" s="6">
        <v>13</v>
      </c>
      <c r="BR2194" s="6">
        <v>16</v>
      </c>
      <c r="BS2194" s="6">
        <v>15</v>
      </c>
      <c r="BT2194" s="6">
        <v>15</v>
      </c>
      <c r="BU2194" s="6">
        <v>15</v>
      </c>
      <c r="BV2194" s="6">
        <v>13</v>
      </c>
      <c r="BW2194" s="6">
        <v>13</v>
      </c>
      <c r="BX2194" s="6">
        <v>13</v>
      </c>
      <c r="BY2194" s="6">
        <v>12</v>
      </c>
      <c r="BZ2194" s="6">
        <v>13</v>
      </c>
      <c r="CA2194" s="6">
        <v>13</v>
      </c>
      <c r="CB2194" s="6">
        <v>17</v>
      </c>
      <c r="CC2194" s="11">
        <v>16.25</v>
      </c>
      <c r="CD2194" s="11">
        <v>759.55799999999999</v>
      </c>
      <c r="CE2194" s="11">
        <v>14.824999999999999</v>
      </c>
      <c r="CF2194" s="11">
        <v>25.710599999999999</v>
      </c>
      <c r="CG2194" s="11">
        <v>41</v>
      </c>
      <c r="CH2194" s="20">
        <v>1.11714</v>
      </c>
      <c r="CI2194" s="20">
        <v>1.17754</v>
      </c>
      <c r="CJ2194" s="20">
        <v>1.1114299999999999</v>
      </c>
      <c r="CK2194" s="20">
        <v>1.26566</v>
      </c>
      <c r="CL2194" s="20">
        <v>1.2286300000000001</v>
      </c>
      <c r="CM2194" s="20">
        <v>1.2578</v>
      </c>
      <c r="CN2194" s="20">
        <v>1.18994</v>
      </c>
      <c r="CO2194" s="20">
        <v>1.0882799999999999</v>
      </c>
      <c r="CP2194" s="20">
        <v>1.17167</v>
      </c>
      <c r="CQ2194" s="20">
        <v>1.2542899999999999</v>
      </c>
      <c r="CR2194" s="20">
        <v>1.2514700000000001</v>
      </c>
      <c r="CS2194" s="20">
        <v>1.1998500000000001</v>
      </c>
      <c r="CT2194" s="20">
        <v>4.36158</v>
      </c>
      <c r="CU2194" s="20">
        <v>4.4434399999999998</v>
      </c>
      <c r="CV2194" s="20">
        <v>4.4128499999999997</v>
      </c>
      <c r="CW2194" s="20">
        <v>4.3443199999999997</v>
      </c>
      <c r="CX2194" s="20">
        <v>4.7156099999999999</v>
      </c>
      <c r="CY2194" s="6" t="s">
        <v>682</v>
      </c>
      <c r="CZ2194" s="6" t="s">
        <v>683</v>
      </c>
      <c r="DA2194" s="6" t="s">
        <v>142</v>
      </c>
      <c r="DB2194" s="6" t="s">
        <v>345</v>
      </c>
      <c r="DC2194" s="6"/>
      <c r="DD2194" s="6"/>
      <c r="DE2194" s="6"/>
      <c r="DF2194" s="6"/>
      <c r="DG2194" s="6"/>
      <c r="DH2194" s="6" t="s">
        <v>333</v>
      </c>
      <c r="DI2194" s="6"/>
      <c r="DJ2194" s="6"/>
      <c r="DK2194" s="6"/>
      <c r="DL2194" s="6">
        <v>4</v>
      </c>
      <c r="DM2194" s="6" t="s">
        <v>446</v>
      </c>
      <c r="DN2194" s="6">
        <v>6</v>
      </c>
      <c r="DO2194" s="6" t="s">
        <v>393</v>
      </c>
      <c r="DP2194" s="6"/>
      <c r="DQ2194" s="6"/>
    </row>
    <row r="2195" spans="1:121" x14ac:dyDescent="0.2">
      <c r="A2195" s="6" t="s">
        <v>314</v>
      </c>
      <c r="B2195" s="6" t="s">
        <v>314</v>
      </c>
      <c r="C2195" s="6" t="s">
        <v>183</v>
      </c>
      <c r="D2195" s="6" t="s">
        <v>142</v>
      </c>
      <c r="E2195" s="6" t="s">
        <v>283</v>
      </c>
      <c r="F2195" s="11">
        <v>10</v>
      </c>
      <c r="G2195" s="13">
        <v>0.3125</v>
      </c>
      <c r="H2195" s="11">
        <v>-1.4413014812999982</v>
      </c>
      <c r="I2195" s="13">
        <v>-4.4586396610477849E-2</v>
      </c>
      <c r="J2195" s="11">
        <v>16.102488480599998</v>
      </c>
      <c r="K2195" s="13">
        <v>0.52137369820905699</v>
      </c>
      <c r="L2195" s="11">
        <v>-5.396648581800001</v>
      </c>
      <c r="M2195" s="13">
        <v>-0.11485353224664915</v>
      </c>
      <c r="N2195" s="11">
        <v>10.705839898799997</v>
      </c>
      <c r="O2195" s="13">
        <v>0.34663855510259917</v>
      </c>
      <c r="P2195" s="7">
        <v>32.326036434199999</v>
      </c>
      <c r="Q2195" s="7">
        <v>56.738751257099999</v>
      </c>
      <c r="R2195" s="7">
        <v>25.715541002799998</v>
      </c>
      <c r="S2195" s="7">
        <v>32.745965148400003</v>
      </c>
      <c r="T2195" s="7">
        <v>34.129919451799999</v>
      </c>
      <c r="U2195" s="7">
        <v>29.5596904272</v>
      </c>
      <c r="V2195" s="7">
        <v>30.884734952900001</v>
      </c>
      <c r="W2195" s="7">
        <v>27.3422038376</v>
      </c>
      <c r="X2195" s="7">
        <v>45.587524594900003</v>
      </c>
      <c r="Y2195" s="7">
        <v>46.987223433499999</v>
      </c>
      <c r="Z2195" s="7">
        <v>47.394898126100003</v>
      </c>
      <c r="AA2195" s="7">
        <v>46.667058203700002</v>
      </c>
      <c r="AB2195" s="7">
        <v>46.897155006399998</v>
      </c>
      <c r="AC2195" s="7">
        <v>45.910259387399996</v>
      </c>
      <c r="AD2195" s="7">
        <v>48.2670023497</v>
      </c>
      <c r="AE2195" s="7">
        <v>39.762672834599996</v>
      </c>
      <c r="AF2195" s="7">
        <v>41.590574851699998</v>
      </c>
      <c r="AG2195" s="9">
        <v>17583.410745199999</v>
      </c>
      <c r="AH2195" s="13">
        <v>0.62137609230192492</v>
      </c>
      <c r="AI2195" s="9">
        <v>1955.4295835999983</v>
      </c>
      <c r="AJ2195" s="13">
        <v>6.9102474544686335E-2</v>
      </c>
      <c r="AK2195" s="9">
        <v>11738.045243</v>
      </c>
      <c r="AL2195" s="13">
        <v>0.3879965488767646</v>
      </c>
      <c r="AM2195" s="9">
        <v>3889.9359186000002</v>
      </c>
      <c r="AN2195" s="13">
        <v>9.2637354519504597E-2</v>
      </c>
      <c r="AO2195" s="9">
        <v>15627.981161600001</v>
      </c>
      <c r="AP2195" s="13">
        <v>0.51657687724691037</v>
      </c>
      <c r="AQ2195" s="9">
        <v>28297.533431100001</v>
      </c>
      <c r="AR2195" s="9">
        <v>26794.739335900002</v>
      </c>
      <c r="AS2195" s="9">
        <v>29297.271754500001</v>
      </c>
      <c r="AT2195" s="9">
        <v>33265.219932400003</v>
      </c>
      <c r="AU2195" s="9">
        <v>30609.643461</v>
      </c>
      <c r="AV2195" s="9">
        <v>31156.372516399999</v>
      </c>
      <c r="AW2195" s="9">
        <v>30252.963014699999</v>
      </c>
      <c r="AX2195" s="9">
        <v>33114.284540599998</v>
      </c>
      <c r="AY2195" s="9">
        <v>41011.581468299999</v>
      </c>
      <c r="AZ2195" s="9">
        <v>41991.008257699999</v>
      </c>
      <c r="BA2195" s="9">
        <v>38134.277598499997</v>
      </c>
      <c r="BB2195" s="9">
        <v>43723.222882499998</v>
      </c>
      <c r="BC2195" s="9">
        <v>44481.419427399996</v>
      </c>
      <c r="BD2195" s="9">
        <v>43360.679850400003</v>
      </c>
      <c r="BE2195" s="9">
        <v>42881.216628599999</v>
      </c>
      <c r="BF2195" s="9">
        <v>45880.9441763</v>
      </c>
      <c r="BG2195" s="11">
        <v>3</v>
      </c>
      <c r="BH2195" s="13">
        <v>1</v>
      </c>
      <c r="BI2195" s="6">
        <v>1</v>
      </c>
      <c r="BJ2195" s="13">
        <v>0.33333333333333331</v>
      </c>
      <c r="BK2195" s="6">
        <v>0</v>
      </c>
      <c r="BL2195" s="13">
        <v>0</v>
      </c>
      <c r="BM2195" s="11">
        <v>2</v>
      </c>
      <c r="BN2195" s="13">
        <v>0.5</v>
      </c>
      <c r="BO2195" s="11">
        <v>2</v>
      </c>
      <c r="BP2195" s="13">
        <v>0.5</v>
      </c>
      <c r="BQ2195" s="6">
        <v>3</v>
      </c>
      <c r="BR2195" s="6">
        <v>3</v>
      </c>
      <c r="BS2195" s="6">
        <v>3</v>
      </c>
      <c r="BT2195" s="6">
        <v>4</v>
      </c>
      <c r="BU2195" s="6">
        <v>5</v>
      </c>
      <c r="BV2195" s="6">
        <v>5</v>
      </c>
      <c r="BW2195" s="6">
        <v>4</v>
      </c>
      <c r="BX2195" s="6">
        <v>4</v>
      </c>
      <c r="BY2195" s="6">
        <v>4</v>
      </c>
      <c r="BZ2195" s="6">
        <v>4</v>
      </c>
      <c r="CA2195" s="6">
        <v>5</v>
      </c>
      <c r="CB2195" s="6">
        <v>6</v>
      </c>
      <c r="CC2195" s="11">
        <v>6</v>
      </c>
      <c r="CD2195" s="11">
        <v>15.632099999999999</v>
      </c>
      <c r="CE2195" s="11">
        <v>-9.9011600000000008</v>
      </c>
      <c r="CF2195" s="11">
        <v>3.53363</v>
      </c>
      <c r="CG2195" s="11">
        <v>-6</v>
      </c>
      <c r="CH2195" s="20">
        <v>0.19497400000000001</v>
      </c>
      <c r="CI2195" s="20">
        <v>0.36784600000000001</v>
      </c>
      <c r="CJ2195" s="20">
        <v>0.172959</v>
      </c>
      <c r="CK2195" s="20">
        <v>0.236431</v>
      </c>
      <c r="CL2195" s="20">
        <v>0.24595</v>
      </c>
      <c r="CM2195" s="20">
        <v>0.20552300000000001</v>
      </c>
      <c r="CN2195" s="20">
        <v>0.21668699999999999</v>
      </c>
      <c r="CO2195" s="20">
        <v>0.195576</v>
      </c>
      <c r="CP2195" s="20">
        <v>0.34469699999999998</v>
      </c>
      <c r="CQ2195" s="20">
        <v>0.37293700000000002</v>
      </c>
      <c r="CR2195" s="20">
        <v>0.38985900000000001</v>
      </c>
      <c r="CS2195" s="20">
        <v>0.39568900000000001</v>
      </c>
      <c r="CT2195" s="20">
        <v>0.40345900000000001</v>
      </c>
      <c r="CU2195" s="20">
        <v>0.39459300000000003</v>
      </c>
      <c r="CV2195" s="20">
        <v>0.41753800000000002</v>
      </c>
      <c r="CW2195" s="20">
        <v>0.34290999999999999</v>
      </c>
      <c r="CX2195" s="20">
        <v>0.35120000000000001</v>
      </c>
      <c r="CY2195" s="6" t="s">
        <v>682</v>
      </c>
      <c r="CZ2195" s="6" t="s">
        <v>683</v>
      </c>
      <c r="DA2195" s="6" t="s">
        <v>142</v>
      </c>
      <c r="DB2195" s="6" t="s">
        <v>345</v>
      </c>
      <c r="DC2195" s="6"/>
      <c r="DD2195" s="6"/>
      <c r="DE2195" s="6"/>
      <c r="DF2195" s="6"/>
      <c r="DG2195" s="6"/>
      <c r="DH2195" s="6" t="s">
        <v>333</v>
      </c>
      <c r="DI2195" s="6"/>
      <c r="DJ2195" s="6"/>
      <c r="DK2195" s="6"/>
      <c r="DL2195" s="6">
        <v>4</v>
      </c>
      <c r="DM2195" s="6" t="s">
        <v>446</v>
      </c>
      <c r="DN2195" s="6">
        <v>6</v>
      </c>
      <c r="DO2195" s="6" t="s">
        <v>393</v>
      </c>
      <c r="DP2195" s="6"/>
      <c r="DQ2195" s="6"/>
    </row>
    <row r="2196" spans="1:121" x14ac:dyDescent="0.2">
      <c r="A2196" s="6" t="s">
        <v>315</v>
      </c>
      <c r="B2196" s="6" t="s">
        <v>315</v>
      </c>
      <c r="C2196" s="6" t="s">
        <v>184</v>
      </c>
      <c r="D2196" s="6" t="s">
        <v>142</v>
      </c>
      <c r="E2196" s="6" t="s">
        <v>283</v>
      </c>
      <c r="F2196" s="11">
        <v>9</v>
      </c>
      <c r="G2196" s="13">
        <v>0.06</v>
      </c>
      <c r="H2196" s="11">
        <v>3</v>
      </c>
      <c r="I2196" s="13">
        <v>1.886792452830189E-2</v>
      </c>
      <c r="J2196" s="11">
        <v>-3</v>
      </c>
      <c r="K2196" s="13">
        <v>-1.8518518518518517E-2</v>
      </c>
      <c r="L2196" s="11">
        <v>9</v>
      </c>
      <c r="M2196" s="13">
        <v>5.6603773584905662E-2</v>
      </c>
      <c r="N2196" s="11">
        <v>6</v>
      </c>
      <c r="O2196" s="13">
        <v>3.7037037037037035E-2</v>
      </c>
      <c r="P2196" s="7">
        <v>159</v>
      </c>
      <c r="Q2196" s="7">
        <v>158</v>
      </c>
      <c r="R2196" s="7">
        <v>157</v>
      </c>
      <c r="S2196" s="7">
        <v>158</v>
      </c>
      <c r="T2196" s="7">
        <v>154</v>
      </c>
      <c r="U2196" s="7">
        <v>160</v>
      </c>
      <c r="V2196" s="7">
        <v>162</v>
      </c>
      <c r="W2196" s="7">
        <v>161</v>
      </c>
      <c r="X2196" s="7">
        <v>154</v>
      </c>
      <c r="Y2196" s="7">
        <v>159</v>
      </c>
      <c r="Z2196" s="7">
        <v>158</v>
      </c>
      <c r="AA2196" s="7">
        <v>160</v>
      </c>
      <c r="AB2196" s="7">
        <v>156</v>
      </c>
      <c r="AC2196" s="7">
        <v>160</v>
      </c>
      <c r="AD2196" s="7">
        <v>160</v>
      </c>
      <c r="AE2196" s="7">
        <v>167</v>
      </c>
      <c r="AF2196" s="7">
        <v>168</v>
      </c>
      <c r="AG2196" s="9">
        <v>19083</v>
      </c>
      <c r="AH2196" s="13">
        <v>0.62020215151613634</v>
      </c>
      <c r="AI2196" s="9">
        <v>7463</v>
      </c>
      <c r="AJ2196" s="13">
        <v>0.24254931911989339</v>
      </c>
      <c r="AK2196" s="9">
        <v>4395</v>
      </c>
      <c r="AL2196" s="13">
        <v>0.11495605775266791</v>
      </c>
      <c r="AM2196" s="9">
        <v>7225</v>
      </c>
      <c r="AN2196" s="13">
        <v>0.1694935135008328</v>
      </c>
      <c r="AO2196" s="9">
        <v>11620</v>
      </c>
      <c r="AP2196" s="13">
        <v>0.30393387738020505</v>
      </c>
      <c r="AQ2196" s="9">
        <v>30769</v>
      </c>
      <c r="AR2196" s="9">
        <v>30850</v>
      </c>
      <c r="AS2196" s="9">
        <v>31306</v>
      </c>
      <c r="AT2196" s="9">
        <v>31988</v>
      </c>
      <c r="AU2196" s="9">
        <v>33470</v>
      </c>
      <c r="AV2196" s="9">
        <v>34838</v>
      </c>
      <c r="AW2196" s="9">
        <v>38232</v>
      </c>
      <c r="AX2196" s="9">
        <v>40920</v>
      </c>
      <c r="AY2196" s="9">
        <v>40896</v>
      </c>
      <c r="AZ2196" s="9">
        <v>42627</v>
      </c>
      <c r="BA2196" s="9">
        <v>46541</v>
      </c>
      <c r="BB2196" s="9">
        <v>46867</v>
      </c>
      <c r="BC2196" s="9">
        <v>46671</v>
      </c>
      <c r="BD2196" s="9">
        <v>46278</v>
      </c>
      <c r="BE2196" s="9">
        <v>48810</v>
      </c>
      <c r="BF2196" s="9">
        <v>49852</v>
      </c>
      <c r="BG2196" s="11">
        <v>-2</v>
      </c>
      <c r="BH2196" s="13">
        <v>-9.5238095238095233E-2</v>
      </c>
      <c r="BI2196" s="6">
        <v>-1</v>
      </c>
      <c r="BJ2196" s="13">
        <v>-4.7619047619047616E-2</v>
      </c>
      <c r="BK2196" s="6">
        <v>-2</v>
      </c>
      <c r="BL2196" s="13">
        <v>-0.1</v>
      </c>
      <c r="BM2196" s="11">
        <v>1</v>
      </c>
      <c r="BN2196" s="13">
        <v>5.5555555555555552E-2</v>
      </c>
      <c r="BO2196" s="11">
        <v>-1</v>
      </c>
      <c r="BP2196" s="13">
        <v>-0.05</v>
      </c>
      <c r="BQ2196" s="6">
        <v>21</v>
      </c>
      <c r="BR2196" s="6">
        <v>21</v>
      </c>
      <c r="BS2196" s="6">
        <v>19</v>
      </c>
      <c r="BT2196" s="6">
        <v>20</v>
      </c>
      <c r="BU2196" s="6">
        <v>18</v>
      </c>
      <c r="BV2196" s="6">
        <v>18</v>
      </c>
      <c r="BW2196" s="6">
        <v>18</v>
      </c>
      <c r="BX2196" s="6">
        <v>17</v>
      </c>
      <c r="BY2196" s="6">
        <v>21</v>
      </c>
      <c r="BZ2196" s="6">
        <v>21</v>
      </c>
      <c r="CA2196" s="6">
        <v>20</v>
      </c>
      <c r="CB2196" s="6">
        <v>18</v>
      </c>
      <c r="CC2196" s="11">
        <v>19</v>
      </c>
      <c r="CD2196" s="11">
        <v>5</v>
      </c>
      <c r="CE2196" s="11">
        <v>-13</v>
      </c>
      <c r="CF2196" s="11">
        <v>17</v>
      </c>
      <c r="CG2196" s="11">
        <v>4</v>
      </c>
      <c r="CH2196" s="20">
        <v>0.59</v>
      </c>
      <c r="CI2196" s="20">
        <v>0.59</v>
      </c>
      <c r="CJ2196" s="20">
        <v>0.56999999999999995</v>
      </c>
      <c r="CK2196" s="20">
        <v>0.6</v>
      </c>
      <c r="CL2196" s="20">
        <v>0.56999999999999995</v>
      </c>
      <c r="CM2196" s="20">
        <v>0.56000000000000005</v>
      </c>
      <c r="CN2196" s="20">
        <v>0.56999999999999995</v>
      </c>
      <c r="CO2196" s="20">
        <v>0.57999999999999996</v>
      </c>
      <c r="CP2196" s="20">
        <v>0.57999999999999996</v>
      </c>
      <c r="CQ2196" s="20">
        <v>0.62</v>
      </c>
      <c r="CR2196" s="20">
        <v>0.62</v>
      </c>
      <c r="CS2196" s="20">
        <v>0.65</v>
      </c>
      <c r="CT2196" s="20">
        <v>0.64</v>
      </c>
      <c r="CU2196" s="20">
        <v>0.66</v>
      </c>
      <c r="CV2196" s="20">
        <v>0.66</v>
      </c>
      <c r="CW2196" s="20">
        <v>0.69</v>
      </c>
      <c r="CX2196" s="20">
        <v>0.68</v>
      </c>
      <c r="CY2196" s="6" t="s">
        <v>682</v>
      </c>
      <c r="CZ2196" s="6" t="s">
        <v>683</v>
      </c>
      <c r="DA2196" s="6" t="s">
        <v>142</v>
      </c>
      <c r="DB2196" s="6" t="s">
        <v>345</v>
      </c>
      <c r="DC2196" s="6"/>
      <c r="DD2196" s="6"/>
      <c r="DE2196" s="6"/>
      <c r="DF2196" s="6"/>
      <c r="DG2196" s="6"/>
      <c r="DH2196" s="6" t="s">
        <v>333</v>
      </c>
      <c r="DI2196" s="6"/>
      <c r="DJ2196" s="6"/>
      <c r="DK2196" s="6"/>
      <c r="DL2196" s="6">
        <v>4</v>
      </c>
      <c r="DM2196" s="6" t="s">
        <v>446</v>
      </c>
      <c r="DN2196" s="6">
        <v>6</v>
      </c>
      <c r="DO2196" s="6" t="s">
        <v>393</v>
      </c>
      <c r="DP2196" s="6"/>
      <c r="DQ2196" s="6"/>
    </row>
    <row r="2197" spans="1:121" x14ac:dyDescent="0.2">
      <c r="A2197" s="6" t="s">
        <v>316</v>
      </c>
      <c r="B2197" s="6" t="s">
        <v>316</v>
      </c>
      <c r="C2197" s="6" t="s">
        <v>185</v>
      </c>
      <c r="D2197" s="6" t="s">
        <v>142</v>
      </c>
      <c r="E2197" s="6" t="s">
        <v>283</v>
      </c>
      <c r="F2197" s="11">
        <v>-14</v>
      </c>
      <c r="G2197" s="13">
        <v>-0.19</v>
      </c>
      <c r="H2197" s="11">
        <v>-6</v>
      </c>
      <c r="I2197" s="13">
        <v>-8.3333333333333329E-2</v>
      </c>
      <c r="J2197" s="11">
        <v>-6</v>
      </c>
      <c r="K2197" s="13">
        <v>-9.0909090909090912E-2</v>
      </c>
      <c r="L2197" s="11">
        <v>-2</v>
      </c>
      <c r="M2197" s="13">
        <v>-3.3333333333333333E-2</v>
      </c>
      <c r="N2197" s="11">
        <v>-8</v>
      </c>
      <c r="O2197" s="13">
        <v>-0.12121212121212122</v>
      </c>
      <c r="P2197" s="7">
        <v>72</v>
      </c>
      <c r="Q2197" s="7">
        <v>80</v>
      </c>
      <c r="R2197" s="7">
        <v>74</v>
      </c>
      <c r="S2197" s="7">
        <v>77</v>
      </c>
      <c r="T2197" s="7">
        <v>82</v>
      </c>
      <c r="U2197" s="7">
        <v>70</v>
      </c>
      <c r="V2197" s="7">
        <v>66</v>
      </c>
      <c r="W2197" s="7">
        <v>62</v>
      </c>
      <c r="X2197" s="7">
        <v>64</v>
      </c>
      <c r="Y2197" s="7">
        <v>60</v>
      </c>
      <c r="Z2197" s="7">
        <v>53</v>
      </c>
      <c r="AA2197" s="7">
        <v>56</v>
      </c>
      <c r="AB2197" s="7">
        <v>60</v>
      </c>
      <c r="AC2197" s="7">
        <v>57</v>
      </c>
      <c r="AD2197" s="7">
        <v>54</v>
      </c>
      <c r="AE2197" s="7">
        <v>58</v>
      </c>
      <c r="AF2197" s="7">
        <v>58</v>
      </c>
      <c r="AG2197" s="9">
        <v>14855</v>
      </c>
      <c r="AH2197" s="13">
        <v>0.78336761061013549</v>
      </c>
      <c r="AI2197" s="9">
        <v>1657</v>
      </c>
      <c r="AJ2197" s="13">
        <v>8.7380688709592369E-2</v>
      </c>
      <c r="AK2197" s="9">
        <v>4845</v>
      </c>
      <c r="AL2197" s="13">
        <v>0.23496605237633367</v>
      </c>
      <c r="AM2197" s="9">
        <v>8353</v>
      </c>
      <c r="AN2197" s="13">
        <v>0.32801884940113885</v>
      </c>
      <c r="AO2197" s="9">
        <v>13198</v>
      </c>
      <c r="AP2197" s="13">
        <v>0.64005819592628521</v>
      </c>
      <c r="AQ2197" s="9">
        <v>18963</v>
      </c>
      <c r="AR2197" s="9">
        <v>18373</v>
      </c>
      <c r="AS2197" s="9">
        <v>19647</v>
      </c>
      <c r="AT2197" s="9">
        <v>19931</v>
      </c>
      <c r="AU2197" s="9">
        <v>19339</v>
      </c>
      <c r="AV2197" s="9">
        <v>19372</v>
      </c>
      <c r="AW2197" s="9">
        <v>20620</v>
      </c>
      <c r="AX2197" s="9">
        <v>22268</v>
      </c>
      <c r="AY2197" s="9">
        <v>24829</v>
      </c>
      <c r="AZ2197" s="9">
        <v>25465</v>
      </c>
      <c r="BA2197" s="9">
        <v>24645</v>
      </c>
      <c r="BB2197" s="9">
        <v>24767</v>
      </c>
      <c r="BC2197" s="9">
        <v>27322</v>
      </c>
      <c r="BD2197" s="9">
        <v>28506</v>
      </c>
      <c r="BE2197" s="9">
        <v>31343</v>
      </c>
      <c r="BF2197" s="9">
        <v>33818</v>
      </c>
      <c r="BG2197" s="11">
        <v>1</v>
      </c>
      <c r="BH2197" s="13">
        <v>0.1</v>
      </c>
      <c r="BI2197" s="6">
        <v>2</v>
      </c>
      <c r="BJ2197" s="13">
        <v>0.2</v>
      </c>
      <c r="BK2197" s="6">
        <v>-1</v>
      </c>
      <c r="BL2197" s="13">
        <v>-8.3333333333333329E-2</v>
      </c>
      <c r="BM2197" s="11">
        <v>0</v>
      </c>
      <c r="BN2197" s="13">
        <v>0</v>
      </c>
      <c r="BO2197" s="11">
        <v>-1</v>
      </c>
      <c r="BP2197" s="13">
        <v>-8.3333333333333329E-2</v>
      </c>
      <c r="BQ2197" s="6">
        <v>10</v>
      </c>
      <c r="BR2197" s="6">
        <v>13</v>
      </c>
      <c r="BS2197" s="6">
        <v>12</v>
      </c>
      <c r="BT2197" s="6">
        <v>12</v>
      </c>
      <c r="BU2197" s="6">
        <v>11</v>
      </c>
      <c r="BV2197" s="6">
        <v>12</v>
      </c>
      <c r="BW2197" s="6">
        <v>11</v>
      </c>
      <c r="BX2197" s="6">
        <v>10</v>
      </c>
      <c r="BY2197" s="6">
        <v>9</v>
      </c>
      <c r="BZ2197" s="6">
        <v>12</v>
      </c>
      <c r="CA2197" s="6">
        <v>11</v>
      </c>
      <c r="CB2197" s="6">
        <v>10</v>
      </c>
      <c r="CC2197" s="11">
        <v>11</v>
      </c>
      <c r="CD2197" s="11">
        <v>-18</v>
      </c>
      <c r="CE2197" s="11">
        <v>-4</v>
      </c>
      <c r="CF2197" s="11">
        <v>8</v>
      </c>
      <c r="CG2197" s="11">
        <v>4</v>
      </c>
      <c r="CH2197" s="20">
        <v>0.65</v>
      </c>
      <c r="CI2197" s="20">
        <v>0.73</v>
      </c>
      <c r="CJ2197" s="20">
        <v>0.65</v>
      </c>
      <c r="CK2197" s="20">
        <v>0.69</v>
      </c>
      <c r="CL2197" s="20">
        <v>0.7</v>
      </c>
      <c r="CM2197" s="20">
        <v>0.56000000000000005</v>
      </c>
      <c r="CN2197" s="20">
        <v>0.54</v>
      </c>
      <c r="CO2197" s="20">
        <v>0.52</v>
      </c>
      <c r="CP2197" s="20">
        <v>0.56999999999999995</v>
      </c>
      <c r="CQ2197" s="20">
        <v>0.56000000000000005</v>
      </c>
      <c r="CR2197" s="20">
        <v>0.51</v>
      </c>
      <c r="CS2197" s="20">
        <v>0.56000000000000005</v>
      </c>
      <c r="CT2197" s="20">
        <v>0.6</v>
      </c>
      <c r="CU2197" s="20">
        <v>0.56000000000000005</v>
      </c>
      <c r="CV2197" s="20">
        <v>0.53</v>
      </c>
      <c r="CW2197" s="20">
        <v>0.56999999999999995</v>
      </c>
      <c r="CX2197" s="20">
        <v>0.56000000000000005</v>
      </c>
      <c r="CY2197" s="6" t="s">
        <v>682</v>
      </c>
      <c r="CZ2197" s="6" t="s">
        <v>683</v>
      </c>
      <c r="DA2197" s="6" t="s">
        <v>142</v>
      </c>
      <c r="DB2197" s="6" t="s">
        <v>345</v>
      </c>
      <c r="DC2197" s="6"/>
      <c r="DD2197" s="6"/>
      <c r="DE2197" s="6"/>
      <c r="DF2197" s="6"/>
      <c r="DG2197" s="6"/>
      <c r="DH2197" s="6" t="s">
        <v>333</v>
      </c>
      <c r="DI2197" s="6"/>
      <c r="DJ2197" s="6"/>
      <c r="DK2197" s="6"/>
      <c r="DL2197" s="6">
        <v>4</v>
      </c>
      <c r="DM2197" s="6" t="s">
        <v>446</v>
      </c>
      <c r="DN2197" s="6">
        <v>6</v>
      </c>
      <c r="DO2197" s="6" t="s">
        <v>393</v>
      </c>
      <c r="DP2197" s="6"/>
      <c r="DQ2197" s="6"/>
    </row>
    <row r="2198" spans="1:121" x14ac:dyDescent="0.2">
      <c r="A2198" s="6" t="s">
        <v>317</v>
      </c>
      <c r="B2198" s="6" t="s">
        <v>317</v>
      </c>
      <c r="C2198" s="6" t="s">
        <v>186</v>
      </c>
      <c r="D2198" s="6" t="s">
        <v>142</v>
      </c>
      <c r="E2198" s="6" t="s">
        <v>283</v>
      </c>
      <c r="F2198" s="11">
        <v>47</v>
      </c>
      <c r="G2198" s="13">
        <v>0.73</v>
      </c>
      <c r="H2198" s="11">
        <v>12</v>
      </c>
      <c r="I2198" s="13">
        <v>0.1875</v>
      </c>
      <c r="J2198" s="11">
        <v>5</v>
      </c>
      <c r="K2198" s="13">
        <v>6.5789473684210523E-2</v>
      </c>
      <c r="L2198" s="11">
        <v>30</v>
      </c>
      <c r="M2198" s="13">
        <v>0.37037037037037029</v>
      </c>
      <c r="N2198" s="11">
        <v>35</v>
      </c>
      <c r="O2198" s="13">
        <v>0.46052631578947367</v>
      </c>
      <c r="P2198" s="7">
        <v>64</v>
      </c>
      <c r="Q2198" s="7">
        <v>73</v>
      </c>
      <c r="R2198" s="7">
        <v>99</v>
      </c>
      <c r="S2198" s="7">
        <v>91</v>
      </c>
      <c r="T2198" s="7">
        <v>100</v>
      </c>
      <c r="U2198" s="7">
        <v>86</v>
      </c>
      <c r="V2198" s="7">
        <v>76</v>
      </c>
      <c r="W2198" s="7">
        <v>77</v>
      </c>
      <c r="X2198" s="7">
        <v>87</v>
      </c>
      <c r="Y2198" s="7">
        <v>81</v>
      </c>
      <c r="Z2198" s="7">
        <v>90</v>
      </c>
      <c r="AA2198" s="7">
        <v>94</v>
      </c>
      <c r="AB2198" s="7">
        <v>101</v>
      </c>
      <c r="AC2198" s="7">
        <v>99</v>
      </c>
      <c r="AD2198" s="7">
        <v>104</v>
      </c>
      <c r="AE2198" s="7">
        <v>106</v>
      </c>
      <c r="AF2198" s="7">
        <v>111</v>
      </c>
      <c r="AG2198" s="9">
        <v>6202</v>
      </c>
      <c r="AH2198" s="13">
        <v>0.17712914834066373</v>
      </c>
      <c r="AI2198" s="9">
        <v>-2270</v>
      </c>
      <c r="AJ2198" s="13">
        <v>-6.4831210372993664E-2</v>
      </c>
      <c r="AK2198" s="9">
        <v>5909</v>
      </c>
      <c r="AL2198" s="13">
        <v>0.18046054238944539</v>
      </c>
      <c r="AM2198" s="9">
        <v>2563</v>
      </c>
      <c r="AN2198" s="13">
        <v>6.6307919178330274E-2</v>
      </c>
      <c r="AO2198" s="9">
        <v>8472</v>
      </c>
      <c r="AP2198" s="13">
        <v>0.25873442462741264</v>
      </c>
      <c r="AQ2198" s="9">
        <v>35014</v>
      </c>
      <c r="AR2198" s="9">
        <v>33553</v>
      </c>
      <c r="AS2198" s="9">
        <v>34856</v>
      </c>
      <c r="AT2198" s="9">
        <v>36615</v>
      </c>
      <c r="AU2198" s="9">
        <v>37153</v>
      </c>
      <c r="AV2198" s="9">
        <v>35752</v>
      </c>
      <c r="AW2198" s="9">
        <v>32744</v>
      </c>
      <c r="AX2198" s="9">
        <v>33686</v>
      </c>
      <c r="AY2198" s="9">
        <v>35834</v>
      </c>
      <c r="AZ2198" s="9">
        <v>38653</v>
      </c>
      <c r="BA2198" s="9">
        <v>39536</v>
      </c>
      <c r="BB2198" s="9">
        <v>43954</v>
      </c>
      <c r="BC2198" s="9">
        <v>45146</v>
      </c>
      <c r="BD2198" s="9">
        <v>48070</v>
      </c>
      <c r="BE2198" s="9">
        <v>51255</v>
      </c>
      <c r="BF2198" s="9">
        <v>41216</v>
      </c>
      <c r="BG2198" s="11">
        <v>3</v>
      </c>
      <c r="BH2198" s="13">
        <v>0.15789473684210525</v>
      </c>
      <c r="BI2198" s="6">
        <v>0</v>
      </c>
      <c r="BJ2198" s="13">
        <v>0</v>
      </c>
      <c r="BK2198" s="6">
        <v>2</v>
      </c>
      <c r="BL2198" s="13">
        <v>0.10526315789473684</v>
      </c>
      <c r="BM2198" s="11">
        <v>1</v>
      </c>
      <c r="BN2198" s="13">
        <v>4.7619047619047616E-2</v>
      </c>
      <c r="BO2198" s="11">
        <v>3</v>
      </c>
      <c r="BP2198" s="13">
        <v>0.15789473684210525</v>
      </c>
      <c r="BQ2198" s="6">
        <v>19</v>
      </c>
      <c r="BR2198" s="6">
        <v>18</v>
      </c>
      <c r="BS2198" s="6">
        <v>21</v>
      </c>
      <c r="BT2198" s="6">
        <v>19</v>
      </c>
      <c r="BU2198" s="6">
        <v>18</v>
      </c>
      <c r="BV2198" s="6">
        <v>20</v>
      </c>
      <c r="BW2198" s="6">
        <v>21</v>
      </c>
      <c r="BX2198" s="6">
        <v>22</v>
      </c>
      <c r="BY2198" s="6">
        <v>23</v>
      </c>
      <c r="BZ2198" s="6">
        <v>21</v>
      </c>
      <c r="CA2198" s="6">
        <v>21</v>
      </c>
      <c r="CB2198" s="6">
        <v>21</v>
      </c>
      <c r="CC2198" s="11">
        <v>22</v>
      </c>
      <c r="CD2198" s="11">
        <v>27</v>
      </c>
      <c r="CE2198" s="11">
        <v>13</v>
      </c>
      <c r="CF2198" s="11">
        <v>7</v>
      </c>
      <c r="CG2198" s="11">
        <v>20</v>
      </c>
      <c r="CH2198" s="20">
        <v>0.18</v>
      </c>
      <c r="CI2198" s="20">
        <v>0.21</v>
      </c>
      <c r="CJ2198" s="20">
        <v>0.28999999999999998</v>
      </c>
      <c r="CK2198" s="20">
        <v>0.27</v>
      </c>
      <c r="CL2198" s="20">
        <v>0.28000000000000003</v>
      </c>
      <c r="CM2198" s="20">
        <v>0.22</v>
      </c>
      <c r="CN2198" s="20">
        <v>0.19</v>
      </c>
      <c r="CO2198" s="20">
        <v>0.19</v>
      </c>
      <c r="CP2198" s="20">
        <v>0.22</v>
      </c>
      <c r="CQ2198" s="20">
        <v>0.21</v>
      </c>
      <c r="CR2198" s="20">
        <v>0.23</v>
      </c>
      <c r="CS2198" s="20">
        <v>0.25</v>
      </c>
      <c r="CT2198" s="20">
        <v>0.26</v>
      </c>
      <c r="CU2198" s="20">
        <v>0.25</v>
      </c>
      <c r="CV2198" s="20">
        <v>0.26</v>
      </c>
      <c r="CW2198" s="20">
        <v>0.27</v>
      </c>
      <c r="CX2198" s="20">
        <v>0.27</v>
      </c>
      <c r="CY2198" s="6" t="s">
        <v>682</v>
      </c>
      <c r="CZ2198" s="6" t="s">
        <v>683</v>
      </c>
      <c r="DA2198" s="6" t="s">
        <v>142</v>
      </c>
      <c r="DB2198" s="6" t="s">
        <v>345</v>
      </c>
      <c r="DC2198" s="6"/>
      <c r="DD2198" s="6"/>
      <c r="DE2198" s="6"/>
      <c r="DF2198" s="6"/>
      <c r="DG2198" s="6"/>
      <c r="DH2198" s="6" t="s">
        <v>333</v>
      </c>
      <c r="DI2198" s="6"/>
      <c r="DJ2198" s="6"/>
      <c r="DK2198" s="6"/>
      <c r="DL2198" s="6">
        <v>4</v>
      </c>
      <c r="DM2198" s="6" t="s">
        <v>446</v>
      </c>
      <c r="DN2198" s="6">
        <v>6</v>
      </c>
      <c r="DO2198" s="6" t="s">
        <v>393</v>
      </c>
      <c r="DP2198" s="6"/>
      <c r="DQ2198" s="6"/>
    </row>
    <row r="2199" spans="1:121" x14ac:dyDescent="0.2">
      <c r="A2199" s="6" t="s">
        <v>318</v>
      </c>
      <c r="B2199" s="6" t="s">
        <v>318</v>
      </c>
      <c r="C2199" s="6" t="s">
        <v>187</v>
      </c>
      <c r="D2199" s="6" t="s">
        <v>142</v>
      </c>
      <c r="E2199" s="6" t="s">
        <v>283</v>
      </c>
      <c r="F2199" s="11">
        <v>-12</v>
      </c>
      <c r="G2199" s="13">
        <v>-0.41379310344800002</v>
      </c>
      <c r="H2199" s="11">
        <v>13.605440000000002</v>
      </c>
      <c r="I2199" s="13">
        <v>0.47511751575738009</v>
      </c>
      <c r="J2199" s="11">
        <v>-20.818790000000003</v>
      </c>
      <c r="K2199" s="13">
        <v>-0.49285289803575821</v>
      </c>
      <c r="L2199" s="11">
        <v>-4.2027087198000004</v>
      </c>
      <c r="M2199" s="13">
        <v>-0.1961811035235364</v>
      </c>
      <c r="N2199" s="11">
        <v>-25.021498719800004</v>
      </c>
      <c r="O2199" s="13">
        <v>-0.59234557614786665</v>
      </c>
      <c r="P2199" s="7">
        <v>28.635947000000002</v>
      </c>
      <c r="Q2199" s="7">
        <v>22.541806999999999</v>
      </c>
      <c r="R2199" s="7">
        <v>12.050564</v>
      </c>
      <c r="S2199" s="7">
        <v>10.369885999999999</v>
      </c>
      <c r="T2199" s="7">
        <v>10.286132</v>
      </c>
      <c r="U2199" s="7">
        <v>35.906101</v>
      </c>
      <c r="V2199" s="7">
        <v>42.241387000000003</v>
      </c>
      <c r="W2199" s="7">
        <v>42.580207000000001</v>
      </c>
      <c r="X2199" s="7">
        <v>19.241727000000001</v>
      </c>
      <c r="Y2199" s="7">
        <v>21.422597</v>
      </c>
      <c r="Z2199" s="7">
        <v>12.566299000000001</v>
      </c>
      <c r="AA2199" s="7">
        <v>5</v>
      </c>
      <c r="AB2199" s="7">
        <v>12.906625</v>
      </c>
      <c r="AC2199" s="7">
        <v>12.41582</v>
      </c>
      <c r="AD2199" s="7">
        <v>14.918376</v>
      </c>
      <c r="AE2199" s="7">
        <v>17.389445250000001</v>
      </c>
      <c r="AF2199" s="7">
        <v>17.219888280199999</v>
      </c>
      <c r="AG2199" s="9">
        <v>-17508.534704200007</v>
      </c>
      <c r="AH2199" s="13">
        <v>-0.20475632716115671</v>
      </c>
      <c r="AI2199" s="9">
        <v>1983.8829897999967</v>
      </c>
      <c r="AJ2199" s="13">
        <v>2.3200833271986961E-2</v>
      </c>
      <c r="AK2199" s="9">
        <v>-7935.0772599000047</v>
      </c>
      <c r="AL2199" s="13">
        <v>-9.0693842809283207E-2</v>
      </c>
      <c r="AM2199" s="9">
        <v>-11557.340434099999</v>
      </c>
      <c r="AN2199" s="13">
        <v>-0.14526949222575161</v>
      </c>
      <c r="AO2199" s="9">
        <v>-19492.417694000003</v>
      </c>
      <c r="AP2199" s="13">
        <v>-0.22278828654212807</v>
      </c>
      <c r="AQ2199" s="9">
        <v>85509.126613800006</v>
      </c>
      <c r="AR2199" s="9">
        <v>98159.0022876</v>
      </c>
      <c r="AS2199" s="9">
        <v>157815.07900699999</v>
      </c>
      <c r="AT2199" s="9">
        <v>120202.474833</v>
      </c>
      <c r="AU2199" s="9">
        <v>83426.361778799997</v>
      </c>
      <c r="AV2199" s="9">
        <v>108656.182669</v>
      </c>
      <c r="AW2199" s="9">
        <v>87493.009603600003</v>
      </c>
      <c r="AX2199" s="9">
        <v>64335.771872899997</v>
      </c>
      <c r="AY2199" s="9">
        <v>92474.456068900006</v>
      </c>
      <c r="AZ2199" s="9">
        <v>79557.932343699998</v>
      </c>
      <c r="BA2199" s="9">
        <v>92212.004894500002</v>
      </c>
      <c r="BB2199" s="9">
        <v>1</v>
      </c>
      <c r="BC2199" s="9">
        <v>70339.128954500004</v>
      </c>
      <c r="BD2199" s="9">
        <v>62388.099577100002</v>
      </c>
      <c r="BE2199" s="9">
        <v>175252.417995</v>
      </c>
      <c r="BF2199" s="9">
        <v>68000.5919096</v>
      </c>
      <c r="BG2199" s="11">
        <v>1</v>
      </c>
      <c r="BH2199" s="13">
        <v>1</v>
      </c>
      <c r="BI2199" s="6">
        <v>0</v>
      </c>
      <c r="BJ2199" s="13">
        <v>0</v>
      </c>
      <c r="BK2199" s="6">
        <v>0</v>
      </c>
      <c r="BL2199" s="13">
        <v>0</v>
      </c>
      <c r="BM2199" s="11">
        <v>1</v>
      </c>
      <c r="BN2199" s="13">
        <v>1</v>
      </c>
      <c r="BO2199" s="11">
        <v>1</v>
      </c>
      <c r="BP2199" s="13">
        <v>1</v>
      </c>
      <c r="BQ2199" s="6">
        <v>1</v>
      </c>
      <c r="BR2199" s="6">
        <v>1</v>
      </c>
      <c r="BS2199" s="6">
        <v>1</v>
      </c>
      <c r="BT2199" s="6">
        <v>1</v>
      </c>
      <c r="BU2199" s="6">
        <v>1</v>
      </c>
      <c r="BV2199" s="6">
        <v>1</v>
      </c>
      <c r="BW2199" s="6">
        <v>1</v>
      </c>
      <c r="BX2199" s="6">
        <v>1</v>
      </c>
      <c r="BY2199" s="6">
        <v>1</v>
      </c>
      <c r="BZ2199" s="6">
        <v>1</v>
      </c>
      <c r="CA2199" s="6">
        <v>1</v>
      </c>
      <c r="CB2199" s="6">
        <v>2</v>
      </c>
      <c r="CC2199" s="11">
        <v>2</v>
      </c>
      <c r="CD2199" s="11">
        <v>-20.677499999999998</v>
      </c>
      <c r="CE2199" s="11">
        <v>6.1311900000000001</v>
      </c>
      <c r="CF2199" s="11">
        <v>3.1302500000000002</v>
      </c>
      <c r="CG2199" s="11">
        <v>9</v>
      </c>
      <c r="CH2199" s="20">
        <v>0.37213600000000002</v>
      </c>
      <c r="CI2199" s="20">
        <v>0.30098799999999998</v>
      </c>
      <c r="CJ2199" s="20">
        <v>0.162273</v>
      </c>
      <c r="CK2199" s="20">
        <v>0.14352100000000001</v>
      </c>
      <c r="CL2199" s="20">
        <v>0.13653899999999999</v>
      </c>
      <c r="CM2199" s="20">
        <v>0.44690400000000002</v>
      </c>
      <c r="CN2199" s="20">
        <v>0.51246999999999998</v>
      </c>
      <c r="CO2199" s="20">
        <v>0.50285400000000002</v>
      </c>
      <c r="CP2199" s="20">
        <v>0.23133799999999999</v>
      </c>
      <c r="CQ2199" s="20">
        <v>0.26034099999999999</v>
      </c>
      <c r="CR2199" s="20">
        <v>0.15176600000000001</v>
      </c>
      <c r="CS2199" s="20">
        <v>0.10595499999999999</v>
      </c>
      <c r="CT2199" s="20">
        <v>0.15115300000000001</v>
      </c>
      <c r="CU2199" s="20">
        <v>0.14267199999999999</v>
      </c>
      <c r="CV2199" s="20">
        <v>0.17063900000000001</v>
      </c>
      <c r="CW2199" s="20">
        <v>0.19877700000000001</v>
      </c>
      <c r="CX2199" s="20">
        <v>0.19010199999999999</v>
      </c>
      <c r="CY2199" s="6" t="s">
        <v>682</v>
      </c>
      <c r="CZ2199" s="6" t="s">
        <v>683</v>
      </c>
      <c r="DA2199" s="6" t="s">
        <v>142</v>
      </c>
      <c r="DB2199" s="6" t="s">
        <v>345</v>
      </c>
      <c r="DC2199" s="6"/>
      <c r="DD2199" s="6"/>
      <c r="DE2199" s="6"/>
      <c r="DF2199" s="6"/>
      <c r="DG2199" s="6"/>
      <c r="DH2199" s="6" t="s">
        <v>333</v>
      </c>
      <c r="DI2199" s="6"/>
      <c r="DJ2199" s="6"/>
      <c r="DK2199" s="6"/>
      <c r="DL2199" s="6">
        <v>4</v>
      </c>
      <c r="DM2199" s="6" t="s">
        <v>446</v>
      </c>
      <c r="DN2199" s="6">
        <v>6</v>
      </c>
      <c r="DO2199" s="6" t="s">
        <v>393</v>
      </c>
      <c r="DP2199" s="6"/>
      <c r="DQ2199" s="6"/>
    </row>
    <row r="2200" spans="1:121" x14ac:dyDescent="0.2">
      <c r="A2200" s="6" t="s">
        <v>319</v>
      </c>
      <c r="B2200" s="6" t="s">
        <v>319</v>
      </c>
      <c r="C2200" s="6" t="s">
        <v>188</v>
      </c>
      <c r="D2200" s="6" t="s">
        <v>142</v>
      </c>
      <c r="E2200" s="6" t="s">
        <v>283</v>
      </c>
      <c r="F2200" s="11">
        <v>41</v>
      </c>
      <c r="G2200" s="13">
        <v>0.42268041237100001</v>
      </c>
      <c r="H2200" s="11">
        <v>50.537266221799996</v>
      </c>
      <c r="I2200" s="13">
        <v>0.51899589555317682</v>
      </c>
      <c r="J2200" s="11">
        <v>-8.6037520069999971</v>
      </c>
      <c r="K2200" s="13">
        <v>-5.8167910232535459E-2</v>
      </c>
      <c r="L2200" s="11">
        <v>-1.7469980950000092</v>
      </c>
      <c r="M2200" s="13">
        <v>-1.2540490556277217E-2</v>
      </c>
      <c r="N2200" s="11">
        <v>-10.350750102000006</v>
      </c>
      <c r="O2200" s="13">
        <v>-6.9978946659863178E-2</v>
      </c>
      <c r="P2200" s="7">
        <v>97.375078791199996</v>
      </c>
      <c r="Q2200" s="7">
        <v>122.03329563200001</v>
      </c>
      <c r="R2200" s="7">
        <v>108.17414790799999</v>
      </c>
      <c r="S2200" s="7">
        <v>116.843346545</v>
      </c>
      <c r="T2200" s="7">
        <v>129.107494438</v>
      </c>
      <c r="U2200" s="7">
        <v>155.20787698399999</v>
      </c>
      <c r="V2200" s="7">
        <v>147.91234501299999</v>
      </c>
      <c r="W2200" s="7">
        <v>150.16509233299999</v>
      </c>
      <c r="X2200" s="7">
        <v>121.009968888</v>
      </c>
      <c r="Y2200" s="7">
        <v>139.308593006</v>
      </c>
      <c r="Z2200" s="7">
        <v>122.86511166299999</v>
      </c>
      <c r="AA2200" s="7">
        <v>121.736529129</v>
      </c>
      <c r="AB2200" s="7">
        <v>139.641906328</v>
      </c>
      <c r="AC2200" s="7">
        <v>158.72218373800001</v>
      </c>
      <c r="AD2200" s="7">
        <v>151.51458184699999</v>
      </c>
      <c r="AE2200" s="7">
        <v>134.10676819700001</v>
      </c>
      <c r="AF2200" s="7">
        <v>137.56159491099999</v>
      </c>
      <c r="AG2200" s="9">
        <v>14231.454859699999</v>
      </c>
      <c r="AH2200" s="13">
        <v>0.83307563928771311</v>
      </c>
      <c r="AI2200" s="9">
        <v>5599.1599682999986</v>
      </c>
      <c r="AJ2200" s="13">
        <v>0.32776155467242379</v>
      </c>
      <c r="AK2200" s="9">
        <v>3517.7512201999998</v>
      </c>
      <c r="AL2200" s="13">
        <v>0.1550887045356267</v>
      </c>
      <c r="AM2200" s="9">
        <v>5114.543671200001</v>
      </c>
      <c r="AN2200" s="13">
        <v>0.19521204013377169</v>
      </c>
      <c r="AO2200" s="9">
        <v>8632.2948914000008</v>
      </c>
      <c r="AP2200" s="13">
        <v>0.38057592708350174</v>
      </c>
      <c r="AQ2200" s="9">
        <v>17083.028465300002</v>
      </c>
      <c r="AR2200" s="9">
        <v>18014.1765829</v>
      </c>
      <c r="AS2200" s="9">
        <v>15918.791220999999</v>
      </c>
      <c r="AT2200" s="9">
        <v>18322.187044999999</v>
      </c>
      <c r="AU2200" s="9">
        <v>21130.005076699999</v>
      </c>
      <c r="AV2200" s="9">
        <v>22357.933234600001</v>
      </c>
      <c r="AW2200" s="9">
        <v>22682.1884336</v>
      </c>
      <c r="AX2200" s="9">
        <v>22901.874893100001</v>
      </c>
      <c r="AY2200" s="9">
        <v>25910.734588200001</v>
      </c>
      <c r="AZ2200" s="9">
        <v>26199.9396538</v>
      </c>
      <c r="BA2200" s="9">
        <v>22983.117667999999</v>
      </c>
      <c r="BB2200" s="9">
        <v>26002.363988900001</v>
      </c>
      <c r="BC2200" s="9">
        <v>27170.5090924</v>
      </c>
      <c r="BD2200" s="9">
        <v>29191.091166099999</v>
      </c>
      <c r="BE2200" s="9">
        <v>28858.515780599999</v>
      </c>
      <c r="BF2200" s="9">
        <v>31314.483325000001</v>
      </c>
      <c r="BG2200" s="11">
        <v>6.75</v>
      </c>
      <c r="BH2200" s="13">
        <v>0.67500000000000004</v>
      </c>
      <c r="BI2200" s="6">
        <v>3</v>
      </c>
      <c r="BJ2200" s="13">
        <v>0.3</v>
      </c>
      <c r="BK2200" s="6">
        <v>2</v>
      </c>
      <c r="BL2200" s="13">
        <v>0.15384615384615385</v>
      </c>
      <c r="BM2200" s="11">
        <v>1.75</v>
      </c>
      <c r="BN2200" s="13">
        <v>0.11666666666666667</v>
      </c>
      <c r="BO2200" s="11">
        <v>3.75</v>
      </c>
      <c r="BP2200" s="13">
        <v>0.28846153846153844</v>
      </c>
      <c r="BQ2200" s="6">
        <v>10</v>
      </c>
      <c r="BR2200" s="6">
        <v>13</v>
      </c>
      <c r="BS2200" s="6">
        <v>13</v>
      </c>
      <c r="BT2200" s="6">
        <v>13</v>
      </c>
      <c r="BU2200" s="6">
        <v>14</v>
      </c>
      <c r="BV2200" s="6">
        <v>14</v>
      </c>
      <c r="BW2200" s="6">
        <v>15</v>
      </c>
      <c r="BX2200" s="6">
        <v>14</v>
      </c>
      <c r="BY2200" s="6">
        <v>14</v>
      </c>
      <c r="BZ2200" s="6">
        <v>15</v>
      </c>
      <c r="CA2200" s="6">
        <v>17</v>
      </c>
      <c r="CB2200" s="6">
        <v>17</v>
      </c>
      <c r="CC2200" s="11">
        <v>16.75</v>
      </c>
      <c r="CD2200" s="11">
        <v>20.781199999999998</v>
      </c>
      <c r="CE2200" s="11">
        <v>8.7610799999999998</v>
      </c>
      <c r="CF2200" s="11">
        <v>10.644299999999999</v>
      </c>
      <c r="CG2200" s="11">
        <v>20</v>
      </c>
      <c r="CH2200" s="20">
        <v>0.25797500000000001</v>
      </c>
      <c r="CI2200" s="20">
        <v>0.32894400000000001</v>
      </c>
      <c r="CJ2200" s="20">
        <v>0.28884199999999999</v>
      </c>
      <c r="CK2200" s="20">
        <v>0.31691000000000003</v>
      </c>
      <c r="CL2200" s="20">
        <v>0.33348100000000003</v>
      </c>
      <c r="CM2200" s="20">
        <v>0.37418899999999999</v>
      </c>
      <c r="CN2200" s="20">
        <v>0.35488799999999998</v>
      </c>
      <c r="CO2200" s="20">
        <v>0.377917</v>
      </c>
      <c r="CP2200" s="20">
        <v>0.33376400000000001</v>
      </c>
      <c r="CQ2200" s="20">
        <v>0.377521</v>
      </c>
      <c r="CR2200" s="20">
        <v>0.32908500000000002</v>
      </c>
      <c r="CS2200" s="20">
        <v>0.32604</v>
      </c>
      <c r="CT2200" s="20">
        <v>0.37153599999999998</v>
      </c>
      <c r="CU2200" s="20">
        <v>0.41383700000000001</v>
      </c>
      <c r="CV2200" s="20">
        <v>0.39215299999999997</v>
      </c>
      <c r="CW2200" s="20">
        <v>0.34531499999999998</v>
      </c>
      <c r="CX2200" s="20">
        <v>0.34164</v>
      </c>
      <c r="CY2200" s="6" t="s">
        <v>682</v>
      </c>
      <c r="CZ2200" s="6" t="s">
        <v>683</v>
      </c>
      <c r="DA2200" s="6" t="s">
        <v>142</v>
      </c>
      <c r="DB2200" s="6" t="s">
        <v>345</v>
      </c>
      <c r="DC2200" s="6"/>
      <c r="DD2200" s="6"/>
      <c r="DE2200" s="6"/>
      <c r="DF2200" s="6"/>
      <c r="DG2200" s="6"/>
      <c r="DH2200" s="6" t="s">
        <v>333</v>
      </c>
      <c r="DI2200" s="6"/>
      <c r="DJ2200" s="6"/>
      <c r="DK2200" s="6"/>
      <c r="DL2200" s="6">
        <v>4</v>
      </c>
      <c r="DM2200" s="6" t="s">
        <v>446</v>
      </c>
      <c r="DN2200" s="6">
        <v>6</v>
      </c>
      <c r="DO2200" s="6" t="s">
        <v>393</v>
      </c>
      <c r="DP2200" s="6"/>
      <c r="DQ2200" s="6"/>
    </row>
    <row r="2201" spans="1:121" x14ac:dyDescent="0.2">
      <c r="A2201" s="6" t="s">
        <v>320</v>
      </c>
      <c r="B2201" s="6" t="s">
        <v>320</v>
      </c>
      <c r="C2201" s="6" t="s">
        <v>189</v>
      </c>
      <c r="D2201" s="6" t="s">
        <v>142</v>
      </c>
      <c r="E2201" s="6" t="s">
        <v>283</v>
      </c>
      <c r="F2201" s="11">
        <v>8</v>
      </c>
      <c r="G2201" s="13">
        <v>0.5</v>
      </c>
      <c r="H2201" s="11">
        <v>-2.6871125252999999</v>
      </c>
      <c r="I2201" s="13">
        <v>-0.17169223645413786</v>
      </c>
      <c r="J2201" s="11">
        <v>-7.9636389634999993</v>
      </c>
      <c r="K2201" s="13">
        <v>-0.61430582770178666</v>
      </c>
      <c r="L2201" s="11">
        <v>18.7430553698</v>
      </c>
      <c r="M2201" s="13">
        <v>3.7486110739599998</v>
      </c>
      <c r="N2201" s="11">
        <v>10.779416406300001</v>
      </c>
      <c r="O2201" s="13">
        <v>0.831511617737132</v>
      </c>
      <c r="P2201" s="7">
        <v>15.650751488799999</v>
      </c>
      <c r="Q2201" s="7">
        <v>17.1667905278</v>
      </c>
      <c r="R2201" s="7">
        <v>15.761980300199999</v>
      </c>
      <c r="S2201" s="7">
        <v>14.4950984416</v>
      </c>
      <c r="T2201" s="7">
        <v>16.212299951599999</v>
      </c>
      <c r="U2201" s="7">
        <v>17.974470885500001</v>
      </c>
      <c r="V2201" s="7">
        <v>12.963638963499999</v>
      </c>
      <c r="W2201" s="7">
        <v>11.8875125667</v>
      </c>
      <c r="X2201" s="7">
        <v>13.4759955824</v>
      </c>
      <c r="Y2201" s="7">
        <v>5</v>
      </c>
      <c r="Z2201" s="7">
        <v>12.978520016099999</v>
      </c>
      <c r="AA2201" s="7">
        <v>33.4610440951</v>
      </c>
      <c r="AB2201" s="7">
        <v>17.4271856292</v>
      </c>
      <c r="AC2201" s="7">
        <v>20.0266897998</v>
      </c>
      <c r="AD2201" s="7">
        <v>18.164407114700001</v>
      </c>
      <c r="AE2201" s="7">
        <v>22.250489864799999</v>
      </c>
      <c r="AF2201" s="7">
        <v>23.7430553698</v>
      </c>
      <c r="AG2201" s="9">
        <v>26195.019139</v>
      </c>
      <c r="AH2201" s="13">
        <v>1.9938198716915951</v>
      </c>
      <c r="AI2201" s="9">
        <v>-2176.1628340000007</v>
      </c>
      <c r="AJ2201" s="13">
        <v>-0.16563747021684891</v>
      </c>
      <c r="AK2201" s="9">
        <v>-10960.9443295</v>
      </c>
      <c r="AL2201" s="13">
        <v>-0.99990877530756028</v>
      </c>
      <c r="AM2201" s="9">
        <v>39332.126302500001</v>
      </c>
      <c r="AN2201" s="13">
        <v>39332.126302500001</v>
      </c>
      <c r="AO2201" s="9">
        <v>28371.181972999999</v>
      </c>
      <c r="AP2201" s="13">
        <v>2.5881523496383303</v>
      </c>
      <c r="AQ2201" s="9">
        <v>13138.107163500001</v>
      </c>
      <c r="AR2201" s="9">
        <v>12599.8030729</v>
      </c>
      <c r="AS2201" s="9">
        <v>6558.1358465200001</v>
      </c>
      <c r="AT2201" s="9">
        <v>15139.522363300001</v>
      </c>
      <c r="AU2201" s="9">
        <v>10188.346135100001</v>
      </c>
      <c r="AV2201" s="9">
        <v>9734.92639452</v>
      </c>
      <c r="AW2201" s="9">
        <v>10961.9443295</v>
      </c>
      <c r="AX2201" s="9">
        <v>11682.5948329</v>
      </c>
      <c r="AY2201" s="9">
        <v>15310.574783599999</v>
      </c>
      <c r="AZ2201" s="9">
        <v>1</v>
      </c>
      <c r="BA2201" s="9">
        <v>57247.814350300003</v>
      </c>
      <c r="BB2201" s="9">
        <v>29411.534536300001</v>
      </c>
      <c r="BC2201" s="9">
        <v>35715.052242199999</v>
      </c>
      <c r="BD2201" s="9">
        <v>51559.0937997</v>
      </c>
      <c r="BE2201" s="9">
        <v>66382.337667200001</v>
      </c>
      <c r="BF2201" s="9">
        <v>39333.126302500001</v>
      </c>
      <c r="BG2201" s="11">
        <v>-1</v>
      </c>
      <c r="BH2201" s="13">
        <v>-0.5</v>
      </c>
      <c r="BI2201" s="6">
        <v>1</v>
      </c>
      <c r="BJ2201" s="13">
        <v>0.5</v>
      </c>
      <c r="BK2201" s="6">
        <v>-1</v>
      </c>
      <c r="BL2201" s="13">
        <v>-0.33333333333333331</v>
      </c>
      <c r="BM2201" s="11">
        <v>-1</v>
      </c>
      <c r="BN2201" s="13">
        <v>-0.5</v>
      </c>
      <c r="BO2201" s="11">
        <v>-2</v>
      </c>
      <c r="BP2201" s="13">
        <v>-0.66666666666666663</v>
      </c>
      <c r="BQ2201" s="6">
        <v>2</v>
      </c>
      <c r="BR2201" s="6">
        <v>3</v>
      </c>
      <c r="BS2201" s="6">
        <v>3</v>
      </c>
      <c r="BT2201" s="6">
        <v>3</v>
      </c>
      <c r="BU2201" s="6">
        <v>3</v>
      </c>
      <c r="BV2201" s="6">
        <v>3</v>
      </c>
      <c r="BW2201" s="6">
        <v>2</v>
      </c>
      <c r="BX2201" s="6">
        <v>3</v>
      </c>
      <c r="BY2201" s="6">
        <v>2</v>
      </c>
      <c r="BZ2201" s="6">
        <v>2</v>
      </c>
      <c r="CA2201" s="6">
        <v>2</v>
      </c>
      <c r="CB2201" s="6">
        <v>1</v>
      </c>
      <c r="CC2201" s="11">
        <v>1</v>
      </c>
      <c r="CD2201" s="11">
        <v>0.71427300000000005</v>
      </c>
      <c r="CE2201" s="11">
        <v>5.6672200000000004</v>
      </c>
      <c r="CF2201" s="11">
        <v>1.71082</v>
      </c>
      <c r="CG2201" s="11">
        <v>8</v>
      </c>
      <c r="CH2201" s="20">
        <v>0.12428</v>
      </c>
      <c r="CI2201" s="20">
        <v>0.13254299999999999</v>
      </c>
      <c r="CJ2201" s="20">
        <v>0.117072</v>
      </c>
      <c r="CK2201" s="20">
        <v>0.108942</v>
      </c>
      <c r="CL2201" s="20">
        <v>0.11863799999999999</v>
      </c>
      <c r="CM2201" s="20">
        <v>0.123373</v>
      </c>
      <c r="CN2201" s="20">
        <v>8.7170700000000004E-2</v>
      </c>
      <c r="CO2201" s="20">
        <v>7.7927099999999999E-2</v>
      </c>
      <c r="CP2201" s="20">
        <v>8.5712300000000005E-2</v>
      </c>
      <c r="CQ2201" s="20">
        <v>5.7920600000000003E-2</v>
      </c>
      <c r="CR2201" s="20">
        <v>8.1354599999999999E-2</v>
      </c>
      <c r="CS2201" s="20">
        <v>0.211757</v>
      </c>
      <c r="CT2201" s="20">
        <v>0.110994</v>
      </c>
      <c r="CU2201" s="20">
        <v>0.12649099999999999</v>
      </c>
      <c r="CV2201" s="20">
        <v>0.11512</v>
      </c>
      <c r="CW2201" s="20">
        <v>0.14047499999999999</v>
      </c>
      <c r="CX2201" s="20">
        <v>0.14405599999999999</v>
      </c>
      <c r="CY2201" s="6" t="s">
        <v>682</v>
      </c>
      <c r="CZ2201" s="6" t="s">
        <v>683</v>
      </c>
      <c r="DA2201" s="6" t="s">
        <v>142</v>
      </c>
      <c r="DB2201" s="6" t="s">
        <v>345</v>
      </c>
      <c r="DC2201" s="6"/>
      <c r="DD2201" s="6"/>
      <c r="DE2201" s="6"/>
      <c r="DF2201" s="6"/>
      <c r="DG2201" s="6"/>
      <c r="DH2201" s="6" t="s">
        <v>333</v>
      </c>
      <c r="DI2201" s="6"/>
      <c r="DJ2201" s="6"/>
      <c r="DK2201" s="6"/>
      <c r="DL2201" s="6">
        <v>4</v>
      </c>
      <c r="DM2201" s="6" t="s">
        <v>446</v>
      </c>
      <c r="DN2201" s="6">
        <v>6</v>
      </c>
      <c r="DO2201" s="6" t="s">
        <v>393</v>
      </c>
      <c r="DP2201" s="6"/>
      <c r="DQ2201" s="6"/>
    </row>
    <row r="2202" spans="1:121" x14ac:dyDescent="0.2">
      <c r="A2202" s="6" t="s">
        <v>321</v>
      </c>
      <c r="B2202" s="6" t="s">
        <v>321</v>
      </c>
      <c r="C2202" s="6" t="s">
        <v>190</v>
      </c>
      <c r="D2202" s="6" t="s">
        <v>142</v>
      </c>
      <c r="E2202" s="6" t="s">
        <v>283</v>
      </c>
      <c r="F2202" s="11">
        <v>57</v>
      </c>
      <c r="G2202" s="13">
        <v>0.13043478260899999</v>
      </c>
      <c r="H2202" s="11">
        <v>-73.474573595000038</v>
      </c>
      <c r="I2202" s="13">
        <v>-0.16802332003332127</v>
      </c>
      <c r="J2202" s="11">
        <v>-10.589913584999977</v>
      </c>
      <c r="K2202" s="13">
        <v>-2.9108092769820289E-2</v>
      </c>
      <c r="L2202" s="11">
        <v>141.014010273</v>
      </c>
      <c r="M2202" s="13">
        <v>0.39922039191953007</v>
      </c>
      <c r="N2202" s="11">
        <v>130.42409668800002</v>
      </c>
      <c r="O2202" s="13">
        <v>0.35849175494611213</v>
      </c>
      <c r="P2202" s="7">
        <v>437.28795253200002</v>
      </c>
      <c r="Q2202" s="7">
        <v>455.85151021799999</v>
      </c>
      <c r="R2202" s="7">
        <v>476.47149631600001</v>
      </c>
      <c r="S2202" s="7">
        <v>438.048265915</v>
      </c>
      <c r="T2202" s="7">
        <v>494.77596004999998</v>
      </c>
      <c r="U2202" s="7">
        <v>560.41645197900004</v>
      </c>
      <c r="V2202" s="7">
        <v>363.81337893699998</v>
      </c>
      <c r="W2202" s="7">
        <v>362.309119571</v>
      </c>
      <c r="X2202" s="7">
        <v>355.937904253</v>
      </c>
      <c r="Y2202" s="7">
        <v>353.22346535200001</v>
      </c>
      <c r="Z2202" s="7">
        <v>431.246182347</v>
      </c>
      <c r="AA2202" s="7">
        <v>415.235571268</v>
      </c>
      <c r="AB2202" s="7">
        <v>449.29923384099999</v>
      </c>
      <c r="AC2202" s="7">
        <v>435.06153529699998</v>
      </c>
      <c r="AD2202" s="7">
        <v>447.94053642699998</v>
      </c>
      <c r="AE2202" s="7">
        <v>477.72893410699999</v>
      </c>
      <c r="AF2202" s="7">
        <v>494.237475625</v>
      </c>
      <c r="AG2202" s="9">
        <v>3078.4756318</v>
      </c>
      <c r="AH2202" s="13">
        <v>0.13972430355075233</v>
      </c>
      <c r="AI2202" s="9">
        <v>2484.7862163999998</v>
      </c>
      <c r="AJ2202" s="13">
        <v>0.1127782269811238</v>
      </c>
      <c r="AK2202" s="9">
        <v>1164.2988307000014</v>
      </c>
      <c r="AL2202" s="13">
        <v>4.7488896190000615E-2</v>
      </c>
      <c r="AM2202" s="9">
        <v>-570.60941530000127</v>
      </c>
      <c r="AN2202" s="13">
        <v>-2.221862194089462E-2</v>
      </c>
      <c r="AO2202" s="9">
        <v>593.68941540000014</v>
      </c>
      <c r="AP2202" s="13">
        <v>2.4215136418269983E-2</v>
      </c>
      <c r="AQ2202" s="9">
        <v>22032.4993832</v>
      </c>
      <c r="AR2202" s="9">
        <v>19569.362400000002</v>
      </c>
      <c r="AS2202" s="9">
        <v>20317.851561399999</v>
      </c>
      <c r="AT2202" s="9">
        <v>23237.9369668</v>
      </c>
      <c r="AU2202" s="9">
        <v>23703.290417</v>
      </c>
      <c r="AV2202" s="9">
        <v>22784.395681999998</v>
      </c>
      <c r="AW2202" s="9">
        <v>24517.2855996</v>
      </c>
      <c r="AX2202" s="9">
        <v>26263.907156199999</v>
      </c>
      <c r="AY2202" s="9">
        <v>26214.0100742</v>
      </c>
      <c r="AZ2202" s="9">
        <v>25681.584430300001</v>
      </c>
      <c r="BA2202" s="9">
        <v>25131.2718694</v>
      </c>
      <c r="BB2202" s="9">
        <v>25084.323864800001</v>
      </c>
      <c r="BC2202" s="9">
        <v>24406.732594599998</v>
      </c>
      <c r="BD2202" s="9">
        <v>24384.113437399999</v>
      </c>
      <c r="BE2202" s="9">
        <v>23849.829369200001</v>
      </c>
      <c r="BF2202" s="9">
        <v>25110.975015</v>
      </c>
      <c r="BG2202" s="11">
        <v>39.75</v>
      </c>
      <c r="BH2202" s="13">
        <v>1.1691176470588236</v>
      </c>
      <c r="BI2202" s="6">
        <v>-2</v>
      </c>
      <c r="BJ2202" s="13">
        <v>-5.8823529411764705E-2</v>
      </c>
      <c r="BK2202" s="6">
        <v>-4</v>
      </c>
      <c r="BL2202" s="13">
        <v>-0.125</v>
      </c>
      <c r="BM2202" s="11">
        <v>45.75</v>
      </c>
      <c r="BN2202" s="13">
        <v>1.6339285714285714</v>
      </c>
      <c r="BO2202" s="11">
        <v>41.75</v>
      </c>
      <c r="BP2202" s="13">
        <v>1.3046875</v>
      </c>
      <c r="BQ2202" s="6">
        <v>34</v>
      </c>
      <c r="BR2202" s="6">
        <v>33</v>
      </c>
      <c r="BS2202" s="6">
        <v>31</v>
      </c>
      <c r="BT2202" s="6">
        <v>32</v>
      </c>
      <c r="BU2202" s="6">
        <v>32</v>
      </c>
      <c r="BV2202" s="6">
        <v>30</v>
      </c>
      <c r="BW2202" s="6">
        <v>28</v>
      </c>
      <c r="BX2202" s="6">
        <v>29</v>
      </c>
      <c r="BY2202" s="6">
        <v>31</v>
      </c>
      <c r="BZ2202" s="6">
        <v>63</v>
      </c>
      <c r="CA2202" s="6">
        <v>65</v>
      </c>
      <c r="CB2202" s="6">
        <v>68</v>
      </c>
      <c r="CC2202" s="11">
        <v>73.75</v>
      </c>
      <c r="CD2202" s="11">
        <v>-150.09700000000001</v>
      </c>
      <c r="CE2202" s="11">
        <v>159.24600000000001</v>
      </c>
      <c r="CF2202" s="11">
        <v>47.800800000000002</v>
      </c>
      <c r="CG2202" s="11">
        <v>207</v>
      </c>
      <c r="CH2202" s="20">
        <v>0.70310600000000001</v>
      </c>
      <c r="CI2202" s="20">
        <v>0.717831</v>
      </c>
      <c r="CJ2202" s="20">
        <v>0.72053699999999998</v>
      </c>
      <c r="CK2202" s="20">
        <v>0.68119300000000005</v>
      </c>
      <c r="CL2202" s="20">
        <v>0.74103200000000002</v>
      </c>
      <c r="CM2202" s="20">
        <v>0.78477399999999997</v>
      </c>
      <c r="CN2202" s="20">
        <v>0.49800299999999997</v>
      </c>
      <c r="CO2202" s="20">
        <v>0.48511799999999999</v>
      </c>
      <c r="CP2202" s="20">
        <v>0.46596199999999999</v>
      </c>
      <c r="CQ2202" s="20">
        <v>0.46061800000000003</v>
      </c>
      <c r="CR2202" s="20">
        <v>0.56988000000000005</v>
      </c>
      <c r="CS2202" s="20">
        <v>0.54485899999999998</v>
      </c>
      <c r="CT2202" s="20">
        <v>0.59021000000000001</v>
      </c>
      <c r="CU2202" s="20">
        <v>0.56792500000000001</v>
      </c>
      <c r="CV2202" s="20">
        <v>0.58088399999999996</v>
      </c>
      <c r="CW2202" s="20">
        <v>0.61342399999999997</v>
      </c>
      <c r="CX2202" s="20">
        <v>0.60633000000000004</v>
      </c>
      <c r="CY2202" s="6" t="s">
        <v>682</v>
      </c>
      <c r="CZ2202" s="6" t="s">
        <v>683</v>
      </c>
      <c r="DA2202" s="6" t="s">
        <v>142</v>
      </c>
      <c r="DB2202" s="6" t="s">
        <v>345</v>
      </c>
      <c r="DC2202" s="6"/>
      <c r="DD2202" s="6"/>
      <c r="DE2202" s="6"/>
      <c r="DF2202" s="6"/>
      <c r="DG2202" s="6"/>
      <c r="DH2202" s="6" t="s">
        <v>333</v>
      </c>
      <c r="DI2202" s="6"/>
      <c r="DJ2202" s="6"/>
      <c r="DK2202" s="6"/>
      <c r="DL2202" s="6">
        <v>4</v>
      </c>
      <c r="DM2202" s="6" t="s">
        <v>446</v>
      </c>
      <c r="DN2202" s="6">
        <v>6</v>
      </c>
      <c r="DO2202" s="6" t="s">
        <v>393</v>
      </c>
      <c r="DP2202" s="6"/>
      <c r="DQ2202" s="6"/>
    </row>
    <row r="2203" spans="1:121" x14ac:dyDescent="0.2">
      <c r="A2203" s="6" t="s">
        <v>322</v>
      </c>
      <c r="B2203" s="6" t="s">
        <v>322</v>
      </c>
      <c r="C2203" s="6" t="s">
        <v>191</v>
      </c>
      <c r="D2203" s="6" t="s">
        <v>142</v>
      </c>
      <c r="E2203" s="6" t="s">
        <v>283</v>
      </c>
      <c r="F2203" s="11">
        <v>-16</v>
      </c>
      <c r="G2203" s="13">
        <v>-0.3</v>
      </c>
      <c r="H2203" s="11">
        <v>-9</v>
      </c>
      <c r="I2203" s="13">
        <v>-0.16666666666666666</v>
      </c>
      <c r="J2203" s="11">
        <v>2</v>
      </c>
      <c r="K2203" s="13">
        <v>4.4444444444444446E-2</v>
      </c>
      <c r="L2203" s="11">
        <v>-9</v>
      </c>
      <c r="M2203" s="13">
        <v>-0.19148936170212769</v>
      </c>
      <c r="N2203" s="11">
        <v>-7</v>
      </c>
      <c r="O2203" s="13">
        <v>-0.15555555555555556</v>
      </c>
      <c r="P2203" s="7">
        <v>54</v>
      </c>
      <c r="Q2203" s="7">
        <v>52</v>
      </c>
      <c r="R2203" s="7">
        <v>46</v>
      </c>
      <c r="S2203" s="7">
        <v>51</v>
      </c>
      <c r="T2203" s="7">
        <v>44</v>
      </c>
      <c r="U2203" s="7">
        <v>42</v>
      </c>
      <c r="V2203" s="7">
        <v>45</v>
      </c>
      <c r="W2203" s="7">
        <v>47</v>
      </c>
      <c r="X2203" s="7">
        <v>50</v>
      </c>
      <c r="Y2203" s="7">
        <v>47</v>
      </c>
      <c r="Z2203" s="7">
        <v>48</v>
      </c>
      <c r="AA2203" s="7">
        <v>46</v>
      </c>
      <c r="AB2203" s="7">
        <v>35</v>
      </c>
      <c r="AC2203" s="7">
        <v>36</v>
      </c>
      <c r="AD2203" s="7">
        <v>38</v>
      </c>
      <c r="AE2203" s="7">
        <v>38</v>
      </c>
      <c r="AF2203" s="7">
        <v>38</v>
      </c>
      <c r="AG2203" s="9">
        <v>11401</v>
      </c>
      <c r="AH2203" s="13">
        <v>1.3988957055214724</v>
      </c>
      <c r="AI2203" s="9">
        <v>4281</v>
      </c>
      <c r="AJ2203" s="13">
        <v>0.52527607361963191</v>
      </c>
      <c r="AK2203" s="9">
        <v>3361</v>
      </c>
      <c r="AL2203" s="13">
        <v>0.27037245595688197</v>
      </c>
      <c r="AM2203" s="9">
        <v>3759</v>
      </c>
      <c r="AN2203" s="13">
        <v>0.23803191489361705</v>
      </c>
      <c r="AO2203" s="9">
        <v>7120</v>
      </c>
      <c r="AP2203" s="13">
        <v>0.57276164427640575</v>
      </c>
      <c r="AQ2203" s="9">
        <v>8150</v>
      </c>
      <c r="AR2203" s="9">
        <v>9009</v>
      </c>
      <c r="AS2203" s="9">
        <v>9691</v>
      </c>
      <c r="AT2203" s="9">
        <v>9689</v>
      </c>
      <c r="AU2203" s="9">
        <v>10677</v>
      </c>
      <c r="AV2203" s="9">
        <v>12069</v>
      </c>
      <c r="AW2203" s="9">
        <v>12431</v>
      </c>
      <c r="AX2203" s="9">
        <v>14331</v>
      </c>
      <c r="AY2203" s="9">
        <v>13491</v>
      </c>
      <c r="AZ2203" s="9">
        <v>15792</v>
      </c>
      <c r="BA2203" s="9">
        <v>16262</v>
      </c>
      <c r="BB2203" s="9">
        <v>16377</v>
      </c>
      <c r="BC2203" s="9">
        <v>17326</v>
      </c>
      <c r="BD2203" s="9">
        <v>20465</v>
      </c>
      <c r="BE2203" s="9">
        <v>20884</v>
      </c>
      <c r="BF2203" s="9">
        <v>19551</v>
      </c>
      <c r="BG2203" s="11">
        <v>-2</v>
      </c>
      <c r="BH2203" s="13">
        <v>-0.25</v>
      </c>
      <c r="BI2203" s="6">
        <v>-1</v>
      </c>
      <c r="BJ2203" s="13">
        <v>-0.125</v>
      </c>
      <c r="BK2203" s="6">
        <v>1</v>
      </c>
      <c r="BL2203" s="13">
        <v>0.14285714285714285</v>
      </c>
      <c r="BM2203" s="11">
        <v>-2</v>
      </c>
      <c r="BN2203" s="13">
        <v>-0.25</v>
      </c>
      <c r="BO2203" s="11">
        <v>-1</v>
      </c>
      <c r="BP2203" s="13">
        <v>-0.14285714285714285</v>
      </c>
      <c r="BQ2203" s="6">
        <v>8</v>
      </c>
      <c r="BR2203" s="6">
        <v>9</v>
      </c>
      <c r="BS2203" s="6">
        <v>7</v>
      </c>
      <c r="BT2203" s="6">
        <v>7</v>
      </c>
      <c r="BU2203" s="6">
        <v>7</v>
      </c>
      <c r="BV2203" s="6">
        <v>7</v>
      </c>
      <c r="BW2203" s="6">
        <v>8</v>
      </c>
      <c r="BX2203" s="6">
        <v>8</v>
      </c>
      <c r="BY2203" s="6">
        <v>8</v>
      </c>
      <c r="BZ2203" s="6">
        <v>7</v>
      </c>
      <c r="CA2203" s="6">
        <v>8</v>
      </c>
      <c r="CB2203" s="6">
        <v>7</v>
      </c>
      <c r="CC2203" s="11">
        <v>6</v>
      </c>
      <c r="CD2203" s="11">
        <v>-32</v>
      </c>
      <c r="CE2203" s="11">
        <v>10</v>
      </c>
      <c r="CF2203" s="11">
        <v>6</v>
      </c>
      <c r="CG2203" s="11">
        <v>16</v>
      </c>
      <c r="CH2203" s="20">
        <v>0.56000000000000005</v>
      </c>
      <c r="CI2203" s="20">
        <v>0.55000000000000004</v>
      </c>
      <c r="CJ2203" s="20">
        <v>0.47</v>
      </c>
      <c r="CK2203" s="20">
        <v>0.54</v>
      </c>
      <c r="CL2203" s="20">
        <v>0.44</v>
      </c>
      <c r="CM2203" s="20">
        <v>0.4</v>
      </c>
      <c r="CN2203" s="20">
        <v>0.43</v>
      </c>
      <c r="CO2203" s="20">
        <v>0.44</v>
      </c>
      <c r="CP2203" s="20">
        <v>0.48</v>
      </c>
      <c r="CQ2203" s="20">
        <v>0.46</v>
      </c>
      <c r="CR2203" s="20">
        <v>0.47</v>
      </c>
      <c r="CS2203" s="20">
        <v>0.46</v>
      </c>
      <c r="CT2203" s="20">
        <v>0.34</v>
      </c>
      <c r="CU2203" s="20">
        <v>0.35</v>
      </c>
      <c r="CV2203" s="20">
        <v>0.37</v>
      </c>
      <c r="CW2203" s="20">
        <v>0.36</v>
      </c>
      <c r="CX2203" s="20">
        <v>0.34</v>
      </c>
      <c r="CY2203" s="6" t="s">
        <v>682</v>
      </c>
      <c r="CZ2203" s="6" t="s">
        <v>683</v>
      </c>
      <c r="DA2203" s="6" t="s">
        <v>142</v>
      </c>
      <c r="DB2203" s="6" t="s">
        <v>345</v>
      </c>
      <c r="DC2203" s="6"/>
      <c r="DD2203" s="6"/>
      <c r="DE2203" s="6"/>
      <c r="DF2203" s="6"/>
      <c r="DG2203" s="6"/>
      <c r="DH2203" s="6" t="s">
        <v>333</v>
      </c>
      <c r="DI2203" s="6"/>
      <c r="DJ2203" s="6"/>
      <c r="DK2203" s="6"/>
      <c r="DL2203" s="6">
        <v>4</v>
      </c>
      <c r="DM2203" s="6" t="s">
        <v>446</v>
      </c>
      <c r="DN2203" s="6">
        <v>6</v>
      </c>
      <c r="DO2203" s="6" t="s">
        <v>393</v>
      </c>
      <c r="DP2203" s="6"/>
      <c r="DQ2203" s="6"/>
    </row>
    <row r="2204" spans="1:121" x14ac:dyDescent="0.2">
      <c r="A2204" s="6" t="s">
        <v>323</v>
      </c>
      <c r="B2204" s="6" t="s">
        <v>323</v>
      </c>
      <c r="C2204" s="6" t="s">
        <v>192</v>
      </c>
      <c r="D2204" s="6" t="s">
        <v>142</v>
      </c>
      <c r="E2204" s="6" t="s">
        <v>283</v>
      </c>
      <c r="F2204" s="11">
        <v>149</v>
      </c>
      <c r="G2204" s="13">
        <v>0.5</v>
      </c>
      <c r="H2204" s="11">
        <v>46.033636163999972</v>
      </c>
      <c r="I2204" s="13">
        <v>0.15457219557093593</v>
      </c>
      <c r="J2204" s="11">
        <v>24.557001560000003</v>
      </c>
      <c r="K2204" s="13">
        <v>7.1418436464277535E-2</v>
      </c>
      <c r="L2204" s="11">
        <v>78.740720074000023</v>
      </c>
      <c r="M2204" s="13">
        <v>0.21373481376566145</v>
      </c>
      <c r="N2204" s="11">
        <v>103.29772163400003</v>
      </c>
      <c r="O2204" s="13">
        <v>0.30041785644706603</v>
      </c>
      <c r="P2204" s="7">
        <v>297.81317392800003</v>
      </c>
      <c r="Q2204" s="7">
        <v>324.63121799599998</v>
      </c>
      <c r="R2204" s="7">
        <v>328.81772829599998</v>
      </c>
      <c r="S2204" s="7">
        <v>340.81952629099999</v>
      </c>
      <c r="T2204" s="7">
        <v>358.53775233099998</v>
      </c>
      <c r="U2204" s="7">
        <v>398.33004384600002</v>
      </c>
      <c r="V2204" s="7">
        <v>343.846810092</v>
      </c>
      <c r="W2204" s="7">
        <v>339.59257455599999</v>
      </c>
      <c r="X2204" s="7">
        <v>354.64901007200001</v>
      </c>
      <c r="Y2204" s="7">
        <v>368.403811652</v>
      </c>
      <c r="Z2204" s="7">
        <v>360.85503038799999</v>
      </c>
      <c r="AA2204" s="7">
        <v>358.22243011699999</v>
      </c>
      <c r="AB2204" s="7">
        <v>406.53349171500003</v>
      </c>
      <c r="AC2204" s="7">
        <v>431.37095212899999</v>
      </c>
      <c r="AD2204" s="7">
        <v>432.73240029900001</v>
      </c>
      <c r="AE2204" s="7">
        <v>432.50959190999998</v>
      </c>
      <c r="AF2204" s="7">
        <v>447.14453172600003</v>
      </c>
      <c r="AG2204" s="9">
        <v>2977.9229231299996</v>
      </c>
      <c r="AH2204" s="13">
        <v>0.3250131622632314</v>
      </c>
      <c r="AI2204" s="9">
        <v>1435.0454585299995</v>
      </c>
      <c r="AJ2204" s="13">
        <v>0.15662214050123793</v>
      </c>
      <c r="AK2204" s="9">
        <v>-250.02755260000049</v>
      </c>
      <c r="AL2204" s="13">
        <v>-2.3593037866401097E-2</v>
      </c>
      <c r="AM2204" s="9">
        <v>1792.9050172000007</v>
      </c>
      <c r="AN2204" s="13">
        <v>0.17326961485272688</v>
      </c>
      <c r="AO2204" s="9">
        <v>1542.8774646000002</v>
      </c>
      <c r="AP2204" s="13">
        <v>0.14558862040200865</v>
      </c>
      <c r="AQ2204" s="9">
        <v>9162.4686901700006</v>
      </c>
      <c r="AR2204" s="9">
        <v>8778.5465997800002</v>
      </c>
      <c r="AS2204" s="9">
        <v>9213.5155604299998</v>
      </c>
      <c r="AT2204" s="9">
        <v>9526.8742454700005</v>
      </c>
      <c r="AU2204" s="9">
        <v>9509.2203196699993</v>
      </c>
      <c r="AV2204" s="9">
        <v>9356.2122701299995</v>
      </c>
      <c r="AW2204" s="9">
        <v>10597.5141487</v>
      </c>
      <c r="AX2204" s="9">
        <v>10139.357743</v>
      </c>
      <c r="AY2204" s="9">
        <v>10652.3142178</v>
      </c>
      <c r="AZ2204" s="9">
        <v>10347.4865961</v>
      </c>
      <c r="BA2204" s="9">
        <v>10783.6284502</v>
      </c>
      <c r="BB2204" s="9">
        <v>10944.001716999999</v>
      </c>
      <c r="BC2204" s="9">
        <v>11049.105624600001</v>
      </c>
      <c r="BD2204" s="9">
        <v>11150.2758823</v>
      </c>
      <c r="BE2204" s="9">
        <v>11893.254606099999</v>
      </c>
      <c r="BF2204" s="9">
        <v>12140.3916133</v>
      </c>
      <c r="BG2204" s="11">
        <v>5</v>
      </c>
      <c r="BH2204" s="13">
        <v>0.22727272727272727</v>
      </c>
      <c r="BI2204" s="6">
        <v>7</v>
      </c>
      <c r="BJ2204" s="13">
        <v>0.31818181818181818</v>
      </c>
      <c r="BK2204" s="6">
        <v>6</v>
      </c>
      <c r="BL2204" s="13">
        <v>0.20689655172413793</v>
      </c>
      <c r="BM2204" s="11">
        <v>-8</v>
      </c>
      <c r="BN2204" s="13">
        <v>-0.22857142857142856</v>
      </c>
      <c r="BO2204" s="11">
        <v>-2</v>
      </c>
      <c r="BP2204" s="13">
        <v>-6.8965517241379309E-2</v>
      </c>
      <c r="BQ2204" s="6">
        <v>22</v>
      </c>
      <c r="BR2204" s="6">
        <v>26</v>
      </c>
      <c r="BS2204" s="6">
        <v>30</v>
      </c>
      <c r="BT2204" s="6">
        <v>29</v>
      </c>
      <c r="BU2204" s="6">
        <v>29</v>
      </c>
      <c r="BV2204" s="6">
        <v>32</v>
      </c>
      <c r="BW2204" s="6">
        <v>35</v>
      </c>
      <c r="BX2204" s="6">
        <v>32</v>
      </c>
      <c r="BY2204" s="6">
        <v>30</v>
      </c>
      <c r="BZ2204" s="6">
        <v>31</v>
      </c>
      <c r="CA2204" s="6">
        <v>30</v>
      </c>
      <c r="CB2204" s="6">
        <v>28</v>
      </c>
      <c r="CC2204" s="11">
        <v>27</v>
      </c>
      <c r="CD2204" s="11">
        <v>49.052399999999999</v>
      </c>
      <c r="CE2204" s="11">
        <v>67.724400000000003</v>
      </c>
      <c r="CF2204" s="11">
        <v>32.554600000000001</v>
      </c>
      <c r="CG2204" s="11">
        <v>101</v>
      </c>
      <c r="CH2204" s="20">
        <v>0.64524099999999995</v>
      </c>
      <c r="CI2204" s="20">
        <v>0.706349</v>
      </c>
      <c r="CJ2204" s="20">
        <v>0.69548699999999997</v>
      </c>
      <c r="CK2204" s="20">
        <v>0.73741699999999999</v>
      </c>
      <c r="CL2204" s="20">
        <v>0.74658100000000005</v>
      </c>
      <c r="CM2204" s="20">
        <v>0.77858400000000005</v>
      </c>
      <c r="CN2204" s="20">
        <v>0.66065600000000002</v>
      </c>
      <c r="CO2204" s="20">
        <v>0.65285300000000002</v>
      </c>
      <c r="CP2204" s="20">
        <v>0.69964300000000001</v>
      </c>
      <c r="CQ2204" s="20">
        <v>0.73343499999999995</v>
      </c>
      <c r="CR2204" s="20">
        <v>0.72004000000000001</v>
      </c>
      <c r="CS2204" s="20">
        <v>0.71415499999999998</v>
      </c>
      <c r="CT2204" s="20">
        <v>0.80271000000000003</v>
      </c>
      <c r="CU2204" s="20">
        <v>0.83749899999999999</v>
      </c>
      <c r="CV2204" s="20">
        <v>0.82661200000000001</v>
      </c>
      <c r="CW2204" s="20">
        <v>0.81614200000000003</v>
      </c>
      <c r="CX2204" s="20">
        <v>0.81479800000000002</v>
      </c>
      <c r="CY2204" s="6" t="s">
        <v>682</v>
      </c>
      <c r="CZ2204" s="6" t="s">
        <v>683</v>
      </c>
      <c r="DA2204" s="6" t="s">
        <v>142</v>
      </c>
      <c r="DB2204" s="6" t="s">
        <v>345</v>
      </c>
      <c r="DC2204" s="6"/>
      <c r="DD2204" s="6"/>
      <c r="DE2204" s="6"/>
      <c r="DF2204" s="6"/>
      <c r="DG2204" s="6"/>
      <c r="DH2204" s="6" t="s">
        <v>333</v>
      </c>
      <c r="DI2204" s="6"/>
      <c r="DJ2204" s="6"/>
      <c r="DK2204" s="6"/>
      <c r="DL2204" s="6">
        <v>4</v>
      </c>
      <c r="DM2204" s="6" t="s">
        <v>446</v>
      </c>
      <c r="DN2204" s="6">
        <v>6</v>
      </c>
      <c r="DO2204" s="6" t="s">
        <v>393</v>
      </c>
      <c r="DP2204" s="6"/>
      <c r="DQ2204" s="6"/>
    </row>
    <row r="2205" spans="1:121" x14ac:dyDescent="0.2">
      <c r="A2205" s="6" t="s">
        <v>325</v>
      </c>
      <c r="B2205" s="6" t="s">
        <v>325</v>
      </c>
      <c r="C2205" s="6" t="s">
        <v>193</v>
      </c>
      <c r="D2205" s="6" t="s">
        <v>142</v>
      </c>
      <c r="E2205" s="6" t="s">
        <v>283</v>
      </c>
      <c r="F2205" s="11">
        <v>11</v>
      </c>
      <c r="G2205" s="13">
        <v>2.7568922305799999E-2</v>
      </c>
      <c r="H2205" s="11">
        <v>36.586231406000024</v>
      </c>
      <c r="I2205" s="13">
        <v>9.1677189038777071E-2</v>
      </c>
      <c r="J2205" s="11">
        <v>1.5996226159999765</v>
      </c>
      <c r="K2205" s="13">
        <v>3.6716976521391936E-3</v>
      </c>
      <c r="L2205" s="11">
        <v>-27.108626018999985</v>
      </c>
      <c r="M2205" s="13">
        <v>-6.1996219122978674E-2</v>
      </c>
      <c r="N2205" s="11">
        <v>-25.509003403000008</v>
      </c>
      <c r="O2205" s="13">
        <v>-5.8552152843034833E-2</v>
      </c>
      <c r="P2205" s="7">
        <v>399.07671460699999</v>
      </c>
      <c r="Q2205" s="7">
        <v>410.133507302</v>
      </c>
      <c r="R2205" s="7">
        <v>400.47428833100003</v>
      </c>
      <c r="S2205" s="7">
        <v>404.75693575100001</v>
      </c>
      <c r="T2205" s="7">
        <v>408.44873338399998</v>
      </c>
      <c r="U2205" s="7">
        <v>424.86148684199998</v>
      </c>
      <c r="V2205" s="7">
        <v>435.66294601300001</v>
      </c>
      <c r="W2205" s="7">
        <v>440.81880206599999</v>
      </c>
      <c r="X2205" s="7">
        <v>433.35809987699997</v>
      </c>
      <c r="Y2205" s="7">
        <v>437.26256862899999</v>
      </c>
      <c r="Z2205" s="7">
        <v>386.86681317300003</v>
      </c>
      <c r="AA2205" s="7">
        <v>408.17609738200002</v>
      </c>
      <c r="AB2205" s="7">
        <v>364.01713705999998</v>
      </c>
      <c r="AC2205" s="7">
        <v>407.61910486400001</v>
      </c>
      <c r="AD2205" s="7">
        <v>420.02831544899999</v>
      </c>
      <c r="AE2205" s="7">
        <v>404.01870111199997</v>
      </c>
      <c r="AF2205" s="7">
        <v>410.15394261</v>
      </c>
      <c r="AG2205" s="9">
        <v>5087.6887855999994</v>
      </c>
      <c r="AH2205" s="13">
        <v>0.31821867451282254</v>
      </c>
      <c r="AI2205" s="9">
        <v>501.00492529999974</v>
      </c>
      <c r="AJ2205" s="13">
        <v>3.1336256986591572E-2</v>
      </c>
      <c r="AK2205" s="9">
        <v>265.32859150000149</v>
      </c>
      <c r="AL2205" s="13">
        <v>1.6091216962177135E-2</v>
      </c>
      <c r="AM2205" s="9">
        <v>4321.3552687999982</v>
      </c>
      <c r="AN2205" s="13">
        <v>0.25792421284773981</v>
      </c>
      <c r="AO2205" s="9">
        <v>4586.6838602999997</v>
      </c>
      <c r="AP2205" s="13">
        <v>0.27816574427864871</v>
      </c>
      <c r="AQ2205" s="9">
        <v>15988.027080399999</v>
      </c>
      <c r="AR2205" s="9">
        <v>14996.405986600001</v>
      </c>
      <c r="AS2205" s="9">
        <v>15258.821002000001</v>
      </c>
      <c r="AT2205" s="9">
        <v>16100.3007872</v>
      </c>
      <c r="AU2205" s="9">
        <v>16003.270022299999</v>
      </c>
      <c r="AV2205" s="9">
        <v>16757.829042599999</v>
      </c>
      <c r="AW2205" s="9">
        <v>16489.032005699999</v>
      </c>
      <c r="AX2205" s="9">
        <v>16713.3319433</v>
      </c>
      <c r="AY2205" s="9">
        <v>16087.2737129</v>
      </c>
      <c r="AZ2205" s="9">
        <v>16754.3605972</v>
      </c>
      <c r="BA2205" s="9">
        <v>18065.273423499999</v>
      </c>
      <c r="BB2205" s="9">
        <v>17740.155861800002</v>
      </c>
      <c r="BC2205" s="9">
        <v>19621.5255058</v>
      </c>
      <c r="BD2205" s="9">
        <v>20197.3066827</v>
      </c>
      <c r="BE2205" s="9">
        <v>20839.746225999999</v>
      </c>
      <c r="BF2205" s="9">
        <v>21075.715865999999</v>
      </c>
      <c r="BG2205" s="11">
        <v>-4</v>
      </c>
      <c r="BH2205" s="13">
        <v>-8.8888888888888892E-2</v>
      </c>
      <c r="BI2205" s="6">
        <v>9</v>
      </c>
      <c r="BJ2205" s="13">
        <v>0.2</v>
      </c>
      <c r="BK2205" s="6">
        <v>13</v>
      </c>
      <c r="BL2205" s="13">
        <v>0.24074074074074073</v>
      </c>
      <c r="BM2205" s="11">
        <v>-26</v>
      </c>
      <c r="BN2205" s="13">
        <v>-0.38805970149253732</v>
      </c>
      <c r="BO2205" s="11">
        <v>-13</v>
      </c>
      <c r="BP2205" s="13">
        <v>-0.24074074074074073</v>
      </c>
      <c r="BQ2205" s="6">
        <v>45</v>
      </c>
      <c r="BR2205" s="6">
        <v>45</v>
      </c>
      <c r="BS2205" s="6">
        <v>50</v>
      </c>
      <c r="BT2205" s="6">
        <v>54</v>
      </c>
      <c r="BU2205" s="6">
        <v>60</v>
      </c>
      <c r="BV2205" s="6">
        <v>60</v>
      </c>
      <c r="BW2205" s="6">
        <v>67</v>
      </c>
      <c r="BX2205" s="6">
        <v>63</v>
      </c>
      <c r="BY2205" s="6">
        <v>59</v>
      </c>
      <c r="BZ2205" s="6">
        <v>37</v>
      </c>
      <c r="CA2205" s="6">
        <v>40</v>
      </c>
      <c r="CB2205" s="6">
        <v>43</v>
      </c>
      <c r="CC2205" s="11">
        <v>41</v>
      </c>
      <c r="CD2205" s="11">
        <v>-28.871500000000001</v>
      </c>
      <c r="CE2205" s="11">
        <v>-3.6751200000000002</v>
      </c>
      <c r="CF2205" s="11">
        <v>43.623899999999999</v>
      </c>
      <c r="CG2205" s="11">
        <v>40</v>
      </c>
      <c r="CH2205" s="20">
        <v>1.2729200000000001</v>
      </c>
      <c r="CI2205" s="20">
        <v>1.30833</v>
      </c>
      <c r="CJ2205" s="20">
        <v>1.24898</v>
      </c>
      <c r="CK2205" s="20">
        <v>1.3146899999999999</v>
      </c>
      <c r="CL2205" s="20">
        <v>1.29796</v>
      </c>
      <c r="CM2205" s="20">
        <v>1.27919</v>
      </c>
      <c r="CN2205" s="20">
        <v>1.2957799999999999</v>
      </c>
      <c r="CO2205" s="20">
        <v>1.3106100000000001</v>
      </c>
      <c r="CP2205" s="20">
        <v>1.2951999999999999</v>
      </c>
      <c r="CQ2205" s="20">
        <v>1.3286100000000001</v>
      </c>
      <c r="CR2205" s="20">
        <v>1.1953499999999999</v>
      </c>
      <c r="CS2205" s="20">
        <v>1.2698199999999999</v>
      </c>
      <c r="CT2205" s="20">
        <v>1.22349</v>
      </c>
      <c r="CU2205" s="20">
        <v>1.3614599999999999</v>
      </c>
      <c r="CV2205" s="20">
        <v>1.4076299999999999</v>
      </c>
      <c r="CW2205" s="20">
        <v>1.35172</v>
      </c>
      <c r="CX2205" s="20">
        <v>1.33697</v>
      </c>
      <c r="CY2205" s="6" t="s">
        <v>682</v>
      </c>
      <c r="CZ2205" s="6" t="s">
        <v>683</v>
      </c>
      <c r="DA2205" s="6" t="s">
        <v>142</v>
      </c>
      <c r="DB2205" s="6" t="s">
        <v>345</v>
      </c>
      <c r="DC2205" s="6"/>
      <c r="DD2205" s="6"/>
      <c r="DE2205" s="6"/>
      <c r="DF2205" s="6"/>
      <c r="DG2205" s="6"/>
      <c r="DH2205" s="6" t="s">
        <v>333</v>
      </c>
      <c r="DI2205" s="6"/>
      <c r="DJ2205" s="6"/>
      <c r="DK2205" s="6"/>
      <c r="DL2205" s="6">
        <v>4</v>
      </c>
      <c r="DM2205" s="6" t="s">
        <v>446</v>
      </c>
      <c r="DN2205" s="6">
        <v>6</v>
      </c>
      <c r="DO2205" s="6" t="s">
        <v>393</v>
      </c>
      <c r="DP2205" s="6"/>
      <c r="DQ2205" s="6"/>
    </row>
    <row r="2206" spans="1:121" x14ac:dyDescent="0.2">
      <c r="A2206" s="6" t="s">
        <v>327</v>
      </c>
      <c r="B2206" s="6" t="s">
        <v>327</v>
      </c>
      <c r="C2206" s="6" t="s">
        <v>194</v>
      </c>
      <c r="D2206" s="6" t="s">
        <v>142</v>
      </c>
      <c r="E2206" s="6" t="s">
        <v>283</v>
      </c>
      <c r="F2206" s="11">
        <v>9</v>
      </c>
      <c r="G2206" s="13">
        <v>8.7548638132300006E-3</v>
      </c>
      <c r="H2206" s="11">
        <v>153.73914100000002</v>
      </c>
      <c r="I2206" s="13">
        <v>0.14956694446133498</v>
      </c>
      <c r="J2206" s="11">
        <v>-149.16207699999995</v>
      </c>
      <c r="K2206" s="13">
        <v>-0.1262337041177288</v>
      </c>
      <c r="L2206" s="11">
        <v>4.8423895199998697</v>
      </c>
      <c r="M2206" s="13">
        <v>4.6900917264561864E-3</v>
      </c>
      <c r="N2206" s="11">
        <v>-144.31968748000008</v>
      </c>
      <c r="O2206" s="13">
        <v>-0.12213566004255508</v>
      </c>
      <c r="P2206" s="7">
        <v>1027.895178</v>
      </c>
      <c r="Q2206" s="7">
        <v>997.19638299999997</v>
      </c>
      <c r="R2206" s="7">
        <v>980.33138699999995</v>
      </c>
      <c r="S2206" s="7">
        <v>975.37570300000004</v>
      </c>
      <c r="T2206" s="7">
        <v>974.10535700000003</v>
      </c>
      <c r="U2206" s="7">
        <v>1012.85203</v>
      </c>
      <c r="V2206" s="7">
        <v>1181.634319</v>
      </c>
      <c r="W2206" s="7">
        <v>1054.2069690000001</v>
      </c>
      <c r="X2206" s="7">
        <v>1051.7514610000001</v>
      </c>
      <c r="Y2206" s="7">
        <v>1032.4722420000001</v>
      </c>
      <c r="Z2206" s="7">
        <v>1033.1262300000001</v>
      </c>
      <c r="AA2206" s="7">
        <v>1038.465553</v>
      </c>
      <c r="AB2206" s="7">
        <v>1004.546231</v>
      </c>
      <c r="AC2206" s="7">
        <v>1012.544838</v>
      </c>
      <c r="AD2206" s="7">
        <v>1018.591961</v>
      </c>
      <c r="AE2206" s="7">
        <v>1040.4556359999999</v>
      </c>
      <c r="AF2206" s="7">
        <v>1037.3146315199999</v>
      </c>
      <c r="AG2206" s="9">
        <v>23342.806707099997</v>
      </c>
      <c r="AH2206" s="13">
        <v>0.70977653754322867</v>
      </c>
      <c r="AI2206" s="9">
        <v>10340.903393599998</v>
      </c>
      <c r="AJ2206" s="13">
        <v>0.31443222307735436</v>
      </c>
      <c r="AK2206" s="9">
        <v>6884.3229476999986</v>
      </c>
      <c r="AL2206" s="13">
        <v>0.15925445980300174</v>
      </c>
      <c r="AM2206" s="9">
        <v>6117.5803658000004</v>
      </c>
      <c r="AN2206" s="13">
        <v>0.12207627702866788</v>
      </c>
      <c r="AO2206" s="9">
        <v>13001.903313499999</v>
      </c>
      <c r="AP2206" s="13">
        <v>0.30077192838463174</v>
      </c>
      <c r="AQ2206" s="9">
        <v>32887.543434300002</v>
      </c>
      <c r="AR2206" s="9">
        <v>34176.848906500003</v>
      </c>
      <c r="AS2206" s="9">
        <v>35822.416899999997</v>
      </c>
      <c r="AT2206" s="9">
        <v>37924.007018199998</v>
      </c>
      <c r="AU2206" s="9">
        <v>39983.206687700003</v>
      </c>
      <c r="AV2206" s="9">
        <v>41589.751950999998</v>
      </c>
      <c r="AW2206" s="9">
        <v>43228.446827899999</v>
      </c>
      <c r="AX2206" s="9">
        <v>45224.309600799999</v>
      </c>
      <c r="AY2206" s="9">
        <v>47909.6523333</v>
      </c>
      <c r="AZ2206" s="9">
        <v>50112.769775599998</v>
      </c>
      <c r="BA2206" s="9">
        <v>51291.031853400003</v>
      </c>
      <c r="BB2206" s="9">
        <v>52718.052769800001</v>
      </c>
      <c r="BC2206" s="9">
        <v>54119.516930799997</v>
      </c>
      <c r="BD2206" s="9">
        <v>53901.825867599997</v>
      </c>
      <c r="BE2206" s="9">
        <v>56764.516326800003</v>
      </c>
      <c r="BF2206" s="9">
        <v>56230.350141399998</v>
      </c>
      <c r="BG2206" s="11">
        <v>4</v>
      </c>
      <c r="BH2206" s="13">
        <v>8.5106382978723402E-2</v>
      </c>
      <c r="BI2206" s="6">
        <v>2</v>
      </c>
      <c r="BJ2206" s="13">
        <v>4.2553191489361701E-2</v>
      </c>
      <c r="BK2206" s="6">
        <v>-1</v>
      </c>
      <c r="BL2206" s="13">
        <v>-2.0408163265306121E-2</v>
      </c>
      <c r="BM2206" s="11">
        <v>3</v>
      </c>
      <c r="BN2206" s="13">
        <v>6.25E-2</v>
      </c>
      <c r="BO2206" s="11">
        <v>2</v>
      </c>
      <c r="BP2206" s="13">
        <v>4.0816326530612242E-2</v>
      </c>
      <c r="BQ2206" s="6">
        <v>47</v>
      </c>
      <c r="BR2206" s="6">
        <v>48</v>
      </c>
      <c r="BS2206" s="6">
        <v>49</v>
      </c>
      <c r="BT2206" s="6">
        <v>49</v>
      </c>
      <c r="BU2206" s="6">
        <v>50</v>
      </c>
      <c r="BV2206" s="6">
        <v>50</v>
      </c>
      <c r="BW2206" s="6">
        <v>48</v>
      </c>
      <c r="BX2206" s="6">
        <v>47</v>
      </c>
      <c r="BY2206" s="6">
        <v>48</v>
      </c>
      <c r="BZ2206" s="6">
        <v>51</v>
      </c>
      <c r="CA2206" s="6">
        <v>50</v>
      </c>
      <c r="CB2206" s="6">
        <v>51</v>
      </c>
      <c r="CC2206" s="11">
        <v>51</v>
      </c>
      <c r="CD2206" s="11">
        <v>-42.681899999999999</v>
      </c>
      <c r="CE2206" s="11">
        <v>-60.26</v>
      </c>
      <c r="CF2206" s="11">
        <v>112.361</v>
      </c>
      <c r="CG2206" s="11">
        <v>52</v>
      </c>
      <c r="CH2206" s="20">
        <v>0.987008</v>
      </c>
      <c r="CI2206" s="20">
        <v>0.95574400000000004</v>
      </c>
      <c r="CJ2206" s="20">
        <v>0.92537400000000003</v>
      </c>
      <c r="CK2206" s="20">
        <v>0.96582500000000004</v>
      </c>
      <c r="CL2206" s="20">
        <v>0.94586300000000001</v>
      </c>
      <c r="CM2206" s="20">
        <v>0.93796800000000002</v>
      </c>
      <c r="CN2206" s="20">
        <v>1.08873</v>
      </c>
      <c r="CO2206" s="20">
        <v>0.96123499999999995</v>
      </c>
      <c r="CP2206" s="20">
        <v>0.95325599999999999</v>
      </c>
      <c r="CQ2206" s="20">
        <v>0.94590300000000005</v>
      </c>
      <c r="CR2206" s="20">
        <v>0.98509500000000005</v>
      </c>
      <c r="CS2206" s="20">
        <v>1.03077</v>
      </c>
      <c r="CT2206" s="20">
        <v>1.0232300000000001</v>
      </c>
      <c r="CU2206" s="20">
        <v>1.0442899999999999</v>
      </c>
      <c r="CV2206" s="20">
        <v>1.0631200000000001</v>
      </c>
      <c r="CW2206" s="20">
        <v>1.08961</v>
      </c>
      <c r="CX2206" s="20">
        <v>1.06579</v>
      </c>
      <c r="CY2206" s="6" t="s">
        <v>682</v>
      </c>
      <c r="CZ2206" s="6" t="s">
        <v>683</v>
      </c>
      <c r="DA2206" s="6" t="s">
        <v>142</v>
      </c>
      <c r="DB2206" s="6" t="s">
        <v>345</v>
      </c>
      <c r="DC2206" s="6"/>
      <c r="DD2206" s="6"/>
      <c r="DE2206" s="6"/>
      <c r="DF2206" s="6"/>
      <c r="DG2206" s="6"/>
      <c r="DH2206" s="6" t="s">
        <v>333</v>
      </c>
      <c r="DI2206" s="6"/>
      <c r="DJ2206" s="6"/>
      <c r="DK2206" s="6"/>
      <c r="DL2206" s="6">
        <v>4</v>
      </c>
      <c r="DM2206" s="6" t="s">
        <v>446</v>
      </c>
      <c r="DN2206" s="6">
        <v>6</v>
      </c>
      <c r="DO2206" s="6" t="s">
        <v>393</v>
      </c>
      <c r="DP2206" s="6"/>
      <c r="DQ2206" s="6"/>
    </row>
    <row r="2207" spans="1:121" x14ac:dyDescent="0.2">
      <c r="A2207" s="6" t="s">
        <v>1</v>
      </c>
      <c r="B2207" s="6" t="s">
        <v>1</v>
      </c>
      <c r="C2207" s="6" t="s">
        <v>2</v>
      </c>
      <c r="D2207" s="6" t="s">
        <v>56</v>
      </c>
      <c r="E2207" s="6" t="s">
        <v>197</v>
      </c>
      <c r="F2207" s="11">
        <v>483</v>
      </c>
      <c r="G2207" s="13">
        <v>0.43086529884000002</v>
      </c>
      <c r="H2207" s="11">
        <v>324.58625864999999</v>
      </c>
      <c r="I2207" s="13">
        <v>0.28959417339451315</v>
      </c>
      <c r="J2207" s="11">
        <v>12.070244739999907</v>
      </c>
      <c r="K2207" s="13">
        <v>8.3506965690153655E-3</v>
      </c>
      <c r="L2207" s="11">
        <v>146.36649243000011</v>
      </c>
      <c r="M2207" s="13">
        <v>0.10042380907063728</v>
      </c>
      <c r="N2207" s="11">
        <v>158.43673717000001</v>
      </c>
      <c r="O2207" s="13">
        <v>0.10961311439750628</v>
      </c>
      <c r="P2207" s="7">
        <v>1120.83145474</v>
      </c>
      <c r="Q2207" s="7">
        <v>1064.2194386199999</v>
      </c>
      <c r="R2207" s="7">
        <v>1017.84740356</v>
      </c>
      <c r="S2207" s="7">
        <v>1098.3881611300001</v>
      </c>
      <c r="T2207" s="7">
        <v>1206.9457716100001</v>
      </c>
      <c r="U2207" s="7">
        <v>1267.2510531600001</v>
      </c>
      <c r="V2207" s="7">
        <v>1445.41771339</v>
      </c>
      <c r="W2207" s="7">
        <v>1270.07218352</v>
      </c>
      <c r="X2207" s="7">
        <v>1345.84176568</v>
      </c>
      <c r="Y2207" s="7">
        <v>1457.4879581299999</v>
      </c>
      <c r="Z2207" s="7">
        <v>1443.21050997</v>
      </c>
      <c r="AA2207" s="7">
        <v>1412.52646994</v>
      </c>
      <c r="AB2207" s="7">
        <v>1380.9341167699999</v>
      </c>
      <c r="AC2207" s="7">
        <v>1613.6540510299999</v>
      </c>
      <c r="AD2207" s="7">
        <v>1523.26750825</v>
      </c>
      <c r="AE2207" s="7">
        <v>1570.3350286100001</v>
      </c>
      <c r="AF2207" s="7">
        <v>1603.85445056</v>
      </c>
      <c r="AG2207" s="9">
        <v>12467.969917499999</v>
      </c>
      <c r="AH2207" s="13">
        <v>0.61950831465913547</v>
      </c>
      <c r="AI2207" s="9">
        <v>1623.8765151999978</v>
      </c>
      <c r="AJ2207" s="13">
        <v>8.0687153546470755E-2</v>
      </c>
      <c r="AK2207" s="9">
        <v>3060.5899963000011</v>
      </c>
      <c r="AL2207" s="13">
        <v>0.14072023746794268</v>
      </c>
      <c r="AM2207" s="9">
        <v>7783.5034059999998</v>
      </c>
      <c r="AN2207" s="13">
        <v>0.31372373608158799</v>
      </c>
      <c r="AO2207" s="9">
        <v>10844.093402300001</v>
      </c>
      <c r="AP2207" s="13">
        <v>0.4985912521902619</v>
      </c>
      <c r="AQ2207" s="9">
        <v>20125.589314100002</v>
      </c>
      <c r="AR2207" s="9">
        <v>20929.725577199999</v>
      </c>
      <c r="AS2207" s="9">
        <v>21279.6571343</v>
      </c>
      <c r="AT2207" s="9">
        <v>21793.814266099998</v>
      </c>
      <c r="AU2207" s="9">
        <v>21651.8221887</v>
      </c>
      <c r="AV2207" s="9">
        <v>22051.070837499999</v>
      </c>
      <c r="AW2207" s="9">
        <v>21749.465829299999</v>
      </c>
      <c r="AX2207" s="9">
        <v>24097.074531999999</v>
      </c>
      <c r="AY2207" s="9">
        <v>24456.629379499998</v>
      </c>
      <c r="AZ2207" s="9">
        <v>24810.0558256</v>
      </c>
      <c r="BA2207" s="9">
        <v>26139.458452700001</v>
      </c>
      <c r="BB2207" s="9">
        <v>28797.740162300001</v>
      </c>
      <c r="BC2207" s="9">
        <v>30356.9044736</v>
      </c>
      <c r="BD2207" s="9">
        <v>30693.57948</v>
      </c>
      <c r="BE2207" s="9">
        <v>32697.898491100001</v>
      </c>
      <c r="BF2207" s="9">
        <v>32593.5592316</v>
      </c>
      <c r="BG2207" s="11">
        <v>7.5</v>
      </c>
      <c r="BH2207" s="13">
        <v>9.375E-2</v>
      </c>
      <c r="BI2207" s="6">
        <v>-1</v>
      </c>
      <c r="BJ2207" s="13">
        <v>-1.2500000000000001E-2</v>
      </c>
      <c r="BK2207" s="6">
        <v>7</v>
      </c>
      <c r="BL2207" s="13">
        <v>8.8607594936708861E-2</v>
      </c>
      <c r="BM2207" s="11">
        <v>1.5</v>
      </c>
      <c r="BN2207" s="13">
        <v>1.7441860465116279E-2</v>
      </c>
      <c r="BO2207" s="11">
        <v>8.5</v>
      </c>
      <c r="BP2207" s="13">
        <v>0.10759493670886076</v>
      </c>
      <c r="BQ2207" s="6">
        <v>80</v>
      </c>
      <c r="BR2207" s="6">
        <v>80</v>
      </c>
      <c r="BS2207" s="6">
        <v>78</v>
      </c>
      <c r="BT2207" s="6">
        <v>79</v>
      </c>
      <c r="BU2207" s="6">
        <v>76</v>
      </c>
      <c r="BV2207" s="6">
        <v>82</v>
      </c>
      <c r="BW2207" s="6">
        <v>86</v>
      </c>
      <c r="BX2207" s="6">
        <v>88</v>
      </c>
      <c r="BY2207" s="6">
        <v>92</v>
      </c>
      <c r="BZ2207" s="6">
        <v>92</v>
      </c>
      <c r="CA2207" s="6">
        <v>89</v>
      </c>
      <c r="CB2207" s="6">
        <v>88</v>
      </c>
      <c r="CC2207" s="11">
        <v>87.5</v>
      </c>
      <c r="CD2207" s="11">
        <v>462.69299999999998</v>
      </c>
      <c r="CE2207" s="11">
        <v>-102.19</v>
      </c>
      <c r="CF2207" s="11">
        <v>122.52</v>
      </c>
      <c r="CG2207" s="11">
        <v>21</v>
      </c>
      <c r="CH2207" s="20">
        <v>7.0101899999999997</v>
      </c>
      <c r="CI2207" s="20">
        <v>6.5809499999999996</v>
      </c>
      <c r="CJ2207" s="20">
        <v>6.1941899999999999</v>
      </c>
      <c r="CK2207" s="20">
        <v>6.4552899999999998</v>
      </c>
      <c r="CL2207" s="20">
        <v>6.9871999999999996</v>
      </c>
      <c r="CM2207" s="20">
        <v>7.4904200000000003</v>
      </c>
      <c r="CN2207" s="20">
        <v>8.7684300000000004</v>
      </c>
      <c r="CO2207" s="20">
        <v>8.2808600000000006</v>
      </c>
      <c r="CP2207" s="20">
        <v>8.7207799999999995</v>
      </c>
      <c r="CQ2207" s="20">
        <v>9.0475700000000003</v>
      </c>
      <c r="CR2207" s="20">
        <v>8.9758300000000002</v>
      </c>
      <c r="CS2207" s="20">
        <v>8.8343900000000009</v>
      </c>
      <c r="CT2207" s="20">
        <v>9.0591500000000007</v>
      </c>
      <c r="CU2207" s="20">
        <v>10.491099999999999</v>
      </c>
      <c r="CV2207" s="20">
        <v>9.9367199999999993</v>
      </c>
      <c r="CW2207" s="20">
        <v>10.216900000000001</v>
      </c>
      <c r="CX2207" s="20">
        <v>10.4444</v>
      </c>
      <c r="CY2207" s="6" t="s">
        <v>711</v>
      </c>
      <c r="CZ2207" s="6" t="s">
        <v>712</v>
      </c>
      <c r="DA2207" s="6" t="s">
        <v>56</v>
      </c>
      <c r="DB2207" s="6" t="s">
        <v>345</v>
      </c>
      <c r="DC2207" s="6"/>
      <c r="DD2207" s="6"/>
      <c r="DE2207" s="6"/>
      <c r="DF2207" s="6"/>
      <c r="DG2207" s="6"/>
      <c r="DH2207" s="6" t="s">
        <v>333</v>
      </c>
      <c r="DI2207" s="6"/>
      <c r="DJ2207" s="6"/>
      <c r="DK2207" s="6"/>
      <c r="DL2207" s="6">
        <v>6</v>
      </c>
      <c r="DM2207" s="6" t="s">
        <v>396</v>
      </c>
      <c r="DN2207" s="6">
        <v>6</v>
      </c>
      <c r="DO2207" s="6" t="s">
        <v>393</v>
      </c>
      <c r="DP2207" s="6"/>
      <c r="DQ2207" s="6"/>
    </row>
    <row r="2208" spans="1:121" x14ac:dyDescent="0.2">
      <c r="A2208" s="6" t="s">
        <v>310</v>
      </c>
      <c r="B2208" s="6" t="s">
        <v>310</v>
      </c>
      <c r="C2208" s="6" t="s">
        <v>173</v>
      </c>
      <c r="D2208" s="6" t="s">
        <v>56</v>
      </c>
      <c r="E2208" s="6" t="s">
        <v>197</v>
      </c>
      <c r="F2208" s="11">
        <v>8</v>
      </c>
      <c r="G2208" s="13">
        <v>0.57142857142900005</v>
      </c>
      <c r="H2208" s="11">
        <v>7.3178113646999989</v>
      </c>
      <c r="I2208" s="13">
        <v>0.51273815033111803</v>
      </c>
      <c r="J2208" s="11">
        <v>6.0593352891999999</v>
      </c>
      <c r="K2208" s="13">
        <v>0.28065685030520665</v>
      </c>
      <c r="L2208" s="11">
        <v>-5.682685949899998</v>
      </c>
      <c r="M2208" s="13">
        <v>-0.20552825796838531</v>
      </c>
      <c r="N2208" s="11">
        <v>0.37664933930000188</v>
      </c>
      <c r="O2208" s="13">
        <v>1.7445678806698308E-2</v>
      </c>
      <c r="P2208" s="7">
        <v>14.2720243461</v>
      </c>
      <c r="Q2208" s="7">
        <v>24.602056737800002</v>
      </c>
      <c r="R2208" s="7">
        <v>37.528321806299999</v>
      </c>
      <c r="S2208" s="7">
        <v>28.307096253400001</v>
      </c>
      <c r="T2208" s="7">
        <v>32.636228146699999</v>
      </c>
      <c r="U2208" s="7">
        <v>32.959668111600003</v>
      </c>
      <c r="V2208" s="7">
        <v>21.589835710799999</v>
      </c>
      <c r="W2208" s="7">
        <v>5</v>
      </c>
      <c r="X2208" s="7">
        <v>20.155774999999998</v>
      </c>
      <c r="Y2208" s="7">
        <v>27.649170999999999</v>
      </c>
      <c r="Z2208" s="7">
        <v>22.578800999999999</v>
      </c>
      <c r="AA2208" s="7">
        <v>23.226379697500001</v>
      </c>
      <c r="AB2208" s="7">
        <v>28.795928</v>
      </c>
      <c r="AC2208" s="7">
        <v>30.252747136100002</v>
      </c>
      <c r="AD2208" s="7">
        <v>22.154674144299999</v>
      </c>
      <c r="AE2208" s="7">
        <v>21.2255994667</v>
      </c>
      <c r="AF2208" s="7">
        <v>21.966485050100001</v>
      </c>
      <c r="AG2208" s="9">
        <v>5158.1277093999961</v>
      </c>
      <c r="AH2208" s="13">
        <v>0.11753556764638488</v>
      </c>
      <c r="AI2208" s="9">
        <v>11567.8025051</v>
      </c>
      <c r="AJ2208" s="13">
        <v>0.26358948642943858</v>
      </c>
      <c r="AK2208" s="9">
        <v>-12920.667512600005</v>
      </c>
      <c r="AL2208" s="13">
        <v>-0.2330001312851375</v>
      </c>
      <c r="AM2208" s="9">
        <v>6510.9927169000002</v>
      </c>
      <c r="AN2208" s="13">
        <v>0.15308165003278718</v>
      </c>
      <c r="AO2208" s="9">
        <v>-6409.6747957000043</v>
      </c>
      <c r="AP2208" s="13">
        <v>-0.11558652580733519</v>
      </c>
      <c r="AQ2208" s="9">
        <v>43885.674887100002</v>
      </c>
      <c r="AR2208" s="9">
        <v>32147.564853299999</v>
      </c>
      <c r="AS2208" s="9">
        <v>35122.940425300003</v>
      </c>
      <c r="AT2208" s="9">
        <v>35451.362649900002</v>
      </c>
      <c r="AU2208" s="9">
        <v>34864.396264499999</v>
      </c>
      <c r="AV2208" s="9">
        <v>37994.665916700003</v>
      </c>
      <c r="AW2208" s="9">
        <v>55453.477392200002</v>
      </c>
      <c r="AX2208" s="9">
        <v>1</v>
      </c>
      <c r="AY2208" s="9">
        <v>45335.081102800003</v>
      </c>
      <c r="AZ2208" s="9">
        <v>42532.809879599998</v>
      </c>
      <c r="BA2208" s="9">
        <v>43470.5145557</v>
      </c>
      <c r="BB2208" s="9">
        <v>40179.294721400001</v>
      </c>
      <c r="BC2208" s="9">
        <v>47440.382075900001</v>
      </c>
      <c r="BD2208" s="9">
        <v>50944.1475718</v>
      </c>
      <c r="BE2208" s="9">
        <v>46734.424291900003</v>
      </c>
      <c r="BF2208" s="9">
        <v>49043.802596499998</v>
      </c>
      <c r="BG2208" s="11">
        <v>1.5</v>
      </c>
      <c r="BH2208" s="13">
        <v>0.75</v>
      </c>
      <c r="BI2208" s="6">
        <v>0</v>
      </c>
      <c r="BJ2208" s="13">
        <v>0</v>
      </c>
      <c r="BK2208" s="6">
        <v>0</v>
      </c>
      <c r="BL2208" s="13">
        <v>0</v>
      </c>
      <c r="BM2208" s="11">
        <v>1.5</v>
      </c>
      <c r="BN2208" s="13">
        <v>0.75</v>
      </c>
      <c r="BO2208" s="11">
        <v>1.5</v>
      </c>
      <c r="BP2208" s="13">
        <v>0.75</v>
      </c>
      <c r="BQ2208" s="6">
        <v>2</v>
      </c>
      <c r="BR2208" s="6">
        <v>2</v>
      </c>
      <c r="BS2208" s="6">
        <v>2</v>
      </c>
      <c r="BT2208" s="6">
        <v>2</v>
      </c>
      <c r="BU2208" s="6">
        <v>2</v>
      </c>
      <c r="BV2208" s="6">
        <v>2</v>
      </c>
      <c r="BW2208" s="6">
        <v>2</v>
      </c>
      <c r="BX2208" s="6">
        <v>2</v>
      </c>
      <c r="BY2208" s="6">
        <v>2</v>
      </c>
      <c r="BZ2208" s="6">
        <v>3</v>
      </c>
      <c r="CA2208" s="6">
        <v>4</v>
      </c>
      <c r="CB2208" s="6">
        <v>4</v>
      </c>
      <c r="CC2208" s="11">
        <v>3.5</v>
      </c>
      <c r="CD2208" s="11">
        <v>4.6536600000000004</v>
      </c>
      <c r="CE2208" s="11">
        <v>1.4806900000000001</v>
      </c>
      <c r="CF2208" s="11">
        <v>1.5601</v>
      </c>
      <c r="CG2208" s="11">
        <v>3</v>
      </c>
      <c r="CH2208" s="20">
        <v>0.31461699999999998</v>
      </c>
      <c r="CI2208" s="20">
        <v>0.56011599999999995</v>
      </c>
      <c r="CJ2208" s="20">
        <v>0.85274700000000003</v>
      </c>
      <c r="CK2208" s="20">
        <v>0.60105699999999995</v>
      </c>
      <c r="CL2208" s="20">
        <v>0.63687199999999999</v>
      </c>
      <c r="CM2208" s="20">
        <v>0.59611899999999995</v>
      </c>
      <c r="CN2208" s="20">
        <v>0.37189299999999997</v>
      </c>
      <c r="CO2208" s="20">
        <v>8.4789299999999998E-2</v>
      </c>
      <c r="CP2208" s="20">
        <v>0.36756</v>
      </c>
      <c r="CQ2208" s="20">
        <v>0.47367500000000001</v>
      </c>
      <c r="CR2208" s="20">
        <v>0.34886800000000001</v>
      </c>
      <c r="CS2208" s="20">
        <v>0.33490599999999998</v>
      </c>
      <c r="CT2208" s="20">
        <v>0.432226</v>
      </c>
      <c r="CU2208" s="20">
        <v>0.44163999999999998</v>
      </c>
      <c r="CV2208" s="20">
        <v>0.36679499999999998</v>
      </c>
      <c r="CW2208" s="20">
        <v>0.41256100000000001</v>
      </c>
      <c r="CX2208" s="20">
        <v>0.42316799999999999</v>
      </c>
      <c r="CY2208" s="6" t="s">
        <v>711</v>
      </c>
      <c r="CZ2208" s="6" t="s">
        <v>712</v>
      </c>
      <c r="DA2208" s="6" t="s">
        <v>56</v>
      </c>
      <c r="DB2208" s="6" t="s">
        <v>345</v>
      </c>
      <c r="DC2208" s="6"/>
      <c r="DD2208" s="6"/>
      <c r="DE2208" s="6"/>
      <c r="DF2208" s="6"/>
      <c r="DG2208" s="6"/>
      <c r="DH2208" s="6" t="s">
        <v>333</v>
      </c>
      <c r="DI2208" s="6"/>
      <c r="DJ2208" s="6"/>
      <c r="DK2208" s="6"/>
      <c r="DL2208" s="6">
        <v>6</v>
      </c>
      <c r="DM2208" s="6" t="s">
        <v>396</v>
      </c>
      <c r="DN2208" s="6">
        <v>6</v>
      </c>
      <c r="DO2208" s="6" t="s">
        <v>393</v>
      </c>
      <c r="DP2208" s="6"/>
      <c r="DQ2208" s="6"/>
    </row>
    <row r="2209" spans="1:121" x14ac:dyDescent="0.2">
      <c r="A2209" s="6" t="s">
        <v>311</v>
      </c>
      <c r="B2209" s="6" t="s">
        <v>311</v>
      </c>
      <c r="C2209" s="6" t="s">
        <v>174</v>
      </c>
      <c r="D2209" s="6" t="s">
        <v>56</v>
      </c>
      <c r="E2209" s="6" t="s">
        <v>197</v>
      </c>
      <c r="F2209" s="11">
        <v>0</v>
      </c>
      <c r="G2209" s="13">
        <v>0</v>
      </c>
      <c r="H2209" s="11">
        <v>-7.3288969999999978</v>
      </c>
      <c r="I2209" s="13">
        <v>-0.18571347881963624</v>
      </c>
      <c r="J2209" s="11">
        <v>5.3546639999999996</v>
      </c>
      <c r="K2209" s="13">
        <v>0.16663252897207323</v>
      </c>
      <c r="L2209" s="11">
        <v>1.1705408310000038</v>
      </c>
      <c r="M2209" s="13">
        <v>3.1223389517469519E-2</v>
      </c>
      <c r="N2209" s="11">
        <v>6.5252048310000035</v>
      </c>
      <c r="O2209" s="13">
        <v>0.20305875084791883</v>
      </c>
      <c r="P2209" s="7">
        <v>39.463462999999997</v>
      </c>
      <c r="Q2209" s="7">
        <v>38.336444</v>
      </c>
      <c r="R2209" s="7">
        <v>41.769589000000003</v>
      </c>
      <c r="S2209" s="7">
        <v>38.856127999999998</v>
      </c>
      <c r="T2209" s="7">
        <v>36.481603</v>
      </c>
      <c r="U2209" s="7">
        <v>33.636524000000001</v>
      </c>
      <c r="V2209" s="7">
        <v>32.134566</v>
      </c>
      <c r="W2209" s="7">
        <v>34.315645000000004</v>
      </c>
      <c r="X2209" s="7">
        <v>36.147640000000003</v>
      </c>
      <c r="Y2209" s="7">
        <v>37.489229999999999</v>
      </c>
      <c r="Z2209" s="7">
        <v>35.940747999999999</v>
      </c>
      <c r="AA2209" s="7">
        <v>34.239803000000002</v>
      </c>
      <c r="AB2209" s="7">
        <v>32.805304505099997</v>
      </c>
      <c r="AC2209" s="7">
        <v>33.2356642154</v>
      </c>
      <c r="AD2209" s="7">
        <v>36.840659828600003</v>
      </c>
      <c r="AE2209" s="7">
        <v>38.922372531800001</v>
      </c>
      <c r="AF2209" s="7">
        <v>38.659770831000003</v>
      </c>
      <c r="AG2209" s="9">
        <v>21090.786835899999</v>
      </c>
      <c r="AH2209" s="13">
        <v>0.2800509405393139</v>
      </c>
      <c r="AI2209" s="9">
        <v>15205.244709999999</v>
      </c>
      <c r="AJ2209" s="13">
        <v>0.20190062681386997</v>
      </c>
      <c r="AK2209" s="9">
        <v>4167.809975199998</v>
      </c>
      <c r="AL2209" s="13">
        <v>4.6045119174838577E-2</v>
      </c>
      <c r="AM2209" s="9">
        <v>1717.7321507000015</v>
      </c>
      <c r="AN2209" s="13">
        <v>1.8141814358524081E-2</v>
      </c>
      <c r="AO2209" s="9">
        <v>5885.5421258999995</v>
      </c>
      <c r="AP2209" s="13">
        <v>6.502227553754869E-2</v>
      </c>
      <c r="AQ2209" s="9">
        <v>75310.537416100007</v>
      </c>
      <c r="AR2209" s="9">
        <v>84009.752860699999</v>
      </c>
      <c r="AS2209" s="9">
        <v>77565.064146499994</v>
      </c>
      <c r="AT2209" s="9">
        <v>83276.635056900006</v>
      </c>
      <c r="AU2209" s="9">
        <v>87378.351172099996</v>
      </c>
      <c r="AV2209" s="9">
        <v>100934.58437900001</v>
      </c>
      <c r="AW2209" s="9">
        <v>90515.782126100006</v>
      </c>
      <c r="AX2209" s="9">
        <v>99104.957789799999</v>
      </c>
      <c r="AY2209" s="9">
        <v>112811.02813200001</v>
      </c>
      <c r="AZ2209" s="9">
        <v>94683.592101300004</v>
      </c>
      <c r="BA2209" s="9">
        <v>101777.025641</v>
      </c>
      <c r="BB2209" s="9">
        <v>98159.369146900004</v>
      </c>
      <c r="BC2209" s="9">
        <v>98546.495127100003</v>
      </c>
      <c r="BD2209" s="9">
        <v>96095.442461300001</v>
      </c>
      <c r="BE2209" s="9">
        <v>94339.696468099995</v>
      </c>
      <c r="BF2209" s="9">
        <v>96401.324252000006</v>
      </c>
      <c r="BG2209" s="11">
        <v>0</v>
      </c>
      <c r="BH2209" s="13">
        <v>0</v>
      </c>
      <c r="BI2209" s="6">
        <v>0</v>
      </c>
      <c r="BJ2209" s="13">
        <v>0</v>
      </c>
      <c r="BK2209" s="6">
        <v>0</v>
      </c>
      <c r="BL2209" s="13">
        <v>0</v>
      </c>
      <c r="BM2209" s="11">
        <v>0</v>
      </c>
      <c r="BN2209" s="13">
        <v>0</v>
      </c>
      <c r="BO2209" s="11">
        <v>0</v>
      </c>
      <c r="BP2209" s="13">
        <v>0</v>
      </c>
      <c r="BQ2209" s="6">
        <v>4</v>
      </c>
      <c r="BR2209" s="6">
        <v>4</v>
      </c>
      <c r="BS2209" s="6">
        <v>4</v>
      </c>
      <c r="BT2209" s="6">
        <v>4</v>
      </c>
      <c r="BU2209" s="6">
        <v>4</v>
      </c>
      <c r="BV2209" s="6">
        <v>4</v>
      </c>
      <c r="BW2209" s="6">
        <v>4</v>
      </c>
      <c r="BX2209" s="6">
        <v>5</v>
      </c>
      <c r="BY2209" s="6">
        <v>4</v>
      </c>
      <c r="BZ2209" s="6">
        <v>4</v>
      </c>
      <c r="CA2209" s="6">
        <v>4</v>
      </c>
      <c r="CB2209" s="6">
        <v>4</v>
      </c>
      <c r="CC2209" s="11">
        <v>4</v>
      </c>
      <c r="CD2209" s="11">
        <v>1.3088599999999999</v>
      </c>
      <c r="CE2209" s="11">
        <v>-6.42638</v>
      </c>
      <c r="CF2209" s="11">
        <v>4.3138300000000003</v>
      </c>
      <c r="CG2209" s="11">
        <v>-2</v>
      </c>
      <c r="CH2209" s="20">
        <v>0.79400099999999996</v>
      </c>
      <c r="CI2209" s="20">
        <v>0.76515999999999995</v>
      </c>
      <c r="CJ2209" s="20">
        <v>0.84717299999999995</v>
      </c>
      <c r="CK2209" s="20">
        <v>0.78178599999999998</v>
      </c>
      <c r="CL2209" s="20">
        <v>0.74520799999999998</v>
      </c>
      <c r="CM2209" s="20">
        <v>0.70520099999999997</v>
      </c>
      <c r="CN2209" s="20">
        <v>0.68212399999999995</v>
      </c>
      <c r="CO2209" s="20">
        <v>0.74976500000000001</v>
      </c>
      <c r="CP2209" s="20">
        <v>0.77414099999999997</v>
      </c>
      <c r="CQ2209" s="20">
        <v>0.77722899999999995</v>
      </c>
      <c r="CR2209" s="20">
        <v>0.75293500000000002</v>
      </c>
      <c r="CS2209" s="20">
        <v>0.73081499999999999</v>
      </c>
      <c r="CT2209" s="20">
        <v>0.743533</v>
      </c>
      <c r="CU2209" s="20">
        <v>0.75212999999999997</v>
      </c>
      <c r="CV2209" s="20">
        <v>0.83774700000000002</v>
      </c>
      <c r="CW2209" s="20">
        <v>0.88163999999999998</v>
      </c>
      <c r="CX2209" s="20">
        <v>0.87119800000000003</v>
      </c>
      <c r="CY2209" s="6" t="s">
        <v>711</v>
      </c>
      <c r="CZ2209" s="6" t="s">
        <v>712</v>
      </c>
      <c r="DA2209" s="6" t="s">
        <v>56</v>
      </c>
      <c r="DB2209" s="6" t="s">
        <v>345</v>
      </c>
      <c r="DC2209" s="6"/>
      <c r="DD2209" s="6"/>
      <c r="DE2209" s="6"/>
      <c r="DF2209" s="6"/>
      <c r="DG2209" s="6"/>
      <c r="DH2209" s="6" t="s">
        <v>333</v>
      </c>
      <c r="DI2209" s="6"/>
      <c r="DJ2209" s="6"/>
      <c r="DK2209" s="6"/>
      <c r="DL2209" s="6">
        <v>6</v>
      </c>
      <c r="DM2209" s="6" t="s">
        <v>396</v>
      </c>
      <c r="DN2209" s="6">
        <v>6</v>
      </c>
      <c r="DO2209" s="6" t="s">
        <v>393</v>
      </c>
      <c r="DP2209" s="6"/>
      <c r="DQ2209" s="6"/>
    </row>
    <row r="2210" spans="1:121" x14ac:dyDescent="0.2">
      <c r="A2210" s="6" t="s">
        <v>312</v>
      </c>
      <c r="B2210" s="6" t="s">
        <v>312</v>
      </c>
      <c r="C2210" s="6" t="s">
        <v>175</v>
      </c>
      <c r="D2210" s="6" t="s">
        <v>56</v>
      </c>
      <c r="E2210" s="6" t="s">
        <v>197</v>
      </c>
      <c r="F2210" s="11">
        <v>20</v>
      </c>
      <c r="G2210" s="13">
        <v>3.1104199066899998E-2</v>
      </c>
      <c r="H2210" s="11">
        <v>35.823632375999978</v>
      </c>
      <c r="I2210" s="13">
        <v>5.5701202170825671E-2</v>
      </c>
      <c r="J2210" s="11">
        <v>17.844559433000086</v>
      </c>
      <c r="K2210" s="13">
        <v>2.6282081813970851E-2</v>
      </c>
      <c r="L2210" s="11">
        <v>-34.146658628000068</v>
      </c>
      <c r="M2210" s="13">
        <v>-4.9004436449188997E-2</v>
      </c>
      <c r="N2210" s="11">
        <v>-16.302099194999983</v>
      </c>
      <c r="O2210" s="13">
        <v>-2.4010293243223263E-2</v>
      </c>
      <c r="P2210" s="7">
        <v>643.13930363899999</v>
      </c>
      <c r="Q2210" s="7">
        <v>720.32308722400001</v>
      </c>
      <c r="R2210" s="7">
        <v>797.49180389599996</v>
      </c>
      <c r="S2210" s="7">
        <v>764.15025008800001</v>
      </c>
      <c r="T2210" s="7">
        <v>709.46165127400002</v>
      </c>
      <c r="U2210" s="7">
        <v>703.36032882200004</v>
      </c>
      <c r="V2210" s="7">
        <v>678.96293601499997</v>
      </c>
      <c r="W2210" s="7">
        <v>688.55947183599994</v>
      </c>
      <c r="X2210" s="7">
        <v>664.06483429499997</v>
      </c>
      <c r="Y2210" s="7">
        <v>696.80749544800005</v>
      </c>
      <c r="Z2210" s="7">
        <v>709.98703727400004</v>
      </c>
      <c r="AA2210" s="7">
        <v>673.62347219100002</v>
      </c>
      <c r="AB2210" s="7">
        <v>656.82525983699998</v>
      </c>
      <c r="AC2210" s="7">
        <v>632.93835386600006</v>
      </c>
      <c r="AD2210" s="7">
        <v>648.02827781099995</v>
      </c>
      <c r="AE2210" s="7">
        <v>659.18379818599999</v>
      </c>
      <c r="AF2210" s="7">
        <v>662.66083681999999</v>
      </c>
      <c r="AG2210" s="9">
        <v>10710.728370200002</v>
      </c>
      <c r="AH2210" s="13">
        <v>0.4043608970196399</v>
      </c>
      <c r="AI2210" s="9">
        <v>4998.0201951000017</v>
      </c>
      <c r="AJ2210" s="13">
        <v>0.1886896819301164</v>
      </c>
      <c r="AK2210" s="9">
        <v>2279.7378245</v>
      </c>
      <c r="AL2210" s="13">
        <v>7.2404666544272939E-2</v>
      </c>
      <c r="AM2210" s="9">
        <v>3432.9703506000005</v>
      </c>
      <c r="AN2210" s="13">
        <v>0.10167004371248556</v>
      </c>
      <c r="AO2210" s="9">
        <v>5712.7081751000005</v>
      </c>
      <c r="AP2210" s="13">
        <v>0.18143609586930268</v>
      </c>
      <c r="AQ2210" s="9">
        <v>26488.0418684</v>
      </c>
      <c r="AR2210" s="9">
        <v>27309.137994600002</v>
      </c>
      <c r="AS2210" s="9">
        <v>28783.749208000001</v>
      </c>
      <c r="AT2210" s="9">
        <v>28462.3034319</v>
      </c>
      <c r="AU2210" s="9">
        <v>30259.2440398</v>
      </c>
      <c r="AV2210" s="9">
        <v>29999.7239682</v>
      </c>
      <c r="AW2210" s="9">
        <v>31486.062063500001</v>
      </c>
      <c r="AX2210" s="9">
        <v>33006.330791200002</v>
      </c>
      <c r="AY2210" s="9">
        <v>32986.130794600002</v>
      </c>
      <c r="AZ2210" s="9">
        <v>33765.799888000001</v>
      </c>
      <c r="BA2210" s="9">
        <v>33567.166778600003</v>
      </c>
      <c r="BB2210" s="9">
        <v>34525.857355699998</v>
      </c>
      <c r="BC2210" s="9">
        <v>33893.865053300004</v>
      </c>
      <c r="BD2210" s="9">
        <v>36059.637171499999</v>
      </c>
      <c r="BE2210" s="9">
        <v>35344.610630199997</v>
      </c>
      <c r="BF2210" s="9">
        <v>37198.770238600002</v>
      </c>
      <c r="BG2210" s="11">
        <v>-17.25</v>
      </c>
      <c r="BH2210" s="13">
        <v>-0.18956043956043955</v>
      </c>
      <c r="BI2210" s="6">
        <v>0</v>
      </c>
      <c r="BJ2210" s="13">
        <v>0</v>
      </c>
      <c r="BK2210" s="6">
        <v>-5</v>
      </c>
      <c r="BL2210" s="13">
        <v>-5.4945054945054944E-2</v>
      </c>
      <c r="BM2210" s="11">
        <v>-12.25</v>
      </c>
      <c r="BN2210" s="13">
        <v>-0.14244186046511628</v>
      </c>
      <c r="BO2210" s="11">
        <v>-17.25</v>
      </c>
      <c r="BP2210" s="13">
        <v>-0.18956043956043955</v>
      </c>
      <c r="BQ2210" s="6">
        <v>91</v>
      </c>
      <c r="BR2210" s="6">
        <v>87</v>
      </c>
      <c r="BS2210" s="6">
        <v>91</v>
      </c>
      <c r="BT2210" s="6">
        <v>91</v>
      </c>
      <c r="BU2210" s="6">
        <v>84</v>
      </c>
      <c r="BV2210" s="6">
        <v>81</v>
      </c>
      <c r="BW2210" s="6">
        <v>86</v>
      </c>
      <c r="BX2210" s="6">
        <v>82</v>
      </c>
      <c r="BY2210" s="6">
        <v>78</v>
      </c>
      <c r="BZ2210" s="6">
        <v>75</v>
      </c>
      <c r="CA2210" s="6">
        <v>76</v>
      </c>
      <c r="CB2210" s="6">
        <v>75</v>
      </c>
      <c r="CC2210" s="11">
        <v>73.75</v>
      </c>
      <c r="CD2210" s="11">
        <v>27.119199999999999</v>
      </c>
      <c r="CE2210" s="11">
        <v>-77.900499999999994</v>
      </c>
      <c r="CF2210" s="11">
        <v>70.302899999999994</v>
      </c>
      <c r="CG2210" s="11">
        <v>-8</v>
      </c>
      <c r="CH2210" s="20">
        <v>0.89213900000000002</v>
      </c>
      <c r="CI2210" s="20">
        <v>0.98436599999999996</v>
      </c>
      <c r="CJ2210" s="20">
        <v>1.0583100000000001</v>
      </c>
      <c r="CK2210" s="20">
        <v>0.94319399999999998</v>
      </c>
      <c r="CL2210" s="20">
        <v>0.82886599999999999</v>
      </c>
      <c r="CM2210" s="20">
        <v>0.803226</v>
      </c>
      <c r="CN2210" s="20">
        <v>0.79561899999999997</v>
      </c>
      <c r="CO2210" s="20">
        <v>0.89130900000000002</v>
      </c>
      <c r="CP2210" s="20">
        <v>0.971889</v>
      </c>
      <c r="CQ2210" s="20">
        <v>1.05619</v>
      </c>
      <c r="CR2210" s="20">
        <v>1.0988899999999999</v>
      </c>
      <c r="CS2210" s="20">
        <v>1.0522499999999999</v>
      </c>
      <c r="CT2210" s="20">
        <v>1.0631299999999999</v>
      </c>
      <c r="CU2210" s="20">
        <v>0.99184399999999995</v>
      </c>
      <c r="CV2210" s="20">
        <v>0.99214800000000003</v>
      </c>
      <c r="CW2210" s="20">
        <v>0.98456299999999997</v>
      </c>
      <c r="CX2210" s="20">
        <v>0.986093</v>
      </c>
      <c r="CY2210" s="6" t="s">
        <v>711</v>
      </c>
      <c r="CZ2210" s="6" t="s">
        <v>712</v>
      </c>
      <c r="DA2210" s="6" t="s">
        <v>56</v>
      </c>
      <c r="DB2210" s="6" t="s">
        <v>345</v>
      </c>
      <c r="DC2210" s="6"/>
      <c r="DD2210" s="6"/>
      <c r="DE2210" s="6"/>
      <c r="DF2210" s="6"/>
      <c r="DG2210" s="6"/>
      <c r="DH2210" s="6" t="s">
        <v>333</v>
      </c>
      <c r="DI2210" s="6"/>
      <c r="DJ2210" s="6"/>
      <c r="DK2210" s="6"/>
      <c r="DL2210" s="6">
        <v>6</v>
      </c>
      <c r="DM2210" s="6" t="s">
        <v>396</v>
      </c>
      <c r="DN2210" s="6">
        <v>6</v>
      </c>
      <c r="DO2210" s="6" t="s">
        <v>393</v>
      </c>
      <c r="DP2210" s="6"/>
      <c r="DQ2210" s="6"/>
    </row>
    <row r="2211" spans="1:121" x14ac:dyDescent="0.2">
      <c r="A2211" s="6" t="s">
        <v>792</v>
      </c>
      <c r="B2211" s="6" t="s">
        <v>176</v>
      </c>
      <c r="C2211" s="6" t="s">
        <v>177</v>
      </c>
      <c r="D2211" s="6" t="s">
        <v>56</v>
      </c>
      <c r="E2211" s="6" t="s">
        <v>197</v>
      </c>
      <c r="F2211" s="11">
        <v>-83</v>
      </c>
      <c r="G2211" s="13">
        <v>-3.0525928650199999E-2</v>
      </c>
      <c r="H2211" s="11">
        <v>310.07104208999999</v>
      </c>
      <c r="I2211" s="13">
        <v>0.11404327828542624</v>
      </c>
      <c r="J2211" s="11">
        <v>-254.24819482000021</v>
      </c>
      <c r="K2211" s="13">
        <v>-8.3939098317794905E-2</v>
      </c>
      <c r="L2211" s="11">
        <v>-138.54740108999977</v>
      </c>
      <c r="M2211" s="13">
        <v>-4.9932171984457874E-2</v>
      </c>
      <c r="N2211" s="11">
        <v>-392.79559590999997</v>
      </c>
      <c r="O2211" s="13">
        <v>-0.12968000880882832</v>
      </c>
      <c r="P2211" s="7">
        <v>2718.8892388200002</v>
      </c>
      <c r="Q2211" s="7">
        <v>2761.3217731599998</v>
      </c>
      <c r="R2211" s="7">
        <v>2741.3800962599998</v>
      </c>
      <c r="S2211" s="7">
        <v>3050.5994681000002</v>
      </c>
      <c r="T2211" s="7">
        <v>3084.78286084</v>
      </c>
      <c r="U2211" s="7">
        <v>3134.7985540099999</v>
      </c>
      <c r="V2211" s="7">
        <v>3028.9602809100002</v>
      </c>
      <c r="W2211" s="7">
        <v>2824.0414325900001</v>
      </c>
      <c r="X2211" s="7">
        <v>2528.5213739999999</v>
      </c>
      <c r="Y2211" s="7">
        <v>2774.71208609</v>
      </c>
      <c r="Z2211" s="7">
        <v>2864.8422559599999</v>
      </c>
      <c r="AA2211" s="7">
        <v>2803.5004321800002</v>
      </c>
      <c r="AB2211" s="7">
        <v>2627.44007332</v>
      </c>
      <c r="AC2211" s="7">
        <v>2549.40923673</v>
      </c>
      <c r="AD2211" s="7">
        <v>2618.9581978599999</v>
      </c>
      <c r="AE2211" s="7">
        <v>2643.2270665000001</v>
      </c>
      <c r="AF2211" s="7">
        <v>2636.1646850000002</v>
      </c>
      <c r="AG2211" s="9">
        <v>24976.372684900001</v>
      </c>
      <c r="AH2211" s="13">
        <v>0.8852338065959966</v>
      </c>
      <c r="AI2211" s="9">
        <v>7659.5862946999987</v>
      </c>
      <c r="AJ2211" s="13">
        <v>0.27147756073911866</v>
      </c>
      <c r="AK2211" s="9">
        <v>9679.2991526000042</v>
      </c>
      <c r="AL2211" s="13">
        <v>0.26981360053497105</v>
      </c>
      <c r="AM2211" s="9">
        <v>7637.4872375999985</v>
      </c>
      <c r="AN2211" s="13">
        <v>0.16766038074309619</v>
      </c>
      <c r="AO2211" s="9">
        <v>17316.786390200003</v>
      </c>
      <c r="AP2211" s="13">
        <v>0.48271103227342627</v>
      </c>
      <c r="AQ2211" s="9">
        <v>28214.436117099998</v>
      </c>
      <c r="AR2211" s="9">
        <v>30596.544005100001</v>
      </c>
      <c r="AS2211" s="9">
        <v>32248.678932700001</v>
      </c>
      <c r="AT2211" s="9">
        <v>33119.821911699997</v>
      </c>
      <c r="AU2211" s="9">
        <v>34566.9736338</v>
      </c>
      <c r="AV2211" s="9">
        <v>37077.766495299998</v>
      </c>
      <c r="AW2211" s="9">
        <v>35874.022411799997</v>
      </c>
      <c r="AX2211" s="9">
        <v>40456.549968200001</v>
      </c>
      <c r="AY2211" s="9">
        <v>43368.915946300003</v>
      </c>
      <c r="AZ2211" s="9">
        <v>45553.321564400001</v>
      </c>
      <c r="BA2211" s="9">
        <v>45157.765881400002</v>
      </c>
      <c r="BB2211" s="9">
        <v>46262.325043899997</v>
      </c>
      <c r="BC2211" s="9">
        <v>47385.307978500001</v>
      </c>
      <c r="BD2211" s="9">
        <v>51671.682423899998</v>
      </c>
      <c r="BE2211" s="9">
        <v>51305.530711899999</v>
      </c>
      <c r="BF2211" s="9">
        <v>53190.808802</v>
      </c>
      <c r="BG2211" s="11">
        <v>-7.5</v>
      </c>
      <c r="BH2211" s="13">
        <v>-0.20270270270270271</v>
      </c>
      <c r="BI2211" s="6">
        <v>2</v>
      </c>
      <c r="BJ2211" s="13">
        <v>5.4054054054054057E-2</v>
      </c>
      <c r="BK2211" s="6">
        <v>-6</v>
      </c>
      <c r="BL2211" s="13">
        <v>-0.15384615384615385</v>
      </c>
      <c r="BM2211" s="11">
        <v>-3.5</v>
      </c>
      <c r="BN2211" s="13">
        <v>-0.10606060606060606</v>
      </c>
      <c r="BO2211" s="11">
        <v>-9.5</v>
      </c>
      <c r="BP2211" s="13">
        <v>-0.24358974358974358</v>
      </c>
      <c r="BQ2211" s="6">
        <v>37</v>
      </c>
      <c r="BR2211" s="6">
        <v>34</v>
      </c>
      <c r="BS2211" s="6">
        <v>36</v>
      </c>
      <c r="BT2211" s="6">
        <v>39</v>
      </c>
      <c r="BU2211" s="6">
        <v>38</v>
      </c>
      <c r="BV2211" s="6">
        <v>37</v>
      </c>
      <c r="BW2211" s="6">
        <v>33</v>
      </c>
      <c r="BX2211" s="6">
        <v>33</v>
      </c>
      <c r="BY2211" s="6">
        <v>34</v>
      </c>
      <c r="BZ2211" s="6">
        <v>30</v>
      </c>
      <c r="CA2211" s="6">
        <v>30</v>
      </c>
      <c r="CB2211" s="6">
        <v>31</v>
      </c>
      <c r="CC2211" s="11">
        <v>29.5</v>
      </c>
      <c r="CD2211" s="11">
        <v>579.77499999999998</v>
      </c>
      <c r="CE2211" s="11">
        <v>-959.70699999999999</v>
      </c>
      <c r="CF2211" s="11">
        <v>297.20699999999999</v>
      </c>
      <c r="CG2211" s="11">
        <v>-663</v>
      </c>
      <c r="CH2211" s="20">
        <v>1.97004</v>
      </c>
      <c r="CI2211" s="20">
        <v>2.1063700000000001</v>
      </c>
      <c r="CJ2211" s="20">
        <v>2.1707200000000002</v>
      </c>
      <c r="CK2211" s="20">
        <v>2.3797000000000001</v>
      </c>
      <c r="CL2211" s="20">
        <v>2.39845</v>
      </c>
      <c r="CM2211" s="20">
        <v>2.49715</v>
      </c>
      <c r="CN2211" s="20">
        <v>2.5066000000000002</v>
      </c>
      <c r="CO2211" s="20">
        <v>2.52583</v>
      </c>
      <c r="CP2211" s="20">
        <v>2.51919</v>
      </c>
      <c r="CQ2211" s="20">
        <v>2.7084899999999998</v>
      </c>
      <c r="CR2211" s="20">
        <v>2.77047</v>
      </c>
      <c r="CS2211" s="20">
        <v>2.71658</v>
      </c>
      <c r="CT2211" s="20">
        <v>2.67963</v>
      </c>
      <c r="CU2211" s="20">
        <v>2.5789599999999999</v>
      </c>
      <c r="CV2211" s="20">
        <v>2.66093</v>
      </c>
      <c r="CW2211" s="20">
        <v>2.6771099999999999</v>
      </c>
      <c r="CX2211" s="20">
        <v>2.67719</v>
      </c>
      <c r="CY2211" s="6" t="s">
        <v>711</v>
      </c>
      <c r="CZ2211" s="6" t="s">
        <v>712</v>
      </c>
      <c r="DA2211" s="6" t="s">
        <v>56</v>
      </c>
      <c r="DB2211" s="6" t="s">
        <v>345</v>
      </c>
      <c r="DC2211" s="6"/>
      <c r="DD2211" s="6"/>
      <c r="DE2211" s="6"/>
      <c r="DF2211" s="6"/>
      <c r="DG2211" s="6"/>
      <c r="DH2211" s="6" t="s">
        <v>333</v>
      </c>
      <c r="DI2211" s="6"/>
      <c r="DJ2211" s="6"/>
      <c r="DK2211" s="6"/>
      <c r="DL2211" s="6">
        <v>6</v>
      </c>
      <c r="DM2211" s="6" t="s">
        <v>396</v>
      </c>
      <c r="DN2211" s="6">
        <v>6</v>
      </c>
      <c r="DO2211" s="6" t="s">
        <v>393</v>
      </c>
      <c r="DP2211" s="6"/>
      <c r="DQ2211" s="6"/>
    </row>
    <row r="2212" spans="1:121" x14ac:dyDescent="0.2">
      <c r="A2212" s="6" t="s">
        <v>313</v>
      </c>
      <c r="B2212" s="6" t="s">
        <v>313</v>
      </c>
      <c r="C2212" s="6" t="s">
        <v>178</v>
      </c>
      <c r="D2212" s="6" t="s">
        <v>56</v>
      </c>
      <c r="E2212" s="6" t="s">
        <v>197</v>
      </c>
      <c r="F2212" s="11">
        <v>7</v>
      </c>
      <c r="G2212" s="13">
        <v>1.9390581717500001E-2</v>
      </c>
      <c r="H2212" s="11">
        <v>-23.323609653999995</v>
      </c>
      <c r="I2212" s="13">
        <v>-6.4690584860401981E-2</v>
      </c>
      <c r="J2212" s="11">
        <v>-1.2782244350000269</v>
      </c>
      <c r="K2212" s="13">
        <v>-3.7905054241809694E-3</v>
      </c>
      <c r="L2212" s="11">
        <v>31.621176682999987</v>
      </c>
      <c r="M2212" s="13">
        <v>9.4127680581147344E-2</v>
      </c>
      <c r="N2212" s="11">
        <v>30.34295224799996</v>
      </c>
      <c r="O2212" s="13">
        <v>8.9980383673157971E-2</v>
      </c>
      <c r="P2212" s="7">
        <v>360.54102315400002</v>
      </c>
      <c r="Q2212" s="7">
        <v>352.652585171</v>
      </c>
      <c r="R2212" s="7">
        <v>364.14314900199997</v>
      </c>
      <c r="S2212" s="7">
        <v>346.81212410500001</v>
      </c>
      <c r="T2212" s="7">
        <v>354.04653872199998</v>
      </c>
      <c r="U2212" s="7">
        <v>364.48820250300002</v>
      </c>
      <c r="V2212" s="7">
        <v>337.21741350000002</v>
      </c>
      <c r="W2212" s="7">
        <v>314.841762663</v>
      </c>
      <c r="X2212" s="7">
        <v>308.772392782</v>
      </c>
      <c r="Y2212" s="7">
        <v>335.93918906499999</v>
      </c>
      <c r="Z2212" s="7">
        <v>350.57121265299998</v>
      </c>
      <c r="AA2212" s="7">
        <v>419.88750913199999</v>
      </c>
      <c r="AB2212" s="7">
        <v>416.960250277</v>
      </c>
      <c r="AC2212" s="7">
        <v>409.05377426199999</v>
      </c>
      <c r="AD2212" s="7">
        <v>423.626678846</v>
      </c>
      <c r="AE2212" s="7">
        <v>361.31868966799999</v>
      </c>
      <c r="AF2212" s="7">
        <v>367.56036574799998</v>
      </c>
      <c r="AG2212" s="9">
        <v>15977.772870599998</v>
      </c>
      <c r="AH2212" s="13">
        <v>0.57141642466422926</v>
      </c>
      <c r="AI2212" s="9">
        <v>7205.0364109000002</v>
      </c>
      <c r="AJ2212" s="13">
        <v>0.25767522037240376</v>
      </c>
      <c r="AK2212" s="9">
        <v>5752.1258062999987</v>
      </c>
      <c r="AL2212" s="13">
        <v>0.16356724849351478</v>
      </c>
      <c r="AM2212" s="9">
        <v>3020.6106533999991</v>
      </c>
      <c r="AN2212" s="13">
        <v>7.3819522794838818E-2</v>
      </c>
      <c r="AO2212" s="9">
        <v>8772.7364596999978</v>
      </c>
      <c r="AP2212" s="13">
        <v>0.24946122751700969</v>
      </c>
      <c r="AQ2212" s="9">
        <v>27961.696900800001</v>
      </c>
      <c r="AR2212" s="9">
        <v>29415.559190399999</v>
      </c>
      <c r="AS2212" s="9">
        <v>29837.426179400001</v>
      </c>
      <c r="AT2212" s="9">
        <v>32436.263611900002</v>
      </c>
      <c r="AU2212" s="9">
        <v>32658.5117126</v>
      </c>
      <c r="AV2212" s="9">
        <v>33306.709262999997</v>
      </c>
      <c r="AW2212" s="9">
        <v>35166.733311700002</v>
      </c>
      <c r="AX2212" s="9">
        <v>37457.648287000004</v>
      </c>
      <c r="AY2212" s="9">
        <v>38523.298448000001</v>
      </c>
      <c r="AZ2212" s="9">
        <v>40918.859118</v>
      </c>
      <c r="BA2212" s="9">
        <v>40943.682690399997</v>
      </c>
      <c r="BB2212" s="9">
        <v>38620.012711399999</v>
      </c>
      <c r="BC2212" s="9">
        <v>39871.560170199999</v>
      </c>
      <c r="BD2212" s="9">
        <v>39577.838713999998</v>
      </c>
      <c r="BE2212" s="9">
        <v>38947.741739899997</v>
      </c>
      <c r="BF2212" s="9">
        <v>43939.469771399999</v>
      </c>
      <c r="BG2212" s="11">
        <v>-1.25</v>
      </c>
      <c r="BH2212" s="13">
        <v>-2.976190476190476E-2</v>
      </c>
      <c r="BI2212" s="6">
        <v>-3</v>
      </c>
      <c r="BJ2212" s="13">
        <v>-7.1428571428571425E-2</v>
      </c>
      <c r="BK2212" s="6">
        <v>-2</v>
      </c>
      <c r="BL2212" s="13">
        <v>-5.128205128205128E-2</v>
      </c>
      <c r="BM2212" s="11">
        <v>3.75</v>
      </c>
      <c r="BN2212" s="13">
        <v>0.10135135135135136</v>
      </c>
      <c r="BO2212" s="11">
        <v>1.75</v>
      </c>
      <c r="BP2212" s="13">
        <v>4.4871794871794872E-2</v>
      </c>
      <c r="BQ2212" s="6">
        <v>42</v>
      </c>
      <c r="BR2212" s="6">
        <v>45</v>
      </c>
      <c r="BS2212" s="6">
        <v>44</v>
      </c>
      <c r="BT2212" s="6">
        <v>39</v>
      </c>
      <c r="BU2212" s="6">
        <v>35</v>
      </c>
      <c r="BV2212" s="6">
        <v>33</v>
      </c>
      <c r="BW2212" s="6">
        <v>37</v>
      </c>
      <c r="BX2212" s="6">
        <v>39</v>
      </c>
      <c r="BY2212" s="6">
        <v>41</v>
      </c>
      <c r="BZ2212" s="6">
        <v>40</v>
      </c>
      <c r="CA2212" s="6">
        <v>38</v>
      </c>
      <c r="CB2212" s="6">
        <v>40</v>
      </c>
      <c r="CC2212" s="11">
        <v>40.75</v>
      </c>
      <c r="CD2212" s="11">
        <v>-2.9115899999999999</v>
      </c>
      <c r="CE2212" s="11">
        <v>-29.480499999999999</v>
      </c>
      <c r="CF2212" s="11">
        <v>39.411499999999997</v>
      </c>
      <c r="CG2212" s="11">
        <v>10</v>
      </c>
      <c r="CH2212" s="20">
        <v>0.733653</v>
      </c>
      <c r="CI2212" s="20">
        <v>0.71751399999999999</v>
      </c>
      <c r="CJ2212" s="20">
        <v>0.735178</v>
      </c>
      <c r="CK2212" s="20">
        <v>0.67346300000000003</v>
      </c>
      <c r="CL2212" s="20">
        <v>0.66899799999999998</v>
      </c>
      <c r="CM2212" s="20">
        <v>0.68655500000000003</v>
      </c>
      <c r="CN2212" s="20">
        <v>0.63650799999999996</v>
      </c>
      <c r="CO2212" s="20">
        <v>0.62583</v>
      </c>
      <c r="CP2212" s="20">
        <v>0.64629000000000003</v>
      </c>
      <c r="CQ2212" s="20">
        <v>0.68205000000000005</v>
      </c>
      <c r="CR2212" s="20">
        <v>0.70823400000000003</v>
      </c>
      <c r="CS2212" s="20">
        <v>0.84897400000000001</v>
      </c>
      <c r="CT2212" s="20">
        <v>0.88228099999999998</v>
      </c>
      <c r="CU2212" s="20">
        <v>0.85960599999999998</v>
      </c>
      <c r="CV2212" s="20">
        <v>0.89471299999999998</v>
      </c>
      <c r="CW2212" s="20">
        <v>0.76267099999999999</v>
      </c>
      <c r="CX2212" s="20">
        <v>0.771617</v>
      </c>
      <c r="CY2212" s="6" t="s">
        <v>711</v>
      </c>
      <c r="CZ2212" s="6" t="s">
        <v>712</v>
      </c>
      <c r="DA2212" s="6" t="s">
        <v>56</v>
      </c>
      <c r="DB2212" s="6" t="s">
        <v>345</v>
      </c>
      <c r="DC2212" s="6"/>
      <c r="DD2212" s="6"/>
      <c r="DE2212" s="6"/>
      <c r="DF2212" s="6"/>
      <c r="DG2212" s="6"/>
      <c r="DH2212" s="6" t="s">
        <v>333</v>
      </c>
      <c r="DI2212" s="6"/>
      <c r="DJ2212" s="6"/>
      <c r="DK2212" s="6"/>
      <c r="DL2212" s="6">
        <v>6</v>
      </c>
      <c r="DM2212" s="6" t="s">
        <v>396</v>
      </c>
      <c r="DN2212" s="6">
        <v>6</v>
      </c>
      <c r="DO2212" s="6" t="s">
        <v>393</v>
      </c>
      <c r="DP2212" s="6"/>
      <c r="DQ2212" s="6"/>
    </row>
    <row r="2213" spans="1:121" x14ac:dyDescent="0.2">
      <c r="A2213" s="6" t="s">
        <v>793</v>
      </c>
      <c r="B2213" s="6" t="s">
        <v>179</v>
      </c>
      <c r="C2213" s="6" t="s">
        <v>180</v>
      </c>
      <c r="D2213" s="6" t="s">
        <v>56</v>
      </c>
      <c r="E2213" s="6" t="s">
        <v>197</v>
      </c>
      <c r="F2213" s="11">
        <v>52</v>
      </c>
      <c r="G2213" s="13">
        <v>0.04</v>
      </c>
      <c r="H2213" s="11">
        <v>119</v>
      </c>
      <c r="I2213" s="13">
        <v>9.1397849462365593E-2</v>
      </c>
      <c r="J2213" s="11">
        <v>-142</v>
      </c>
      <c r="K2213" s="13">
        <v>-9.9929627023223083E-2</v>
      </c>
      <c r="L2213" s="11">
        <v>75</v>
      </c>
      <c r="M2213" s="13">
        <v>5.8639562157935886E-2</v>
      </c>
      <c r="N2213" s="11">
        <v>-67</v>
      </c>
      <c r="O2213" s="13">
        <v>-4.7149894440534829E-2</v>
      </c>
      <c r="P2213" s="7">
        <v>1302</v>
      </c>
      <c r="Q2213" s="7">
        <v>1295</v>
      </c>
      <c r="R2213" s="7">
        <v>1310</v>
      </c>
      <c r="S2213" s="7">
        <v>1332</v>
      </c>
      <c r="T2213" s="7">
        <v>1484</v>
      </c>
      <c r="U2213" s="7">
        <v>1421</v>
      </c>
      <c r="V2213" s="7">
        <v>1421</v>
      </c>
      <c r="W2213" s="7">
        <v>1377</v>
      </c>
      <c r="X2213" s="7">
        <v>1341</v>
      </c>
      <c r="Y2213" s="7">
        <v>1279</v>
      </c>
      <c r="Z2213" s="7">
        <v>1250</v>
      </c>
      <c r="AA2213" s="7">
        <v>1235</v>
      </c>
      <c r="AB2213" s="7">
        <v>1235</v>
      </c>
      <c r="AC2213" s="7">
        <v>1267</v>
      </c>
      <c r="AD2213" s="7">
        <v>1295</v>
      </c>
      <c r="AE2213" s="7">
        <v>1305</v>
      </c>
      <c r="AF2213" s="7">
        <v>1354</v>
      </c>
      <c r="AG2213" s="9">
        <v>6494</v>
      </c>
      <c r="AH2213" s="13">
        <v>0.29975997045790254</v>
      </c>
      <c r="AI2213" s="9">
        <v>2232</v>
      </c>
      <c r="AJ2213" s="13">
        <v>0.10302806499261448</v>
      </c>
      <c r="AK2213" s="9">
        <v>917</v>
      </c>
      <c r="AL2213" s="13">
        <v>3.8374623367927685E-2</v>
      </c>
      <c r="AM2213" s="9">
        <v>3345</v>
      </c>
      <c r="AN2213" s="13">
        <v>0.1348083665820336</v>
      </c>
      <c r="AO2213" s="9">
        <v>4262</v>
      </c>
      <c r="AP2213" s="13">
        <v>0.17835621024439235</v>
      </c>
      <c r="AQ2213" s="9">
        <v>21664</v>
      </c>
      <c r="AR2213" s="9">
        <v>21654</v>
      </c>
      <c r="AS2213" s="9">
        <v>22933</v>
      </c>
      <c r="AT2213" s="9">
        <v>23194</v>
      </c>
      <c r="AU2213" s="9">
        <v>22551</v>
      </c>
      <c r="AV2213" s="9">
        <v>23617</v>
      </c>
      <c r="AW2213" s="9">
        <v>23896</v>
      </c>
      <c r="AX2213" s="9">
        <v>24869</v>
      </c>
      <c r="AY2213" s="9">
        <v>23963</v>
      </c>
      <c r="AZ2213" s="9">
        <v>24813</v>
      </c>
      <c r="BA2213" s="9">
        <v>25925</v>
      </c>
      <c r="BB2213" s="9">
        <v>27666</v>
      </c>
      <c r="BC2213" s="9">
        <v>27732</v>
      </c>
      <c r="BD2213" s="9">
        <v>27245</v>
      </c>
      <c r="BE2213" s="9">
        <v>27305</v>
      </c>
      <c r="BF2213" s="9">
        <v>28158</v>
      </c>
      <c r="BG2213" s="11">
        <v>-11</v>
      </c>
      <c r="BH2213" s="13">
        <v>-9.0163934426229511E-2</v>
      </c>
      <c r="BI2213" s="6">
        <v>0</v>
      </c>
      <c r="BJ2213" s="13">
        <v>0</v>
      </c>
      <c r="BK2213" s="6">
        <v>-12</v>
      </c>
      <c r="BL2213" s="13">
        <v>-9.8360655737704916E-2</v>
      </c>
      <c r="BM2213" s="11">
        <v>1</v>
      </c>
      <c r="BN2213" s="13">
        <v>9.0909090909090905E-3</v>
      </c>
      <c r="BO2213" s="11">
        <v>-11</v>
      </c>
      <c r="BP2213" s="13">
        <v>-9.0163934426229511E-2</v>
      </c>
      <c r="BQ2213" s="6">
        <v>122</v>
      </c>
      <c r="BR2213" s="6">
        <v>122</v>
      </c>
      <c r="BS2213" s="6">
        <v>124</v>
      </c>
      <c r="BT2213" s="6">
        <v>122</v>
      </c>
      <c r="BU2213" s="6">
        <v>121</v>
      </c>
      <c r="BV2213" s="6">
        <v>117</v>
      </c>
      <c r="BW2213" s="6">
        <v>110</v>
      </c>
      <c r="BX2213" s="6">
        <v>108</v>
      </c>
      <c r="BY2213" s="6">
        <v>106</v>
      </c>
      <c r="BZ2213" s="6">
        <v>107</v>
      </c>
      <c r="CA2213" s="6">
        <v>113</v>
      </c>
      <c r="CB2213" s="6">
        <v>115</v>
      </c>
      <c r="CC2213" s="11">
        <v>111</v>
      </c>
      <c r="CD2213" s="11">
        <v>-6</v>
      </c>
      <c r="CE2213" s="11">
        <v>-83</v>
      </c>
      <c r="CF2213" s="11">
        <v>142</v>
      </c>
      <c r="CG2213" s="11">
        <v>59</v>
      </c>
      <c r="CH2213" s="20">
        <v>0.99</v>
      </c>
      <c r="CI2213" s="20">
        <v>0.96</v>
      </c>
      <c r="CJ2213" s="20">
        <v>0.97</v>
      </c>
      <c r="CK2213" s="20">
        <v>0.95</v>
      </c>
      <c r="CL2213" s="20">
        <v>1.04</v>
      </c>
      <c r="CM2213" s="20">
        <v>1.01</v>
      </c>
      <c r="CN2213" s="20">
        <v>1.02</v>
      </c>
      <c r="CO2213" s="20">
        <v>1.05</v>
      </c>
      <c r="CP2213" s="20">
        <v>1.06</v>
      </c>
      <c r="CQ2213" s="20">
        <v>0.96</v>
      </c>
      <c r="CR2213" s="20">
        <v>0.94</v>
      </c>
      <c r="CS2213" s="20">
        <v>0.93</v>
      </c>
      <c r="CT2213" s="20">
        <v>0.98</v>
      </c>
      <c r="CU2213" s="20">
        <v>0.99</v>
      </c>
      <c r="CV2213" s="20">
        <v>1.01</v>
      </c>
      <c r="CW2213" s="20">
        <v>1.01</v>
      </c>
      <c r="CX2213" s="20">
        <v>1.04</v>
      </c>
      <c r="CY2213" s="6" t="s">
        <v>711</v>
      </c>
      <c r="CZ2213" s="6" t="s">
        <v>712</v>
      </c>
      <c r="DA2213" s="6" t="s">
        <v>56</v>
      </c>
      <c r="DB2213" s="6" t="s">
        <v>345</v>
      </c>
      <c r="DC2213" s="6"/>
      <c r="DD2213" s="6"/>
      <c r="DE2213" s="6"/>
      <c r="DF2213" s="6"/>
      <c r="DG2213" s="6"/>
      <c r="DH2213" s="6" t="s">
        <v>333</v>
      </c>
      <c r="DI2213" s="6"/>
      <c r="DJ2213" s="6"/>
      <c r="DK2213" s="6"/>
      <c r="DL2213" s="6">
        <v>6</v>
      </c>
      <c r="DM2213" s="6" t="s">
        <v>396</v>
      </c>
      <c r="DN2213" s="6">
        <v>6</v>
      </c>
      <c r="DO2213" s="6" t="s">
        <v>393</v>
      </c>
      <c r="DP2213" s="6"/>
      <c r="DQ2213" s="6"/>
    </row>
    <row r="2214" spans="1:121" x14ac:dyDescent="0.2">
      <c r="A2214" s="6" t="s">
        <v>794</v>
      </c>
      <c r="B2214" s="6" t="s">
        <v>181</v>
      </c>
      <c r="C2214" s="6" t="s">
        <v>182</v>
      </c>
      <c r="D2214" s="6" t="s">
        <v>56</v>
      </c>
      <c r="E2214" s="6" t="s">
        <v>197</v>
      </c>
      <c r="F2214" s="11">
        <v>-255</v>
      </c>
      <c r="G2214" s="13">
        <v>-0.41129032258100001</v>
      </c>
      <c r="H2214" s="11">
        <v>33.350639026000067</v>
      </c>
      <c r="I2214" s="13">
        <v>5.3775537178405483E-2</v>
      </c>
      <c r="J2214" s="11">
        <v>-229.80799016500004</v>
      </c>
      <c r="K2214" s="13">
        <v>-0.3516394642404484</v>
      </c>
      <c r="L2214" s="11">
        <v>-58.333507858000019</v>
      </c>
      <c r="M2214" s="13">
        <v>-0.13766831789243583</v>
      </c>
      <c r="N2214" s="11">
        <v>-288.14149802300005</v>
      </c>
      <c r="O2214" s="13">
        <v>-0.44089816858630437</v>
      </c>
      <c r="P2214" s="7">
        <v>620.18235011499996</v>
      </c>
      <c r="Q2214" s="7">
        <v>612.00658012700001</v>
      </c>
      <c r="R2214" s="7">
        <v>659.21549938800001</v>
      </c>
      <c r="S2214" s="7">
        <v>688.30667956000002</v>
      </c>
      <c r="T2214" s="7">
        <v>698.94359683799996</v>
      </c>
      <c r="U2214" s="7">
        <v>682.32418593</v>
      </c>
      <c r="V2214" s="7">
        <v>653.53298914100003</v>
      </c>
      <c r="W2214" s="7">
        <v>569.10518789599996</v>
      </c>
      <c r="X2214" s="7">
        <v>455.71632047499997</v>
      </c>
      <c r="Y2214" s="7">
        <v>423.72499897599999</v>
      </c>
      <c r="Z2214" s="7">
        <v>396.03315115499998</v>
      </c>
      <c r="AA2214" s="7">
        <v>352.82182659599999</v>
      </c>
      <c r="AB2214" s="7">
        <v>343.63804372999999</v>
      </c>
      <c r="AC2214" s="7">
        <v>335.24276354699998</v>
      </c>
      <c r="AD2214" s="7">
        <v>356.11421905600002</v>
      </c>
      <c r="AE2214" s="7">
        <v>375.252153749</v>
      </c>
      <c r="AF2214" s="7">
        <v>365.39149111799998</v>
      </c>
      <c r="AG2214" s="9">
        <v>17199.057074600005</v>
      </c>
      <c r="AH2214" s="13">
        <v>0.59780788595120204</v>
      </c>
      <c r="AI2214" s="9">
        <v>5313.8854662999984</v>
      </c>
      <c r="AJ2214" s="13">
        <v>0.18470097651382433</v>
      </c>
      <c r="AK2214" s="9">
        <v>2884.2290793000066</v>
      </c>
      <c r="AL2214" s="13">
        <v>8.4620971455137403E-2</v>
      </c>
      <c r="AM2214" s="9">
        <v>9000.9425289999999</v>
      </c>
      <c r="AN2214" s="13">
        <v>0.24347717098279961</v>
      </c>
      <c r="AO2214" s="9">
        <v>11885.171608300006</v>
      </c>
      <c r="AP2214" s="13">
        <v>0.34870141717365011</v>
      </c>
      <c r="AQ2214" s="9">
        <v>28770.207751999998</v>
      </c>
      <c r="AR2214" s="9">
        <v>30642.109090099999</v>
      </c>
      <c r="AS2214" s="9">
        <v>31225.364211799999</v>
      </c>
      <c r="AT2214" s="9">
        <v>32414.647388500001</v>
      </c>
      <c r="AU2214" s="9">
        <v>32151.976512099998</v>
      </c>
      <c r="AV2214" s="9">
        <v>33544.979948599997</v>
      </c>
      <c r="AW2214" s="9">
        <v>34084.093218299997</v>
      </c>
      <c r="AX2214" s="9">
        <v>34949.114448100001</v>
      </c>
      <c r="AY2214" s="9">
        <v>35374.882502200002</v>
      </c>
      <c r="AZ2214" s="9">
        <v>36968.322297600003</v>
      </c>
      <c r="BA2214" s="9">
        <v>38554.641543500002</v>
      </c>
      <c r="BB2214" s="9">
        <v>40920.362675299999</v>
      </c>
      <c r="BC2214" s="9">
        <v>41157.979379900004</v>
      </c>
      <c r="BD2214" s="9">
        <v>42010.910908400001</v>
      </c>
      <c r="BE2214" s="9">
        <v>45454.137620300004</v>
      </c>
      <c r="BF2214" s="9">
        <v>45969.264826600003</v>
      </c>
      <c r="BG2214" s="11">
        <v>-8.25</v>
      </c>
      <c r="BH2214" s="13">
        <v>-0.19642857142857142</v>
      </c>
      <c r="BI2214" s="6">
        <v>-1</v>
      </c>
      <c r="BJ2214" s="13">
        <v>-2.3809523809523808E-2</v>
      </c>
      <c r="BK2214" s="6">
        <v>-4</v>
      </c>
      <c r="BL2214" s="13">
        <v>-9.7560975609756101E-2</v>
      </c>
      <c r="BM2214" s="11">
        <v>-3.25</v>
      </c>
      <c r="BN2214" s="13">
        <v>-8.7837837837837843E-2</v>
      </c>
      <c r="BO2214" s="11">
        <v>-7.25</v>
      </c>
      <c r="BP2214" s="13">
        <v>-0.17682926829268292</v>
      </c>
      <c r="BQ2214" s="6">
        <v>42</v>
      </c>
      <c r="BR2214" s="6">
        <v>40</v>
      </c>
      <c r="BS2214" s="6">
        <v>43</v>
      </c>
      <c r="BT2214" s="6">
        <v>41</v>
      </c>
      <c r="BU2214" s="6">
        <v>41</v>
      </c>
      <c r="BV2214" s="6">
        <v>36</v>
      </c>
      <c r="BW2214" s="6">
        <v>37</v>
      </c>
      <c r="BX2214" s="6">
        <v>37</v>
      </c>
      <c r="BY2214" s="6">
        <v>36</v>
      </c>
      <c r="BZ2214" s="6">
        <v>35</v>
      </c>
      <c r="CA2214" s="6">
        <v>34</v>
      </c>
      <c r="CB2214" s="6">
        <v>34</v>
      </c>
      <c r="CC2214" s="11">
        <v>33.75</v>
      </c>
      <c r="CD2214" s="11">
        <v>-361.67500000000001</v>
      </c>
      <c r="CE2214" s="11">
        <v>39.090299999999999</v>
      </c>
      <c r="CF2214" s="11">
        <v>67.793400000000005</v>
      </c>
      <c r="CG2214" s="11">
        <v>107</v>
      </c>
      <c r="CH2214" s="20">
        <v>1.59422</v>
      </c>
      <c r="CI2214" s="20">
        <v>1.58636</v>
      </c>
      <c r="CJ2214" s="20">
        <v>1.6991099999999999</v>
      </c>
      <c r="CK2214" s="20">
        <v>1.68994</v>
      </c>
      <c r="CL2214" s="20">
        <v>1.65985</v>
      </c>
      <c r="CM2214" s="20">
        <v>1.6106199999999999</v>
      </c>
      <c r="CN2214" s="20">
        <v>1.54254</v>
      </c>
      <c r="CO2214" s="20">
        <v>1.41475</v>
      </c>
      <c r="CP2214" s="20">
        <v>1.18943</v>
      </c>
      <c r="CQ2214" s="20">
        <v>1.06626</v>
      </c>
      <c r="CR2214" s="20">
        <v>0.97879700000000003</v>
      </c>
      <c r="CS2214" s="20">
        <v>0.86931800000000004</v>
      </c>
      <c r="CT2214" s="20">
        <v>0.88076900000000002</v>
      </c>
      <c r="CU2214" s="20">
        <v>0.83433199999999996</v>
      </c>
      <c r="CV2214" s="20">
        <v>0.86024199999999995</v>
      </c>
      <c r="CW2214" s="20">
        <v>0.88278400000000001</v>
      </c>
      <c r="CX2214" s="20">
        <v>0.84931699999999999</v>
      </c>
      <c r="CY2214" s="6" t="s">
        <v>711</v>
      </c>
      <c r="CZ2214" s="6" t="s">
        <v>712</v>
      </c>
      <c r="DA2214" s="6" t="s">
        <v>56</v>
      </c>
      <c r="DB2214" s="6" t="s">
        <v>345</v>
      </c>
      <c r="DC2214" s="6"/>
      <c r="DD2214" s="6"/>
      <c r="DE2214" s="6"/>
      <c r="DF2214" s="6"/>
      <c r="DG2214" s="6"/>
      <c r="DH2214" s="6" t="s">
        <v>333</v>
      </c>
      <c r="DI2214" s="6"/>
      <c r="DJ2214" s="6"/>
      <c r="DK2214" s="6"/>
      <c r="DL2214" s="6">
        <v>6</v>
      </c>
      <c r="DM2214" s="6" t="s">
        <v>396</v>
      </c>
      <c r="DN2214" s="6">
        <v>6</v>
      </c>
      <c r="DO2214" s="6" t="s">
        <v>393</v>
      </c>
      <c r="DP2214" s="6"/>
      <c r="DQ2214" s="6"/>
    </row>
    <row r="2215" spans="1:121" x14ac:dyDescent="0.2">
      <c r="A2215" s="6" t="s">
        <v>314</v>
      </c>
      <c r="B2215" s="6" t="s">
        <v>314</v>
      </c>
      <c r="C2215" s="6" t="s">
        <v>183</v>
      </c>
      <c r="D2215" s="6" t="s">
        <v>56</v>
      </c>
      <c r="E2215" s="6" t="s">
        <v>197</v>
      </c>
      <c r="F2215" s="11">
        <v>51</v>
      </c>
      <c r="G2215" s="13">
        <v>0.67105263157899997</v>
      </c>
      <c r="H2215" s="11">
        <v>0.81780025049999949</v>
      </c>
      <c r="I2215" s="13">
        <v>1.0826718313289557E-2</v>
      </c>
      <c r="J2215" s="11">
        <v>47.459404711100007</v>
      </c>
      <c r="K2215" s="13">
        <v>0.62157733785060976</v>
      </c>
      <c r="L2215" s="11">
        <v>2.6875412370000049</v>
      </c>
      <c r="M2215" s="13">
        <v>2.1706527659383863E-2</v>
      </c>
      <c r="N2215" s="11">
        <v>50.146945948100011</v>
      </c>
      <c r="O2215" s="13">
        <v>0.65677615118649413</v>
      </c>
      <c r="P2215" s="7">
        <v>75.535377095399994</v>
      </c>
      <c r="Q2215" s="7">
        <v>68.5819504193</v>
      </c>
      <c r="R2215" s="7">
        <v>66.360015110099994</v>
      </c>
      <c r="S2215" s="7">
        <v>62.962236645600001</v>
      </c>
      <c r="T2215" s="7">
        <v>76.1370815171</v>
      </c>
      <c r="U2215" s="7">
        <v>73.068887000000004</v>
      </c>
      <c r="V2215" s="7">
        <v>76.353177345899994</v>
      </c>
      <c r="W2215" s="7">
        <v>76.554664265300005</v>
      </c>
      <c r="X2215" s="7">
        <v>94.126526385800005</v>
      </c>
      <c r="Y2215" s="7">
        <v>123.812582057</v>
      </c>
      <c r="Z2215" s="7">
        <v>117.93355354400001</v>
      </c>
      <c r="AA2215" s="7">
        <v>101.121982765</v>
      </c>
      <c r="AB2215" s="7">
        <v>107.41597900399999</v>
      </c>
      <c r="AC2215" s="7">
        <v>111.972486331</v>
      </c>
      <c r="AD2215" s="7">
        <v>124.89334461999999</v>
      </c>
      <c r="AE2215" s="7">
        <v>120.342780222</v>
      </c>
      <c r="AF2215" s="7">
        <v>126.50012329400001</v>
      </c>
      <c r="AG2215" s="9">
        <v>28257.719328400002</v>
      </c>
      <c r="AH2215" s="13">
        <v>1.0605657428050457</v>
      </c>
      <c r="AI2215" s="9">
        <v>24467.324673199997</v>
      </c>
      <c r="AJ2215" s="13">
        <v>0.9183050502028558</v>
      </c>
      <c r="AK2215" s="9">
        <v>-5058.3098992999949</v>
      </c>
      <c r="AL2215" s="13">
        <v>-9.8966508927022037E-2</v>
      </c>
      <c r="AM2215" s="9">
        <v>8848.7045545000001</v>
      </c>
      <c r="AN2215" s="13">
        <v>0.19214167779086877</v>
      </c>
      <c r="AO2215" s="9">
        <v>3790.3946552000052</v>
      </c>
      <c r="AP2215" s="13">
        <v>7.4159577793503725E-2</v>
      </c>
      <c r="AQ2215" s="9">
        <v>26644.0053529</v>
      </c>
      <c r="AR2215" s="9">
        <v>30160.602847800001</v>
      </c>
      <c r="AS2215" s="9">
        <v>31132.546943199999</v>
      </c>
      <c r="AT2215" s="9">
        <v>32833.971454699997</v>
      </c>
      <c r="AU2215" s="9">
        <v>45812.222237499998</v>
      </c>
      <c r="AV2215" s="9">
        <v>50775.405213999999</v>
      </c>
      <c r="AW2215" s="9">
        <v>51111.330026099997</v>
      </c>
      <c r="AX2215" s="9">
        <v>81052.072424800004</v>
      </c>
      <c r="AY2215" s="9">
        <v>48797.682419800003</v>
      </c>
      <c r="AZ2215" s="9">
        <v>46053.020126800002</v>
      </c>
      <c r="BA2215" s="9">
        <v>49163.7029674</v>
      </c>
      <c r="BB2215" s="9">
        <v>53736.931645099998</v>
      </c>
      <c r="BC2215" s="9">
        <v>62119.4600785</v>
      </c>
      <c r="BD2215" s="9">
        <v>53567.564906</v>
      </c>
      <c r="BE2215" s="9">
        <v>51297.620100499997</v>
      </c>
      <c r="BF2215" s="9">
        <v>54901.724681300002</v>
      </c>
      <c r="BG2215" s="11">
        <v>7</v>
      </c>
      <c r="BH2215" s="13">
        <v>1</v>
      </c>
      <c r="BI2215" s="6">
        <v>3</v>
      </c>
      <c r="BJ2215" s="13">
        <v>0.42857142857142855</v>
      </c>
      <c r="BK2215" s="6">
        <v>8</v>
      </c>
      <c r="BL2215" s="13">
        <v>0.8</v>
      </c>
      <c r="BM2215" s="11">
        <v>-4</v>
      </c>
      <c r="BN2215" s="13">
        <v>-0.22222222222222221</v>
      </c>
      <c r="BO2215" s="11">
        <v>4</v>
      </c>
      <c r="BP2215" s="13">
        <v>0.4</v>
      </c>
      <c r="BQ2215" s="6">
        <v>7</v>
      </c>
      <c r="BR2215" s="6">
        <v>8</v>
      </c>
      <c r="BS2215" s="6">
        <v>10</v>
      </c>
      <c r="BT2215" s="6">
        <v>10</v>
      </c>
      <c r="BU2215" s="6">
        <v>12</v>
      </c>
      <c r="BV2215" s="6">
        <v>16</v>
      </c>
      <c r="BW2215" s="6">
        <v>18</v>
      </c>
      <c r="BX2215" s="6">
        <v>17</v>
      </c>
      <c r="BY2215" s="6">
        <v>16</v>
      </c>
      <c r="BZ2215" s="6">
        <v>16</v>
      </c>
      <c r="CA2215" s="6">
        <v>14</v>
      </c>
      <c r="CB2215" s="6">
        <v>14</v>
      </c>
      <c r="CC2215" s="11">
        <v>14</v>
      </c>
      <c r="CD2215" s="11">
        <v>65.843599999999995</v>
      </c>
      <c r="CE2215" s="11">
        <v>-23.1358</v>
      </c>
      <c r="CF2215" s="11">
        <v>8.2569300000000005</v>
      </c>
      <c r="CG2215" s="11">
        <v>-15</v>
      </c>
      <c r="CH2215" s="20">
        <v>0.24656900000000001</v>
      </c>
      <c r="CI2215" s="20">
        <v>0.23211100000000001</v>
      </c>
      <c r="CJ2215" s="20">
        <v>0.23319100000000001</v>
      </c>
      <c r="CK2215" s="20">
        <v>0.21967200000000001</v>
      </c>
      <c r="CL2215" s="20">
        <v>0.266679</v>
      </c>
      <c r="CM2215" s="20">
        <v>0.26197199999999998</v>
      </c>
      <c r="CN2215" s="20">
        <v>0.27999400000000002</v>
      </c>
      <c r="CO2215" s="20">
        <v>0.29824299999999998</v>
      </c>
      <c r="CP2215" s="20">
        <v>0.38318200000000002</v>
      </c>
      <c r="CQ2215" s="20">
        <v>0.49845899999999999</v>
      </c>
      <c r="CR2215" s="20">
        <v>0.48367399999999999</v>
      </c>
      <c r="CS2215" s="20">
        <v>0.42180200000000001</v>
      </c>
      <c r="CT2215" s="20">
        <v>0.47092600000000001</v>
      </c>
      <c r="CU2215" s="20">
        <v>0.486898</v>
      </c>
      <c r="CV2215" s="20">
        <v>0.54638100000000001</v>
      </c>
      <c r="CW2215" s="20">
        <v>0.51830399999999999</v>
      </c>
      <c r="CX2215" s="20">
        <v>0.54511699999999996</v>
      </c>
      <c r="CY2215" s="6" t="s">
        <v>711</v>
      </c>
      <c r="CZ2215" s="6" t="s">
        <v>712</v>
      </c>
      <c r="DA2215" s="6" t="s">
        <v>56</v>
      </c>
      <c r="DB2215" s="6" t="s">
        <v>345</v>
      </c>
      <c r="DC2215" s="6"/>
      <c r="DD2215" s="6"/>
      <c r="DE2215" s="6"/>
      <c r="DF2215" s="6"/>
      <c r="DG2215" s="6"/>
      <c r="DH2215" s="6" t="s">
        <v>333</v>
      </c>
      <c r="DI2215" s="6"/>
      <c r="DJ2215" s="6"/>
      <c r="DK2215" s="6"/>
      <c r="DL2215" s="6">
        <v>6</v>
      </c>
      <c r="DM2215" s="6" t="s">
        <v>396</v>
      </c>
      <c r="DN2215" s="6">
        <v>6</v>
      </c>
      <c r="DO2215" s="6" t="s">
        <v>393</v>
      </c>
      <c r="DP2215" s="6"/>
      <c r="DQ2215" s="6"/>
    </row>
    <row r="2216" spans="1:121" x14ac:dyDescent="0.2">
      <c r="A2216" s="6" t="s">
        <v>315</v>
      </c>
      <c r="B2216" s="6" t="s">
        <v>315</v>
      </c>
      <c r="C2216" s="6" t="s">
        <v>184</v>
      </c>
      <c r="D2216" s="6" t="s">
        <v>56</v>
      </c>
      <c r="E2216" s="6" t="s">
        <v>197</v>
      </c>
      <c r="F2216" s="11">
        <v>124</v>
      </c>
      <c r="G2216" s="13">
        <v>0.46</v>
      </c>
      <c r="H2216" s="11">
        <v>81</v>
      </c>
      <c r="I2216" s="13">
        <v>0.30111524163568776</v>
      </c>
      <c r="J2216" s="11">
        <v>-7</v>
      </c>
      <c r="K2216" s="13">
        <v>-0.02</v>
      </c>
      <c r="L2216" s="11">
        <v>50</v>
      </c>
      <c r="M2216" s="13">
        <v>0.1457725947521866</v>
      </c>
      <c r="N2216" s="11">
        <v>43</v>
      </c>
      <c r="O2216" s="13">
        <v>0.12285714285714286</v>
      </c>
      <c r="P2216" s="7">
        <v>269</v>
      </c>
      <c r="Q2216" s="7">
        <v>280</v>
      </c>
      <c r="R2216" s="7">
        <v>295</v>
      </c>
      <c r="S2216" s="7">
        <v>309</v>
      </c>
      <c r="T2216" s="7">
        <v>324</v>
      </c>
      <c r="U2216" s="7">
        <v>339</v>
      </c>
      <c r="V2216" s="7">
        <v>350</v>
      </c>
      <c r="W2216" s="7">
        <v>355</v>
      </c>
      <c r="X2216" s="7">
        <v>349</v>
      </c>
      <c r="Y2216" s="7">
        <v>343</v>
      </c>
      <c r="Z2216" s="7">
        <v>346</v>
      </c>
      <c r="AA2216" s="7">
        <v>361</v>
      </c>
      <c r="AB2216" s="7">
        <v>376</v>
      </c>
      <c r="AC2216" s="7">
        <v>393</v>
      </c>
      <c r="AD2216" s="7">
        <v>388</v>
      </c>
      <c r="AE2216" s="7">
        <v>384</v>
      </c>
      <c r="AF2216" s="7">
        <v>393</v>
      </c>
      <c r="AG2216" s="9">
        <v>17441</v>
      </c>
      <c r="AH2216" s="13">
        <v>0.53073458706104315</v>
      </c>
      <c r="AI2216" s="9">
        <v>6384</v>
      </c>
      <c r="AJ2216" s="13">
        <v>0.19426693445316776</v>
      </c>
      <c r="AK2216" s="9">
        <v>4102</v>
      </c>
      <c r="AL2216" s="13">
        <v>0.1045202058808541</v>
      </c>
      <c r="AM2216" s="9">
        <v>6955</v>
      </c>
      <c r="AN2216" s="13">
        <v>0.16044569530312816</v>
      </c>
      <c r="AO2216" s="9">
        <v>11057</v>
      </c>
      <c r="AP2216" s="13">
        <v>0.28173571828976202</v>
      </c>
      <c r="AQ2216" s="9">
        <v>32862</v>
      </c>
      <c r="AR2216" s="9">
        <v>35350</v>
      </c>
      <c r="AS2216" s="9">
        <v>36199</v>
      </c>
      <c r="AT2216" s="9">
        <v>37908</v>
      </c>
      <c r="AU2216" s="9">
        <v>40882</v>
      </c>
      <c r="AV2216" s="9">
        <v>40470</v>
      </c>
      <c r="AW2216" s="9">
        <v>39246</v>
      </c>
      <c r="AX2216" s="9">
        <v>41173</v>
      </c>
      <c r="AY2216" s="9">
        <v>40806</v>
      </c>
      <c r="AZ2216" s="9">
        <v>43348</v>
      </c>
      <c r="BA2216" s="9">
        <v>44410</v>
      </c>
      <c r="BB2216" s="9">
        <v>45033</v>
      </c>
      <c r="BC2216" s="9">
        <v>45850</v>
      </c>
      <c r="BD2216" s="9">
        <v>46233</v>
      </c>
      <c r="BE2216" s="9">
        <v>48020</v>
      </c>
      <c r="BF2216" s="9">
        <v>50303</v>
      </c>
      <c r="BG2216" s="11">
        <v>16</v>
      </c>
      <c r="BH2216" s="13">
        <v>0.29629629629629628</v>
      </c>
      <c r="BI2216" s="6">
        <v>5</v>
      </c>
      <c r="BJ2216" s="13">
        <v>9.2592592592592587E-2</v>
      </c>
      <c r="BK2216" s="6">
        <v>4</v>
      </c>
      <c r="BL2216" s="13">
        <v>6.7796610169491525E-2</v>
      </c>
      <c r="BM2216" s="11">
        <v>7</v>
      </c>
      <c r="BN2216" s="13">
        <v>0.1111111111111111</v>
      </c>
      <c r="BO2216" s="11">
        <v>11</v>
      </c>
      <c r="BP2216" s="13">
        <v>0.1864406779661017</v>
      </c>
      <c r="BQ2216" s="6">
        <v>54</v>
      </c>
      <c r="BR2216" s="6">
        <v>57</v>
      </c>
      <c r="BS2216" s="6">
        <v>57</v>
      </c>
      <c r="BT2216" s="6">
        <v>59</v>
      </c>
      <c r="BU2216" s="6">
        <v>61</v>
      </c>
      <c r="BV2216" s="6">
        <v>62</v>
      </c>
      <c r="BW2216" s="6">
        <v>63</v>
      </c>
      <c r="BX2216" s="6">
        <v>65</v>
      </c>
      <c r="BY2216" s="6">
        <v>71</v>
      </c>
      <c r="BZ2216" s="6">
        <v>72</v>
      </c>
      <c r="CA2216" s="6">
        <v>72</v>
      </c>
      <c r="CB2216" s="6">
        <v>71</v>
      </c>
      <c r="CC2216" s="11">
        <v>70</v>
      </c>
      <c r="CD2216" s="11">
        <v>116</v>
      </c>
      <c r="CE2216" s="11">
        <v>-21</v>
      </c>
      <c r="CF2216" s="11">
        <v>29</v>
      </c>
      <c r="CG2216" s="11">
        <v>8</v>
      </c>
      <c r="CH2216" s="20">
        <v>0.54</v>
      </c>
      <c r="CI2216" s="20">
        <v>0.55000000000000004</v>
      </c>
      <c r="CJ2216" s="20">
        <v>0.56000000000000005</v>
      </c>
      <c r="CK2216" s="20">
        <v>0.56999999999999995</v>
      </c>
      <c r="CL2216" s="20">
        <v>0.57999999999999996</v>
      </c>
      <c r="CM2216" s="20">
        <v>0.61</v>
      </c>
      <c r="CN2216" s="20">
        <v>0.64</v>
      </c>
      <c r="CO2216" s="20">
        <v>0.7</v>
      </c>
      <c r="CP2216" s="20">
        <v>0.7</v>
      </c>
      <c r="CQ2216" s="20">
        <v>0.67</v>
      </c>
      <c r="CR2216" s="20">
        <v>0.68</v>
      </c>
      <c r="CS2216" s="20">
        <v>0.72</v>
      </c>
      <c r="CT2216" s="20">
        <v>0.79</v>
      </c>
      <c r="CU2216" s="20">
        <v>0.83</v>
      </c>
      <c r="CV2216" s="20">
        <v>0.81</v>
      </c>
      <c r="CW2216" s="20">
        <v>0.79</v>
      </c>
      <c r="CX2216" s="20">
        <v>0.81</v>
      </c>
      <c r="CY2216" s="6" t="s">
        <v>711</v>
      </c>
      <c r="CZ2216" s="6" t="s">
        <v>712</v>
      </c>
      <c r="DA2216" s="6" t="s">
        <v>56</v>
      </c>
      <c r="DB2216" s="6" t="s">
        <v>345</v>
      </c>
      <c r="DC2216" s="6"/>
      <c r="DD2216" s="6"/>
      <c r="DE2216" s="6"/>
      <c r="DF2216" s="6"/>
      <c r="DG2216" s="6"/>
      <c r="DH2216" s="6" t="s">
        <v>333</v>
      </c>
      <c r="DI2216" s="6"/>
      <c r="DJ2216" s="6"/>
      <c r="DK2216" s="6"/>
      <c r="DL2216" s="6">
        <v>6</v>
      </c>
      <c r="DM2216" s="6" t="s">
        <v>396</v>
      </c>
      <c r="DN2216" s="6">
        <v>6</v>
      </c>
      <c r="DO2216" s="6" t="s">
        <v>393</v>
      </c>
      <c r="DP2216" s="6"/>
      <c r="DQ2216" s="6"/>
    </row>
    <row r="2217" spans="1:121" x14ac:dyDescent="0.2">
      <c r="A2217" s="6" t="s">
        <v>316</v>
      </c>
      <c r="B2217" s="6" t="s">
        <v>316</v>
      </c>
      <c r="C2217" s="6" t="s">
        <v>185</v>
      </c>
      <c r="D2217" s="6" t="s">
        <v>56</v>
      </c>
      <c r="E2217" s="6" t="s">
        <v>197</v>
      </c>
      <c r="F2217" s="11">
        <v>8</v>
      </c>
      <c r="G2217" s="13">
        <v>0.06</v>
      </c>
      <c r="H2217" s="11">
        <v>-40</v>
      </c>
      <c r="I2217" s="13">
        <v>-0.29411764705882354</v>
      </c>
      <c r="J2217" s="11">
        <v>13</v>
      </c>
      <c r="K2217" s="13">
        <v>0.13541666666666666</v>
      </c>
      <c r="L2217" s="11">
        <v>35</v>
      </c>
      <c r="M2217" s="13">
        <v>0.32110091743119268</v>
      </c>
      <c r="N2217" s="11">
        <v>48</v>
      </c>
      <c r="O2217" s="13">
        <v>0.5</v>
      </c>
      <c r="P2217" s="7">
        <v>136</v>
      </c>
      <c r="Q2217" s="7">
        <v>109</v>
      </c>
      <c r="R2217" s="7">
        <v>118</v>
      </c>
      <c r="S2217" s="7">
        <v>106</v>
      </c>
      <c r="T2217" s="7">
        <v>112</v>
      </c>
      <c r="U2217" s="7">
        <v>95</v>
      </c>
      <c r="V2217" s="7">
        <v>96</v>
      </c>
      <c r="W2217" s="7">
        <v>99</v>
      </c>
      <c r="X2217" s="7">
        <v>104</v>
      </c>
      <c r="Y2217" s="7">
        <v>109</v>
      </c>
      <c r="Z2217" s="7">
        <v>104</v>
      </c>
      <c r="AA2217" s="7">
        <v>120</v>
      </c>
      <c r="AB2217" s="7">
        <v>125</v>
      </c>
      <c r="AC2217" s="7">
        <v>135</v>
      </c>
      <c r="AD2217" s="7">
        <v>129</v>
      </c>
      <c r="AE2217" s="7">
        <v>138</v>
      </c>
      <c r="AF2217" s="7">
        <v>144</v>
      </c>
      <c r="AG2217" s="9">
        <v>17754</v>
      </c>
      <c r="AH2217" s="13">
        <v>0.85867672663958228</v>
      </c>
      <c r="AI2217" s="9">
        <v>5368</v>
      </c>
      <c r="AJ2217" s="13">
        <v>0.2596246856258464</v>
      </c>
      <c r="AK2217" s="9">
        <v>2652</v>
      </c>
      <c r="AL2217" s="13">
        <v>0.10182767624020889</v>
      </c>
      <c r="AM2217" s="9">
        <v>9734</v>
      </c>
      <c r="AN2217" s="13">
        <v>0.33921103986618345</v>
      </c>
      <c r="AO2217" s="9">
        <v>12386</v>
      </c>
      <c r="AP2217" s="13">
        <v>0.4755797880509906</v>
      </c>
      <c r="AQ2217" s="9">
        <v>20676</v>
      </c>
      <c r="AR2217" s="9">
        <v>20996</v>
      </c>
      <c r="AS2217" s="9">
        <v>22690</v>
      </c>
      <c r="AT2217" s="9">
        <v>22412</v>
      </c>
      <c r="AU2217" s="9">
        <v>23105</v>
      </c>
      <c r="AV2217" s="9">
        <v>24037</v>
      </c>
      <c r="AW2217" s="9">
        <v>26044</v>
      </c>
      <c r="AX2217" s="9">
        <v>28001</v>
      </c>
      <c r="AY2217" s="9">
        <v>28232</v>
      </c>
      <c r="AZ2217" s="9">
        <v>28696</v>
      </c>
      <c r="BA2217" s="9">
        <v>29637</v>
      </c>
      <c r="BB2217" s="9">
        <v>28515</v>
      </c>
      <c r="BC2217" s="9">
        <v>32453</v>
      </c>
      <c r="BD2217" s="9">
        <v>32227</v>
      </c>
      <c r="BE2217" s="9">
        <v>36879</v>
      </c>
      <c r="BF2217" s="9">
        <v>38430</v>
      </c>
      <c r="BG2217" s="11">
        <v>0</v>
      </c>
      <c r="BH2217" s="13">
        <v>0</v>
      </c>
      <c r="BI2217" s="6">
        <v>-2</v>
      </c>
      <c r="BJ2217" s="13">
        <v>-9.0909090909090912E-2</v>
      </c>
      <c r="BK2217" s="6">
        <v>6</v>
      </c>
      <c r="BL2217" s="13">
        <v>0.3</v>
      </c>
      <c r="BM2217" s="11">
        <v>-4</v>
      </c>
      <c r="BN2217" s="13">
        <v>-0.15384615384615385</v>
      </c>
      <c r="BO2217" s="11">
        <v>2</v>
      </c>
      <c r="BP2217" s="13">
        <v>0.1</v>
      </c>
      <c r="BQ2217" s="6">
        <v>22</v>
      </c>
      <c r="BR2217" s="6">
        <v>21</v>
      </c>
      <c r="BS2217" s="6">
        <v>18</v>
      </c>
      <c r="BT2217" s="6">
        <v>20</v>
      </c>
      <c r="BU2217" s="6">
        <v>24</v>
      </c>
      <c r="BV2217" s="6">
        <v>24</v>
      </c>
      <c r="BW2217" s="6">
        <v>26</v>
      </c>
      <c r="BX2217" s="6">
        <v>23</v>
      </c>
      <c r="BY2217" s="6">
        <v>25</v>
      </c>
      <c r="BZ2217" s="6">
        <v>24</v>
      </c>
      <c r="CA2217" s="6">
        <v>22</v>
      </c>
      <c r="CB2217" s="6">
        <v>22</v>
      </c>
      <c r="CC2217" s="11">
        <v>22</v>
      </c>
      <c r="CD2217" s="11">
        <v>0</v>
      </c>
      <c r="CE2217" s="11">
        <v>-7</v>
      </c>
      <c r="CF2217" s="11">
        <v>15</v>
      </c>
      <c r="CG2217" s="11">
        <v>8</v>
      </c>
      <c r="CH2217" s="20">
        <v>0.66</v>
      </c>
      <c r="CI2217" s="20">
        <v>0.52</v>
      </c>
      <c r="CJ2217" s="20">
        <v>0.54</v>
      </c>
      <c r="CK2217" s="20">
        <v>0.46</v>
      </c>
      <c r="CL2217" s="20">
        <v>0.46</v>
      </c>
      <c r="CM2217" s="20">
        <v>0.39</v>
      </c>
      <c r="CN2217" s="20">
        <v>0.41</v>
      </c>
      <c r="CO2217" s="20">
        <v>0.46</v>
      </c>
      <c r="CP2217" s="20">
        <v>0.5</v>
      </c>
      <c r="CQ2217" s="20">
        <v>0.52</v>
      </c>
      <c r="CR2217" s="20">
        <v>0.5</v>
      </c>
      <c r="CS2217" s="20">
        <v>0.59</v>
      </c>
      <c r="CT2217" s="20">
        <v>0.64</v>
      </c>
      <c r="CU2217" s="20">
        <v>0.67</v>
      </c>
      <c r="CV2217" s="20">
        <v>0.64</v>
      </c>
      <c r="CW2217" s="20">
        <v>0.67</v>
      </c>
      <c r="CX2217" s="20">
        <v>0.7</v>
      </c>
      <c r="CY2217" s="6" t="s">
        <v>711</v>
      </c>
      <c r="CZ2217" s="6" t="s">
        <v>712</v>
      </c>
      <c r="DA2217" s="6" t="s">
        <v>56</v>
      </c>
      <c r="DB2217" s="6" t="s">
        <v>345</v>
      </c>
      <c r="DC2217" s="6"/>
      <c r="DD2217" s="6"/>
      <c r="DE2217" s="6"/>
      <c r="DF2217" s="6"/>
      <c r="DG2217" s="6"/>
      <c r="DH2217" s="6" t="s">
        <v>333</v>
      </c>
      <c r="DI2217" s="6"/>
      <c r="DJ2217" s="6"/>
      <c r="DK2217" s="6"/>
      <c r="DL2217" s="6">
        <v>6</v>
      </c>
      <c r="DM2217" s="6" t="s">
        <v>396</v>
      </c>
      <c r="DN2217" s="6">
        <v>6</v>
      </c>
      <c r="DO2217" s="6" t="s">
        <v>393</v>
      </c>
      <c r="DP2217" s="6"/>
      <c r="DQ2217" s="6"/>
    </row>
    <row r="2218" spans="1:121" x14ac:dyDescent="0.2">
      <c r="A2218" s="6" t="s">
        <v>317</v>
      </c>
      <c r="B2218" s="6" t="s">
        <v>317</v>
      </c>
      <c r="C2218" s="6" t="s">
        <v>186</v>
      </c>
      <c r="D2218" s="6" t="s">
        <v>56</v>
      </c>
      <c r="E2218" s="6" t="s">
        <v>197</v>
      </c>
      <c r="F2218" s="11">
        <v>30</v>
      </c>
      <c r="G2218" s="13">
        <v>0.25</v>
      </c>
      <c r="H2218" s="11">
        <v>24</v>
      </c>
      <c r="I2218" s="13">
        <v>0.20168067226890757</v>
      </c>
      <c r="J2218" s="11">
        <v>-14</v>
      </c>
      <c r="K2218" s="13">
        <v>-9.7902097902097904E-2</v>
      </c>
      <c r="L2218" s="11">
        <v>20</v>
      </c>
      <c r="M2218" s="13">
        <v>0.15503875968992248</v>
      </c>
      <c r="N2218" s="11">
        <v>6</v>
      </c>
      <c r="O2218" s="13">
        <v>4.195804195804196E-2</v>
      </c>
      <c r="P2218" s="7">
        <v>119</v>
      </c>
      <c r="Q2218" s="7">
        <v>121</v>
      </c>
      <c r="R2218" s="7">
        <v>136</v>
      </c>
      <c r="S2218" s="7">
        <v>140</v>
      </c>
      <c r="T2218" s="7">
        <v>158</v>
      </c>
      <c r="U2218" s="7">
        <v>151</v>
      </c>
      <c r="V2218" s="7">
        <v>143</v>
      </c>
      <c r="W2218" s="7">
        <v>151</v>
      </c>
      <c r="X2218" s="7">
        <v>147</v>
      </c>
      <c r="Y2218" s="7">
        <v>129</v>
      </c>
      <c r="Z2218" s="7">
        <v>136</v>
      </c>
      <c r="AA2218" s="7">
        <v>132</v>
      </c>
      <c r="AB2218" s="7">
        <v>149</v>
      </c>
      <c r="AC2218" s="7">
        <v>152</v>
      </c>
      <c r="AD2218" s="7">
        <v>146</v>
      </c>
      <c r="AE2218" s="7">
        <v>146</v>
      </c>
      <c r="AF2218" s="7">
        <v>149</v>
      </c>
      <c r="AG2218" s="9">
        <v>9301</v>
      </c>
      <c r="AH2218" s="13">
        <v>0.31653280696977948</v>
      </c>
      <c r="AI2218" s="9">
        <v>4304</v>
      </c>
      <c r="AJ2218" s="13">
        <v>0.14647427171249661</v>
      </c>
      <c r="AK2218" s="9">
        <v>-1434</v>
      </c>
      <c r="AL2218" s="13">
        <v>-4.2567086202802182E-2</v>
      </c>
      <c r="AM2218" s="9">
        <v>6431</v>
      </c>
      <c r="AN2218" s="13">
        <v>0.19938612265145408</v>
      </c>
      <c r="AO2218" s="9">
        <v>4997</v>
      </c>
      <c r="AP2218" s="13">
        <v>0.14833175017810496</v>
      </c>
      <c r="AQ2218" s="9">
        <v>29384</v>
      </c>
      <c r="AR2218" s="9">
        <v>32726</v>
      </c>
      <c r="AS2218" s="9">
        <v>36096</v>
      </c>
      <c r="AT2218" s="9">
        <v>36561</v>
      </c>
      <c r="AU2218" s="9">
        <v>42848</v>
      </c>
      <c r="AV2218" s="9">
        <v>33323</v>
      </c>
      <c r="AW2218" s="9">
        <v>33688</v>
      </c>
      <c r="AX2218" s="9">
        <v>32103</v>
      </c>
      <c r="AY2218" s="9">
        <v>32615</v>
      </c>
      <c r="AZ2218" s="9">
        <v>32254</v>
      </c>
      <c r="BA2218" s="9">
        <v>33263</v>
      </c>
      <c r="BB2218" s="9">
        <v>38390</v>
      </c>
      <c r="BC2218" s="9">
        <v>36613</v>
      </c>
      <c r="BD2218" s="9">
        <v>37514</v>
      </c>
      <c r="BE2218" s="9">
        <v>39331</v>
      </c>
      <c r="BF2218" s="9">
        <v>38685</v>
      </c>
      <c r="BG2218" s="11">
        <v>5</v>
      </c>
      <c r="BH2218" s="13">
        <v>0.17857142857142858</v>
      </c>
      <c r="BI2218" s="6">
        <v>-1</v>
      </c>
      <c r="BJ2218" s="13">
        <v>-3.5714285714285712E-2</v>
      </c>
      <c r="BK2218" s="6">
        <v>1</v>
      </c>
      <c r="BL2218" s="13">
        <v>3.7037037037037035E-2</v>
      </c>
      <c r="BM2218" s="11">
        <v>5</v>
      </c>
      <c r="BN2218" s="13">
        <v>0.17857142857142858</v>
      </c>
      <c r="BO2218" s="11">
        <v>6</v>
      </c>
      <c r="BP2218" s="13">
        <v>0.22222222222222221</v>
      </c>
      <c r="BQ2218" s="6">
        <v>28</v>
      </c>
      <c r="BR2218" s="6">
        <v>27</v>
      </c>
      <c r="BS2218" s="6">
        <v>27</v>
      </c>
      <c r="BT2218" s="6">
        <v>27</v>
      </c>
      <c r="BU2218" s="6">
        <v>25</v>
      </c>
      <c r="BV2218" s="6">
        <v>25</v>
      </c>
      <c r="BW2218" s="6">
        <v>28</v>
      </c>
      <c r="BX2218" s="6">
        <v>27</v>
      </c>
      <c r="BY2218" s="6">
        <v>28</v>
      </c>
      <c r="BZ2218" s="6">
        <v>30</v>
      </c>
      <c r="CA2218" s="6">
        <v>30</v>
      </c>
      <c r="CB2218" s="6">
        <v>34</v>
      </c>
      <c r="CC2218" s="11">
        <v>33</v>
      </c>
      <c r="CD2218" s="11">
        <v>-7</v>
      </c>
      <c r="CE2218" s="11">
        <v>24</v>
      </c>
      <c r="CF2218" s="11">
        <v>13</v>
      </c>
      <c r="CG2218" s="11">
        <v>37</v>
      </c>
      <c r="CH2218" s="20">
        <v>0.18</v>
      </c>
      <c r="CI2218" s="20">
        <v>0.19</v>
      </c>
      <c r="CJ2218" s="20">
        <v>0.2</v>
      </c>
      <c r="CK2218" s="20">
        <v>0.2</v>
      </c>
      <c r="CL2218" s="20">
        <v>0.22</v>
      </c>
      <c r="CM2218" s="20">
        <v>0.2</v>
      </c>
      <c r="CN2218" s="20">
        <v>0.19</v>
      </c>
      <c r="CO2218" s="20">
        <v>0.2</v>
      </c>
      <c r="CP2218" s="20">
        <v>0.2</v>
      </c>
      <c r="CQ2218" s="20">
        <v>0.17</v>
      </c>
      <c r="CR2218" s="20">
        <v>0.18</v>
      </c>
      <c r="CS2218" s="20">
        <v>0.17</v>
      </c>
      <c r="CT2218" s="20">
        <v>0.2</v>
      </c>
      <c r="CU2218" s="20">
        <v>0.2</v>
      </c>
      <c r="CV2218" s="20">
        <v>0.19</v>
      </c>
      <c r="CW2218" s="20">
        <v>0.18</v>
      </c>
      <c r="CX2218" s="20">
        <v>0.18</v>
      </c>
      <c r="CY2218" s="6" t="s">
        <v>711</v>
      </c>
      <c r="CZ2218" s="6" t="s">
        <v>712</v>
      </c>
      <c r="DA2218" s="6" t="s">
        <v>56</v>
      </c>
      <c r="DB2218" s="6" t="s">
        <v>345</v>
      </c>
      <c r="DC2218" s="6"/>
      <c r="DD2218" s="6"/>
      <c r="DE2218" s="6"/>
      <c r="DF2218" s="6"/>
      <c r="DG2218" s="6"/>
      <c r="DH2218" s="6" t="s">
        <v>333</v>
      </c>
      <c r="DI2218" s="6"/>
      <c r="DJ2218" s="6"/>
      <c r="DK2218" s="6"/>
      <c r="DL2218" s="6">
        <v>6</v>
      </c>
      <c r="DM2218" s="6" t="s">
        <v>396</v>
      </c>
      <c r="DN2218" s="6">
        <v>6</v>
      </c>
      <c r="DO2218" s="6" t="s">
        <v>393</v>
      </c>
      <c r="DP2218" s="6"/>
      <c r="DQ2218" s="6"/>
    </row>
    <row r="2219" spans="1:121" x14ac:dyDescent="0.2">
      <c r="A2219" s="6" t="s">
        <v>318</v>
      </c>
      <c r="B2219" s="6" t="s">
        <v>318</v>
      </c>
      <c r="C2219" s="6" t="s">
        <v>187</v>
      </c>
      <c r="D2219" s="6" t="s">
        <v>56</v>
      </c>
      <c r="E2219" s="6" t="s">
        <v>197</v>
      </c>
      <c r="F2219" s="11">
        <v>1</v>
      </c>
      <c r="G2219" s="13">
        <v>1</v>
      </c>
      <c r="H2219" s="11">
        <v>-17.031958000000003</v>
      </c>
      <c r="I2219" s="13">
        <v>-0.4578884478078335</v>
      </c>
      <c r="J2219" s="11">
        <v>-15.164783</v>
      </c>
      <c r="K2219" s="13">
        <v>-0.7520429552849639</v>
      </c>
      <c r="L2219" s="11">
        <v>0</v>
      </c>
      <c r="M2219" s="13">
        <v>0</v>
      </c>
      <c r="N2219" s="11">
        <v>-15.164783</v>
      </c>
      <c r="O2219" s="13">
        <v>-0.7520429552849639</v>
      </c>
      <c r="P2219" s="7">
        <v>37.196741000000003</v>
      </c>
      <c r="Q2219" s="7">
        <v>27.448422999999998</v>
      </c>
      <c r="R2219" s="7">
        <v>24.571835</v>
      </c>
      <c r="S2219" s="7">
        <v>23.916391999999998</v>
      </c>
      <c r="T2219" s="7">
        <v>14.605256000000001</v>
      </c>
      <c r="U2219" s="7">
        <v>22.074735</v>
      </c>
      <c r="V2219" s="7">
        <v>20.164783</v>
      </c>
      <c r="W2219" s="7">
        <v>18.987127999999998</v>
      </c>
      <c r="X2219" s="7">
        <v>13.278320000000001</v>
      </c>
      <c r="Y2219" s="7">
        <v>5</v>
      </c>
      <c r="Z2219" s="7">
        <v>5</v>
      </c>
      <c r="AA2219" s="7">
        <v>5</v>
      </c>
      <c r="AB2219" s="7">
        <v>5</v>
      </c>
      <c r="AC2219" s="7">
        <v>5</v>
      </c>
      <c r="AD2219" s="7">
        <v>5</v>
      </c>
      <c r="AE2219" s="7">
        <v>5</v>
      </c>
      <c r="AF2219" s="7">
        <v>5</v>
      </c>
      <c r="AG2219" s="9">
        <v>-43915.051803399998</v>
      </c>
      <c r="AH2219" s="13">
        <v>-0.99997722928271249</v>
      </c>
      <c r="AI2219" s="9">
        <v>-2855.3767748999962</v>
      </c>
      <c r="AJ2219" s="13">
        <v>-6.5018977290643681E-2</v>
      </c>
      <c r="AK2219" s="9">
        <v>-41059.675028500002</v>
      </c>
      <c r="AL2219" s="13">
        <v>-0.99997564579736453</v>
      </c>
      <c r="AM2219" s="9">
        <v>0</v>
      </c>
      <c r="AN2219" s="13">
        <v>0</v>
      </c>
      <c r="AO2219" s="9">
        <v>-41059.675028500002</v>
      </c>
      <c r="AP2219" s="13">
        <v>-0.99997564579736453</v>
      </c>
      <c r="AQ2219" s="9">
        <v>43916.051803399998</v>
      </c>
      <c r="AR2219" s="9">
        <v>42068.577209000003</v>
      </c>
      <c r="AS2219" s="9">
        <v>42327.600489900004</v>
      </c>
      <c r="AT2219" s="9">
        <v>40155.627885499998</v>
      </c>
      <c r="AU2219" s="9">
        <v>63019.000104400002</v>
      </c>
      <c r="AV2219" s="9">
        <v>40932.660328400001</v>
      </c>
      <c r="AW2219" s="9">
        <v>41060.675028500002</v>
      </c>
      <c r="AX2219" s="9">
        <v>42314.0210735</v>
      </c>
      <c r="AY2219" s="9">
        <v>45260.079763399997</v>
      </c>
      <c r="AZ2219" s="9">
        <v>1</v>
      </c>
      <c r="BA2219" s="9">
        <v>1</v>
      </c>
      <c r="BB2219" s="9">
        <v>1</v>
      </c>
      <c r="BC2219" s="9">
        <v>1</v>
      </c>
      <c r="BD2219" s="9">
        <v>1</v>
      </c>
      <c r="BE2219" s="9">
        <v>1</v>
      </c>
      <c r="BF2219" s="9">
        <v>1</v>
      </c>
      <c r="BG2219" s="11">
        <v>-2.5</v>
      </c>
      <c r="BH2219" s="13">
        <v>-0.625</v>
      </c>
      <c r="BI2219" s="6">
        <v>0</v>
      </c>
      <c r="BJ2219" s="13">
        <v>0</v>
      </c>
      <c r="BK2219" s="6">
        <v>0</v>
      </c>
      <c r="BL2219" s="13">
        <v>0</v>
      </c>
      <c r="BM2219" s="11">
        <v>-2.5</v>
      </c>
      <c r="BN2219" s="13">
        <v>-0.625</v>
      </c>
      <c r="BO2219" s="11">
        <v>-2.5</v>
      </c>
      <c r="BP2219" s="13">
        <v>-0.625</v>
      </c>
      <c r="BQ2219" s="6">
        <v>4</v>
      </c>
      <c r="BR2219" s="6">
        <v>3</v>
      </c>
      <c r="BS2219" s="6">
        <v>4</v>
      </c>
      <c r="BT2219" s="6">
        <v>4</v>
      </c>
      <c r="BU2219" s="6">
        <v>4</v>
      </c>
      <c r="BV2219" s="6">
        <v>4</v>
      </c>
      <c r="BW2219" s="6">
        <v>4</v>
      </c>
      <c r="BX2219" s="6">
        <v>3</v>
      </c>
      <c r="BY2219" s="6">
        <v>2</v>
      </c>
      <c r="BZ2219" s="6">
        <v>2</v>
      </c>
      <c r="CA2219" s="6">
        <v>2</v>
      </c>
      <c r="CB2219" s="6">
        <v>2</v>
      </c>
      <c r="CC2219" s="11">
        <v>1.5</v>
      </c>
      <c r="CD2219" s="11">
        <v>-41.2545</v>
      </c>
      <c r="CE2219" s="11">
        <v>7.9641200000000003</v>
      </c>
      <c r="CF2219" s="11">
        <v>4.0660499999999997</v>
      </c>
      <c r="CG2219" s="11">
        <v>12</v>
      </c>
      <c r="CH2219" s="20">
        <v>0.26161299999999998</v>
      </c>
      <c r="CI2219" s="20">
        <v>0.191328</v>
      </c>
      <c r="CJ2219" s="20">
        <v>0.172876</v>
      </c>
      <c r="CK2219" s="20">
        <v>0.15995100000000001</v>
      </c>
      <c r="CL2219" s="20">
        <v>9.4230800000000003E-2</v>
      </c>
      <c r="CM2219" s="20">
        <v>0.141679</v>
      </c>
      <c r="CN2219" s="20">
        <v>0.12786600000000001</v>
      </c>
      <c r="CO2219" s="20">
        <v>0.122126</v>
      </c>
      <c r="CP2219" s="20">
        <v>8.5950399999999996E-2</v>
      </c>
      <c r="CQ2219" s="20">
        <v>5.5439500000000003E-2</v>
      </c>
      <c r="CR2219" s="20">
        <v>3.13984E-2</v>
      </c>
      <c r="CS2219" s="20">
        <v>3.38544E-2</v>
      </c>
      <c r="CT2219" s="20">
        <v>3.1723099999999997E-2</v>
      </c>
      <c r="CU2219" s="20">
        <v>3.8938300000000002E-2</v>
      </c>
      <c r="CV2219" s="20">
        <v>3.9986000000000001E-2</v>
      </c>
      <c r="CW2219" s="20">
        <v>4.4265499999999999E-2</v>
      </c>
      <c r="CX2219" s="20">
        <v>4.4914200000000001E-2</v>
      </c>
      <c r="CY2219" s="6" t="s">
        <v>711</v>
      </c>
      <c r="CZ2219" s="6" t="s">
        <v>712</v>
      </c>
      <c r="DA2219" s="6" t="s">
        <v>56</v>
      </c>
      <c r="DB2219" s="6" t="s">
        <v>345</v>
      </c>
      <c r="DC2219" s="6"/>
      <c r="DD2219" s="6"/>
      <c r="DE2219" s="6"/>
      <c r="DF2219" s="6"/>
      <c r="DG2219" s="6"/>
      <c r="DH2219" s="6" t="s">
        <v>333</v>
      </c>
      <c r="DI2219" s="6"/>
      <c r="DJ2219" s="6"/>
      <c r="DK2219" s="6"/>
      <c r="DL2219" s="6">
        <v>6</v>
      </c>
      <c r="DM2219" s="6" t="s">
        <v>396</v>
      </c>
      <c r="DN2219" s="6">
        <v>6</v>
      </c>
      <c r="DO2219" s="6" t="s">
        <v>393</v>
      </c>
      <c r="DP2219" s="6"/>
      <c r="DQ2219" s="6"/>
    </row>
    <row r="2220" spans="1:121" x14ac:dyDescent="0.2">
      <c r="A2220" s="6" t="s">
        <v>319</v>
      </c>
      <c r="B2220" s="6" t="s">
        <v>319</v>
      </c>
      <c r="C2220" s="6" t="s">
        <v>188</v>
      </c>
      <c r="D2220" s="6" t="s">
        <v>56</v>
      </c>
      <c r="E2220" s="6" t="s">
        <v>197</v>
      </c>
      <c r="F2220" s="11">
        <v>29</v>
      </c>
      <c r="G2220" s="13">
        <v>0.13122171945700001</v>
      </c>
      <c r="H2220" s="11">
        <v>-31.457545912</v>
      </c>
      <c r="I2220" s="13">
        <v>-0.14223110277285045</v>
      </c>
      <c r="J2220" s="11">
        <v>-18.207842405999997</v>
      </c>
      <c r="K2220" s="13">
        <v>-9.5974957690729723E-2</v>
      </c>
      <c r="L2220" s="11">
        <v>78.848136275999991</v>
      </c>
      <c r="M2220" s="13">
        <v>0.45973801354399391</v>
      </c>
      <c r="N2220" s="11">
        <v>60.640293869999994</v>
      </c>
      <c r="O2220" s="13">
        <v>0.31963971945455921</v>
      </c>
      <c r="P2220" s="7">
        <v>221.17205940700001</v>
      </c>
      <c r="Q2220" s="7">
        <v>225.05076788299999</v>
      </c>
      <c r="R2220" s="7">
        <v>233.44455447600001</v>
      </c>
      <c r="S2220" s="7">
        <v>233.33785153700001</v>
      </c>
      <c r="T2220" s="7">
        <v>206.211037183</v>
      </c>
      <c r="U2220" s="7">
        <v>215.19803147100001</v>
      </c>
      <c r="V2220" s="7">
        <v>189.71451349500001</v>
      </c>
      <c r="W2220" s="7">
        <v>207.65571235600001</v>
      </c>
      <c r="X2220" s="7">
        <v>216.242249982</v>
      </c>
      <c r="Y2220" s="7">
        <v>171.50667108900001</v>
      </c>
      <c r="Z2220" s="7">
        <v>177.99100063899999</v>
      </c>
      <c r="AA2220" s="7">
        <v>191.071310565</v>
      </c>
      <c r="AB2220" s="7">
        <v>177.57169319299999</v>
      </c>
      <c r="AC2220" s="7">
        <v>174.29456904599999</v>
      </c>
      <c r="AD2220" s="7">
        <v>231.26383340500001</v>
      </c>
      <c r="AE2220" s="7">
        <v>240.356391567</v>
      </c>
      <c r="AF2220" s="7">
        <v>250.354807365</v>
      </c>
      <c r="AG2220" s="9">
        <v>13696.410222899998</v>
      </c>
      <c r="AH2220" s="13">
        <v>0.56143970226298856</v>
      </c>
      <c r="AI2220" s="9">
        <v>-2014.3781657999971</v>
      </c>
      <c r="AJ2220" s="13">
        <v>-8.2572868309748554E-2</v>
      </c>
      <c r="AK2220" s="9">
        <v>6020.631739299999</v>
      </c>
      <c r="AL2220" s="13">
        <v>0.26900902444406033</v>
      </c>
      <c r="AM2220" s="9">
        <v>9690.1566493999962</v>
      </c>
      <c r="AN2220" s="13">
        <v>0.34118574132323615</v>
      </c>
      <c r="AO2220" s="9">
        <v>15710.788388699995</v>
      </c>
      <c r="AP2220" s="13">
        <v>0.70197680919488381</v>
      </c>
      <c r="AQ2220" s="9">
        <v>24395.157962099998</v>
      </c>
      <c r="AR2220" s="9">
        <v>22184.0333703</v>
      </c>
      <c r="AS2220" s="9">
        <v>19719.947785600001</v>
      </c>
      <c r="AT2220" s="9">
        <v>20256.2830579</v>
      </c>
      <c r="AU2220" s="9">
        <v>18977.092994499999</v>
      </c>
      <c r="AV2220" s="9">
        <v>19812.9021001</v>
      </c>
      <c r="AW2220" s="9">
        <v>22380.779796300001</v>
      </c>
      <c r="AX2220" s="9">
        <v>21800.0731337</v>
      </c>
      <c r="AY2220" s="9">
        <v>22567.2258119</v>
      </c>
      <c r="AZ2220" s="9">
        <v>28401.4115356</v>
      </c>
      <c r="BA2220" s="9">
        <v>25603.420940200001</v>
      </c>
      <c r="BB2220" s="9">
        <v>28274.320167099999</v>
      </c>
      <c r="BC2220" s="9">
        <v>30599.267934</v>
      </c>
      <c r="BD2220" s="9">
        <v>32224.1987629</v>
      </c>
      <c r="BE2220" s="9">
        <v>36761.583460299997</v>
      </c>
      <c r="BF2220" s="9">
        <v>38091.568184999996</v>
      </c>
      <c r="BG2220" s="11">
        <v>-1.75</v>
      </c>
      <c r="BH2220" s="13">
        <v>-7.6086956521739135E-2</v>
      </c>
      <c r="BI2220" s="6">
        <v>-5</v>
      </c>
      <c r="BJ2220" s="13">
        <v>-0.21739130434782608</v>
      </c>
      <c r="BK2220" s="6">
        <v>1</v>
      </c>
      <c r="BL2220" s="13">
        <v>5.5555555555555552E-2</v>
      </c>
      <c r="BM2220" s="11">
        <v>2.25</v>
      </c>
      <c r="BN2220" s="13">
        <v>0.11842105263157894</v>
      </c>
      <c r="BO2220" s="11">
        <v>3.25</v>
      </c>
      <c r="BP2220" s="13">
        <v>0.18055555555555555</v>
      </c>
      <c r="BQ2220" s="6">
        <v>23</v>
      </c>
      <c r="BR2220" s="6">
        <v>20</v>
      </c>
      <c r="BS2220" s="6">
        <v>18</v>
      </c>
      <c r="BT2220" s="6">
        <v>18</v>
      </c>
      <c r="BU2220" s="6">
        <v>17</v>
      </c>
      <c r="BV2220" s="6">
        <v>18</v>
      </c>
      <c r="BW2220" s="6">
        <v>19</v>
      </c>
      <c r="BX2220" s="6">
        <v>19</v>
      </c>
      <c r="BY2220" s="6">
        <v>21</v>
      </c>
      <c r="BZ2220" s="6">
        <v>19</v>
      </c>
      <c r="CA2220" s="6">
        <v>16</v>
      </c>
      <c r="CB2220" s="6">
        <v>21</v>
      </c>
      <c r="CC2220" s="11">
        <v>21.25</v>
      </c>
      <c r="CD2220" s="11">
        <v>-14.8934</v>
      </c>
      <c r="CE2220" s="11">
        <v>19.8994</v>
      </c>
      <c r="CF2220" s="11">
        <v>24.1768</v>
      </c>
      <c r="CG2220" s="11">
        <v>44</v>
      </c>
      <c r="CH2220" s="20">
        <v>0.31712099999999999</v>
      </c>
      <c r="CI2220" s="20">
        <v>0.31668299999999999</v>
      </c>
      <c r="CJ2220" s="20">
        <v>0.32567099999999999</v>
      </c>
      <c r="CK2220" s="20">
        <v>0.30581999999999998</v>
      </c>
      <c r="CL2220" s="20">
        <v>0.25888800000000001</v>
      </c>
      <c r="CM2220" s="20">
        <v>0.26753399999999999</v>
      </c>
      <c r="CN2220" s="20">
        <v>0.23791399999999999</v>
      </c>
      <c r="CO2220" s="20">
        <v>0.284634</v>
      </c>
      <c r="CP2220" s="20">
        <v>0.32111600000000001</v>
      </c>
      <c r="CQ2220" s="20">
        <v>0.23575099999999999</v>
      </c>
      <c r="CR2220" s="20">
        <v>0.23769299999999999</v>
      </c>
      <c r="CS2220" s="20">
        <v>0.25174800000000003</v>
      </c>
      <c r="CT2220" s="20">
        <v>0.240763</v>
      </c>
      <c r="CU2220" s="20">
        <v>0.22991300000000001</v>
      </c>
      <c r="CV2220" s="20">
        <v>0.30270599999999998</v>
      </c>
      <c r="CW2220" s="20">
        <v>0.309087</v>
      </c>
      <c r="CX2220" s="20">
        <v>0.317297</v>
      </c>
      <c r="CY2220" s="6" t="s">
        <v>711</v>
      </c>
      <c r="CZ2220" s="6" t="s">
        <v>712</v>
      </c>
      <c r="DA2220" s="6" t="s">
        <v>56</v>
      </c>
      <c r="DB2220" s="6" t="s">
        <v>345</v>
      </c>
      <c r="DC2220" s="6"/>
      <c r="DD2220" s="6"/>
      <c r="DE2220" s="6"/>
      <c r="DF2220" s="6"/>
      <c r="DG2220" s="6"/>
      <c r="DH2220" s="6" t="s">
        <v>333</v>
      </c>
      <c r="DI2220" s="6"/>
      <c r="DJ2220" s="6"/>
      <c r="DK2220" s="6"/>
      <c r="DL2220" s="6">
        <v>6</v>
      </c>
      <c r="DM2220" s="6" t="s">
        <v>396</v>
      </c>
      <c r="DN2220" s="6">
        <v>6</v>
      </c>
      <c r="DO2220" s="6" t="s">
        <v>393</v>
      </c>
      <c r="DP2220" s="6"/>
      <c r="DQ2220" s="6"/>
    </row>
    <row r="2221" spans="1:121" x14ac:dyDescent="0.2">
      <c r="A2221" s="6" t="s">
        <v>320</v>
      </c>
      <c r="B2221" s="6" t="s">
        <v>320</v>
      </c>
      <c r="C2221" s="6" t="s">
        <v>189</v>
      </c>
      <c r="D2221" s="6" t="s">
        <v>56</v>
      </c>
      <c r="E2221" s="6" t="s">
        <v>197</v>
      </c>
      <c r="F2221" s="11">
        <v>1</v>
      </c>
      <c r="G2221" s="13">
        <v>1</v>
      </c>
      <c r="H2221" s="11">
        <v>-5.5518290759000006</v>
      </c>
      <c r="I2221" s="13">
        <v>-0.52614850335096686</v>
      </c>
      <c r="J2221" s="11">
        <v>9.1527944029999997</v>
      </c>
      <c r="K2221" s="13">
        <v>1.8305588805999999</v>
      </c>
      <c r="L2221" s="11">
        <v>-9.1527944029999997</v>
      </c>
      <c r="M2221" s="13">
        <v>-0.64671287820445278</v>
      </c>
      <c r="N2221" s="11">
        <v>0</v>
      </c>
      <c r="O2221" s="13">
        <v>0</v>
      </c>
      <c r="P2221" s="7">
        <v>10.551829075900001</v>
      </c>
      <c r="Q2221" s="7">
        <v>19.149517037199999</v>
      </c>
      <c r="R2221" s="7">
        <v>5</v>
      </c>
      <c r="S2221" s="7">
        <v>5</v>
      </c>
      <c r="T2221" s="7">
        <v>5</v>
      </c>
      <c r="U2221" s="7">
        <v>10.395332956000001</v>
      </c>
      <c r="V2221" s="7">
        <v>5</v>
      </c>
      <c r="W2221" s="7">
        <v>13.5784449772</v>
      </c>
      <c r="X2221" s="7">
        <v>20.318782361099998</v>
      </c>
      <c r="Y2221" s="7">
        <v>14.152794403</v>
      </c>
      <c r="Z2221" s="7">
        <v>19.846064726600002</v>
      </c>
      <c r="AA2221" s="7">
        <v>5</v>
      </c>
      <c r="AB2221" s="7">
        <v>5</v>
      </c>
      <c r="AC2221" s="7">
        <v>5</v>
      </c>
      <c r="AD2221" s="7">
        <v>5</v>
      </c>
      <c r="AE2221" s="7">
        <v>5</v>
      </c>
      <c r="AF2221" s="7">
        <v>5</v>
      </c>
      <c r="AG2221" s="9">
        <v>-23919.035751899999</v>
      </c>
      <c r="AH2221" s="13">
        <v>-0.99995819404241804</v>
      </c>
      <c r="AI2221" s="9">
        <v>-23919.035751899999</v>
      </c>
      <c r="AJ2221" s="13">
        <v>-0.99995819404241804</v>
      </c>
      <c r="AK2221" s="9">
        <v>70198.156457399993</v>
      </c>
      <c r="AL2221" s="13">
        <v>70198.156457399993</v>
      </c>
      <c r="AM2221" s="9">
        <v>-70198.156457399993</v>
      </c>
      <c r="AN2221" s="13">
        <v>-0.99998575481458085</v>
      </c>
      <c r="AO2221" s="9">
        <v>0</v>
      </c>
      <c r="AP2221" s="13">
        <v>0</v>
      </c>
      <c r="AQ2221" s="9">
        <v>23920.035751899999</v>
      </c>
      <c r="AR2221" s="9">
        <v>32369.483877999999</v>
      </c>
      <c r="AS2221" s="9">
        <v>1</v>
      </c>
      <c r="AT2221" s="9">
        <v>1</v>
      </c>
      <c r="AU2221" s="9">
        <v>1</v>
      </c>
      <c r="AV2221" s="9">
        <v>38432.2056705</v>
      </c>
      <c r="AW2221" s="9">
        <v>1</v>
      </c>
      <c r="AX2221" s="9">
        <v>55208.749909999999</v>
      </c>
      <c r="AY2221" s="9">
        <v>34663.557601100001</v>
      </c>
      <c r="AZ2221" s="9">
        <v>70199.156457399993</v>
      </c>
      <c r="BA2221" s="9">
        <v>31683.790957000001</v>
      </c>
      <c r="BB2221" s="9">
        <v>1</v>
      </c>
      <c r="BC2221" s="9">
        <v>1</v>
      </c>
      <c r="BD2221" s="9">
        <v>1</v>
      </c>
      <c r="BE2221" s="9">
        <v>1</v>
      </c>
      <c r="BF2221" s="9">
        <v>1</v>
      </c>
      <c r="BG2221" s="11">
        <v>-1</v>
      </c>
      <c r="BH2221" s="13">
        <v>-0.5</v>
      </c>
      <c r="BI2221" s="6">
        <v>-1</v>
      </c>
      <c r="BJ2221" s="13">
        <v>-0.5</v>
      </c>
      <c r="BK2221" s="6">
        <v>1</v>
      </c>
      <c r="BL2221" s="13">
        <v>1</v>
      </c>
      <c r="BM2221" s="11">
        <v>-1</v>
      </c>
      <c r="BN2221" s="13">
        <v>-0.5</v>
      </c>
      <c r="BO2221" s="11">
        <v>0</v>
      </c>
      <c r="BP2221" s="13">
        <v>0</v>
      </c>
      <c r="BQ2221" s="6">
        <v>2</v>
      </c>
      <c r="BR2221" s="6">
        <v>2</v>
      </c>
      <c r="BS2221" s="6">
        <v>2</v>
      </c>
      <c r="BT2221" s="6">
        <v>1</v>
      </c>
      <c r="BU2221" s="6">
        <v>1</v>
      </c>
      <c r="BV2221" s="6">
        <v>2</v>
      </c>
      <c r="BW2221" s="6">
        <v>2</v>
      </c>
      <c r="BX2221" s="6">
        <v>3</v>
      </c>
      <c r="BY2221" s="6">
        <v>3</v>
      </c>
      <c r="BZ2221" s="6">
        <v>3</v>
      </c>
      <c r="CA2221" s="6">
        <v>2</v>
      </c>
      <c r="CB2221" s="6">
        <v>1</v>
      </c>
      <c r="CC2221" s="11">
        <v>1</v>
      </c>
      <c r="CD2221" s="11">
        <v>-11.4198</v>
      </c>
      <c r="CE2221" s="11">
        <v>3.8208700000000002</v>
      </c>
      <c r="CF2221" s="11">
        <v>1.15344</v>
      </c>
      <c r="CG2221" s="11">
        <v>5</v>
      </c>
      <c r="CH2221" s="20">
        <v>4.5348199999999998E-2</v>
      </c>
      <c r="CI2221" s="20">
        <v>7.7183600000000005E-2</v>
      </c>
      <c r="CJ2221" s="20">
        <v>2.72762E-2</v>
      </c>
      <c r="CK2221" s="20">
        <v>2.07642E-2</v>
      </c>
      <c r="CL2221" s="20">
        <v>2.4013400000000001E-2</v>
      </c>
      <c r="CM2221" s="20">
        <v>3.6792900000000003E-2</v>
      </c>
      <c r="CN2221" s="20">
        <v>2.37804E-2</v>
      </c>
      <c r="CO2221" s="20">
        <v>4.8480000000000002E-2</v>
      </c>
      <c r="CP2221" s="20">
        <v>6.9579699999999994E-2</v>
      </c>
      <c r="CQ2221" s="20">
        <v>4.5198500000000003E-2</v>
      </c>
      <c r="CR2221" s="20">
        <v>6.20256E-2</v>
      </c>
      <c r="CS2221" s="20">
        <v>2.5541700000000001E-2</v>
      </c>
      <c r="CT2221" s="20">
        <v>8.6246099999999996E-3</v>
      </c>
      <c r="CU2221" s="20">
        <v>1.47511E-2</v>
      </c>
      <c r="CV2221" s="20">
        <v>1.25503E-2</v>
      </c>
      <c r="CW2221" s="20">
        <v>1.3336799999999999E-2</v>
      </c>
      <c r="CX2221" s="20">
        <v>1.2714100000000001E-2</v>
      </c>
      <c r="CY2221" s="6" t="s">
        <v>711</v>
      </c>
      <c r="CZ2221" s="6" t="s">
        <v>712</v>
      </c>
      <c r="DA2221" s="6" t="s">
        <v>56</v>
      </c>
      <c r="DB2221" s="6" t="s">
        <v>345</v>
      </c>
      <c r="DC2221" s="6"/>
      <c r="DD2221" s="6"/>
      <c r="DE2221" s="6"/>
      <c r="DF2221" s="6"/>
      <c r="DG2221" s="6"/>
      <c r="DH2221" s="6" t="s">
        <v>333</v>
      </c>
      <c r="DI2221" s="6"/>
      <c r="DJ2221" s="6"/>
      <c r="DK2221" s="6"/>
      <c r="DL2221" s="6">
        <v>6</v>
      </c>
      <c r="DM2221" s="6" t="s">
        <v>396</v>
      </c>
      <c r="DN2221" s="6">
        <v>6</v>
      </c>
      <c r="DO2221" s="6" t="s">
        <v>393</v>
      </c>
      <c r="DP2221" s="6"/>
      <c r="DQ2221" s="6"/>
    </row>
    <row r="2222" spans="1:121" x14ac:dyDescent="0.2">
      <c r="A2222" s="6" t="s">
        <v>321</v>
      </c>
      <c r="B2222" s="6" t="s">
        <v>321</v>
      </c>
      <c r="C2222" s="6" t="s">
        <v>190</v>
      </c>
      <c r="D2222" s="6" t="s">
        <v>56</v>
      </c>
      <c r="E2222" s="6" t="s">
        <v>197</v>
      </c>
      <c r="F2222" s="11">
        <v>117</v>
      </c>
      <c r="G2222" s="13">
        <v>7.53865979381E-2</v>
      </c>
      <c r="H2222" s="11">
        <v>37.119550419999996</v>
      </c>
      <c r="I2222" s="13">
        <v>2.3923157609591059E-2</v>
      </c>
      <c r="J2222" s="11">
        <v>98.334811130000162</v>
      </c>
      <c r="K2222" s="13">
        <v>6.18950212768253E-2</v>
      </c>
      <c r="L2222" s="11">
        <v>-17.871095970000169</v>
      </c>
      <c r="M2222" s="13">
        <v>-1.0592977041474183E-2</v>
      </c>
      <c r="N2222" s="11">
        <v>80.463715159999992</v>
      </c>
      <c r="O2222" s="13">
        <v>5.0646391695984151E-2</v>
      </c>
      <c r="P2222" s="7">
        <v>1551.6158454399999</v>
      </c>
      <c r="Q2222" s="7">
        <v>1648.150809</v>
      </c>
      <c r="R2222" s="7">
        <v>1673.35279266</v>
      </c>
      <c r="S2222" s="7">
        <v>1849.79661745</v>
      </c>
      <c r="T2222" s="7">
        <v>1817.6281376699999</v>
      </c>
      <c r="U2222" s="7">
        <v>1661.9470657500001</v>
      </c>
      <c r="V2222" s="7">
        <v>1588.7353958599999</v>
      </c>
      <c r="W2222" s="7">
        <v>1545.5471187799999</v>
      </c>
      <c r="X2222" s="7">
        <v>1559.9450900700001</v>
      </c>
      <c r="Y2222" s="7">
        <v>1687.0702069900001</v>
      </c>
      <c r="Z2222" s="7">
        <v>1598.35174936</v>
      </c>
      <c r="AA2222" s="7">
        <v>1784.2012046499999</v>
      </c>
      <c r="AB2222" s="7">
        <v>1693.64537045</v>
      </c>
      <c r="AC2222" s="7">
        <v>1682.4626392499999</v>
      </c>
      <c r="AD2222" s="7">
        <v>1656.1289473100001</v>
      </c>
      <c r="AE2222" s="7">
        <v>1673.3819959099999</v>
      </c>
      <c r="AF2222" s="7">
        <v>1669.1991110199999</v>
      </c>
      <c r="AG2222" s="9">
        <v>10078.654546099999</v>
      </c>
      <c r="AH2222" s="13">
        <v>0.50908781150869298</v>
      </c>
      <c r="AI2222" s="9">
        <v>5587.900379499999</v>
      </c>
      <c r="AJ2222" s="13">
        <v>0.28225314818722869</v>
      </c>
      <c r="AK2222" s="9">
        <v>2711.0095278000008</v>
      </c>
      <c r="AL2222" s="13">
        <v>0.10679413675508852</v>
      </c>
      <c r="AM2222" s="9">
        <v>1779.7446387999989</v>
      </c>
      <c r="AN2222" s="13">
        <v>6.3344251575861515E-2</v>
      </c>
      <c r="AO2222" s="9">
        <v>4490.7541665999997</v>
      </c>
      <c r="AP2222" s="13">
        <v>0.17690318299639135</v>
      </c>
      <c r="AQ2222" s="9">
        <v>19797.4776026</v>
      </c>
      <c r="AR2222" s="9">
        <v>19899.794108900001</v>
      </c>
      <c r="AS2222" s="9">
        <v>20868.2842308</v>
      </c>
      <c r="AT2222" s="9">
        <v>23457.1273057</v>
      </c>
      <c r="AU2222" s="9">
        <v>24575.740183599999</v>
      </c>
      <c r="AV2222" s="9">
        <v>24460.444916299999</v>
      </c>
      <c r="AW2222" s="9">
        <v>25385.377982099999</v>
      </c>
      <c r="AX2222" s="9">
        <v>25872.886567199999</v>
      </c>
      <c r="AY2222" s="9">
        <v>27270.483088500001</v>
      </c>
      <c r="AZ2222" s="9">
        <v>28096.3875099</v>
      </c>
      <c r="BA2222" s="9">
        <v>28855.4083135</v>
      </c>
      <c r="BB2222" s="9">
        <v>28382.7013152</v>
      </c>
      <c r="BC2222" s="9">
        <v>28357.039341799999</v>
      </c>
      <c r="BD2222" s="9">
        <v>28507.2314897</v>
      </c>
      <c r="BE2222" s="9">
        <v>28466.635461099999</v>
      </c>
      <c r="BF2222" s="9">
        <v>29876.132148699999</v>
      </c>
      <c r="BG2222" s="11">
        <v>226</v>
      </c>
      <c r="BH2222" s="13">
        <v>3.476923076923077</v>
      </c>
      <c r="BI2222" s="6">
        <v>6</v>
      </c>
      <c r="BJ2222" s="13">
        <v>9.2307692307692313E-2</v>
      </c>
      <c r="BK2222" s="6">
        <v>2</v>
      </c>
      <c r="BL2222" s="13">
        <v>2.8169014084507043E-2</v>
      </c>
      <c r="BM2222" s="11">
        <v>218</v>
      </c>
      <c r="BN2222" s="13">
        <v>2.9863013698630136</v>
      </c>
      <c r="BO2222" s="11">
        <v>220</v>
      </c>
      <c r="BP2222" s="13">
        <v>3.0985915492957745</v>
      </c>
      <c r="BQ2222" s="6">
        <v>65</v>
      </c>
      <c r="BR2222" s="6">
        <v>65</v>
      </c>
      <c r="BS2222" s="6">
        <v>68</v>
      </c>
      <c r="BT2222" s="6">
        <v>71</v>
      </c>
      <c r="BU2222" s="6">
        <v>70</v>
      </c>
      <c r="BV2222" s="6">
        <v>73</v>
      </c>
      <c r="BW2222" s="6">
        <v>73</v>
      </c>
      <c r="BX2222" s="6">
        <v>71</v>
      </c>
      <c r="BY2222" s="6">
        <v>79</v>
      </c>
      <c r="BZ2222" s="6">
        <v>299</v>
      </c>
      <c r="CA2222" s="6">
        <v>299</v>
      </c>
      <c r="CB2222" s="6">
        <v>293</v>
      </c>
      <c r="CC2222" s="11">
        <v>291</v>
      </c>
      <c r="CD2222" s="11">
        <v>-617.07399999999996</v>
      </c>
      <c r="CE2222" s="11">
        <v>565.04700000000003</v>
      </c>
      <c r="CF2222" s="11">
        <v>169.61</v>
      </c>
      <c r="CG2222" s="11">
        <v>735</v>
      </c>
      <c r="CH2222" s="20">
        <v>1.3502099999999999</v>
      </c>
      <c r="CI2222" s="20">
        <v>1.35487</v>
      </c>
      <c r="CJ2222" s="20">
        <v>1.3221000000000001</v>
      </c>
      <c r="CK2222" s="20">
        <v>1.39002</v>
      </c>
      <c r="CL2222" s="20">
        <v>1.3231599999999999</v>
      </c>
      <c r="CM2222" s="20">
        <v>1.2000900000000001</v>
      </c>
      <c r="CN2222" s="20">
        <v>1.1366799999999999</v>
      </c>
      <c r="CO2222" s="20">
        <v>1.1271100000000001</v>
      </c>
      <c r="CP2222" s="20">
        <v>1.09948</v>
      </c>
      <c r="CQ2222" s="20">
        <v>1.11592</v>
      </c>
      <c r="CR2222" s="20">
        <v>1.0530999999999999</v>
      </c>
      <c r="CS2222" s="20">
        <v>1.15174</v>
      </c>
      <c r="CT2222" s="20">
        <v>1.1337699999999999</v>
      </c>
      <c r="CU2222" s="20">
        <v>1.1111500000000001</v>
      </c>
      <c r="CV2222" s="20">
        <v>1.0861099999999999</v>
      </c>
      <c r="CW2222" s="20">
        <v>1.07308</v>
      </c>
      <c r="CX2222" s="20">
        <v>1.04501</v>
      </c>
      <c r="CY2222" s="6" t="s">
        <v>711</v>
      </c>
      <c r="CZ2222" s="6" t="s">
        <v>712</v>
      </c>
      <c r="DA2222" s="6" t="s">
        <v>56</v>
      </c>
      <c r="DB2222" s="6" t="s">
        <v>345</v>
      </c>
      <c r="DC2222" s="6"/>
      <c r="DD2222" s="6"/>
      <c r="DE2222" s="6"/>
      <c r="DF2222" s="6"/>
      <c r="DG2222" s="6"/>
      <c r="DH2222" s="6" t="s">
        <v>333</v>
      </c>
      <c r="DI2222" s="6"/>
      <c r="DJ2222" s="6"/>
      <c r="DK2222" s="6"/>
      <c r="DL2222" s="6">
        <v>6</v>
      </c>
      <c r="DM2222" s="6" t="s">
        <v>396</v>
      </c>
      <c r="DN2222" s="6">
        <v>6</v>
      </c>
      <c r="DO2222" s="6" t="s">
        <v>393</v>
      </c>
      <c r="DP2222" s="6"/>
      <c r="DQ2222" s="6"/>
    </row>
    <row r="2223" spans="1:121" x14ac:dyDescent="0.2">
      <c r="A2223" s="6" t="s">
        <v>322</v>
      </c>
      <c r="B2223" s="6" t="s">
        <v>322</v>
      </c>
      <c r="C2223" s="6" t="s">
        <v>191</v>
      </c>
      <c r="D2223" s="6" t="s">
        <v>56</v>
      </c>
      <c r="E2223" s="6" t="s">
        <v>197</v>
      </c>
      <c r="F2223" s="11">
        <v>-18</v>
      </c>
      <c r="G2223" s="13">
        <v>-0.3</v>
      </c>
      <c r="H2223" s="11">
        <v>14</v>
      </c>
      <c r="I2223" s="13">
        <v>0.23333333333333336</v>
      </c>
      <c r="J2223" s="11">
        <v>-10</v>
      </c>
      <c r="K2223" s="13">
        <v>-0.13513513513513514</v>
      </c>
      <c r="L2223" s="11">
        <v>-22</v>
      </c>
      <c r="M2223" s="13">
        <v>-0.34375</v>
      </c>
      <c r="N2223" s="11">
        <v>-32</v>
      </c>
      <c r="O2223" s="13">
        <v>-0.43243243243243246</v>
      </c>
      <c r="P2223" s="7">
        <v>60</v>
      </c>
      <c r="Q2223" s="7">
        <v>53</v>
      </c>
      <c r="R2223" s="7">
        <v>51</v>
      </c>
      <c r="S2223" s="7">
        <v>57</v>
      </c>
      <c r="T2223" s="7">
        <v>67</v>
      </c>
      <c r="U2223" s="7">
        <v>70</v>
      </c>
      <c r="V2223" s="7">
        <v>74</v>
      </c>
      <c r="W2223" s="7">
        <v>66</v>
      </c>
      <c r="X2223" s="7">
        <v>58</v>
      </c>
      <c r="Y2223" s="7">
        <v>64</v>
      </c>
      <c r="Z2223" s="7">
        <v>61</v>
      </c>
      <c r="AA2223" s="7">
        <v>47</v>
      </c>
      <c r="AB2223" s="7">
        <v>46</v>
      </c>
      <c r="AC2223" s="7">
        <v>47</v>
      </c>
      <c r="AD2223" s="7">
        <v>43</v>
      </c>
      <c r="AE2223" s="7">
        <v>42</v>
      </c>
      <c r="AF2223" s="7">
        <v>42</v>
      </c>
      <c r="AG2223" s="9">
        <v>4253</v>
      </c>
      <c r="AH2223" s="13">
        <v>0.32391469916222393</v>
      </c>
      <c r="AI2223" s="9">
        <v>-981</v>
      </c>
      <c r="AJ2223" s="13">
        <v>-7.471439451637471E-2</v>
      </c>
      <c r="AK2223" s="9">
        <v>2693</v>
      </c>
      <c r="AL2223" s="13">
        <v>0.22166433451312864</v>
      </c>
      <c r="AM2223" s="9">
        <v>2541</v>
      </c>
      <c r="AN2223" s="13">
        <v>0.17120334186767283</v>
      </c>
      <c r="AO2223" s="9">
        <v>5234</v>
      </c>
      <c r="AP2223" s="13">
        <v>0.4308173512223229</v>
      </c>
      <c r="AQ2223" s="9">
        <v>13130</v>
      </c>
      <c r="AR2223" s="9">
        <v>14506</v>
      </c>
      <c r="AS2223" s="9">
        <v>15272</v>
      </c>
      <c r="AT2223" s="9">
        <v>13730</v>
      </c>
      <c r="AU2223" s="9">
        <v>11215</v>
      </c>
      <c r="AV2223" s="9">
        <v>10995</v>
      </c>
      <c r="AW2223" s="9">
        <v>12149</v>
      </c>
      <c r="AX2223" s="9">
        <v>13059</v>
      </c>
      <c r="AY2223" s="9">
        <v>15020</v>
      </c>
      <c r="AZ2223" s="9">
        <v>14842</v>
      </c>
      <c r="BA2223" s="9">
        <v>15397</v>
      </c>
      <c r="BB2223" s="9">
        <v>19366</v>
      </c>
      <c r="BC2223" s="9">
        <v>17270</v>
      </c>
      <c r="BD2223" s="9">
        <v>16835</v>
      </c>
      <c r="BE2223" s="9">
        <v>17441</v>
      </c>
      <c r="BF2223" s="9">
        <v>17383</v>
      </c>
      <c r="BG2223" s="11">
        <v>-5</v>
      </c>
      <c r="BH2223" s="13">
        <v>-0.45454545454545453</v>
      </c>
      <c r="BI2223" s="6">
        <v>-2</v>
      </c>
      <c r="BJ2223" s="13">
        <v>-0.18181818181818182</v>
      </c>
      <c r="BK2223" s="6">
        <v>2</v>
      </c>
      <c r="BL2223" s="13">
        <v>0.22222222222222221</v>
      </c>
      <c r="BM2223" s="11">
        <v>-5</v>
      </c>
      <c r="BN2223" s="13">
        <v>-0.45454545454545453</v>
      </c>
      <c r="BO2223" s="11">
        <v>-3</v>
      </c>
      <c r="BP2223" s="13">
        <v>-0.33333333333333331</v>
      </c>
      <c r="BQ2223" s="6">
        <v>11</v>
      </c>
      <c r="BR2223" s="6">
        <v>9</v>
      </c>
      <c r="BS2223" s="6">
        <v>8</v>
      </c>
      <c r="BT2223" s="6">
        <v>9</v>
      </c>
      <c r="BU2223" s="6">
        <v>10</v>
      </c>
      <c r="BV2223" s="6">
        <v>11</v>
      </c>
      <c r="BW2223" s="6">
        <v>11</v>
      </c>
      <c r="BX2223" s="6">
        <v>10</v>
      </c>
      <c r="BY2223" s="6">
        <v>10</v>
      </c>
      <c r="BZ2223" s="6">
        <v>7</v>
      </c>
      <c r="CA2223" s="6">
        <v>6</v>
      </c>
      <c r="CB2223" s="6">
        <v>7</v>
      </c>
      <c r="CC2223" s="11">
        <v>6</v>
      </c>
      <c r="CD2223" s="11">
        <v>-36</v>
      </c>
      <c r="CE2223" s="11">
        <v>11</v>
      </c>
      <c r="CF2223" s="11">
        <v>7</v>
      </c>
      <c r="CG2223" s="11">
        <v>18</v>
      </c>
      <c r="CH2223" s="20">
        <v>0.34</v>
      </c>
      <c r="CI2223" s="20">
        <v>0.28999999999999998</v>
      </c>
      <c r="CJ2223" s="20">
        <v>0.27</v>
      </c>
      <c r="CK2223" s="20">
        <v>0.28999999999999998</v>
      </c>
      <c r="CL2223" s="20">
        <v>0.33</v>
      </c>
      <c r="CM2223" s="20">
        <v>0.35</v>
      </c>
      <c r="CN2223" s="20">
        <v>0.36</v>
      </c>
      <c r="CO2223" s="20">
        <v>0.33</v>
      </c>
      <c r="CP2223" s="20">
        <v>0.3</v>
      </c>
      <c r="CQ2223" s="20">
        <v>0.31</v>
      </c>
      <c r="CR2223" s="20">
        <v>0.3</v>
      </c>
      <c r="CS2223" s="20">
        <v>0.23</v>
      </c>
      <c r="CT2223" s="20">
        <v>0.23</v>
      </c>
      <c r="CU2223" s="20">
        <v>0.23</v>
      </c>
      <c r="CV2223" s="20">
        <v>0.21</v>
      </c>
      <c r="CW2223" s="20">
        <v>0.2</v>
      </c>
      <c r="CX2223" s="20">
        <v>0.19</v>
      </c>
      <c r="CY2223" s="6" t="s">
        <v>711</v>
      </c>
      <c r="CZ2223" s="6" t="s">
        <v>712</v>
      </c>
      <c r="DA2223" s="6" t="s">
        <v>56</v>
      </c>
      <c r="DB2223" s="6" t="s">
        <v>345</v>
      </c>
      <c r="DC2223" s="6"/>
      <c r="DD2223" s="6"/>
      <c r="DE2223" s="6"/>
      <c r="DF2223" s="6"/>
      <c r="DG2223" s="6"/>
      <c r="DH2223" s="6" t="s">
        <v>333</v>
      </c>
      <c r="DI2223" s="6"/>
      <c r="DJ2223" s="6"/>
      <c r="DK2223" s="6"/>
      <c r="DL2223" s="6">
        <v>6</v>
      </c>
      <c r="DM2223" s="6" t="s">
        <v>396</v>
      </c>
      <c r="DN2223" s="6">
        <v>6</v>
      </c>
      <c r="DO2223" s="6" t="s">
        <v>393</v>
      </c>
      <c r="DP2223" s="6"/>
      <c r="DQ2223" s="6"/>
    </row>
    <row r="2224" spans="1:121" x14ac:dyDescent="0.2">
      <c r="A2224" s="6" t="s">
        <v>323</v>
      </c>
      <c r="B2224" s="6" t="s">
        <v>323</v>
      </c>
      <c r="C2224" s="6" t="s">
        <v>192</v>
      </c>
      <c r="D2224" s="6" t="s">
        <v>56</v>
      </c>
      <c r="E2224" s="6" t="s">
        <v>197</v>
      </c>
      <c r="F2224" s="11">
        <v>116</v>
      </c>
      <c r="G2224" s="13">
        <v>0.19495798319300001</v>
      </c>
      <c r="H2224" s="11">
        <v>-1.2638069070000029</v>
      </c>
      <c r="I2224" s="13">
        <v>-2.1251777405319186E-3</v>
      </c>
      <c r="J2224" s="11">
        <v>-17.941038488000004</v>
      </c>
      <c r="K2224" s="13">
        <v>-3.0233334338503694E-2</v>
      </c>
      <c r="L2224" s="11">
        <v>135.44227185700004</v>
      </c>
      <c r="M2224" s="13">
        <v>0.23535609353380901</v>
      </c>
      <c r="N2224" s="11">
        <v>117.50123336900003</v>
      </c>
      <c r="O2224" s="13">
        <v>0.1980071597308935</v>
      </c>
      <c r="P2224" s="7">
        <v>594.68292128999997</v>
      </c>
      <c r="Q2224" s="7">
        <v>598.44470955199995</v>
      </c>
      <c r="R2224" s="7">
        <v>632.76274480999996</v>
      </c>
      <c r="S2224" s="7">
        <v>597.120531067</v>
      </c>
      <c r="T2224" s="7">
        <v>646.25107338700002</v>
      </c>
      <c r="U2224" s="7">
        <v>644.93650459000003</v>
      </c>
      <c r="V2224" s="7">
        <v>593.41911438299996</v>
      </c>
      <c r="W2224" s="7">
        <v>560.33991474499999</v>
      </c>
      <c r="X2224" s="7">
        <v>558.06023688599998</v>
      </c>
      <c r="Y2224" s="7">
        <v>575.47807589499996</v>
      </c>
      <c r="Z2224" s="7">
        <v>602.15576112999997</v>
      </c>
      <c r="AA2224" s="7">
        <v>578.19666767299998</v>
      </c>
      <c r="AB2224" s="7">
        <v>606.97332631500001</v>
      </c>
      <c r="AC2224" s="7">
        <v>610.12095366899996</v>
      </c>
      <c r="AD2224" s="7">
        <v>579.21970710999994</v>
      </c>
      <c r="AE2224" s="7">
        <v>698.25197997999999</v>
      </c>
      <c r="AF2224" s="7">
        <v>710.920347752</v>
      </c>
      <c r="AG2224" s="9">
        <v>4769.219527199999</v>
      </c>
      <c r="AH2224" s="13">
        <v>0.4329140429000824</v>
      </c>
      <c r="AI2224" s="9">
        <v>1687.1158307999995</v>
      </c>
      <c r="AJ2224" s="13">
        <v>0.15314374416754134</v>
      </c>
      <c r="AK2224" s="9">
        <v>950.26447980000012</v>
      </c>
      <c r="AL2224" s="13">
        <v>7.480237876225973E-2</v>
      </c>
      <c r="AM2224" s="9">
        <v>2131.8392165999994</v>
      </c>
      <c r="AN2224" s="13">
        <v>0.15613373218180945</v>
      </c>
      <c r="AO2224" s="9">
        <v>3082.1036963999995</v>
      </c>
      <c r="AP2224" s="13">
        <v>0.2426152855162981</v>
      </c>
      <c r="AQ2224" s="9">
        <v>11016.5507574</v>
      </c>
      <c r="AR2224" s="9">
        <v>10907.418634899999</v>
      </c>
      <c r="AS2224" s="9">
        <v>10819.504439599999</v>
      </c>
      <c r="AT2224" s="9">
        <v>11409.177839</v>
      </c>
      <c r="AU2224" s="9">
        <v>10916.5300045</v>
      </c>
      <c r="AV2224" s="9">
        <v>11352.7605513</v>
      </c>
      <c r="AW2224" s="9">
        <v>12703.6665882</v>
      </c>
      <c r="AX2224" s="9">
        <v>13499.1949668</v>
      </c>
      <c r="AY2224" s="9">
        <v>13762.743165899999</v>
      </c>
      <c r="AZ2224" s="9">
        <v>13653.931068</v>
      </c>
      <c r="BA2224" s="9">
        <v>13712.639966500001</v>
      </c>
      <c r="BB2224" s="9">
        <v>14110.8195531</v>
      </c>
      <c r="BC2224" s="9">
        <v>14077.1588311</v>
      </c>
      <c r="BD2224" s="9">
        <v>15492.1136224</v>
      </c>
      <c r="BE2224" s="9">
        <v>16436.0893664</v>
      </c>
      <c r="BF2224" s="9">
        <v>15785.770284599999</v>
      </c>
      <c r="BG2224" s="11">
        <v>7.5</v>
      </c>
      <c r="BH2224" s="13">
        <v>0.19230769230769232</v>
      </c>
      <c r="BI2224" s="6">
        <v>-1</v>
      </c>
      <c r="BJ2224" s="13">
        <v>-2.564102564102564E-2</v>
      </c>
      <c r="BK2224" s="6">
        <v>3</v>
      </c>
      <c r="BL2224" s="13">
        <v>7.8947368421052627E-2</v>
      </c>
      <c r="BM2224" s="11">
        <v>5.5</v>
      </c>
      <c r="BN2224" s="13">
        <v>0.13414634146341464</v>
      </c>
      <c r="BO2224" s="11">
        <v>8.5</v>
      </c>
      <c r="BP2224" s="13">
        <v>0.22368421052631579</v>
      </c>
      <c r="BQ2224" s="6">
        <v>39</v>
      </c>
      <c r="BR2224" s="6">
        <v>37</v>
      </c>
      <c r="BS2224" s="6">
        <v>38</v>
      </c>
      <c r="BT2224" s="6">
        <v>38</v>
      </c>
      <c r="BU2224" s="6">
        <v>42</v>
      </c>
      <c r="BV2224" s="6">
        <v>39</v>
      </c>
      <c r="BW2224" s="6">
        <v>41</v>
      </c>
      <c r="BX2224" s="6">
        <v>40</v>
      </c>
      <c r="BY2224" s="6">
        <v>41</v>
      </c>
      <c r="BZ2224" s="6">
        <v>47</v>
      </c>
      <c r="CA2224" s="6">
        <v>48</v>
      </c>
      <c r="CB2224" s="6">
        <v>47</v>
      </c>
      <c r="CC2224" s="11">
        <v>46.5</v>
      </c>
      <c r="CD2224" s="11">
        <v>-84.002799999999993</v>
      </c>
      <c r="CE2224" s="11">
        <v>135.23400000000001</v>
      </c>
      <c r="CF2224" s="11">
        <v>65.006</v>
      </c>
      <c r="CG2224" s="11">
        <v>200</v>
      </c>
      <c r="CH2224" s="20">
        <v>0.69731299999999996</v>
      </c>
      <c r="CI2224" s="20">
        <v>0.67975699999999994</v>
      </c>
      <c r="CJ2224" s="20">
        <v>0.69925000000000004</v>
      </c>
      <c r="CK2224" s="20">
        <v>0.624309</v>
      </c>
      <c r="CL2224" s="20">
        <v>0.65406900000000001</v>
      </c>
      <c r="CM2224" s="20">
        <v>0.65004300000000004</v>
      </c>
      <c r="CN2224" s="20">
        <v>0.59594199999999997</v>
      </c>
      <c r="CO2224" s="20">
        <v>0.58671099999999998</v>
      </c>
      <c r="CP2224" s="20">
        <v>0.59273600000000004</v>
      </c>
      <c r="CQ2224" s="20">
        <v>0.58113199999999998</v>
      </c>
      <c r="CR2224" s="20">
        <v>0.59906300000000001</v>
      </c>
      <c r="CS2224" s="20">
        <v>0.56706699999999999</v>
      </c>
      <c r="CT2224" s="20">
        <v>0.61074899999999999</v>
      </c>
      <c r="CU2224" s="20">
        <v>0.59928999999999999</v>
      </c>
      <c r="CV2224" s="20">
        <v>0.55954700000000002</v>
      </c>
      <c r="CW2224" s="20">
        <v>0.65802300000000002</v>
      </c>
      <c r="CX2224" s="20">
        <v>0.66109099999999998</v>
      </c>
      <c r="CY2224" s="6" t="s">
        <v>711</v>
      </c>
      <c r="CZ2224" s="6" t="s">
        <v>712</v>
      </c>
      <c r="DA2224" s="6" t="s">
        <v>56</v>
      </c>
      <c r="DB2224" s="6" t="s">
        <v>345</v>
      </c>
      <c r="DC2224" s="6"/>
      <c r="DD2224" s="6"/>
      <c r="DE2224" s="6"/>
      <c r="DF2224" s="6"/>
      <c r="DG2224" s="6"/>
      <c r="DH2224" s="6" t="s">
        <v>333</v>
      </c>
      <c r="DI2224" s="6"/>
      <c r="DJ2224" s="6"/>
      <c r="DK2224" s="6"/>
      <c r="DL2224" s="6">
        <v>6</v>
      </c>
      <c r="DM2224" s="6" t="s">
        <v>396</v>
      </c>
      <c r="DN2224" s="6">
        <v>6</v>
      </c>
      <c r="DO2224" s="6" t="s">
        <v>393</v>
      </c>
      <c r="DP2224" s="6"/>
      <c r="DQ2224" s="6"/>
    </row>
    <row r="2225" spans="1:121" x14ac:dyDescent="0.2">
      <c r="A2225" s="6" t="s">
        <v>325</v>
      </c>
      <c r="B2225" s="6" t="s">
        <v>325</v>
      </c>
      <c r="C2225" s="6" t="s">
        <v>193</v>
      </c>
      <c r="D2225" s="6" t="s">
        <v>56</v>
      </c>
      <c r="E2225" s="6" t="s">
        <v>197</v>
      </c>
      <c r="F2225" s="11">
        <v>-27</v>
      </c>
      <c r="G2225" s="13">
        <v>-5.7569296375299998E-2</v>
      </c>
      <c r="H2225" s="11">
        <v>142.82405942400004</v>
      </c>
      <c r="I2225" s="13">
        <v>0.30477273435132357</v>
      </c>
      <c r="J2225" s="11">
        <v>78.377003989999935</v>
      </c>
      <c r="K2225" s="13">
        <v>0.12818243706108792</v>
      </c>
      <c r="L2225" s="11">
        <v>-248.13842622999994</v>
      </c>
      <c r="M2225" s="13">
        <v>-0.35971169255036239</v>
      </c>
      <c r="N2225" s="11">
        <v>-169.76142224</v>
      </c>
      <c r="O2225" s="13">
        <v>-0.27763797687974867</v>
      </c>
      <c r="P2225" s="7">
        <v>468.62479259499997</v>
      </c>
      <c r="Q2225" s="7">
        <v>525.83955225600005</v>
      </c>
      <c r="R2225" s="7">
        <v>478.43366156299999</v>
      </c>
      <c r="S2225" s="7">
        <v>509.38346743900001</v>
      </c>
      <c r="T2225" s="7">
        <v>559.57699080600003</v>
      </c>
      <c r="U2225" s="7">
        <v>584.29654860899996</v>
      </c>
      <c r="V2225" s="7">
        <v>611.44885201900001</v>
      </c>
      <c r="W2225" s="7">
        <v>581.45949046600003</v>
      </c>
      <c r="X2225" s="7">
        <v>607.77823686800002</v>
      </c>
      <c r="Y2225" s="7">
        <v>689.82585600899995</v>
      </c>
      <c r="Z2225" s="7">
        <v>730.44413606299997</v>
      </c>
      <c r="AA2225" s="7">
        <v>763.29206889900001</v>
      </c>
      <c r="AB2225" s="7">
        <v>499.19802364600002</v>
      </c>
      <c r="AC2225" s="7">
        <v>478.12977051299998</v>
      </c>
      <c r="AD2225" s="7">
        <v>468.348251807</v>
      </c>
      <c r="AE2225" s="7">
        <v>449.67785602599997</v>
      </c>
      <c r="AF2225" s="7">
        <v>441.68742977900001</v>
      </c>
      <c r="AG2225" s="9">
        <v>1946.0828502999975</v>
      </c>
      <c r="AH2225" s="13">
        <v>0.11485585347735676</v>
      </c>
      <c r="AI2225" s="9">
        <v>-315.87269369999922</v>
      </c>
      <c r="AJ2225" s="13">
        <v>-1.864248884342843E-2</v>
      </c>
      <c r="AK2225" s="9">
        <v>-1325.5229926000011</v>
      </c>
      <c r="AL2225" s="13">
        <v>-7.971716078951524E-2</v>
      </c>
      <c r="AM2225" s="9">
        <v>3587.4785365999978</v>
      </c>
      <c r="AN2225" s="13">
        <v>0.23444044915565507</v>
      </c>
      <c r="AO2225" s="9">
        <v>2261.9555439999967</v>
      </c>
      <c r="AP2225" s="13">
        <v>0.13603436138523231</v>
      </c>
      <c r="AQ2225" s="9">
        <v>16943.697612100001</v>
      </c>
      <c r="AR2225" s="9">
        <v>15963.5425531</v>
      </c>
      <c r="AS2225" s="9">
        <v>17080.505660300001</v>
      </c>
      <c r="AT2225" s="9">
        <v>17100.918192100002</v>
      </c>
      <c r="AU2225" s="9">
        <v>16885.5064695</v>
      </c>
      <c r="AV2225" s="9">
        <v>16719.561725700001</v>
      </c>
      <c r="AW2225" s="9">
        <v>16627.824918400001</v>
      </c>
      <c r="AX2225" s="9">
        <v>16732.644006800001</v>
      </c>
      <c r="AY2225" s="9">
        <v>16152.624434400001</v>
      </c>
      <c r="AZ2225" s="9">
        <v>15302.3019258</v>
      </c>
      <c r="BA2225" s="9">
        <v>14632.281860900001</v>
      </c>
      <c r="BB2225" s="9">
        <v>14192.8622371</v>
      </c>
      <c r="BC2225" s="9">
        <v>17650.3571056</v>
      </c>
      <c r="BD2225" s="9">
        <v>19289.432533499999</v>
      </c>
      <c r="BE2225" s="9">
        <v>18454.112438600001</v>
      </c>
      <c r="BF2225" s="9">
        <v>18889.780462399998</v>
      </c>
      <c r="BG2225" s="11">
        <v>-28</v>
      </c>
      <c r="BH2225" s="13">
        <v>-0.38356164383561642</v>
      </c>
      <c r="BI2225" s="6">
        <v>55</v>
      </c>
      <c r="BJ2225" s="13">
        <v>0.75342465753424659</v>
      </c>
      <c r="BK2225" s="6">
        <v>76</v>
      </c>
      <c r="BL2225" s="13">
        <v>0.59375</v>
      </c>
      <c r="BM2225" s="11">
        <v>-159</v>
      </c>
      <c r="BN2225" s="13">
        <v>-0.77941176470588236</v>
      </c>
      <c r="BO2225" s="11">
        <v>-83</v>
      </c>
      <c r="BP2225" s="13">
        <v>-0.6484375</v>
      </c>
      <c r="BQ2225" s="6">
        <v>73</v>
      </c>
      <c r="BR2225" s="6">
        <v>87</v>
      </c>
      <c r="BS2225" s="6">
        <v>100</v>
      </c>
      <c r="BT2225" s="6">
        <v>128</v>
      </c>
      <c r="BU2225" s="6">
        <v>134</v>
      </c>
      <c r="BV2225" s="6">
        <v>158</v>
      </c>
      <c r="BW2225" s="6">
        <v>204</v>
      </c>
      <c r="BX2225" s="6">
        <v>229</v>
      </c>
      <c r="BY2225" s="6">
        <v>245</v>
      </c>
      <c r="BZ2225" s="6">
        <v>42</v>
      </c>
      <c r="CA2225" s="6">
        <v>44</v>
      </c>
      <c r="CB2225" s="6">
        <v>45</v>
      </c>
      <c r="CC2225" s="11">
        <v>45</v>
      </c>
      <c r="CD2225" s="11">
        <v>-73.848100000000002</v>
      </c>
      <c r="CE2225" s="11">
        <v>-4.3155900000000003</v>
      </c>
      <c r="CF2225" s="11">
        <v>51.226300000000002</v>
      </c>
      <c r="CG2225" s="11">
        <v>47</v>
      </c>
      <c r="CH2225" s="20">
        <v>0.80897399999999997</v>
      </c>
      <c r="CI2225" s="20">
        <v>0.87567899999999999</v>
      </c>
      <c r="CJ2225" s="20">
        <v>0.77958300000000003</v>
      </c>
      <c r="CK2225" s="20">
        <v>0.799508</v>
      </c>
      <c r="CL2225" s="20">
        <v>0.86430099999999999</v>
      </c>
      <c r="CM2225" s="20">
        <v>0.907161</v>
      </c>
      <c r="CN2225" s="20">
        <v>0.95054499999999997</v>
      </c>
      <c r="CO2225" s="20">
        <v>0.94155800000000001</v>
      </c>
      <c r="CP2225" s="20">
        <v>0.97799599999999998</v>
      </c>
      <c r="CQ2225" s="20">
        <v>1.0631699999999999</v>
      </c>
      <c r="CR2225" s="20">
        <v>1.1252800000000001</v>
      </c>
      <c r="CS2225" s="20">
        <v>1.1681699999999999</v>
      </c>
      <c r="CT2225" s="20">
        <v>0.85503600000000002</v>
      </c>
      <c r="CU2225" s="20">
        <v>0.807948</v>
      </c>
      <c r="CV2225" s="20">
        <v>0.79376100000000005</v>
      </c>
      <c r="CW2225" s="20">
        <v>0.751359</v>
      </c>
      <c r="CX2225" s="20">
        <v>0.73473200000000005</v>
      </c>
      <c r="CY2225" s="6" t="s">
        <v>711</v>
      </c>
      <c r="CZ2225" s="6" t="s">
        <v>712</v>
      </c>
      <c r="DA2225" s="6" t="s">
        <v>56</v>
      </c>
      <c r="DB2225" s="6" t="s">
        <v>345</v>
      </c>
      <c r="DC2225" s="6"/>
      <c r="DD2225" s="6"/>
      <c r="DE2225" s="6"/>
      <c r="DF2225" s="6"/>
      <c r="DG2225" s="6"/>
      <c r="DH2225" s="6" t="s">
        <v>333</v>
      </c>
      <c r="DI2225" s="6"/>
      <c r="DJ2225" s="6"/>
      <c r="DK2225" s="6"/>
      <c r="DL2225" s="6">
        <v>6</v>
      </c>
      <c r="DM2225" s="6" t="s">
        <v>396</v>
      </c>
      <c r="DN2225" s="6">
        <v>6</v>
      </c>
      <c r="DO2225" s="6" t="s">
        <v>393</v>
      </c>
      <c r="DP2225" s="6"/>
      <c r="DQ2225" s="6"/>
    </row>
    <row r="2226" spans="1:121" x14ac:dyDescent="0.2">
      <c r="A2226" s="6" t="s">
        <v>327</v>
      </c>
      <c r="B2226" s="6" t="s">
        <v>327</v>
      </c>
      <c r="C2226" s="6" t="s">
        <v>194</v>
      </c>
      <c r="D2226" s="6" t="s">
        <v>56</v>
      </c>
      <c r="E2226" s="6" t="s">
        <v>197</v>
      </c>
      <c r="F2226" s="11">
        <v>-69</v>
      </c>
      <c r="G2226" s="13">
        <v>-4.2227662178699998E-2</v>
      </c>
      <c r="H2226" s="11">
        <v>66.089907000000039</v>
      </c>
      <c r="I2226" s="13">
        <v>4.0442319067687985E-2</v>
      </c>
      <c r="J2226" s="11">
        <v>-35.493883000000096</v>
      </c>
      <c r="K2226" s="13">
        <v>-2.0875477366453111E-2</v>
      </c>
      <c r="L2226" s="11">
        <v>-100.07626223999978</v>
      </c>
      <c r="M2226" s="13">
        <v>-6.011405864888926E-2</v>
      </c>
      <c r="N2226" s="11">
        <v>-135.57014523999987</v>
      </c>
      <c r="O2226" s="13">
        <v>-7.9734626344611842E-2</v>
      </c>
      <c r="P2226" s="7">
        <v>1634.1769839999999</v>
      </c>
      <c r="Q2226" s="7">
        <v>1641.1832870000001</v>
      </c>
      <c r="R2226" s="7">
        <v>1646.0545979999999</v>
      </c>
      <c r="S2226" s="7">
        <v>1619.5115800000001</v>
      </c>
      <c r="T2226" s="7">
        <v>1601.603104</v>
      </c>
      <c r="U2226" s="7">
        <v>1670.7140919999999</v>
      </c>
      <c r="V2226" s="7">
        <v>1700.266891</v>
      </c>
      <c r="W2226" s="7">
        <v>1671.8197210000001</v>
      </c>
      <c r="X2226" s="7">
        <v>1681.0133129999999</v>
      </c>
      <c r="Y2226" s="7">
        <v>1664.7730079999999</v>
      </c>
      <c r="Z2226" s="7">
        <v>1666.937541</v>
      </c>
      <c r="AA2226" s="7">
        <v>1586.8252419999999</v>
      </c>
      <c r="AB2226" s="7">
        <v>1547.5612679999999</v>
      </c>
      <c r="AC2226" s="7">
        <v>1556.2987869999999</v>
      </c>
      <c r="AD2226" s="7">
        <v>1566.3469990000001</v>
      </c>
      <c r="AE2226" s="7">
        <v>1570.9047135000001</v>
      </c>
      <c r="AF2226" s="7">
        <v>1564.6967457600001</v>
      </c>
      <c r="AG2226" s="9">
        <v>13128.421778500004</v>
      </c>
      <c r="AH2226" s="13">
        <v>0.41251195506155131</v>
      </c>
      <c r="AI2226" s="9">
        <v>7405.5659045000029</v>
      </c>
      <c r="AJ2226" s="13">
        <v>0.23269243791400335</v>
      </c>
      <c r="AK2226" s="9">
        <v>5302.8038369999995</v>
      </c>
      <c r="AL2226" s="13">
        <v>0.13516829902204022</v>
      </c>
      <c r="AM2226" s="9">
        <v>420.05203700000129</v>
      </c>
      <c r="AN2226" s="13">
        <v>9.4321810290862156E-3</v>
      </c>
      <c r="AO2226" s="9">
        <v>5722.8558740000008</v>
      </c>
      <c r="AP2226" s="13">
        <v>0.14587541191689596</v>
      </c>
      <c r="AQ2226" s="9">
        <v>31825.554671599999</v>
      </c>
      <c r="AR2226" s="9">
        <v>32003.529534900001</v>
      </c>
      <c r="AS2226" s="9">
        <v>33243.256251500003</v>
      </c>
      <c r="AT2226" s="9">
        <v>35123.296593599996</v>
      </c>
      <c r="AU2226" s="9">
        <v>36517.400329900003</v>
      </c>
      <c r="AV2226" s="9">
        <v>37931.041171299999</v>
      </c>
      <c r="AW2226" s="9">
        <v>39231.120576100002</v>
      </c>
      <c r="AX2226" s="9">
        <v>40340.969598900003</v>
      </c>
      <c r="AY2226" s="9">
        <v>41523.780434100001</v>
      </c>
      <c r="AZ2226" s="9">
        <v>44533.924413100001</v>
      </c>
      <c r="BA2226" s="9">
        <v>40815.460752300001</v>
      </c>
      <c r="BB2226" s="9">
        <v>43166.131942699998</v>
      </c>
      <c r="BC2226" s="9">
        <v>44483.305877300001</v>
      </c>
      <c r="BD2226" s="9">
        <v>44888.504929100003</v>
      </c>
      <c r="BE2226" s="9">
        <v>44546.187145800002</v>
      </c>
      <c r="BF2226" s="9">
        <v>44953.976450100003</v>
      </c>
      <c r="BG2226" s="11">
        <v>2.75</v>
      </c>
      <c r="BH2226" s="13">
        <v>3.021978021978022E-2</v>
      </c>
      <c r="BI2226" s="6">
        <v>4</v>
      </c>
      <c r="BJ2226" s="13">
        <v>4.3956043956043959E-2</v>
      </c>
      <c r="BK2226" s="6">
        <v>1</v>
      </c>
      <c r="BL2226" s="13">
        <v>1.0526315789473684E-2</v>
      </c>
      <c r="BM2226" s="11">
        <v>-2.25</v>
      </c>
      <c r="BN2226" s="13">
        <v>-2.34375E-2</v>
      </c>
      <c r="BO2226" s="11">
        <v>-1.25</v>
      </c>
      <c r="BP2226" s="13">
        <v>-1.3157894736842105E-2</v>
      </c>
      <c r="BQ2226" s="6">
        <v>91</v>
      </c>
      <c r="BR2226" s="6">
        <v>90</v>
      </c>
      <c r="BS2226" s="6">
        <v>94</v>
      </c>
      <c r="BT2226" s="6">
        <v>95</v>
      </c>
      <c r="BU2226" s="6">
        <v>95</v>
      </c>
      <c r="BV2226" s="6">
        <v>96</v>
      </c>
      <c r="BW2226" s="6">
        <v>96</v>
      </c>
      <c r="BX2226" s="6">
        <v>96</v>
      </c>
      <c r="BY2226" s="6">
        <v>96</v>
      </c>
      <c r="BZ2226" s="6">
        <v>98</v>
      </c>
      <c r="CA2226" s="6">
        <v>97</v>
      </c>
      <c r="CB2226" s="6">
        <v>97</v>
      </c>
      <c r="CC2226" s="11">
        <v>93.75</v>
      </c>
      <c r="CD2226" s="11">
        <v>-152.31200000000001</v>
      </c>
      <c r="CE2226" s="11">
        <v>-95.802999999999997</v>
      </c>
      <c r="CF2226" s="11">
        <v>178.63499999999999</v>
      </c>
      <c r="CG2226" s="11">
        <v>83</v>
      </c>
      <c r="CH2226" s="20">
        <v>0.84924999999999995</v>
      </c>
      <c r="CI2226" s="20">
        <v>0.82114299999999996</v>
      </c>
      <c r="CJ2226" s="20">
        <v>0.81179599999999996</v>
      </c>
      <c r="CK2226" s="20">
        <v>0.77492499999999997</v>
      </c>
      <c r="CL2226" s="20">
        <v>0.755888</v>
      </c>
      <c r="CM2226" s="20">
        <v>0.79782299999999995</v>
      </c>
      <c r="CN2226" s="20">
        <v>0.81881800000000005</v>
      </c>
      <c r="CO2226" s="20">
        <v>0.83024900000000001</v>
      </c>
      <c r="CP2226" s="20">
        <v>0.820295</v>
      </c>
      <c r="CQ2226" s="20">
        <v>0.77362799999999998</v>
      </c>
      <c r="CR2226" s="20">
        <v>0.79247100000000004</v>
      </c>
      <c r="CS2226" s="20">
        <v>0.77485300000000001</v>
      </c>
      <c r="CT2226" s="20">
        <v>0.80330699999999999</v>
      </c>
      <c r="CU2226" s="20">
        <v>0.81206</v>
      </c>
      <c r="CV2226" s="20">
        <v>0.82676499999999997</v>
      </c>
      <c r="CW2226" s="20">
        <v>0.82159499999999996</v>
      </c>
      <c r="CX2226" s="20">
        <v>0.82040999999999997</v>
      </c>
      <c r="CY2226" s="6" t="s">
        <v>711</v>
      </c>
      <c r="CZ2226" s="6" t="s">
        <v>712</v>
      </c>
      <c r="DA2226" s="6" t="s">
        <v>56</v>
      </c>
      <c r="DB2226" s="6" t="s">
        <v>345</v>
      </c>
      <c r="DC2226" s="6"/>
      <c r="DD2226" s="6"/>
      <c r="DE2226" s="6"/>
      <c r="DF2226" s="6"/>
      <c r="DG2226" s="6"/>
      <c r="DH2226" s="6" t="s">
        <v>333</v>
      </c>
      <c r="DI2226" s="6"/>
      <c r="DJ2226" s="6"/>
      <c r="DK2226" s="6"/>
      <c r="DL2226" s="6">
        <v>6</v>
      </c>
      <c r="DM2226" s="6" t="s">
        <v>396</v>
      </c>
      <c r="DN2226" s="6">
        <v>6</v>
      </c>
      <c r="DO2226" s="6" t="s">
        <v>393</v>
      </c>
      <c r="DP2226" s="6"/>
      <c r="DQ2226" s="6"/>
    </row>
    <row r="2227" spans="1:121" x14ac:dyDescent="0.2">
      <c r="A2227" s="6" t="s">
        <v>1</v>
      </c>
      <c r="B2227" s="6" t="s">
        <v>1</v>
      </c>
      <c r="C2227" s="6" t="s">
        <v>2</v>
      </c>
      <c r="D2227" s="6" t="s">
        <v>110</v>
      </c>
      <c r="E2227" s="6" t="s">
        <v>251</v>
      </c>
      <c r="F2227" s="11">
        <v>11</v>
      </c>
      <c r="G2227" s="13">
        <v>0.23404255319100001</v>
      </c>
      <c r="H2227" s="11">
        <v>-24.011195087200001</v>
      </c>
      <c r="I2227" s="13">
        <v>-0.5143355491793743</v>
      </c>
      <c r="J2227" s="11">
        <v>1.5297744213000009</v>
      </c>
      <c r="K2227" s="13">
        <v>6.7472040668184297E-2</v>
      </c>
      <c r="L2227" s="11">
        <v>33.379239385299996</v>
      </c>
      <c r="M2227" s="13">
        <v>1.3791654782681866</v>
      </c>
      <c r="N2227" s="11">
        <v>34.909013806600001</v>
      </c>
      <c r="O2227" s="13">
        <v>1.539692628174238</v>
      </c>
      <c r="P2227" s="7">
        <v>46.683911165600001</v>
      </c>
      <c r="Q2227" s="7">
        <v>30.409030722099999</v>
      </c>
      <c r="R2227" s="7">
        <v>25.5361829641</v>
      </c>
      <c r="S2227" s="7">
        <v>25.834501429700001</v>
      </c>
      <c r="T2227" s="7">
        <v>22.101752649000002</v>
      </c>
      <c r="U2227" s="7">
        <v>21.9343899691</v>
      </c>
      <c r="V2227" s="7">
        <v>22.672716078400001</v>
      </c>
      <c r="W2227" s="7">
        <v>28.499729906999999</v>
      </c>
      <c r="X2227" s="7">
        <v>61.781453268</v>
      </c>
      <c r="Y2227" s="7">
        <v>24.202490499700001</v>
      </c>
      <c r="Z2227" s="7">
        <v>26.908435428000001</v>
      </c>
      <c r="AA2227" s="7">
        <v>21.476944399400001</v>
      </c>
      <c r="AB2227" s="7">
        <v>19.974379770199999</v>
      </c>
      <c r="AC2227" s="7">
        <v>26.679383804099999</v>
      </c>
      <c r="AD2227" s="7">
        <v>47.780084588599998</v>
      </c>
      <c r="AE2227" s="7">
        <v>54.004746481300003</v>
      </c>
      <c r="AF2227" s="7">
        <v>57.581729885000001</v>
      </c>
      <c r="AG2227" s="9">
        <v>7810.0051709999989</v>
      </c>
      <c r="AH2227" s="13">
        <v>0.48234820783498966</v>
      </c>
      <c r="AI2227" s="9">
        <v>-1517.0203701999999</v>
      </c>
      <c r="AJ2227" s="13">
        <v>-9.3691622578202585E-2</v>
      </c>
      <c r="AK2227" s="9">
        <v>2160.0168719000012</v>
      </c>
      <c r="AL2227" s="13">
        <v>0.14719413199334996</v>
      </c>
      <c r="AM2227" s="9">
        <v>7167.0086692999976</v>
      </c>
      <c r="AN2227" s="13">
        <v>0.42573010937967509</v>
      </c>
      <c r="AO2227" s="9">
        <v>9327.0255411999988</v>
      </c>
      <c r="AP2227" s="13">
        <v>0.63558921528660028</v>
      </c>
      <c r="AQ2227" s="9">
        <v>16191.6330239</v>
      </c>
      <c r="AR2227" s="9">
        <v>17849.4465753</v>
      </c>
      <c r="AS2227" s="9">
        <v>17202.142511599999</v>
      </c>
      <c r="AT2227" s="9">
        <v>16642.751656299999</v>
      </c>
      <c r="AU2227" s="9">
        <v>14555.1306436</v>
      </c>
      <c r="AV2227" s="9">
        <v>13796.615805199999</v>
      </c>
      <c r="AW2227" s="9">
        <v>14674.6126537</v>
      </c>
      <c r="AX2227" s="9">
        <v>17781.532298900001</v>
      </c>
      <c r="AY2227" s="9">
        <v>21534.727869800001</v>
      </c>
      <c r="AZ2227" s="9">
        <v>16834.629525600001</v>
      </c>
      <c r="BA2227" s="9">
        <v>19431.792816100002</v>
      </c>
      <c r="BB2227" s="9">
        <v>17691.485351700001</v>
      </c>
      <c r="BC2227" s="9">
        <v>18353.731757099999</v>
      </c>
      <c r="BD2227" s="9">
        <v>20646.548076300001</v>
      </c>
      <c r="BE2227" s="9">
        <v>21862.524488499999</v>
      </c>
      <c r="BF2227" s="9">
        <v>24001.638194899999</v>
      </c>
      <c r="BG2227" s="11">
        <v>3</v>
      </c>
      <c r="BH2227" s="13" t="e">
        <v>#DIV/0!</v>
      </c>
      <c r="BI2227" s="6">
        <v>1</v>
      </c>
      <c r="BJ2227" s="13" t="e">
        <v>#DIV/0!</v>
      </c>
      <c r="BK2227" s="6">
        <v>-1</v>
      </c>
      <c r="BL2227" s="13">
        <v>-1</v>
      </c>
      <c r="BM2227" s="11">
        <v>3</v>
      </c>
      <c r="BN2227" s="13" t="e">
        <v>#DIV/0!</v>
      </c>
      <c r="BO2227" s="11">
        <v>2</v>
      </c>
      <c r="BP2227" s="13">
        <v>2</v>
      </c>
      <c r="BQ2227" s="6">
        <v>0</v>
      </c>
      <c r="BR2227" s="6">
        <v>0</v>
      </c>
      <c r="BS2227" s="6">
        <v>0</v>
      </c>
      <c r="BT2227" s="6">
        <v>1</v>
      </c>
      <c r="BU2227" s="6">
        <v>1</v>
      </c>
      <c r="BV2227" s="6">
        <v>1</v>
      </c>
      <c r="BW2227" s="6">
        <v>0</v>
      </c>
      <c r="BX2227" s="6">
        <v>0</v>
      </c>
      <c r="BY2227" s="6">
        <v>0</v>
      </c>
      <c r="BZ2227" s="6">
        <v>0</v>
      </c>
      <c r="CA2227" s="6">
        <v>1</v>
      </c>
      <c r="CB2227" s="6">
        <v>2</v>
      </c>
      <c r="CC2227" s="11">
        <v>3</v>
      </c>
      <c r="CD2227" s="11">
        <v>10.051</v>
      </c>
      <c r="CE2227" s="11">
        <v>-4.2563399999999998</v>
      </c>
      <c r="CF2227" s="11">
        <v>5.10311</v>
      </c>
      <c r="CG2227" s="11">
        <v>1</v>
      </c>
      <c r="CH2227" s="20">
        <v>0.44068099999999999</v>
      </c>
      <c r="CI2227" s="20">
        <v>0.28349000000000002</v>
      </c>
      <c r="CJ2227" s="20">
        <v>0.22944100000000001</v>
      </c>
      <c r="CK2227" s="20">
        <v>0.23334099999999999</v>
      </c>
      <c r="CL2227" s="20">
        <v>0.198077</v>
      </c>
      <c r="CM2227" s="20">
        <v>0.195463</v>
      </c>
      <c r="CN2227" s="20">
        <v>0.20437</v>
      </c>
      <c r="CO2227" s="20">
        <v>0.25293599999999999</v>
      </c>
      <c r="CP2227" s="20">
        <v>0.56606400000000001</v>
      </c>
      <c r="CQ2227" s="20">
        <v>0.28419299999999997</v>
      </c>
      <c r="CR2227" s="20">
        <v>0.32569399999999998</v>
      </c>
      <c r="CS2227" s="20">
        <v>0.26030599999999998</v>
      </c>
      <c r="CT2227" s="20">
        <v>0.24296499999999999</v>
      </c>
      <c r="CU2227" s="20">
        <v>0.32869599999999999</v>
      </c>
      <c r="CV2227" s="20">
        <v>0.55204900000000001</v>
      </c>
      <c r="CW2227" s="20">
        <v>0.61287400000000003</v>
      </c>
      <c r="CX2227" s="20">
        <v>0.64715400000000001</v>
      </c>
      <c r="CY2227" s="6" t="s">
        <v>713</v>
      </c>
      <c r="CZ2227" s="6" t="s">
        <v>714</v>
      </c>
      <c r="DA2227" s="6" t="s">
        <v>110</v>
      </c>
      <c r="DB2227" s="6"/>
      <c r="DC2227" s="6">
        <v>14700</v>
      </c>
      <c r="DD2227" s="6">
        <v>520</v>
      </c>
      <c r="DE2227" s="6" t="s">
        <v>716</v>
      </c>
      <c r="DF2227" s="6" t="s">
        <v>363</v>
      </c>
      <c r="DG2227" s="6" t="s">
        <v>376</v>
      </c>
      <c r="DH2227" s="6" t="s">
        <v>468</v>
      </c>
      <c r="DI2227" s="6" t="s">
        <v>461</v>
      </c>
      <c r="DJ2227" s="6">
        <v>29</v>
      </c>
      <c r="DK2227" s="6">
        <v>209</v>
      </c>
      <c r="DL2227" s="6">
        <v>5</v>
      </c>
      <c r="DM2227" s="6" t="s">
        <v>392</v>
      </c>
      <c r="DN2227" s="6">
        <v>6</v>
      </c>
      <c r="DO2227" s="6" t="s">
        <v>393</v>
      </c>
      <c r="DP2227" s="6"/>
      <c r="DQ2227" s="6"/>
    </row>
    <row r="2228" spans="1:121" x14ac:dyDescent="0.2">
      <c r="A2228" s="6" t="s">
        <v>310</v>
      </c>
      <c r="B2228" s="6" t="s">
        <v>310</v>
      </c>
      <c r="C2228" s="6" t="s">
        <v>173</v>
      </c>
      <c r="D2228" s="6" t="s">
        <v>110</v>
      </c>
      <c r="E2228" s="6" t="s">
        <v>251</v>
      </c>
      <c r="F2228" s="11">
        <v>1</v>
      </c>
      <c r="G2228" s="13">
        <v>1</v>
      </c>
      <c r="H2228" s="11">
        <v>-45.342531118399997</v>
      </c>
      <c r="I2228" s="13">
        <v>-0.56712354358633965</v>
      </c>
      <c r="J2228" s="11">
        <v>22.323172118400002</v>
      </c>
      <c r="K2228" s="13">
        <v>0.64500615557506857</v>
      </c>
      <c r="L2228" s="11">
        <v>-51.932411000000002</v>
      </c>
      <c r="M2228" s="13">
        <v>-0.91217656318823381</v>
      </c>
      <c r="N2228" s="11">
        <v>-29.6092388816</v>
      </c>
      <c r="O2228" s="13">
        <v>-0.85552990584088651</v>
      </c>
      <c r="P2228" s="7">
        <v>79.951769999999996</v>
      </c>
      <c r="Q2228" s="7">
        <v>87.725931259600003</v>
      </c>
      <c r="R2228" s="7">
        <v>80.161753664800003</v>
      </c>
      <c r="S2228" s="7">
        <v>76.023708540399994</v>
      </c>
      <c r="T2228" s="7">
        <v>86.800261487300006</v>
      </c>
      <c r="U2228" s="7">
        <v>70.786731849999995</v>
      </c>
      <c r="V2228" s="7">
        <v>34.6092388816</v>
      </c>
      <c r="W2228" s="7">
        <v>32.154179826399997</v>
      </c>
      <c r="X2228" s="7">
        <v>18.854510999999999</v>
      </c>
      <c r="Y2228" s="7">
        <v>56.932411000000002</v>
      </c>
      <c r="Z2228" s="7">
        <v>55.163725999999997</v>
      </c>
      <c r="AA2228" s="7">
        <v>39.460811999999997</v>
      </c>
      <c r="AB2228" s="7">
        <v>26.320547999999999</v>
      </c>
      <c r="AC2228" s="7">
        <v>5</v>
      </c>
      <c r="AD2228" s="7">
        <v>5</v>
      </c>
      <c r="AE2228" s="7">
        <v>5</v>
      </c>
      <c r="AF2228" s="7">
        <v>5</v>
      </c>
      <c r="AG2228" s="9">
        <v>-32873.094294000002</v>
      </c>
      <c r="AH2228" s="13">
        <v>-0.99996958091100363</v>
      </c>
      <c r="AI2228" s="9">
        <v>12592.600122600001</v>
      </c>
      <c r="AJ2228" s="13">
        <v>0.38305542382344304</v>
      </c>
      <c r="AK2228" s="9">
        <v>-10493.296172300004</v>
      </c>
      <c r="AL2228" s="13">
        <v>-0.23079083067162401</v>
      </c>
      <c r="AM2228" s="9">
        <v>-34972.398244299999</v>
      </c>
      <c r="AN2228" s="13">
        <v>-0.99997140683919195</v>
      </c>
      <c r="AO2228" s="9">
        <v>-45465.694416600003</v>
      </c>
      <c r="AP2228" s="13">
        <v>-0.99997800587852637</v>
      </c>
      <c r="AQ2228" s="9">
        <v>32874.094294000002</v>
      </c>
      <c r="AR2228" s="9">
        <v>29364.203701400002</v>
      </c>
      <c r="AS2228" s="9">
        <v>36878.070138000003</v>
      </c>
      <c r="AT2228" s="9">
        <v>41805.746175499997</v>
      </c>
      <c r="AU2228" s="9">
        <v>37990.044069800002</v>
      </c>
      <c r="AV2228" s="9">
        <v>34886.957526799997</v>
      </c>
      <c r="AW2228" s="9">
        <v>45466.694416600003</v>
      </c>
      <c r="AX2228" s="9">
        <v>44690.939855700002</v>
      </c>
      <c r="AY2228" s="9">
        <v>49423.056530200003</v>
      </c>
      <c r="AZ2228" s="9">
        <v>34973.398244299999</v>
      </c>
      <c r="BA2228" s="9">
        <v>40348.577841300001</v>
      </c>
      <c r="BB2228" s="9">
        <v>27571.565211900001</v>
      </c>
      <c r="BC2228" s="9">
        <v>41256.504716800002</v>
      </c>
      <c r="BD2228" s="9">
        <v>1</v>
      </c>
      <c r="BE2228" s="9">
        <v>1</v>
      </c>
      <c r="BF2228" s="9">
        <v>1</v>
      </c>
      <c r="BG2228" s="11">
        <v>2.25</v>
      </c>
      <c r="BH2228" s="13">
        <v>2.25</v>
      </c>
      <c r="BI2228" s="6">
        <v>1</v>
      </c>
      <c r="BJ2228" s="13">
        <v>1</v>
      </c>
      <c r="BK2228" s="6">
        <v>0</v>
      </c>
      <c r="BL2228" s="13">
        <v>0</v>
      </c>
      <c r="BM2228" s="11">
        <v>1.25</v>
      </c>
      <c r="BN2228" s="13">
        <v>0.625</v>
      </c>
      <c r="BO2228" s="11">
        <v>1.25</v>
      </c>
      <c r="BP2228" s="13">
        <v>0.625</v>
      </c>
      <c r="BQ2228" s="6">
        <v>1</v>
      </c>
      <c r="BR2228" s="6">
        <v>1</v>
      </c>
      <c r="BS2228" s="6">
        <v>2</v>
      </c>
      <c r="BT2228" s="6">
        <v>2</v>
      </c>
      <c r="BU2228" s="6">
        <v>2</v>
      </c>
      <c r="BV2228" s="6">
        <v>2</v>
      </c>
      <c r="BW2228" s="6">
        <v>2</v>
      </c>
      <c r="BX2228" s="6">
        <v>3</v>
      </c>
      <c r="BY2228" s="6">
        <v>3</v>
      </c>
      <c r="BZ2228" s="6">
        <v>2</v>
      </c>
      <c r="CA2228" s="6">
        <v>2</v>
      </c>
      <c r="CB2228" s="6">
        <v>2</v>
      </c>
      <c r="CC2228" s="11">
        <v>3.25</v>
      </c>
      <c r="CD2228" s="11">
        <v>-93.533299999999997</v>
      </c>
      <c r="CE2228" s="11">
        <v>8.2948299999999993</v>
      </c>
      <c r="CF2228" s="11">
        <v>8.7396899999999995</v>
      </c>
      <c r="CG2228" s="11">
        <v>17</v>
      </c>
      <c r="CH2228" s="20">
        <v>2.6600600000000001</v>
      </c>
      <c r="CI2228" s="20">
        <v>3.0110100000000002</v>
      </c>
      <c r="CJ2228" s="20">
        <v>2.6893199999999999</v>
      </c>
      <c r="CK2228" s="20">
        <v>2.4808500000000002</v>
      </c>
      <c r="CL2228" s="20">
        <v>2.6221899999999998</v>
      </c>
      <c r="CM2228" s="20">
        <v>1.93018</v>
      </c>
      <c r="CN2228" s="20">
        <v>0.88581900000000002</v>
      </c>
      <c r="CO2228" s="20">
        <v>0.73108700000000004</v>
      </c>
      <c r="CP2228" s="20">
        <v>0.48617199999999999</v>
      </c>
      <c r="CQ2228" s="20">
        <v>1.8449500000000001</v>
      </c>
      <c r="CR2228" s="20">
        <v>1.65879</v>
      </c>
      <c r="CS2228" s="20">
        <v>1.10266</v>
      </c>
      <c r="CT2228" s="20">
        <v>0.73253999999999997</v>
      </c>
      <c r="CU2228" s="20">
        <v>0.23682800000000001</v>
      </c>
      <c r="CV2228" s="20">
        <v>9.2016000000000001E-2</v>
      </c>
      <c r="CW2228" s="20">
        <v>0.15737899999999999</v>
      </c>
      <c r="CX2228" s="20">
        <v>0.114801</v>
      </c>
      <c r="CY2228" s="6" t="s">
        <v>713</v>
      </c>
      <c r="CZ2228" s="6" t="s">
        <v>714</v>
      </c>
      <c r="DA2228" s="6" t="s">
        <v>110</v>
      </c>
      <c r="DB2228" s="6"/>
      <c r="DC2228" s="6">
        <v>14700</v>
      </c>
      <c r="DD2228" s="6">
        <v>520</v>
      </c>
      <c r="DE2228" s="6" t="s">
        <v>716</v>
      </c>
      <c r="DF2228" s="6" t="s">
        <v>363</v>
      </c>
      <c r="DG2228" s="6" t="s">
        <v>376</v>
      </c>
      <c r="DH2228" s="6" t="s">
        <v>468</v>
      </c>
      <c r="DI2228" s="6" t="s">
        <v>461</v>
      </c>
      <c r="DJ2228" s="6">
        <v>29</v>
      </c>
      <c r="DK2228" s="6">
        <v>209</v>
      </c>
      <c r="DL2228" s="6">
        <v>5</v>
      </c>
      <c r="DM2228" s="6" t="s">
        <v>392</v>
      </c>
      <c r="DN2228" s="6">
        <v>6</v>
      </c>
      <c r="DO2228" s="6" t="s">
        <v>393</v>
      </c>
      <c r="DP2228" s="6"/>
      <c r="DQ2228" s="6"/>
    </row>
    <row r="2229" spans="1:121" x14ac:dyDescent="0.2">
      <c r="A2229" s="6" t="s">
        <v>311</v>
      </c>
      <c r="B2229" s="6" t="s">
        <v>311</v>
      </c>
      <c r="C2229" s="6" t="s">
        <v>174</v>
      </c>
      <c r="D2229" s="6" t="s">
        <v>110</v>
      </c>
      <c r="E2229" s="6" t="s">
        <v>251</v>
      </c>
      <c r="F2229" s="11">
        <v>20</v>
      </c>
      <c r="G2229" s="13">
        <v>0.95238095238099996</v>
      </c>
      <c r="H2229" s="11">
        <v>28.283280000000001</v>
      </c>
      <c r="I2229" s="13">
        <v>1.3213825309660778</v>
      </c>
      <c r="J2229" s="11">
        <v>-3.1981280000000041</v>
      </c>
      <c r="K2229" s="13">
        <v>-6.4364724961800901E-2</v>
      </c>
      <c r="L2229" s="11">
        <v>-5.189848747100001</v>
      </c>
      <c r="M2229" s="13">
        <v>-0.11163495199696984</v>
      </c>
      <c r="N2229" s="11">
        <v>-8.3879767471000051</v>
      </c>
      <c r="O2229" s="13">
        <v>-0.16881432397736193</v>
      </c>
      <c r="P2229" s="7">
        <v>21.404309000000001</v>
      </c>
      <c r="Q2229" s="7">
        <v>22.147704999999998</v>
      </c>
      <c r="R2229" s="7">
        <v>20.679189000000001</v>
      </c>
      <c r="S2229" s="7">
        <v>29.086079000000002</v>
      </c>
      <c r="T2229" s="7">
        <v>44.484538000000001</v>
      </c>
      <c r="U2229" s="7">
        <v>47.643233000000002</v>
      </c>
      <c r="V2229" s="7">
        <v>49.687589000000003</v>
      </c>
      <c r="W2229" s="7">
        <v>49.738774999999997</v>
      </c>
      <c r="X2229" s="7">
        <v>48.970908000000001</v>
      </c>
      <c r="Y2229" s="7">
        <v>46.489460999999999</v>
      </c>
      <c r="Z2229" s="7">
        <v>47.316389999999998</v>
      </c>
      <c r="AA2229" s="7">
        <v>43.907887000000002</v>
      </c>
      <c r="AB2229" s="7">
        <v>47.090983719199997</v>
      </c>
      <c r="AC2229" s="7">
        <v>46.3509146464</v>
      </c>
      <c r="AD2229" s="7">
        <v>40.651104955299999</v>
      </c>
      <c r="AE2229" s="7">
        <v>42.168050368099998</v>
      </c>
      <c r="AF2229" s="7">
        <v>41.299612252899998</v>
      </c>
      <c r="AG2229" s="9">
        <v>46830.059351199998</v>
      </c>
      <c r="AH2229" s="13">
        <v>1.1346391395602513</v>
      </c>
      <c r="AI2229" s="9">
        <v>31789.630806100009</v>
      </c>
      <c r="AJ2229" s="13">
        <v>0.7702266417018131</v>
      </c>
      <c r="AK2229" s="9">
        <v>6992.9241439999896</v>
      </c>
      <c r="AL2229" s="13">
        <v>9.5711251949261972E-2</v>
      </c>
      <c r="AM2229" s="9">
        <v>8047.5044010999991</v>
      </c>
      <c r="AN2229" s="13">
        <v>0.10052388882933548</v>
      </c>
      <c r="AO2229" s="9">
        <v>15040.428545099989</v>
      </c>
      <c r="AP2229" s="13">
        <v>0.20585640802926161</v>
      </c>
      <c r="AQ2229" s="9">
        <v>41273.086498099998</v>
      </c>
      <c r="AR2229" s="9">
        <v>48497.190512100002</v>
      </c>
      <c r="AS2229" s="9">
        <v>61455.442635699997</v>
      </c>
      <c r="AT2229" s="9">
        <v>65736.947488399994</v>
      </c>
      <c r="AU2229" s="9">
        <v>69953.249430099997</v>
      </c>
      <c r="AV2229" s="9">
        <v>70895.169806499995</v>
      </c>
      <c r="AW2229" s="9">
        <v>73062.717304200007</v>
      </c>
      <c r="AX2229" s="9">
        <v>76794.458320200007</v>
      </c>
      <c r="AY2229" s="9">
        <v>78205.205604200004</v>
      </c>
      <c r="AZ2229" s="9">
        <v>80055.641448199996</v>
      </c>
      <c r="BA2229" s="9">
        <v>84467.617628299995</v>
      </c>
      <c r="BB2229" s="9">
        <v>84566.087048999994</v>
      </c>
      <c r="BC2229" s="9">
        <v>82131.965372199993</v>
      </c>
      <c r="BD2229" s="9">
        <v>84629.815679899999</v>
      </c>
      <c r="BE2229" s="9">
        <v>86180.844570400004</v>
      </c>
      <c r="BF2229" s="9">
        <v>88103.145849299995</v>
      </c>
      <c r="BG2229" s="11">
        <v>0</v>
      </c>
      <c r="BH2229" s="13">
        <v>0</v>
      </c>
      <c r="BI2229" s="6">
        <v>-1</v>
      </c>
      <c r="BJ2229" s="13">
        <v>-0.16666666666666666</v>
      </c>
      <c r="BK2229" s="6">
        <v>0</v>
      </c>
      <c r="BL2229" s="13">
        <v>0</v>
      </c>
      <c r="BM2229" s="11">
        <v>1</v>
      </c>
      <c r="BN2229" s="13">
        <v>0.2</v>
      </c>
      <c r="BO2229" s="11">
        <v>1</v>
      </c>
      <c r="BP2229" s="13">
        <v>0.2</v>
      </c>
      <c r="BQ2229" s="6">
        <v>6</v>
      </c>
      <c r="BR2229" s="6">
        <v>7</v>
      </c>
      <c r="BS2229" s="6">
        <v>5</v>
      </c>
      <c r="BT2229" s="6">
        <v>5</v>
      </c>
      <c r="BU2229" s="6">
        <v>5</v>
      </c>
      <c r="BV2229" s="6">
        <v>5</v>
      </c>
      <c r="BW2229" s="6">
        <v>5</v>
      </c>
      <c r="BX2229" s="6">
        <v>6</v>
      </c>
      <c r="BY2229" s="6">
        <v>6</v>
      </c>
      <c r="BZ2229" s="6">
        <v>7</v>
      </c>
      <c r="CA2229" s="6">
        <v>7</v>
      </c>
      <c r="CB2229" s="6">
        <v>6</v>
      </c>
      <c r="CC2229" s="11">
        <v>6</v>
      </c>
      <c r="CD2229" s="11">
        <v>21.0411</v>
      </c>
      <c r="CE2229" s="11">
        <v>-3.48556</v>
      </c>
      <c r="CF2229" s="11">
        <v>2.33975</v>
      </c>
      <c r="CG2229" s="11">
        <v>-1</v>
      </c>
      <c r="CH2229" s="20">
        <v>0.64997199999999999</v>
      </c>
      <c r="CI2229" s="20">
        <v>0.66641899999999998</v>
      </c>
      <c r="CJ2229" s="20">
        <v>0.61924000000000001</v>
      </c>
      <c r="CK2229" s="20">
        <v>0.89938099999999999</v>
      </c>
      <c r="CL2229" s="20">
        <v>1.4067099999999999</v>
      </c>
      <c r="CM2229" s="20">
        <v>1.5059100000000001</v>
      </c>
      <c r="CN2229" s="20">
        <v>1.5671999999999999</v>
      </c>
      <c r="CO2229" s="20">
        <v>1.4792799999999999</v>
      </c>
      <c r="CP2229" s="20">
        <v>1.4829399999999999</v>
      </c>
      <c r="CQ2229" s="20">
        <v>1.82315</v>
      </c>
      <c r="CR2229" s="20">
        <v>1.9291199999999999</v>
      </c>
      <c r="CS2229" s="20">
        <v>1.8161499999999999</v>
      </c>
      <c r="CT2229" s="20">
        <v>1.97902</v>
      </c>
      <c r="CU2229" s="20">
        <v>1.98773</v>
      </c>
      <c r="CV2229" s="20">
        <v>1.63727</v>
      </c>
      <c r="CW2229" s="20">
        <v>1.66605</v>
      </c>
      <c r="CX2229" s="20">
        <v>1.60623</v>
      </c>
      <c r="CY2229" s="6" t="s">
        <v>713</v>
      </c>
      <c r="CZ2229" s="6" t="s">
        <v>714</v>
      </c>
      <c r="DA2229" s="6" t="s">
        <v>110</v>
      </c>
      <c r="DB2229" s="6"/>
      <c r="DC2229" s="6">
        <v>14700</v>
      </c>
      <c r="DD2229" s="6">
        <v>520</v>
      </c>
      <c r="DE2229" s="6" t="s">
        <v>716</v>
      </c>
      <c r="DF2229" s="6" t="s">
        <v>363</v>
      </c>
      <c r="DG2229" s="6" t="s">
        <v>376</v>
      </c>
      <c r="DH2229" s="6" t="s">
        <v>468</v>
      </c>
      <c r="DI2229" s="6" t="s">
        <v>461</v>
      </c>
      <c r="DJ2229" s="6">
        <v>29</v>
      </c>
      <c r="DK2229" s="6">
        <v>209</v>
      </c>
      <c r="DL2229" s="6">
        <v>5</v>
      </c>
      <c r="DM2229" s="6" t="s">
        <v>392</v>
      </c>
      <c r="DN2229" s="6">
        <v>6</v>
      </c>
      <c r="DO2229" s="6" t="s">
        <v>393</v>
      </c>
      <c r="DP2229" s="6"/>
      <c r="DQ2229" s="6"/>
    </row>
    <row r="2230" spans="1:121" x14ac:dyDescent="0.2">
      <c r="A2230" s="6" t="s">
        <v>312</v>
      </c>
      <c r="B2230" s="6" t="s">
        <v>312</v>
      </c>
      <c r="C2230" s="6" t="s">
        <v>175</v>
      </c>
      <c r="D2230" s="6" t="s">
        <v>110</v>
      </c>
      <c r="E2230" s="6" t="s">
        <v>251</v>
      </c>
      <c r="F2230" s="11">
        <v>-154</v>
      </c>
      <c r="G2230" s="13">
        <v>-0.13556338028199999</v>
      </c>
      <c r="H2230" s="11">
        <v>176.32105367999998</v>
      </c>
      <c r="I2230" s="13">
        <v>0.15520986246640917</v>
      </c>
      <c r="J2230" s="11">
        <v>-341.65360408799995</v>
      </c>
      <c r="K2230" s="13">
        <v>-0.26033961607019934</v>
      </c>
      <c r="L2230" s="11">
        <v>11.470867035999959</v>
      </c>
      <c r="M2230" s="13">
        <v>1.1817296729768882E-2</v>
      </c>
      <c r="N2230" s="11">
        <v>-330.18273705199999</v>
      </c>
      <c r="O2230" s="13">
        <v>-0.25159882983404608</v>
      </c>
      <c r="P2230" s="7">
        <v>1136.01707313</v>
      </c>
      <c r="Q2230" s="7">
        <v>1154.74125832</v>
      </c>
      <c r="R2230" s="7">
        <v>1242.0322533900001</v>
      </c>
      <c r="S2230" s="7">
        <v>1284.10663866</v>
      </c>
      <c r="T2230" s="7">
        <v>1377.24497746</v>
      </c>
      <c r="U2230" s="7">
        <v>1388.17009229</v>
      </c>
      <c r="V2230" s="7">
        <v>1312.3381268099999</v>
      </c>
      <c r="W2230" s="7">
        <v>1257.71452436</v>
      </c>
      <c r="X2230" s="7">
        <v>1042.5246508299999</v>
      </c>
      <c r="Y2230" s="7">
        <v>970.684522722</v>
      </c>
      <c r="Z2230" s="7">
        <v>890.40873869300003</v>
      </c>
      <c r="AA2230" s="7">
        <v>931.65077370200004</v>
      </c>
      <c r="AB2230" s="7">
        <v>844.76941077799995</v>
      </c>
      <c r="AC2230" s="7">
        <v>877.97353436399999</v>
      </c>
      <c r="AD2230" s="7">
        <v>985.87658178900006</v>
      </c>
      <c r="AE2230" s="7">
        <v>984.89023513300003</v>
      </c>
      <c r="AF2230" s="7">
        <v>982.15538975799996</v>
      </c>
      <c r="AG2230" s="9">
        <v>6276.0833945000013</v>
      </c>
      <c r="AH2230" s="13">
        <v>0.24682486686493815</v>
      </c>
      <c r="AI2230" s="9">
        <v>2254.7021851999998</v>
      </c>
      <c r="AJ2230" s="13">
        <v>8.867258952769401E-2</v>
      </c>
      <c r="AK2230" s="9">
        <v>-791.78216989999783</v>
      </c>
      <c r="AL2230" s="13">
        <v>-2.8602805635029177E-2</v>
      </c>
      <c r="AM2230" s="9">
        <v>4813.1633791999993</v>
      </c>
      <c r="AN2230" s="13">
        <v>0.17899325930182505</v>
      </c>
      <c r="AO2230" s="9">
        <v>4021.3812093000015</v>
      </c>
      <c r="AP2230" s="13">
        <v>0.14527074426100542</v>
      </c>
      <c r="AQ2230" s="9">
        <v>25427.2734924</v>
      </c>
      <c r="AR2230" s="9">
        <v>25940.433654100001</v>
      </c>
      <c r="AS2230" s="9">
        <v>25606.0072974</v>
      </c>
      <c r="AT2230" s="9">
        <v>24392.6778571</v>
      </c>
      <c r="AU2230" s="9">
        <v>25452.5192121</v>
      </c>
      <c r="AV2230" s="9">
        <v>26169.532980700002</v>
      </c>
      <c r="AW2230" s="9">
        <v>27681.975677599999</v>
      </c>
      <c r="AX2230" s="9">
        <v>27558.0964331</v>
      </c>
      <c r="AY2230" s="9">
        <v>26326.336478000001</v>
      </c>
      <c r="AZ2230" s="9">
        <v>26890.193507700002</v>
      </c>
      <c r="BA2230" s="9">
        <v>26732.387574699998</v>
      </c>
      <c r="BB2230" s="9">
        <v>28106.0189751</v>
      </c>
      <c r="BC2230" s="9">
        <v>28267.618146699999</v>
      </c>
      <c r="BD2230" s="9">
        <v>29043.3772169</v>
      </c>
      <c r="BE2230" s="9">
        <v>30648.276652500001</v>
      </c>
      <c r="BF2230" s="9">
        <v>31703.356886900001</v>
      </c>
      <c r="BG2230" s="11">
        <v>-44.5</v>
      </c>
      <c r="BH2230" s="13">
        <v>-0.2870967741935484</v>
      </c>
      <c r="BI2230" s="6">
        <v>18</v>
      </c>
      <c r="BJ2230" s="13">
        <v>0.11612903225806452</v>
      </c>
      <c r="BK2230" s="6">
        <v>-31</v>
      </c>
      <c r="BL2230" s="13">
        <v>-0.1791907514450867</v>
      </c>
      <c r="BM2230" s="11">
        <v>-31.5</v>
      </c>
      <c r="BN2230" s="13">
        <v>-0.22183098591549297</v>
      </c>
      <c r="BO2230" s="11">
        <v>-62.5</v>
      </c>
      <c r="BP2230" s="13">
        <v>-0.36127167630057805</v>
      </c>
      <c r="BQ2230" s="6">
        <v>155</v>
      </c>
      <c r="BR2230" s="6">
        <v>161</v>
      </c>
      <c r="BS2230" s="6">
        <v>172</v>
      </c>
      <c r="BT2230" s="6">
        <v>173</v>
      </c>
      <c r="BU2230" s="6">
        <v>166</v>
      </c>
      <c r="BV2230" s="6">
        <v>151</v>
      </c>
      <c r="BW2230" s="6">
        <v>142</v>
      </c>
      <c r="BX2230" s="6">
        <v>118</v>
      </c>
      <c r="BY2230" s="6">
        <v>113</v>
      </c>
      <c r="BZ2230" s="6">
        <v>113</v>
      </c>
      <c r="CA2230" s="6">
        <v>112</v>
      </c>
      <c r="CB2230" s="6">
        <v>112</v>
      </c>
      <c r="CC2230" s="11">
        <v>110.5</v>
      </c>
      <c r="CD2230" s="11">
        <v>-140.441</v>
      </c>
      <c r="CE2230" s="11">
        <v>-137.601</v>
      </c>
      <c r="CF2230" s="11">
        <v>124.18</v>
      </c>
      <c r="CG2230" s="11">
        <v>-14</v>
      </c>
      <c r="CH2230" s="20">
        <v>2.3783699999999999</v>
      </c>
      <c r="CI2230" s="20">
        <v>2.3789899999999999</v>
      </c>
      <c r="CJ2230" s="20">
        <v>2.4335100000000001</v>
      </c>
      <c r="CK2230" s="20">
        <v>2.43587</v>
      </c>
      <c r="CL2230" s="20">
        <v>2.49091</v>
      </c>
      <c r="CM2230" s="20">
        <v>2.39</v>
      </c>
      <c r="CN2230" s="20">
        <v>2.2850199999999998</v>
      </c>
      <c r="CO2230" s="20">
        <v>2.2161200000000001</v>
      </c>
      <c r="CP2230" s="20">
        <v>2.1574399999999998</v>
      </c>
      <c r="CQ2230" s="20">
        <v>2.7831299999999999</v>
      </c>
      <c r="CR2230" s="20">
        <v>2.6820599999999999</v>
      </c>
      <c r="CS2230" s="20">
        <v>2.82023</v>
      </c>
      <c r="CT2230" s="20">
        <v>2.5352999999999999</v>
      </c>
      <c r="CU2230" s="20">
        <v>2.6071900000000001</v>
      </c>
      <c r="CV2230" s="20">
        <v>2.6734300000000002</v>
      </c>
      <c r="CW2230" s="20">
        <v>2.5658799999999999</v>
      </c>
      <c r="CX2230" s="20">
        <v>2.52237</v>
      </c>
      <c r="CY2230" s="6" t="s">
        <v>713</v>
      </c>
      <c r="CZ2230" s="6" t="s">
        <v>714</v>
      </c>
      <c r="DA2230" s="6" t="s">
        <v>110</v>
      </c>
      <c r="DB2230" s="6"/>
      <c r="DC2230" s="6">
        <v>14700</v>
      </c>
      <c r="DD2230" s="6">
        <v>520</v>
      </c>
      <c r="DE2230" s="6" t="s">
        <v>716</v>
      </c>
      <c r="DF2230" s="6" t="s">
        <v>363</v>
      </c>
      <c r="DG2230" s="6" t="s">
        <v>376</v>
      </c>
      <c r="DH2230" s="6" t="s">
        <v>468</v>
      </c>
      <c r="DI2230" s="6" t="s">
        <v>461</v>
      </c>
      <c r="DJ2230" s="6">
        <v>29</v>
      </c>
      <c r="DK2230" s="6">
        <v>209</v>
      </c>
      <c r="DL2230" s="6">
        <v>5</v>
      </c>
      <c r="DM2230" s="6" t="s">
        <v>392</v>
      </c>
      <c r="DN2230" s="6">
        <v>6</v>
      </c>
      <c r="DO2230" s="6" t="s">
        <v>393</v>
      </c>
      <c r="DP2230" s="6"/>
      <c r="DQ2230" s="6"/>
    </row>
    <row r="2231" spans="1:121" x14ac:dyDescent="0.2">
      <c r="A2231" s="6" t="s">
        <v>792</v>
      </c>
      <c r="B2231" s="6" t="s">
        <v>176</v>
      </c>
      <c r="C2231" s="6" t="s">
        <v>177</v>
      </c>
      <c r="D2231" s="6" t="s">
        <v>110</v>
      </c>
      <c r="E2231" s="6" t="s">
        <v>251</v>
      </c>
      <c r="F2231" s="11">
        <v>-98</v>
      </c>
      <c r="G2231" s="13">
        <v>-0.39200000000000002</v>
      </c>
      <c r="H2231" s="11">
        <v>-47.264552014000003</v>
      </c>
      <c r="I2231" s="13">
        <v>-0.18933055859457584</v>
      </c>
      <c r="J2231" s="11">
        <v>-62.398177844999992</v>
      </c>
      <c r="K2231" s="13">
        <v>-0.30832821987264514</v>
      </c>
      <c r="L2231" s="11">
        <v>12.153020932000004</v>
      </c>
      <c r="M2231" s="13">
        <v>8.6821154558203634E-2</v>
      </c>
      <c r="N2231" s="11">
        <v>-50.245156912999988</v>
      </c>
      <c r="O2231" s="13">
        <v>-0.24827647734666025</v>
      </c>
      <c r="P2231" s="7">
        <v>249.640376941</v>
      </c>
      <c r="Q2231" s="7">
        <v>217.815724324</v>
      </c>
      <c r="R2231" s="7">
        <v>234.90735945500001</v>
      </c>
      <c r="S2231" s="7">
        <v>235.21514280700001</v>
      </c>
      <c r="T2231" s="7">
        <v>221.81587242399999</v>
      </c>
      <c r="U2231" s="7">
        <v>213.87404805200001</v>
      </c>
      <c r="V2231" s="7">
        <v>202.375824927</v>
      </c>
      <c r="W2231" s="7">
        <v>213.92800089299999</v>
      </c>
      <c r="X2231" s="7">
        <v>176.11343990200001</v>
      </c>
      <c r="Y2231" s="7">
        <v>139.977647082</v>
      </c>
      <c r="Z2231" s="7">
        <v>135.64036398100001</v>
      </c>
      <c r="AA2231" s="7">
        <v>132.96201333900001</v>
      </c>
      <c r="AB2231" s="7">
        <v>153.13379068200001</v>
      </c>
      <c r="AC2231" s="7">
        <v>145.48821617600001</v>
      </c>
      <c r="AD2231" s="7">
        <v>145.54438974499999</v>
      </c>
      <c r="AE2231" s="7">
        <v>145.11566840500001</v>
      </c>
      <c r="AF2231" s="7">
        <v>152.13066801400001</v>
      </c>
      <c r="AG2231" s="9">
        <v>7699.0827995000036</v>
      </c>
      <c r="AH2231" s="13">
        <v>0.23727820904017796</v>
      </c>
      <c r="AI2231" s="9">
        <v>-20.582135500000732</v>
      </c>
      <c r="AJ2231" s="13">
        <v>-6.3432130512735879E-4</v>
      </c>
      <c r="AK2231" s="9">
        <v>6308.2756829000027</v>
      </c>
      <c r="AL2231" s="13">
        <v>0.1945382924598025</v>
      </c>
      <c r="AM2231" s="9">
        <v>1411.3892521000016</v>
      </c>
      <c r="AN2231" s="13">
        <v>3.6436878528785549E-2</v>
      </c>
      <c r="AO2231" s="9">
        <v>7719.6649350000043</v>
      </c>
      <c r="AP2231" s="13">
        <v>0.23806353912014325</v>
      </c>
      <c r="AQ2231" s="9">
        <v>32447.492041699999</v>
      </c>
      <c r="AR2231" s="9">
        <v>31269.1893924</v>
      </c>
      <c r="AS2231" s="9">
        <v>26345.7044479</v>
      </c>
      <c r="AT2231" s="9">
        <v>28548.762974000001</v>
      </c>
      <c r="AU2231" s="9">
        <v>29283.4182248</v>
      </c>
      <c r="AV2231" s="9">
        <v>30892.3881502</v>
      </c>
      <c r="AW2231" s="9">
        <v>32426.909906199999</v>
      </c>
      <c r="AX2231" s="9">
        <v>34615.578644200003</v>
      </c>
      <c r="AY2231" s="9">
        <v>35097.181526400003</v>
      </c>
      <c r="AZ2231" s="9">
        <v>38735.185589100001</v>
      </c>
      <c r="BA2231" s="9">
        <v>34631.581653499998</v>
      </c>
      <c r="BB2231" s="9">
        <v>40088.0906349</v>
      </c>
      <c r="BC2231" s="9">
        <v>39198.450601800003</v>
      </c>
      <c r="BD2231" s="9">
        <v>39437.544137899997</v>
      </c>
      <c r="BE2231" s="9">
        <v>39852.075572000002</v>
      </c>
      <c r="BF2231" s="9">
        <v>40146.574841200003</v>
      </c>
      <c r="BG2231" s="11">
        <v>-10.5</v>
      </c>
      <c r="BH2231" s="13">
        <v>-0.33870967741935482</v>
      </c>
      <c r="BI2231" s="6">
        <v>-1</v>
      </c>
      <c r="BJ2231" s="13">
        <v>-3.2258064516129031E-2</v>
      </c>
      <c r="BK2231" s="6">
        <v>-3</v>
      </c>
      <c r="BL2231" s="13">
        <v>-0.1</v>
      </c>
      <c r="BM2231" s="11">
        <v>-6.5</v>
      </c>
      <c r="BN2231" s="13">
        <v>-0.24074074074074073</v>
      </c>
      <c r="BO2231" s="11">
        <v>-9.5</v>
      </c>
      <c r="BP2231" s="13">
        <v>-0.31666666666666665</v>
      </c>
      <c r="BQ2231" s="6">
        <v>31</v>
      </c>
      <c r="BR2231" s="6">
        <v>31</v>
      </c>
      <c r="BS2231" s="6">
        <v>28</v>
      </c>
      <c r="BT2231" s="6">
        <v>30</v>
      </c>
      <c r="BU2231" s="6">
        <v>27</v>
      </c>
      <c r="BV2231" s="6">
        <v>24</v>
      </c>
      <c r="BW2231" s="6">
        <v>27</v>
      </c>
      <c r="BX2231" s="6">
        <v>29</v>
      </c>
      <c r="BY2231" s="6">
        <v>27</v>
      </c>
      <c r="BZ2231" s="6">
        <v>26</v>
      </c>
      <c r="CA2231" s="6">
        <v>21</v>
      </c>
      <c r="CB2231" s="6">
        <v>22</v>
      </c>
      <c r="CC2231" s="11">
        <v>20.5</v>
      </c>
      <c r="CD2231" s="11">
        <v>-36.680900000000001</v>
      </c>
      <c r="CE2231" s="11">
        <v>-88.117500000000007</v>
      </c>
      <c r="CF2231" s="11">
        <v>27.288699999999999</v>
      </c>
      <c r="CG2231" s="11">
        <v>-61</v>
      </c>
      <c r="CH2231" s="20">
        <v>0.27300200000000002</v>
      </c>
      <c r="CI2231" s="20">
        <v>0.25048700000000002</v>
      </c>
      <c r="CJ2231" s="20">
        <v>0.27462900000000001</v>
      </c>
      <c r="CK2231" s="20">
        <v>0.28198899999999999</v>
      </c>
      <c r="CL2231" s="20">
        <v>0.26698699999999997</v>
      </c>
      <c r="CM2231" s="20">
        <v>0.256855</v>
      </c>
      <c r="CN2231" s="20">
        <v>0.24884899999999999</v>
      </c>
      <c r="CO2231" s="20">
        <v>0.26045000000000001</v>
      </c>
      <c r="CP2231" s="20">
        <v>0.24810399999999999</v>
      </c>
      <c r="CQ2231" s="20">
        <v>0.25846000000000002</v>
      </c>
      <c r="CR2231" s="20">
        <v>0.25528099999999998</v>
      </c>
      <c r="CS2231" s="20">
        <v>0.24967900000000001</v>
      </c>
      <c r="CT2231" s="20">
        <v>0.28958099999999998</v>
      </c>
      <c r="CU2231" s="20">
        <v>0.27889700000000001</v>
      </c>
      <c r="CV2231" s="20">
        <v>0.26191799999999998</v>
      </c>
      <c r="CW2231" s="20">
        <v>0.25636500000000001</v>
      </c>
      <c r="CX2231" s="20">
        <v>0.26664100000000002</v>
      </c>
      <c r="CY2231" s="6" t="s">
        <v>713</v>
      </c>
      <c r="CZ2231" s="6" t="s">
        <v>714</v>
      </c>
      <c r="DA2231" s="6" t="s">
        <v>110</v>
      </c>
      <c r="DB2231" s="6"/>
      <c r="DC2231" s="6">
        <v>14700</v>
      </c>
      <c r="DD2231" s="6">
        <v>520</v>
      </c>
      <c r="DE2231" s="6" t="s">
        <v>716</v>
      </c>
      <c r="DF2231" s="6" t="s">
        <v>363</v>
      </c>
      <c r="DG2231" s="6" t="s">
        <v>376</v>
      </c>
      <c r="DH2231" s="6" t="s">
        <v>468</v>
      </c>
      <c r="DI2231" s="6" t="s">
        <v>461</v>
      </c>
      <c r="DJ2231" s="6">
        <v>29</v>
      </c>
      <c r="DK2231" s="6">
        <v>209</v>
      </c>
      <c r="DL2231" s="6">
        <v>5</v>
      </c>
      <c r="DM2231" s="6" t="s">
        <v>392</v>
      </c>
      <c r="DN2231" s="6">
        <v>6</v>
      </c>
      <c r="DO2231" s="6" t="s">
        <v>393</v>
      </c>
      <c r="DP2231" s="6"/>
      <c r="DQ2231" s="6"/>
    </row>
    <row r="2232" spans="1:121" x14ac:dyDescent="0.2">
      <c r="A2232" s="6" t="s">
        <v>313</v>
      </c>
      <c r="B2232" s="6" t="s">
        <v>313</v>
      </c>
      <c r="C2232" s="6" t="s">
        <v>178</v>
      </c>
      <c r="D2232" s="6" t="s">
        <v>110</v>
      </c>
      <c r="E2232" s="6" t="s">
        <v>251</v>
      </c>
      <c r="F2232" s="11">
        <v>-18</v>
      </c>
      <c r="G2232" s="13">
        <v>-0.211764705882</v>
      </c>
      <c r="H2232" s="11">
        <v>17.2170065687</v>
      </c>
      <c r="I2232" s="13">
        <v>0.20255243389540389</v>
      </c>
      <c r="J2232" s="11">
        <v>-24.394837405400011</v>
      </c>
      <c r="K2232" s="13">
        <v>-0.23865675272696088</v>
      </c>
      <c r="L2232" s="11">
        <v>-10.932734567099999</v>
      </c>
      <c r="M2232" s="13">
        <v>-0.14048310684616708</v>
      </c>
      <c r="N2232" s="11">
        <v>-35.32757197250001</v>
      </c>
      <c r="O2232" s="13">
        <v>-0.34561261748022704</v>
      </c>
      <c r="P2232" s="7">
        <v>85.000245307300005</v>
      </c>
      <c r="Q2232" s="7">
        <v>101.338075199</v>
      </c>
      <c r="R2232" s="7">
        <v>91.536981864799998</v>
      </c>
      <c r="S2232" s="7">
        <v>93.453980598900003</v>
      </c>
      <c r="T2232" s="7">
        <v>85.669058184899995</v>
      </c>
      <c r="U2232" s="7">
        <v>94.528982882799994</v>
      </c>
      <c r="V2232" s="7">
        <v>102.21725187600001</v>
      </c>
      <c r="W2232" s="7">
        <v>83.777810067800004</v>
      </c>
      <c r="X2232" s="7">
        <v>67.268808802799995</v>
      </c>
      <c r="Y2232" s="7">
        <v>77.822414470599995</v>
      </c>
      <c r="Z2232" s="7">
        <v>76.706812542199998</v>
      </c>
      <c r="AA2232" s="7">
        <v>104.25522344399999</v>
      </c>
      <c r="AB2232" s="7">
        <v>85.479088397200002</v>
      </c>
      <c r="AC2232" s="7">
        <v>92.939995538600002</v>
      </c>
      <c r="AD2232" s="7">
        <v>98.292372908499999</v>
      </c>
      <c r="AE2232" s="7">
        <v>66.023113069100006</v>
      </c>
      <c r="AF2232" s="7">
        <v>66.889679903499996</v>
      </c>
      <c r="AG2232" s="9">
        <v>18403.098963099997</v>
      </c>
      <c r="AH2232" s="13">
        <v>0.63536897551499494</v>
      </c>
      <c r="AI2232" s="9">
        <v>7268.5623441999996</v>
      </c>
      <c r="AJ2232" s="13">
        <v>0.25094789846868737</v>
      </c>
      <c r="AK2232" s="9">
        <v>4615.9584831999964</v>
      </c>
      <c r="AL2232" s="13">
        <v>0.12739656417172135</v>
      </c>
      <c r="AM2232" s="9">
        <v>6518.5781357000014</v>
      </c>
      <c r="AN2232" s="13">
        <v>0.15957762239198139</v>
      </c>
      <c r="AO2232" s="9">
        <v>11134.536618899998</v>
      </c>
      <c r="AP2232" s="13">
        <v>0.30730382737513351</v>
      </c>
      <c r="AQ2232" s="9">
        <v>28964.428028900002</v>
      </c>
      <c r="AR2232" s="9">
        <v>33540.609596900002</v>
      </c>
      <c r="AS2232" s="9">
        <v>36510.058566400003</v>
      </c>
      <c r="AT2232" s="9">
        <v>35315.781062599999</v>
      </c>
      <c r="AU2232" s="9">
        <v>36212.509286300003</v>
      </c>
      <c r="AV2232" s="9">
        <v>40440.0682638</v>
      </c>
      <c r="AW2232" s="9">
        <v>36232.990373100001</v>
      </c>
      <c r="AX2232" s="9">
        <v>40879.0588718</v>
      </c>
      <c r="AY2232" s="9">
        <v>44678.665168400003</v>
      </c>
      <c r="AZ2232" s="9">
        <v>40848.948856299998</v>
      </c>
      <c r="BA2232" s="9">
        <v>42028.8150895</v>
      </c>
      <c r="BB2232" s="9">
        <v>37254.0296371</v>
      </c>
      <c r="BC2232" s="9">
        <v>45907.493145599998</v>
      </c>
      <c r="BD2232" s="9">
        <v>47491.433743200003</v>
      </c>
      <c r="BE2232" s="9">
        <v>45298.926134300003</v>
      </c>
      <c r="BF2232" s="9">
        <v>47367.526991999999</v>
      </c>
      <c r="BG2232" s="11">
        <v>1.75</v>
      </c>
      <c r="BH2232" s="13">
        <v>7.6086956521739135E-2</v>
      </c>
      <c r="BI2232" s="6">
        <v>4</v>
      </c>
      <c r="BJ2232" s="13">
        <v>0.17391304347826086</v>
      </c>
      <c r="BK2232" s="6">
        <v>-2</v>
      </c>
      <c r="BL2232" s="13">
        <v>-7.407407407407407E-2</v>
      </c>
      <c r="BM2232" s="11">
        <v>-0.25</v>
      </c>
      <c r="BN2232" s="13">
        <v>-0.01</v>
      </c>
      <c r="BO2232" s="11">
        <v>-2.25</v>
      </c>
      <c r="BP2232" s="13">
        <v>-8.3333333333333329E-2</v>
      </c>
      <c r="BQ2232" s="6">
        <v>23</v>
      </c>
      <c r="BR2232" s="6">
        <v>27</v>
      </c>
      <c r="BS2232" s="6">
        <v>27</v>
      </c>
      <c r="BT2232" s="6">
        <v>27</v>
      </c>
      <c r="BU2232" s="6">
        <v>26</v>
      </c>
      <c r="BV2232" s="6">
        <v>25</v>
      </c>
      <c r="BW2232" s="6">
        <v>25</v>
      </c>
      <c r="BX2232" s="6">
        <v>25</v>
      </c>
      <c r="BY2232" s="6">
        <v>27</v>
      </c>
      <c r="BZ2232" s="6">
        <v>29</v>
      </c>
      <c r="CA2232" s="6">
        <v>31</v>
      </c>
      <c r="CB2232" s="6">
        <v>28</v>
      </c>
      <c r="CC2232" s="11">
        <v>24.75</v>
      </c>
      <c r="CD2232" s="11">
        <v>-20.451899999999998</v>
      </c>
      <c r="CE2232" s="11">
        <v>-6.9502600000000001</v>
      </c>
      <c r="CF2232" s="11">
        <v>9.2915500000000009</v>
      </c>
      <c r="CG2232" s="11">
        <v>2</v>
      </c>
      <c r="CH2232" s="20">
        <v>0.26105</v>
      </c>
      <c r="CI2232" s="20">
        <v>0.310838</v>
      </c>
      <c r="CJ2232" s="20">
        <v>0.27285399999999999</v>
      </c>
      <c r="CK2232" s="20">
        <v>0.27889900000000001</v>
      </c>
      <c r="CL2232" s="20">
        <v>0.25059900000000002</v>
      </c>
      <c r="CM2232" s="20">
        <v>0.26844299999999999</v>
      </c>
      <c r="CN2232" s="20">
        <v>0.28668399999999999</v>
      </c>
      <c r="CO2232" s="20">
        <v>0.22668199999999999</v>
      </c>
      <c r="CP2232" s="20">
        <v>0.19908999999999999</v>
      </c>
      <c r="CQ2232" s="20">
        <v>0.298873</v>
      </c>
      <c r="CR2232" s="20">
        <v>0.30158600000000002</v>
      </c>
      <c r="CS2232" s="20">
        <v>0.408499</v>
      </c>
      <c r="CT2232" s="20">
        <v>0.33537400000000001</v>
      </c>
      <c r="CU2232" s="20">
        <v>0.37010999999999999</v>
      </c>
      <c r="CV2232" s="20">
        <v>0.36769200000000002</v>
      </c>
      <c r="CW2232" s="20">
        <v>0.24308299999999999</v>
      </c>
      <c r="CX2232" s="20">
        <v>0.24234600000000001</v>
      </c>
      <c r="CY2232" s="6" t="s">
        <v>713</v>
      </c>
      <c r="CZ2232" s="6" t="s">
        <v>714</v>
      </c>
      <c r="DA2232" s="6" t="s">
        <v>110</v>
      </c>
      <c r="DB2232" s="6"/>
      <c r="DC2232" s="6">
        <v>14700</v>
      </c>
      <c r="DD2232" s="6">
        <v>520</v>
      </c>
      <c r="DE2232" s="6" t="s">
        <v>716</v>
      </c>
      <c r="DF2232" s="6" t="s">
        <v>363</v>
      </c>
      <c r="DG2232" s="6" t="s">
        <v>376</v>
      </c>
      <c r="DH2232" s="6" t="s">
        <v>468</v>
      </c>
      <c r="DI2232" s="6" t="s">
        <v>461</v>
      </c>
      <c r="DJ2232" s="6">
        <v>29</v>
      </c>
      <c r="DK2232" s="6">
        <v>209</v>
      </c>
      <c r="DL2232" s="6">
        <v>5</v>
      </c>
      <c r="DM2232" s="6" t="s">
        <v>392</v>
      </c>
      <c r="DN2232" s="6">
        <v>6</v>
      </c>
      <c r="DO2232" s="6" t="s">
        <v>393</v>
      </c>
      <c r="DP2232" s="6"/>
      <c r="DQ2232" s="6"/>
    </row>
    <row r="2233" spans="1:121" x14ac:dyDescent="0.2">
      <c r="A2233" s="6" t="s">
        <v>793</v>
      </c>
      <c r="B2233" s="6" t="s">
        <v>179</v>
      </c>
      <c r="C2233" s="6" t="s">
        <v>180</v>
      </c>
      <c r="D2233" s="6" t="s">
        <v>110</v>
      </c>
      <c r="E2233" s="6" t="s">
        <v>251</v>
      </c>
      <c r="F2233" s="11">
        <v>-81</v>
      </c>
      <c r="G2233" s="13">
        <v>-0.08</v>
      </c>
      <c r="H2233" s="11">
        <v>135</v>
      </c>
      <c r="I2233" s="13">
        <v>0.13608870967741934</v>
      </c>
      <c r="J2233" s="11">
        <v>-224</v>
      </c>
      <c r="K2233" s="13">
        <v>-0.19875776397515529</v>
      </c>
      <c r="L2233" s="11">
        <v>8</v>
      </c>
      <c r="M2233" s="13">
        <v>8.8593576965669985E-3</v>
      </c>
      <c r="N2233" s="11">
        <v>-216</v>
      </c>
      <c r="O2233" s="13">
        <v>-0.19165927240461403</v>
      </c>
      <c r="P2233" s="7">
        <v>992</v>
      </c>
      <c r="Q2233" s="7">
        <v>987</v>
      </c>
      <c r="R2233" s="7">
        <v>974</v>
      </c>
      <c r="S2233" s="7">
        <v>981</v>
      </c>
      <c r="T2233" s="7">
        <v>987</v>
      </c>
      <c r="U2233" s="7">
        <v>981</v>
      </c>
      <c r="V2233" s="7">
        <v>1127</v>
      </c>
      <c r="W2233" s="7">
        <v>1053</v>
      </c>
      <c r="X2233" s="7">
        <v>978</v>
      </c>
      <c r="Y2233" s="7">
        <v>903</v>
      </c>
      <c r="Z2233" s="7">
        <v>912</v>
      </c>
      <c r="AA2233" s="7">
        <v>874</v>
      </c>
      <c r="AB2233" s="7">
        <v>839</v>
      </c>
      <c r="AC2233" s="7">
        <v>828</v>
      </c>
      <c r="AD2233" s="7">
        <v>865</v>
      </c>
      <c r="AE2233" s="7">
        <v>910</v>
      </c>
      <c r="AF2233" s="7">
        <v>911</v>
      </c>
      <c r="AG2233" s="9">
        <v>11864</v>
      </c>
      <c r="AH2233" s="13">
        <v>0.59406138901407035</v>
      </c>
      <c r="AI2233" s="9">
        <v>4817</v>
      </c>
      <c r="AJ2233" s="13">
        <v>0.24119973962245256</v>
      </c>
      <c r="AK2233" s="9">
        <v>1439</v>
      </c>
      <c r="AL2233" s="13">
        <v>5.8052283362917539E-2</v>
      </c>
      <c r="AM2233" s="9">
        <v>5608</v>
      </c>
      <c r="AN2233" s="13">
        <v>0.21382544705837497</v>
      </c>
      <c r="AO2233" s="9">
        <v>7047</v>
      </c>
      <c r="AP2233" s="13">
        <v>0.28429078586412782</v>
      </c>
      <c r="AQ2233" s="9">
        <v>19971</v>
      </c>
      <c r="AR2233" s="9">
        <v>20664</v>
      </c>
      <c r="AS2233" s="9">
        <v>22032</v>
      </c>
      <c r="AT2233" s="9">
        <v>22580</v>
      </c>
      <c r="AU2233" s="9">
        <v>23323</v>
      </c>
      <c r="AV2233" s="9">
        <v>24665</v>
      </c>
      <c r="AW2233" s="9">
        <v>24788</v>
      </c>
      <c r="AX2233" s="9">
        <v>25474</v>
      </c>
      <c r="AY2233" s="9">
        <v>25885</v>
      </c>
      <c r="AZ2233" s="9">
        <v>26227</v>
      </c>
      <c r="BA2233" s="9">
        <v>26348</v>
      </c>
      <c r="BB2233" s="9">
        <v>26882</v>
      </c>
      <c r="BC2233" s="9">
        <v>28465</v>
      </c>
      <c r="BD2233" s="9">
        <v>29272</v>
      </c>
      <c r="BE2233" s="9">
        <v>31074</v>
      </c>
      <c r="BF2233" s="9">
        <v>31835</v>
      </c>
      <c r="BG2233" s="11">
        <v>-14</v>
      </c>
      <c r="BH2233" s="13">
        <v>-0.13461538461538461</v>
      </c>
      <c r="BI2233" s="6">
        <v>-4</v>
      </c>
      <c r="BJ2233" s="13">
        <v>-3.8461538461538464E-2</v>
      </c>
      <c r="BK2233" s="6">
        <v>-6</v>
      </c>
      <c r="BL2233" s="13">
        <v>-0.06</v>
      </c>
      <c r="BM2233" s="11">
        <v>-4</v>
      </c>
      <c r="BN2233" s="13">
        <v>-4.2553191489361701E-2</v>
      </c>
      <c r="BO2233" s="11">
        <v>-10</v>
      </c>
      <c r="BP2233" s="13">
        <v>-0.1</v>
      </c>
      <c r="BQ2233" s="6">
        <v>104</v>
      </c>
      <c r="BR2233" s="6">
        <v>98</v>
      </c>
      <c r="BS2233" s="6">
        <v>91</v>
      </c>
      <c r="BT2233" s="6">
        <v>100</v>
      </c>
      <c r="BU2233" s="6">
        <v>102</v>
      </c>
      <c r="BV2233" s="6">
        <v>99</v>
      </c>
      <c r="BW2233" s="6">
        <v>94</v>
      </c>
      <c r="BX2233" s="6">
        <v>90</v>
      </c>
      <c r="BY2233" s="6">
        <v>88</v>
      </c>
      <c r="BZ2233" s="6">
        <v>92</v>
      </c>
      <c r="CA2233" s="6">
        <v>87</v>
      </c>
      <c r="CB2233" s="6">
        <v>91</v>
      </c>
      <c r="CC2233" s="11">
        <v>90</v>
      </c>
      <c r="CD2233" s="11">
        <v>-126</v>
      </c>
      <c r="CE2233" s="11">
        <v>-64</v>
      </c>
      <c r="CF2233" s="11">
        <v>108</v>
      </c>
      <c r="CG2233" s="11">
        <v>44</v>
      </c>
      <c r="CH2233" s="20">
        <v>1.1399999999999999</v>
      </c>
      <c r="CI2233" s="20">
        <v>1.1100000000000001</v>
      </c>
      <c r="CJ2233" s="20">
        <v>1.07</v>
      </c>
      <c r="CK2233" s="20">
        <v>1.08</v>
      </c>
      <c r="CL2233" s="20">
        <v>1.07</v>
      </c>
      <c r="CM2233" s="20">
        <v>1.05</v>
      </c>
      <c r="CN2233" s="20">
        <v>1.2</v>
      </c>
      <c r="CO2233" s="20">
        <v>1.0900000000000001</v>
      </c>
      <c r="CP2233" s="20">
        <v>1.0900000000000001</v>
      </c>
      <c r="CQ2233" s="20">
        <v>1.29</v>
      </c>
      <c r="CR2233" s="20">
        <v>1.34</v>
      </c>
      <c r="CS2233" s="20">
        <v>1.28</v>
      </c>
      <c r="CT2233" s="20">
        <v>1.23</v>
      </c>
      <c r="CU2233" s="20">
        <v>1.23</v>
      </c>
      <c r="CV2233" s="20">
        <v>1.2</v>
      </c>
      <c r="CW2233" s="20">
        <v>1.23</v>
      </c>
      <c r="CX2233" s="20">
        <v>1.21</v>
      </c>
      <c r="CY2233" s="6" t="s">
        <v>713</v>
      </c>
      <c r="CZ2233" s="6" t="s">
        <v>714</v>
      </c>
      <c r="DA2233" s="6" t="s">
        <v>110</v>
      </c>
      <c r="DB2233" s="6"/>
      <c r="DC2233" s="6">
        <v>14700</v>
      </c>
      <c r="DD2233" s="6">
        <v>520</v>
      </c>
      <c r="DE2233" s="6" t="s">
        <v>716</v>
      </c>
      <c r="DF2233" s="6" t="s">
        <v>363</v>
      </c>
      <c r="DG2233" s="6" t="s">
        <v>376</v>
      </c>
      <c r="DH2233" s="6" t="s">
        <v>468</v>
      </c>
      <c r="DI2233" s="6" t="s">
        <v>461</v>
      </c>
      <c r="DJ2233" s="6">
        <v>29</v>
      </c>
      <c r="DK2233" s="6">
        <v>209</v>
      </c>
      <c r="DL2233" s="6">
        <v>5</v>
      </c>
      <c r="DM2233" s="6" t="s">
        <v>392</v>
      </c>
      <c r="DN2233" s="6">
        <v>6</v>
      </c>
      <c r="DO2233" s="6" t="s">
        <v>393</v>
      </c>
      <c r="DP2233" s="6"/>
      <c r="DQ2233" s="6"/>
    </row>
    <row r="2234" spans="1:121" x14ac:dyDescent="0.2">
      <c r="A2234" s="6" t="s">
        <v>794</v>
      </c>
      <c r="B2234" s="6" t="s">
        <v>181</v>
      </c>
      <c r="C2234" s="6" t="s">
        <v>182</v>
      </c>
      <c r="D2234" s="6" t="s">
        <v>110</v>
      </c>
      <c r="E2234" s="6" t="s">
        <v>251</v>
      </c>
      <c r="F2234" s="11">
        <v>31</v>
      </c>
      <c r="G2234" s="13">
        <v>0.32291666666699997</v>
      </c>
      <c r="H2234" s="11">
        <v>6.6641769853999904</v>
      </c>
      <c r="I2234" s="13">
        <v>6.9273030773912989E-2</v>
      </c>
      <c r="J2234" s="11">
        <v>-17.017622444599994</v>
      </c>
      <c r="K2234" s="13">
        <v>-0.16543520633239003</v>
      </c>
      <c r="L2234" s="11">
        <v>40.688719979599995</v>
      </c>
      <c r="M2234" s="13">
        <v>0.47396145174581739</v>
      </c>
      <c r="N2234" s="11">
        <v>23.671097535000001</v>
      </c>
      <c r="O2234" s="13">
        <v>0.23011633485025895</v>
      </c>
      <c r="P2234" s="7">
        <v>96.201608489600005</v>
      </c>
      <c r="Q2234" s="7">
        <v>115.87468171800001</v>
      </c>
      <c r="R2234" s="7">
        <v>146.86596672300001</v>
      </c>
      <c r="S2234" s="7">
        <v>182.94462812399999</v>
      </c>
      <c r="T2234" s="7">
        <v>141.27216432500001</v>
      </c>
      <c r="U2234" s="7">
        <v>95.233186540800006</v>
      </c>
      <c r="V2234" s="7">
        <v>102.865785475</v>
      </c>
      <c r="W2234" s="7">
        <v>299.61734597499998</v>
      </c>
      <c r="X2234" s="7">
        <v>246.611565052</v>
      </c>
      <c r="Y2234" s="7">
        <v>85.848163030400002</v>
      </c>
      <c r="Z2234" s="7">
        <v>93.526119530299994</v>
      </c>
      <c r="AA2234" s="7">
        <v>97.893020120800003</v>
      </c>
      <c r="AB2234" s="7">
        <v>93.142058836800004</v>
      </c>
      <c r="AC2234" s="7">
        <v>107.611656146</v>
      </c>
      <c r="AD2234" s="7">
        <v>120.36227922499999</v>
      </c>
      <c r="AE2234" s="7">
        <v>122.790205551</v>
      </c>
      <c r="AF2234" s="7">
        <v>126.53688301</v>
      </c>
      <c r="AG2234" s="9">
        <v>16293.270223899999</v>
      </c>
      <c r="AH2234" s="13">
        <v>0.49325064590419615</v>
      </c>
      <c r="AI2234" s="9">
        <v>8973.8171419999999</v>
      </c>
      <c r="AJ2234" s="13">
        <v>0.27166683180794549</v>
      </c>
      <c r="AK2234" s="9">
        <v>-3455.6187953999979</v>
      </c>
      <c r="AL2234" s="13">
        <v>-8.2264390777386925E-2</v>
      </c>
      <c r="AM2234" s="9">
        <v>10775.071877299997</v>
      </c>
      <c r="AN2234" s="13">
        <v>0.27950440130572374</v>
      </c>
      <c r="AO2234" s="9">
        <v>7319.4530818999992</v>
      </c>
      <c r="AP2234" s="13">
        <v>0.17424675123532318</v>
      </c>
      <c r="AQ2234" s="9">
        <v>33032.435657599999</v>
      </c>
      <c r="AR2234" s="9">
        <v>30311.937308500001</v>
      </c>
      <c r="AS2234" s="9">
        <v>37151.763675100003</v>
      </c>
      <c r="AT2234" s="9">
        <v>33724.442786300002</v>
      </c>
      <c r="AU2234" s="9">
        <v>36610.831086300001</v>
      </c>
      <c r="AV2234" s="9">
        <v>41416.845139999998</v>
      </c>
      <c r="AW2234" s="9">
        <v>42006.252799599999</v>
      </c>
      <c r="AX2234" s="9">
        <v>30248.1018104</v>
      </c>
      <c r="AY2234" s="9">
        <v>28658.571111000001</v>
      </c>
      <c r="AZ2234" s="9">
        <v>38550.634004200001</v>
      </c>
      <c r="BA2234" s="9">
        <v>39341.410219999998</v>
      </c>
      <c r="BB2234" s="9">
        <v>44640.665044300004</v>
      </c>
      <c r="BC2234" s="9">
        <v>44192.176932599999</v>
      </c>
      <c r="BD2234" s="9">
        <v>49868.959336899999</v>
      </c>
      <c r="BE2234" s="9">
        <v>50115.2198145</v>
      </c>
      <c r="BF2234" s="9">
        <v>49325.705881499998</v>
      </c>
      <c r="BG2234" s="11">
        <v>7.5</v>
      </c>
      <c r="BH2234" s="13">
        <v>0.44117647058823528</v>
      </c>
      <c r="BI2234" s="6">
        <v>1</v>
      </c>
      <c r="BJ2234" s="13">
        <v>5.8823529411764705E-2</v>
      </c>
      <c r="BK2234" s="6">
        <v>-4</v>
      </c>
      <c r="BL2234" s="13">
        <v>-0.22222222222222221</v>
      </c>
      <c r="BM2234" s="11">
        <v>10.5</v>
      </c>
      <c r="BN2234" s="13">
        <v>0.75</v>
      </c>
      <c r="BO2234" s="11">
        <v>6.5</v>
      </c>
      <c r="BP2234" s="13">
        <v>0.3611111111111111</v>
      </c>
      <c r="BQ2234" s="6">
        <v>17</v>
      </c>
      <c r="BR2234" s="6">
        <v>19</v>
      </c>
      <c r="BS2234" s="6">
        <v>19</v>
      </c>
      <c r="BT2234" s="6">
        <v>18</v>
      </c>
      <c r="BU2234" s="6">
        <v>22</v>
      </c>
      <c r="BV2234" s="6">
        <v>18</v>
      </c>
      <c r="BW2234" s="6">
        <v>14</v>
      </c>
      <c r="BX2234" s="6">
        <v>16</v>
      </c>
      <c r="BY2234" s="6">
        <v>19</v>
      </c>
      <c r="BZ2234" s="6">
        <v>20</v>
      </c>
      <c r="CA2234" s="6">
        <v>22</v>
      </c>
      <c r="CB2234" s="6">
        <v>24</v>
      </c>
      <c r="CC2234" s="11">
        <v>24.5</v>
      </c>
      <c r="CD2234" s="11">
        <v>13.755699999999999</v>
      </c>
      <c r="CE2234" s="11">
        <v>6.0636200000000002</v>
      </c>
      <c r="CF2234" s="11">
        <v>10.516</v>
      </c>
      <c r="CG2234" s="11">
        <v>17</v>
      </c>
      <c r="CH2234" s="20">
        <v>0.37323099999999998</v>
      </c>
      <c r="CI2234" s="20">
        <v>0.45280500000000001</v>
      </c>
      <c r="CJ2234" s="20">
        <v>0.55889299999999997</v>
      </c>
      <c r="CK2234" s="20">
        <v>0.690303</v>
      </c>
      <c r="CL2234" s="20">
        <v>0.51936700000000002</v>
      </c>
      <c r="CM2234" s="20">
        <v>0.33891100000000002</v>
      </c>
      <c r="CN2234" s="20">
        <v>0.36076599999999998</v>
      </c>
      <c r="CO2234" s="20">
        <v>1.01386</v>
      </c>
      <c r="CP2234" s="20">
        <v>0.91012800000000005</v>
      </c>
      <c r="CQ2234" s="20">
        <v>0.40863699999999997</v>
      </c>
      <c r="CR2234" s="20">
        <v>0.449853</v>
      </c>
      <c r="CS2234" s="20">
        <v>0.46742</v>
      </c>
      <c r="CT2234" s="20">
        <v>0.44265300000000002</v>
      </c>
      <c r="CU2234" s="20">
        <v>0.50751500000000005</v>
      </c>
      <c r="CV2234" s="20">
        <v>0.51497400000000004</v>
      </c>
      <c r="CW2234" s="20">
        <v>0.50385599999999997</v>
      </c>
      <c r="CX2234" s="20">
        <v>0.50761100000000003</v>
      </c>
      <c r="CY2234" s="6" t="s">
        <v>713</v>
      </c>
      <c r="CZ2234" s="6" t="s">
        <v>714</v>
      </c>
      <c r="DA2234" s="6" t="s">
        <v>110</v>
      </c>
      <c r="DB2234" s="6"/>
      <c r="DC2234" s="6">
        <v>14700</v>
      </c>
      <c r="DD2234" s="6">
        <v>520</v>
      </c>
      <c r="DE2234" s="6" t="s">
        <v>716</v>
      </c>
      <c r="DF2234" s="6" t="s">
        <v>363</v>
      </c>
      <c r="DG2234" s="6" t="s">
        <v>376</v>
      </c>
      <c r="DH2234" s="6" t="s">
        <v>468</v>
      </c>
      <c r="DI2234" s="6" t="s">
        <v>461</v>
      </c>
      <c r="DJ2234" s="6">
        <v>29</v>
      </c>
      <c r="DK2234" s="6">
        <v>209</v>
      </c>
      <c r="DL2234" s="6">
        <v>5</v>
      </c>
      <c r="DM2234" s="6" t="s">
        <v>392</v>
      </c>
      <c r="DN2234" s="6">
        <v>6</v>
      </c>
      <c r="DO2234" s="6" t="s">
        <v>393</v>
      </c>
      <c r="DP2234" s="6"/>
      <c r="DQ2234" s="6"/>
    </row>
    <row r="2235" spans="1:121" x14ac:dyDescent="0.2">
      <c r="A2235" s="6" t="s">
        <v>314</v>
      </c>
      <c r="B2235" s="6" t="s">
        <v>314</v>
      </c>
      <c r="C2235" s="6" t="s">
        <v>183</v>
      </c>
      <c r="D2235" s="6" t="s">
        <v>110</v>
      </c>
      <c r="E2235" s="6" t="s">
        <v>251</v>
      </c>
      <c r="F2235" s="11">
        <v>-3</v>
      </c>
      <c r="G2235" s="13">
        <v>-0.05</v>
      </c>
      <c r="H2235" s="11">
        <v>-4.9664286954999994</v>
      </c>
      <c r="I2235" s="13">
        <v>-8.3275109410781006E-2</v>
      </c>
      <c r="J2235" s="11">
        <v>9.2442652268000032</v>
      </c>
      <c r="K2235" s="13">
        <v>0.16908472729450205</v>
      </c>
      <c r="L2235" s="11">
        <v>-6.713865718000001</v>
      </c>
      <c r="M2235" s="13">
        <v>-0.10504095168919904</v>
      </c>
      <c r="N2235" s="11">
        <v>2.5303995088000022</v>
      </c>
      <c r="O2235" s="13">
        <v>4.6282954934179839E-2</v>
      </c>
      <c r="P2235" s="7">
        <v>59.638813213699997</v>
      </c>
      <c r="Q2235" s="7">
        <v>72.272997386100002</v>
      </c>
      <c r="R2235" s="7">
        <v>55.016360442</v>
      </c>
      <c r="S2235" s="7">
        <v>64.004024817800001</v>
      </c>
      <c r="T2235" s="7">
        <v>58.070652686000003</v>
      </c>
      <c r="U2235" s="7">
        <v>69.121896098099995</v>
      </c>
      <c r="V2235" s="7">
        <v>54.672384518199998</v>
      </c>
      <c r="W2235" s="7">
        <v>47.187455725600003</v>
      </c>
      <c r="X2235" s="7">
        <v>57.705948769000003</v>
      </c>
      <c r="Y2235" s="7">
        <v>63.916649745000001</v>
      </c>
      <c r="Z2235" s="7">
        <v>44.128355246799998</v>
      </c>
      <c r="AA2235" s="7">
        <v>43.178984654799997</v>
      </c>
      <c r="AB2235" s="7">
        <v>42.064503174800002</v>
      </c>
      <c r="AC2235" s="7">
        <v>42.934590682600003</v>
      </c>
      <c r="AD2235" s="7">
        <v>46.267155887999998</v>
      </c>
      <c r="AE2235" s="7">
        <v>54.915572002099999</v>
      </c>
      <c r="AF2235" s="7">
        <v>57.202784027</v>
      </c>
      <c r="AG2235" s="9">
        <v>20711.7839461</v>
      </c>
      <c r="AH2235" s="13">
        <v>0.65872547811017901</v>
      </c>
      <c r="AI2235" s="9">
        <v>-4503.5813993999982</v>
      </c>
      <c r="AJ2235" s="13">
        <v>-0.14323362093039232</v>
      </c>
      <c r="AK2235" s="9">
        <v>1886.8280760999987</v>
      </c>
      <c r="AL2235" s="13">
        <v>7.0041730649088224E-2</v>
      </c>
      <c r="AM2235" s="9">
        <v>23328.5372694</v>
      </c>
      <c r="AN2235" s="13">
        <v>0.8093033390131763</v>
      </c>
      <c r="AO2235" s="9">
        <v>25215.365345499999</v>
      </c>
      <c r="AP2235" s="13">
        <v>0.93603007614683309</v>
      </c>
      <c r="AQ2235" s="9">
        <v>31442.208680799999</v>
      </c>
      <c r="AR2235" s="9">
        <v>35456.340842600002</v>
      </c>
      <c r="AS2235" s="9">
        <v>46291.7236911</v>
      </c>
      <c r="AT2235" s="9">
        <v>39728.171608800003</v>
      </c>
      <c r="AU2235" s="9">
        <v>32961.463814399998</v>
      </c>
      <c r="AV2235" s="9">
        <v>27792.5789745</v>
      </c>
      <c r="AW2235" s="9">
        <v>26938.6272814</v>
      </c>
      <c r="AX2235" s="9">
        <v>40299.656372999998</v>
      </c>
      <c r="AY2235" s="9">
        <v>34679.519113200004</v>
      </c>
      <c r="AZ2235" s="9">
        <v>28825.455357499999</v>
      </c>
      <c r="BA2235" s="9">
        <v>38411.065677300001</v>
      </c>
      <c r="BB2235" s="9">
        <v>48366.133066299997</v>
      </c>
      <c r="BC2235" s="9">
        <v>40117.755826000001</v>
      </c>
      <c r="BD2235" s="9">
        <v>44269.332390800002</v>
      </c>
      <c r="BE2235" s="9">
        <v>43542.245749200003</v>
      </c>
      <c r="BF2235" s="9">
        <v>52153.992626899999</v>
      </c>
      <c r="BG2235" s="11">
        <v>-2.25</v>
      </c>
      <c r="BH2235" s="13">
        <v>-0.22500000000000001</v>
      </c>
      <c r="BI2235" s="6">
        <v>1</v>
      </c>
      <c r="BJ2235" s="13">
        <v>0.1</v>
      </c>
      <c r="BK2235" s="6">
        <v>0</v>
      </c>
      <c r="BL2235" s="13">
        <v>0</v>
      </c>
      <c r="BM2235" s="11">
        <v>-3.25</v>
      </c>
      <c r="BN2235" s="13">
        <v>-0.29545454545454547</v>
      </c>
      <c r="BO2235" s="11">
        <v>-3.25</v>
      </c>
      <c r="BP2235" s="13">
        <v>-0.29545454545454547</v>
      </c>
      <c r="BQ2235" s="6">
        <v>10</v>
      </c>
      <c r="BR2235" s="6">
        <v>11</v>
      </c>
      <c r="BS2235" s="6">
        <v>13</v>
      </c>
      <c r="BT2235" s="6">
        <v>11</v>
      </c>
      <c r="BU2235" s="6">
        <v>10</v>
      </c>
      <c r="BV2235" s="6">
        <v>12</v>
      </c>
      <c r="BW2235" s="6">
        <v>11</v>
      </c>
      <c r="BX2235" s="6">
        <v>10</v>
      </c>
      <c r="BY2235" s="6">
        <v>11</v>
      </c>
      <c r="BZ2235" s="6">
        <v>11</v>
      </c>
      <c r="CA2235" s="6">
        <v>9</v>
      </c>
      <c r="CB2235" s="6">
        <v>9</v>
      </c>
      <c r="CC2235" s="11">
        <v>7.75</v>
      </c>
      <c r="CD2235" s="11">
        <v>9.3115299999999994</v>
      </c>
      <c r="CE2235" s="11">
        <v>-18.2668</v>
      </c>
      <c r="CF2235" s="11">
        <v>6.5192399999999999</v>
      </c>
      <c r="CG2235" s="11">
        <v>-11</v>
      </c>
      <c r="CH2235" s="20">
        <v>0.29382200000000003</v>
      </c>
      <c r="CI2235" s="20">
        <v>0.36875799999999997</v>
      </c>
      <c r="CJ2235" s="20">
        <v>0.28543800000000003</v>
      </c>
      <c r="CK2235" s="20">
        <v>0.34318799999999999</v>
      </c>
      <c r="CL2235" s="20">
        <v>0.31487700000000002</v>
      </c>
      <c r="CM2235" s="20">
        <v>0.37362200000000001</v>
      </c>
      <c r="CN2235" s="20">
        <v>0.29790299999999997</v>
      </c>
      <c r="CO2235" s="20">
        <v>0.25023499999999999</v>
      </c>
      <c r="CP2235" s="20">
        <v>0.33217000000000002</v>
      </c>
      <c r="CQ2235" s="20">
        <v>0.48674800000000001</v>
      </c>
      <c r="CR2235" s="20">
        <v>0.35221599999999997</v>
      </c>
      <c r="CS2235" s="20">
        <v>0.34903299999999998</v>
      </c>
      <c r="CT2235" s="20">
        <v>0.341945</v>
      </c>
      <c r="CU2235" s="20">
        <v>0.35378900000000002</v>
      </c>
      <c r="CV2235" s="20">
        <v>0.35850300000000002</v>
      </c>
      <c r="CW2235" s="20">
        <v>0.412545</v>
      </c>
      <c r="CX2235" s="20">
        <v>0.42542099999999999</v>
      </c>
      <c r="CY2235" s="6" t="s">
        <v>713</v>
      </c>
      <c r="CZ2235" s="6" t="s">
        <v>714</v>
      </c>
      <c r="DA2235" s="6" t="s">
        <v>110</v>
      </c>
      <c r="DB2235" s="6"/>
      <c r="DC2235" s="6">
        <v>14700</v>
      </c>
      <c r="DD2235" s="6">
        <v>520</v>
      </c>
      <c r="DE2235" s="6" t="s">
        <v>716</v>
      </c>
      <c r="DF2235" s="6" t="s">
        <v>363</v>
      </c>
      <c r="DG2235" s="6" t="s">
        <v>376</v>
      </c>
      <c r="DH2235" s="6" t="s">
        <v>468</v>
      </c>
      <c r="DI2235" s="6" t="s">
        <v>461</v>
      </c>
      <c r="DJ2235" s="6">
        <v>29</v>
      </c>
      <c r="DK2235" s="6">
        <v>209</v>
      </c>
      <c r="DL2235" s="6">
        <v>5</v>
      </c>
      <c r="DM2235" s="6" t="s">
        <v>392</v>
      </c>
      <c r="DN2235" s="6">
        <v>6</v>
      </c>
      <c r="DO2235" s="6" t="s">
        <v>393</v>
      </c>
      <c r="DP2235" s="6"/>
      <c r="DQ2235" s="6"/>
    </row>
    <row r="2236" spans="1:121" x14ac:dyDescent="0.2">
      <c r="A2236" s="6" t="s">
        <v>315</v>
      </c>
      <c r="B2236" s="6" t="s">
        <v>315</v>
      </c>
      <c r="C2236" s="6" t="s">
        <v>184</v>
      </c>
      <c r="D2236" s="6" t="s">
        <v>110</v>
      </c>
      <c r="E2236" s="6" t="s">
        <v>251</v>
      </c>
      <c r="F2236" s="11">
        <v>-3</v>
      </c>
      <c r="G2236" s="13">
        <v>-0.02</v>
      </c>
      <c r="H2236" s="11">
        <v>17</v>
      </c>
      <c r="I2236" s="13">
        <v>9.2391304347826081E-2</v>
      </c>
      <c r="J2236" s="11">
        <v>3</v>
      </c>
      <c r="K2236" s="13">
        <v>1.4925373134328358E-2</v>
      </c>
      <c r="L2236" s="11">
        <v>-23</v>
      </c>
      <c r="M2236" s="13">
        <v>-0.11274509803921567</v>
      </c>
      <c r="N2236" s="11">
        <v>-20</v>
      </c>
      <c r="O2236" s="13">
        <v>-9.950248756218906E-2</v>
      </c>
      <c r="P2236" s="7">
        <v>184</v>
      </c>
      <c r="Q2236" s="7">
        <v>189</v>
      </c>
      <c r="R2236" s="7">
        <v>184</v>
      </c>
      <c r="S2236" s="7">
        <v>180</v>
      </c>
      <c r="T2236" s="7">
        <v>205</v>
      </c>
      <c r="U2236" s="7">
        <v>194</v>
      </c>
      <c r="V2236" s="7">
        <v>201</v>
      </c>
      <c r="W2236" s="7">
        <v>198</v>
      </c>
      <c r="X2236" s="7">
        <v>196</v>
      </c>
      <c r="Y2236" s="7">
        <v>204</v>
      </c>
      <c r="Z2236" s="7">
        <v>185</v>
      </c>
      <c r="AA2236" s="7">
        <v>177</v>
      </c>
      <c r="AB2236" s="7">
        <v>144</v>
      </c>
      <c r="AC2236" s="7">
        <v>144</v>
      </c>
      <c r="AD2236" s="7">
        <v>171</v>
      </c>
      <c r="AE2236" s="7">
        <v>179</v>
      </c>
      <c r="AF2236" s="7">
        <v>181</v>
      </c>
      <c r="AG2236" s="9">
        <v>19063</v>
      </c>
      <c r="AH2236" s="13">
        <v>0.63579361638261678</v>
      </c>
      <c r="AI2236" s="9">
        <v>5891</v>
      </c>
      <c r="AJ2236" s="13">
        <v>0.19647800420238137</v>
      </c>
      <c r="AK2236" s="9">
        <v>2273</v>
      </c>
      <c r="AL2236" s="13">
        <v>6.3360651167976803E-2</v>
      </c>
      <c r="AM2236" s="9">
        <v>10899</v>
      </c>
      <c r="AN2236" s="13">
        <v>0.28571054080268438</v>
      </c>
      <c r="AO2236" s="9">
        <v>13172</v>
      </c>
      <c r="AP2236" s="13">
        <v>0.36717399788147398</v>
      </c>
      <c r="AQ2236" s="9">
        <v>29983</v>
      </c>
      <c r="AR2236" s="9">
        <v>30454</v>
      </c>
      <c r="AS2236" s="9">
        <v>30718</v>
      </c>
      <c r="AT2236" s="9">
        <v>32674</v>
      </c>
      <c r="AU2236" s="9">
        <v>33655</v>
      </c>
      <c r="AV2236" s="9">
        <v>35797</v>
      </c>
      <c r="AW2236" s="9">
        <v>35874</v>
      </c>
      <c r="AX2236" s="9">
        <v>38756</v>
      </c>
      <c r="AY2236" s="9">
        <v>39460</v>
      </c>
      <c r="AZ2236" s="9">
        <v>38147</v>
      </c>
      <c r="BA2236" s="9">
        <v>38970</v>
      </c>
      <c r="BB2236" s="9">
        <v>39901</v>
      </c>
      <c r="BC2236" s="9">
        <v>41413</v>
      </c>
      <c r="BD2236" s="9">
        <v>41503</v>
      </c>
      <c r="BE2236" s="9">
        <v>45959</v>
      </c>
      <c r="BF2236" s="9">
        <v>49046</v>
      </c>
      <c r="BG2236" s="11">
        <v>4</v>
      </c>
      <c r="BH2236" s="13">
        <v>0.12121212121212122</v>
      </c>
      <c r="BI2236" s="6">
        <v>9</v>
      </c>
      <c r="BJ2236" s="13">
        <v>0.27272727272727271</v>
      </c>
      <c r="BK2236" s="6">
        <v>-2</v>
      </c>
      <c r="BL2236" s="13">
        <v>-4.7619047619047616E-2</v>
      </c>
      <c r="BM2236" s="11">
        <v>-3</v>
      </c>
      <c r="BN2236" s="13">
        <v>-7.4999999999999997E-2</v>
      </c>
      <c r="BO2236" s="11">
        <v>-5</v>
      </c>
      <c r="BP2236" s="13">
        <v>-0.11904761904761904</v>
      </c>
      <c r="BQ2236" s="6">
        <v>33</v>
      </c>
      <c r="BR2236" s="6">
        <v>42</v>
      </c>
      <c r="BS2236" s="6">
        <v>42</v>
      </c>
      <c r="BT2236" s="6">
        <v>42</v>
      </c>
      <c r="BU2236" s="6">
        <v>41</v>
      </c>
      <c r="BV2236" s="6">
        <v>37</v>
      </c>
      <c r="BW2236" s="6">
        <v>40</v>
      </c>
      <c r="BX2236" s="6">
        <v>40</v>
      </c>
      <c r="BY2236" s="6">
        <v>40</v>
      </c>
      <c r="BZ2236" s="6">
        <v>40</v>
      </c>
      <c r="CA2236" s="6">
        <v>39</v>
      </c>
      <c r="CB2236" s="6">
        <v>39</v>
      </c>
      <c r="CC2236" s="11">
        <v>37</v>
      </c>
      <c r="CD2236" s="11">
        <v>-8</v>
      </c>
      <c r="CE2236" s="11">
        <v>-15</v>
      </c>
      <c r="CF2236" s="11">
        <v>20</v>
      </c>
      <c r="CG2236" s="11">
        <v>5</v>
      </c>
      <c r="CH2236" s="20">
        <v>0.56000000000000005</v>
      </c>
      <c r="CI2236" s="20">
        <v>0.56000000000000005</v>
      </c>
      <c r="CJ2236" s="20">
        <v>0.52</v>
      </c>
      <c r="CK2236" s="20">
        <v>0.51</v>
      </c>
      <c r="CL2236" s="20">
        <v>0.56999999999999995</v>
      </c>
      <c r="CM2236" s="20">
        <v>0.52</v>
      </c>
      <c r="CN2236" s="20">
        <v>0.55000000000000004</v>
      </c>
      <c r="CO2236" s="20">
        <v>0.53</v>
      </c>
      <c r="CP2236" s="20">
        <v>0.56000000000000005</v>
      </c>
      <c r="CQ2236" s="20">
        <v>0.76</v>
      </c>
      <c r="CR2236" s="20">
        <v>0.71</v>
      </c>
      <c r="CS2236" s="20">
        <v>0.68</v>
      </c>
      <c r="CT2236" s="20">
        <v>0.56000000000000005</v>
      </c>
      <c r="CU2236" s="20">
        <v>0.56999999999999995</v>
      </c>
      <c r="CV2236" s="20">
        <v>0.63</v>
      </c>
      <c r="CW2236" s="20">
        <v>0.65</v>
      </c>
      <c r="CX2236" s="20">
        <v>0.65</v>
      </c>
      <c r="CY2236" s="6" t="s">
        <v>713</v>
      </c>
      <c r="CZ2236" s="6" t="s">
        <v>714</v>
      </c>
      <c r="DA2236" s="6" t="s">
        <v>110</v>
      </c>
      <c r="DB2236" s="6"/>
      <c r="DC2236" s="6">
        <v>14700</v>
      </c>
      <c r="DD2236" s="6">
        <v>520</v>
      </c>
      <c r="DE2236" s="6" t="s">
        <v>716</v>
      </c>
      <c r="DF2236" s="6" t="s">
        <v>363</v>
      </c>
      <c r="DG2236" s="6" t="s">
        <v>376</v>
      </c>
      <c r="DH2236" s="6" t="s">
        <v>468</v>
      </c>
      <c r="DI2236" s="6" t="s">
        <v>461</v>
      </c>
      <c r="DJ2236" s="6">
        <v>29</v>
      </c>
      <c r="DK2236" s="6">
        <v>209</v>
      </c>
      <c r="DL2236" s="6">
        <v>5</v>
      </c>
      <c r="DM2236" s="6" t="s">
        <v>392</v>
      </c>
      <c r="DN2236" s="6">
        <v>6</v>
      </c>
      <c r="DO2236" s="6" t="s">
        <v>393</v>
      </c>
      <c r="DP2236" s="6"/>
      <c r="DQ2236" s="6"/>
    </row>
    <row r="2237" spans="1:121" x14ac:dyDescent="0.2">
      <c r="A2237" s="6" t="s">
        <v>316</v>
      </c>
      <c r="B2237" s="6" t="s">
        <v>316</v>
      </c>
      <c r="C2237" s="6" t="s">
        <v>185</v>
      </c>
      <c r="D2237" s="6" t="s">
        <v>110</v>
      </c>
      <c r="E2237" s="6" t="s">
        <v>251</v>
      </c>
      <c r="F2237" s="11">
        <v>6</v>
      </c>
      <c r="G2237" s="13">
        <v>0.03</v>
      </c>
      <c r="H2237" s="11">
        <v>173</v>
      </c>
      <c r="I2237" s="13">
        <v>0.82775119617224879</v>
      </c>
      <c r="J2237" s="11">
        <v>-80</v>
      </c>
      <c r="K2237" s="13">
        <v>-0.20942408376963351</v>
      </c>
      <c r="L2237" s="11">
        <v>-87</v>
      </c>
      <c r="M2237" s="13">
        <v>-0.28807947019867547</v>
      </c>
      <c r="N2237" s="11">
        <v>-167</v>
      </c>
      <c r="O2237" s="13">
        <v>-0.43717277486910994</v>
      </c>
      <c r="P2237" s="7">
        <v>209</v>
      </c>
      <c r="Q2237" s="7">
        <v>212</v>
      </c>
      <c r="R2237" s="7">
        <v>245</v>
      </c>
      <c r="S2237" s="7">
        <v>295</v>
      </c>
      <c r="T2237" s="7">
        <v>302</v>
      </c>
      <c r="U2237" s="7">
        <v>364</v>
      </c>
      <c r="V2237" s="7">
        <v>382</v>
      </c>
      <c r="W2237" s="7">
        <v>392</v>
      </c>
      <c r="X2237" s="7">
        <v>346</v>
      </c>
      <c r="Y2237" s="7">
        <v>302</v>
      </c>
      <c r="Z2237" s="7">
        <v>260</v>
      </c>
      <c r="AA2237" s="7">
        <v>132</v>
      </c>
      <c r="AB2237" s="7">
        <v>120</v>
      </c>
      <c r="AC2237" s="7">
        <v>119</v>
      </c>
      <c r="AD2237" s="7">
        <v>160</v>
      </c>
      <c r="AE2237" s="7">
        <v>208</v>
      </c>
      <c r="AF2237" s="7">
        <v>215</v>
      </c>
      <c r="AG2237" s="9">
        <v>10031</v>
      </c>
      <c r="AH2237" s="13">
        <v>0.46836625110893215</v>
      </c>
      <c r="AI2237" s="9">
        <v>2925</v>
      </c>
      <c r="AJ2237" s="13">
        <v>0.13657374982490544</v>
      </c>
      <c r="AK2237" s="9">
        <v>2204</v>
      </c>
      <c r="AL2237" s="13">
        <v>9.0543094240407532E-2</v>
      </c>
      <c r="AM2237" s="9">
        <v>4902</v>
      </c>
      <c r="AN2237" s="13">
        <v>0.18466058916597605</v>
      </c>
      <c r="AO2237" s="9">
        <v>7106</v>
      </c>
      <c r="AP2237" s="13">
        <v>0.29192342453372772</v>
      </c>
      <c r="AQ2237" s="9">
        <v>21417</v>
      </c>
      <c r="AR2237" s="9">
        <v>24059</v>
      </c>
      <c r="AS2237" s="9">
        <v>23816</v>
      </c>
      <c r="AT2237" s="9">
        <v>23323</v>
      </c>
      <c r="AU2237" s="9">
        <v>26073</v>
      </c>
      <c r="AV2237" s="9">
        <v>23172</v>
      </c>
      <c r="AW2237" s="9">
        <v>24342</v>
      </c>
      <c r="AX2237" s="9">
        <v>24541</v>
      </c>
      <c r="AY2237" s="9">
        <v>24488</v>
      </c>
      <c r="AZ2237" s="9">
        <v>26546</v>
      </c>
      <c r="BA2237" s="9">
        <v>29805</v>
      </c>
      <c r="BB2237" s="9">
        <v>26269</v>
      </c>
      <c r="BC2237" s="9">
        <v>25720</v>
      </c>
      <c r="BD2237" s="9">
        <v>28414</v>
      </c>
      <c r="BE2237" s="9">
        <v>31916</v>
      </c>
      <c r="BF2237" s="9">
        <v>31448</v>
      </c>
      <c r="BG2237" s="11">
        <v>-1</v>
      </c>
      <c r="BH2237" s="13">
        <v>-2.9411764705882353E-2</v>
      </c>
      <c r="BI2237" s="6">
        <v>9</v>
      </c>
      <c r="BJ2237" s="13">
        <v>0.26470588235294118</v>
      </c>
      <c r="BK2237" s="6">
        <v>-8</v>
      </c>
      <c r="BL2237" s="13">
        <v>-0.18604651162790697</v>
      </c>
      <c r="BM2237" s="11">
        <v>-2</v>
      </c>
      <c r="BN2237" s="13">
        <v>-5.7142857142857141E-2</v>
      </c>
      <c r="BO2237" s="11">
        <v>-10</v>
      </c>
      <c r="BP2237" s="13">
        <v>-0.23255813953488372</v>
      </c>
      <c r="BQ2237" s="6">
        <v>34</v>
      </c>
      <c r="BR2237" s="6">
        <v>36</v>
      </c>
      <c r="BS2237" s="6">
        <v>45</v>
      </c>
      <c r="BT2237" s="6">
        <v>43</v>
      </c>
      <c r="BU2237" s="6">
        <v>42</v>
      </c>
      <c r="BV2237" s="6">
        <v>41</v>
      </c>
      <c r="BW2237" s="6">
        <v>35</v>
      </c>
      <c r="BX2237" s="6">
        <v>34</v>
      </c>
      <c r="BY2237" s="6">
        <v>31</v>
      </c>
      <c r="BZ2237" s="6">
        <v>32</v>
      </c>
      <c r="CA2237" s="6">
        <v>30</v>
      </c>
      <c r="CB2237" s="6">
        <v>31</v>
      </c>
      <c r="CC2237" s="11">
        <v>33</v>
      </c>
      <c r="CD2237" s="11">
        <v>-7</v>
      </c>
      <c r="CE2237" s="11">
        <v>-11</v>
      </c>
      <c r="CF2237" s="11">
        <v>23</v>
      </c>
      <c r="CG2237" s="11">
        <v>12</v>
      </c>
      <c r="CH2237" s="20">
        <v>1.54</v>
      </c>
      <c r="CI2237" s="20">
        <v>1.51</v>
      </c>
      <c r="CJ2237" s="20">
        <v>1.66</v>
      </c>
      <c r="CK2237" s="20">
        <v>1.96</v>
      </c>
      <c r="CL2237" s="20">
        <v>1.93</v>
      </c>
      <c r="CM2237" s="20">
        <v>2.2799999999999998</v>
      </c>
      <c r="CN2237" s="20">
        <v>2.42</v>
      </c>
      <c r="CO2237" s="20">
        <v>2.4500000000000002</v>
      </c>
      <c r="CP2237" s="20">
        <v>2.34</v>
      </c>
      <c r="CQ2237" s="20">
        <v>2.72</v>
      </c>
      <c r="CR2237" s="20">
        <v>2.44</v>
      </c>
      <c r="CS2237" s="20">
        <v>1.25</v>
      </c>
      <c r="CT2237" s="20">
        <v>1.1299999999999999</v>
      </c>
      <c r="CU2237" s="20">
        <v>1.1200000000000001</v>
      </c>
      <c r="CV2237" s="20">
        <v>1.4</v>
      </c>
      <c r="CW2237" s="20">
        <v>1.77</v>
      </c>
      <c r="CX2237" s="20">
        <v>1.8</v>
      </c>
      <c r="CY2237" s="6" t="s">
        <v>713</v>
      </c>
      <c r="CZ2237" s="6" t="s">
        <v>714</v>
      </c>
      <c r="DA2237" s="6" t="s">
        <v>110</v>
      </c>
      <c r="DB2237" s="6"/>
      <c r="DC2237" s="6">
        <v>14700</v>
      </c>
      <c r="DD2237" s="6">
        <v>520</v>
      </c>
      <c r="DE2237" s="6" t="s">
        <v>716</v>
      </c>
      <c r="DF2237" s="6" t="s">
        <v>363</v>
      </c>
      <c r="DG2237" s="6" t="s">
        <v>376</v>
      </c>
      <c r="DH2237" s="6" t="s">
        <v>468</v>
      </c>
      <c r="DI2237" s="6" t="s">
        <v>461</v>
      </c>
      <c r="DJ2237" s="6">
        <v>29</v>
      </c>
      <c r="DK2237" s="6">
        <v>209</v>
      </c>
      <c r="DL2237" s="6">
        <v>5</v>
      </c>
      <c r="DM2237" s="6" t="s">
        <v>392</v>
      </c>
      <c r="DN2237" s="6">
        <v>6</v>
      </c>
      <c r="DO2237" s="6" t="s">
        <v>393</v>
      </c>
      <c r="DP2237" s="6"/>
      <c r="DQ2237" s="6"/>
    </row>
    <row r="2238" spans="1:121" x14ac:dyDescent="0.2">
      <c r="A2238" s="6" t="s">
        <v>317</v>
      </c>
      <c r="B2238" s="6" t="s">
        <v>317</v>
      </c>
      <c r="C2238" s="6" t="s">
        <v>186</v>
      </c>
      <c r="D2238" s="6" t="s">
        <v>110</v>
      </c>
      <c r="E2238" s="6" t="s">
        <v>251</v>
      </c>
      <c r="F2238" s="11">
        <v>128</v>
      </c>
      <c r="G2238" s="13">
        <v>1.1299999999999999</v>
      </c>
      <c r="H2238" s="11">
        <v>44</v>
      </c>
      <c r="I2238" s="13">
        <v>0.38938053097345138</v>
      </c>
      <c r="J2238" s="11">
        <v>20</v>
      </c>
      <c r="K2238" s="13">
        <v>0.12738853503184713</v>
      </c>
      <c r="L2238" s="11">
        <v>64</v>
      </c>
      <c r="M2238" s="13">
        <v>0.3615819209039548</v>
      </c>
      <c r="N2238" s="11">
        <v>84</v>
      </c>
      <c r="O2238" s="13">
        <v>0.53503184713375795</v>
      </c>
      <c r="P2238" s="7">
        <v>113</v>
      </c>
      <c r="Q2238" s="7">
        <v>119</v>
      </c>
      <c r="R2238" s="7">
        <v>129</v>
      </c>
      <c r="S2238" s="7">
        <v>143</v>
      </c>
      <c r="T2238" s="7">
        <v>148</v>
      </c>
      <c r="U2238" s="7">
        <v>166</v>
      </c>
      <c r="V2238" s="7">
        <v>157</v>
      </c>
      <c r="W2238" s="7">
        <v>128</v>
      </c>
      <c r="X2238" s="7">
        <v>135</v>
      </c>
      <c r="Y2238" s="7">
        <v>177</v>
      </c>
      <c r="Z2238" s="7">
        <v>154</v>
      </c>
      <c r="AA2238" s="7">
        <v>187</v>
      </c>
      <c r="AB2238" s="7">
        <v>202</v>
      </c>
      <c r="AC2238" s="7">
        <v>208</v>
      </c>
      <c r="AD2238" s="7">
        <v>212</v>
      </c>
      <c r="AE2238" s="7">
        <v>228</v>
      </c>
      <c r="AF2238" s="7">
        <v>241</v>
      </c>
      <c r="AG2238" s="9">
        <v>1355</v>
      </c>
      <c r="AH2238" s="13">
        <v>4.5879325523125888E-2</v>
      </c>
      <c r="AI2238" s="9">
        <v>719</v>
      </c>
      <c r="AJ2238" s="13">
        <v>2.4344822915961264E-2</v>
      </c>
      <c r="AK2238" s="9">
        <v>66</v>
      </c>
      <c r="AL2238" s="13">
        <v>2.1816018246124352E-3</v>
      </c>
      <c r="AM2238" s="9">
        <v>570</v>
      </c>
      <c r="AN2238" s="13">
        <v>1.8800092351330847E-2</v>
      </c>
      <c r="AO2238" s="9">
        <v>636</v>
      </c>
      <c r="AP2238" s="13">
        <v>2.1022708491719829E-2</v>
      </c>
      <c r="AQ2238" s="9">
        <v>29534</v>
      </c>
      <c r="AR2238" s="9">
        <v>32322</v>
      </c>
      <c r="AS2238" s="9">
        <v>33740</v>
      </c>
      <c r="AT2238" s="9">
        <v>31815</v>
      </c>
      <c r="AU2238" s="9">
        <v>36188</v>
      </c>
      <c r="AV2238" s="9">
        <v>36643</v>
      </c>
      <c r="AW2238" s="9">
        <v>30253</v>
      </c>
      <c r="AX2238" s="9">
        <v>31003</v>
      </c>
      <c r="AY2238" s="9">
        <v>30616</v>
      </c>
      <c r="AZ2238" s="9">
        <v>30319</v>
      </c>
      <c r="BA2238" s="9">
        <v>28081</v>
      </c>
      <c r="BB2238" s="9">
        <v>29779</v>
      </c>
      <c r="BC2238" s="9">
        <v>29143</v>
      </c>
      <c r="BD2238" s="9">
        <v>29396</v>
      </c>
      <c r="BE2238" s="9">
        <v>30797</v>
      </c>
      <c r="BF2238" s="9">
        <v>30889</v>
      </c>
      <c r="BG2238" s="11">
        <v>9</v>
      </c>
      <c r="BH2238" s="13">
        <v>0.31034482758620691</v>
      </c>
      <c r="BI2238" s="6">
        <v>4</v>
      </c>
      <c r="BJ2238" s="13">
        <v>0.13793103448275862</v>
      </c>
      <c r="BK2238" s="6">
        <v>-1</v>
      </c>
      <c r="BL2238" s="13">
        <v>-3.0303030303030304E-2</v>
      </c>
      <c r="BM2238" s="11">
        <v>6</v>
      </c>
      <c r="BN2238" s="13">
        <v>0.1875</v>
      </c>
      <c r="BO2238" s="11">
        <v>5</v>
      </c>
      <c r="BP2238" s="13">
        <v>0.15151515151515152</v>
      </c>
      <c r="BQ2238" s="6">
        <v>29</v>
      </c>
      <c r="BR2238" s="6">
        <v>34</v>
      </c>
      <c r="BS2238" s="6">
        <v>34</v>
      </c>
      <c r="BT2238" s="6">
        <v>33</v>
      </c>
      <c r="BU2238" s="6">
        <v>32</v>
      </c>
      <c r="BV2238" s="6">
        <v>28</v>
      </c>
      <c r="BW2238" s="6">
        <v>32</v>
      </c>
      <c r="BX2238" s="6">
        <v>26</v>
      </c>
      <c r="BY2238" s="6">
        <v>32</v>
      </c>
      <c r="BZ2238" s="6">
        <v>38</v>
      </c>
      <c r="CA2238" s="6">
        <v>35</v>
      </c>
      <c r="CB2238" s="6">
        <v>37</v>
      </c>
      <c r="CC2238" s="11">
        <v>38</v>
      </c>
      <c r="CD2238" s="11">
        <v>92</v>
      </c>
      <c r="CE2238" s="11">
        <v>23</v>
      </c>
      <c r="CF2238" s="11">
        <v>12</v>
      </c>
      <c r="CG2238" s="11">
        <v>35</v>
      </c>
      <c r="CH2238" s="20">
        <v>0.26</v>
      </c>
      <c r="CI2238" s="20">
        <v>0.27</v>
      </c>
      <c r="CJ2238" s="20">
        <v>0.28999999999999998</v>
      </c>
      <c r="CK2238" s="20">
        <v>0.31</v>
      </c>
      <c r="CL2238" s="20">
        <v>0.31</v>
      </c>
      <c r="CM2238" s="20">
        <v>0.33</v>
      </c>
      <c r="CN2238" s="20">
        <v>0.31</v>
      </c>
      <c r="CO2238" s="20">
        <v>0.24</v>
      </c>
      <c r="CP2238" s="20">
        <v>0.26</v>
      </c>
      <c r="CQ2238" s="20">
        <v>0.44</v>
      </c>
      <c r="CR2238" s="20">
        <v>0.39</v>
      </c>
      <c r="CS2238" s="20">
        <v>0.47</v>
      </c>
      <c r="CT2238" s="20">
        <v>0.5</v>
      </c>
      <c r="CU2238" s="20">
        <v>0.51</v>
      </c>
      <c r="CV2238" s="20">
        <v>0.48</v>
      </c>
      <c r="CW2238" s="20">
        <v>0.5</v>
      </c>
      <c r="CX2238" s="20">
        <v>0.51</v>
      </c>
      <c r="CY2238" s="6" t="s">
        <v>713</v>
      </c>
      <c r="CZ2238" s="6" t="s">
        <v>714</v>
      </c>
      <c r="DA2238" s="6" t="s">
        <v>110</v>
      </c>
      <c r="DB2238" s="6"/>
      <c r="DC2238" s="6">
        <v>14700</v>
      </c>
      <c r="DD2238" s="6">
        <v>520</v>
      </c>
      <c r="DE2238" s="6" t="s">
        <v>716</v>
      </c>
      <c r="DF2238" s="6" t="s">
        <v>363</v>
      </c>
      <c r="DG2238" s="6" t="s">
        <v>376</v>
      </c>
      <c r="DH2238" s="6" t="s">
        <v>468</v>
      </c>
      <c r="DI2238" s="6" t="s">
        <v>461</v>
      </c>
      <c r="DJ2238" s="6">
        <v>29</v>
      </c>
      <c r="DK2238" s="6">
        <v>209</v>
      </c>
      <c r="DL2238" s="6">
        <v>5</v>
      </c>
      <c r="DM2238" s="6" t="s">
        <v>392</v>
      </c>
      <c r="DN2238" s="6">
        <v>6</v>
      </c>
      <c r="DO2238" s="6" t="s">
        <v>393</v>
      </c>
      <c r="DP2238" s="6"/>
      <c r="DQ2238" s="6"/>
    </row>
    <row r="2239" spans="1:121" x14ac:dyDescent="0.2">
      <c r="A2239" s="6" t="s">
        <v>318</v>
      </c>
      <c r="B2239" s="6" t="s">
        <v>318</v>
      </c>
      <c r="C2239" s="6" t="s">
        <v>187</v>
      </c>
      <c r="D2239" s="6" t="s">
        <v>110</v>
      </c>
      <c r="E2239" s="6" t="s">
        <v>251</v>
      </c>
      <c r="F2239" s="11">
        <v>1</v>
      </c>
      <c r="G2239" s="13">
        <v>1</v>
      </c>
      <c r="H2239" s="11">
        <v>15.926002</v>
      </c>
      <c r="I2239" s="13">
        <v>3.1852004000000003</v>
      </c>
      <c r="J2239" s="11">
        <v>-8.4939970000000002</v>
      </c>
      <c r="K2239" s="13">
        <v>-0.4059063456077277</v>
      </c>
      <c r="L2239" s="11">
        <v>63.015843869699992</v>
      </c>
      <c r="M2239" s="13">
        <v>5.0688399714848886</v>
      </c>
      <c r="N2239" s="11">
        <v>54.521846869699999</v>
      </c>
      <c r="O2239" s="13">
        <v>2.6054593165813515</v>
      </c>
      <c r="P2239" s="7">
        <v>5</v>
      </c>
      <c r="Q2239" s="7">
        <v>16.512149000000001</v>
      </c>
      <c r="R2239" s="7">
        <v>20.525517000000001</v>
      </c>
      <c r="S2239" s="7">
        <v>11.297255</v>
      </c>
      <c r="T2239" s="7">
        <v>16.192886000000001</v>
      </c>
      <c r="U2239" s="7">
        <v>21.857022000000001</v>
      </c>
      <c r="V2239" s="7">
        <v>20.926002</v>
      </c>
      <c r="W2239" s="7">
        <v>29.771846</v>
      </c>
      <c r="X2239" s="7">
        <v>16.726693000000001</v>
      </c>
      <c r="Y2239" s="7">
        <v>12.432005</v>
      </c>
      <c r="Z2239" s="7">
        <v>24.542484000000002</v>
      </c>
      <c r="AA2239" s="7">
        <v>16.11551</v>
      </c>
      <c r="AB2239" s="7">
        <v>40.009582999999999</v>
      </c>
      <c r="AC2239" s="7">
        <v>40.960743000000001</v>
      </c>
      <c r="AD2239" s="7">
        <v>57.964877999999999</v>
      </c>
      <c r="AE2239" s="7">
        <v>68.007856500000003</v>
      </c>
      <c r="AF2239" s="7">
        <v>75.447848869699996</v>
      </c>
      <c r="AG2239" s="9">
        <v>63064.117496799998</v>
      </c>
      <c r="AH2239" s="13">
        <v>63064.117496799998</v>
      </c>
      <c r="AI2239" s="9">
        <v>29609.245846099999</v>
      </c>
      <c r="AJ2239" s="13">
        <v>29609.245846099999</v>
      </c>
      <c r="AK2239" s="9">
        <v>34606.056317900002</v>
      </c>
      <c r="AL2239" s="13">
        <v>1.1687189798344078</v>
      </c>
      <c r="AM2239" s="9">
        <v>-1151.1846672000029</v>
      </c>
      <c r="AN2239" s="13">
        <v>-1.7926673265303075E-2</v>
      </c>
      <c r="AO2239" s="9">
        <v>33454.871650699999</v>
      </c>
      <c r="AP2239" s="13">
        <v>1.1298410632786549</v>
      </c>
      <c r="AQ2239" s="9">
        <v>1</v>
      </c>
      <c r="AR2239" s="9">
        <v>31915.955431400002</v>
      </c>
      <c r="AS2239" s="9">
        <v>33735.346353699999</v>
      </c>
      <c r="AT2239" s="9">
        <v>81852.328405099994</v>
      </c>
      <c r="AU2239" s="9">
        <v>52647.727477400003</v>
      </c>
      <c r="AV2239" s="9">
        <v>38135.340693099999</v>
      </c>
      <c r="AW2239" s="9">
        <v>29610.245846099999</v>
      </c>
      <c r="AX2239" s="9">
        <v>31958.861212899999</v>
      </c>
      <c r="AY2239" s="9">
        <v>55532.178155100002</v>
      </c>
      <c r="AZ2239" s="9">
        <v>64216.302164000001</v>
      </c>
      <c r="BA2239" s="9">
        <v>37627.494068799999</v>
      </c>
      <c r="BB2239" s="9">
        <v>52860.318743999997</v>
      </c>
      <c r="BC2239" s="9">
        <v>37223.959986599999</v>
      </c>
      <c r="BD2239" s="9">
        <v>42194.219312000001</v>
      </c>
      <c r="BE2239" s="9">
        <v>58414.209430000003</v>
      </c>
      <c r="BF2239" s="9">
        <v>63065.117496799998</v>
      </c>
      <c r="BG2239" s="11">
        <v>5</v>
      </c>
      <c r="BH2239" s="13">
        <v>5</v>
      </c>
      <c r="BI2239" s="6">
        <v>1</v>
      </c>
      <c r="BJ2239" s="13">
        <v>1</v>
      </c>
      <c r="BK2239" s="6">
        <v>2</v>
      </c>
      <c r="BL2239" s="13">
        <v>1</v>
      </c>
      <c r="BM2239" s="11">
        <v>2</v>
      </c>
      <c r="BN2239" s="13">
        <v>0.5</v>
      </c>
      <c r="BO2239" s="11">
        <v>4</v>
      </c>
      <c r="BP2239" s="13">
        <v>2</v>
      </c>
      <c r="BQ2239" s="6">
        <v>1</v>
      </c>
      <c r="BR2239" s="6">
        <v>2</v>
      </c>
      <c r="BS2239" s="6">
        <v>2</v>
      </c>
      <c r="BT2239" s="6">
        <v>2</v>
      </c>
      <c r="BU2239" s="6">
        <v>3</v>
      </c>
      <c r="BV2239" s="6">
        <v>4</v>
      </c>
      <c r="BW2239" s="6">
        <v>4</v>
      </c>
      <c r="BX2239" s="6">
        <v>3</v>
      </c>
      <c r="BY2239" s="6">
        <v>2</v>
      </c>
      <c r="BZ2239" s="6">
        <v>3</v>
      </c>
      <c r="CA2239" s="6">
        <v>3</v>
      </c>
      <c r="CB2239" s="6">
        <v>6</v>
      </c>
      <c r="CC2239" s="11">
        <v>6</v>
      </c>
      <c r="CD2239" s="11">
        <v>67.650499999999994</v>
      </c>
      <c r="CE2239" s="11">
        <v>1.2614799999999999</v>
      </c>
      <c r="CF2239" s="11">
        <v>0.64404300000000003</v>
      </c>
      <c r="CG2239" s="11">
        <v>2</v>
      </c>
      <c r="CH2239" s="20">
        <v>6.2541600000000003E-2</v>
      </c>
      <c r="CI2239" s="20">
        <v>0.173517</v>
      </c>
      <c r="CJ2239" s="20">
        <v>0.21320900000000001</v>
      </c>
      <c r="CK2239" s="20">
        <v>0.116116</v>
      </c>
      <c r="CL2239" s="20">
        <v>0.16173299999999999</v>
      </c>
      <c r="CM2239" s="20">
        <v>0.21149200000000001</v>
      </c>
      <c r="CN2239" s="20">
        <v>0.19716700000000001</v>
      </c>
      <c r="CO2239" s="20">
        <v>0.26066299999999998</v>
      </c>
      <c r="CP2239" s="20">
        <v>0.15309500000000001</v>
      </c>
      <c r="CQ2239" s="20">
        <v>0.14496000000000001</v>
      </c>
      <c r="CR2239" s="20">
        <v>0.28760799999999997</v>
      </c>
      <c r="CS2239" s="20">
        <v>0.18318400000000001</v>
      </c>
      <c r="CT2239" s="20">
        <v>0.44274799999999997</v>
      </c>
      <c r="CU2239" s="20">
        <v>0.45125999999999999</v>
      </c>
      <c r="CV2239" s="20">
        <v>0.59387599999999996</v>
      </c>
      <c r="CW2239" s="20">
        <v>0.67719099999999999</v>
      </c>
      <c r="CX2239" s="20">
        <v>0.73357499999999998</v>
      </c>
      <c r="CY2239" s="6" t="s">
        <v>713</v>
      </c>
      <c r="CZ2239" s="6" t="s">
        <v>714</v>
      </c>
      <c r="DA2239" s="6" t="s">
        <v>110</v>
      </c>
      <c r="DB2239" s="6"/>
      <c r="DC2239" s="6">
        <v>14700</v>
      </c>
      <c r="DD2239" s="6">
        <v>520</v>
      </c>
      <c r="DE2239" s="6" t="s">
        <v>716</v>
      </c>
      <c r="DF2239" s="6" t="s">
        <v>363</v>
      </c>
      <c r="DG2239" s="6" t="s">
        <v>376</v>
      </c>
      <c r="DH2239" s="6" t="s">
        <v>468</v>
      </c>
      <c r="DI2239" s="6" t="s">
        <v>461</v>
      </c>
      <c r="DJ2239" s="6">
        <v>29</v>
      </c>
      <c r="DK2239" s="6">
        <v>209</v>
      </c>
      <c r="DL2239" s="6">
        <v>5</v>
      </c>
      <c r="DM2239" s="6" t="s">
        <v>392</v>
      </c>
      <c r="DN2239" s="6">
        <v>6</v>
      </c>
      <c r="DO2239" s="6" t="s">
        <v>393</v>
      </c>
      <c r="DP2239" s="6"/>
      <c r="DQ2239" s="6"/>
    </row>
    <row r="2240" spans="1:121" x14ac:dyDescent="0.2">
      <c r="A2240" s="6" t="s">
        <v>319</v>
      </c>
      <c r="B2240" s="6" t="s">
        <v>319</v>
      </c>
      <c r="C2240" s="6" t="s">
        <v>188</v>
      </c>
      <c r="D2240" s="6" t="s">
        <v>110</v>
      </c>
      <c r="E2240" s="6" t="s">
        <v>251</v>
      </c>
      <c r="F2240" s="11">
        <v>314</v>
      </c>
      <c r="G2240" s="13">
        <v>0.81347150259099998</v>
      </c>
      <c r="H2240" s="11">
        <v>24.479588368000009</v>
      </c>
      <c r="I2240" s="13">
        <v>6.3447076645338815E-2</v>
      </c>
      <c r="J2240" s="11">
        <v>-163.31026428800001</v>
      </c>
      <c r="K2240" s="13">
        <v>-0.39802019278488393</v>
      </c>
      <c r="L2240" s="11">
        <v>453.11221369200007</v>
      </c>
      <c r="M2240" s="13">
        <v>1.834490509521068</v>
      </c>
      <c r="N2240" s="11">
        <v>289.80194940400003</v>
      </c>
      <c r="O2240" s="13">
        <v>0.70630605047456851</v>
      </c>
      <c r="P2240" s="7">
        <v>385.826891676</v>
      </c>
      <c r="Q2240" s="7">
        <v>463.22359689699999</v>
      </c>
      <c r="R2240" s="7">
        <v>573.78160634300002</v>
      </c>
      <c r="S2240" s="7">
        <v>464.01003598099999</v>
      </c>
      <c r="T2240" s="7">
        <v>538.95705836900004</v>
      </c>
      <c r="U2240" s="7">
        <v>535.188058662</v>
      </c>
      <c r="V2240" s="7">
        <v>410.30648004400001</v>
      </c>
      <c r="W2240" s="7">
        <v>547.55403104200002</v>
      </c>
      <c r="X2240" s="7">
        <v>444.941227502</v>
      </c>
      <c r="Y2240" s="7">
        <v>246.996215756</v>
      </c>
      <c r="Z2240" s="7">
        <v>284.71534050600002</v>
      </c>
      <c r="AA2240" s="7">
        <v>324.54932931299999</v>
      </c>
      <c r="AB2240" s="7">
        <v>493.18984058900003</v>
      </c>
      <c r="AC2240" s="7">
        <v>520.89146201699998</v>
      </c>
      <c r="AD2240" s="7">
        <v>614.22084615400001</v>
      </c>
      <c r="AE2240" s="7">
        <v>650.06312413800003</v>
      </c>
      <c r="AF2240" s="7">
        <v>700.10842944800004</v>
      </c>
      <c r="AG2240" s="9">
        <v>11421.050785199997</v>
      </c>
      <c r="AH2240" s="13">
        <v>0.38756505371055688</v>
      </c>
      <c r="AI2240" s="9">
        <v>1159.9054106000003</v>
      </c>
      <c r="AJ2240" s="13">
        <v>3.9360546696884567E-2</v>
      </c>
      <c r="AK2240" s="9">
        <v>-9729.317577400001</v>
      </c>
      <c r="AL2240" s="13">
        <v>-0.31765427163594112</v>
      </c>
      <c r="AM2240" s="9">
        <v>19990.462951999998</v>
      </c>
      <c r="AN2240" s="13">
        <v>0.95651259955662149</v>
      </c>
      <c r="AO2240" s="9">
        <v>10261.145374599997</v>
      </c>
      <c r="AP2240" s="13">
        <v>0.3350180147979212</v>
      </c>
      <c r="AQ2240" s="9">
        <v>29468.732218900001</v>
      </c>
      <c r="AR2240" s="9">
        <v>32271.712767199999</v>
      </c>
      <c r="AS2240" s="9">
        <v>35878.9537451</v>
      </c>
      <c r="AT2240" s="9">
        <v>31762.8110137</v>
      </c>
      <c r="AU2240" s="9">
        <v>29563.545042900001</v>
      </c>
      <c r="AV2240" s="9">
        <v>33935.315014300002</v>
      </c>
      <c r="AW2240" s="9">
        <v>30628.637629500001</v>
      </c>
      <c r="AX2240" s="9">
        <v>36164.251415500003</v>
      </c>
      <c r="AY2240" s="9">
        <v>34767.3344535</v>
      </c>
      <c r="AZ2240" s="9">
        <v>20899.3200521</v>
      </c>
      <c r="BA2240" s="9">
        <v>27825.494501599998</v>
      </c>
      <c r="BB2240" s="9">
        <v>29672.912842000002</v>
      </c>
      <c r="BC2240" s="9">
        <v>32773.340843099999</v>
      </c>
      <c r="BD2240" s="9">
        <v>38291.844235700002</v>
      </c>
      <c r="BE2240" s="9">
        <v>38080.362610700002</v>
      </c>
      <c r="BF2240" s="9">
        <v>40889.783004099998</v>
      </c>
      <c r="BG2240" s="11">
        <v>2.5</v>
      </c>
      <c r="BH2240" s="13">
        <v>5.9523809523809521E-2</v>
      </c>
      <c r="BI2240" s="6">
        <v>4</v>
      </c>
      <c r="BJ2240" s="13">
        <v>9.5238095238095233E-2</v>
      </c>
      <c r="BK2240" s="6">
        <v>-5</v>
      </c>
      <c r="BL2240" s="13">
        <v>-0.10869565217391304</v>
      </c>
      <c r="BM2240" s="11">
        <v>3.5</v>
      </c>
      <c r="BN2240" s="13">
        <v>8.5365853658536592E-2</v>
      </c>
      <c r="BO2240" s="11">
        <v>-1.5</v>
      </c>
      <c r="BP2240" s="13">
        <v>-3.2608695652173912E-2</v>
      </c>
      <c r="BQ2240" s="6">
        <v>42</v>
      </c>
      <c r="BR2240" s="6">
        <v>41</v>
      </c>
      <c r="BS2240" s="6">
        <v>46</v>
      </c>
      <c r="BT2240" s="6">
        <v>46</v>
      </c>
      <c r="BU2240" s="6">
        <v>41</v>
      </c>
      <c r="BV2240" s="6">
        <v>40</v>
      </c>
      <c r="BW2240" s="6">
        <v>41</v>
      </c>
      <c r="BX2240" s="6">
        <v>44</v>
      </c>
      <c r="BY2240" s="6">
        <v>44</v>
      </c>
      <c r="BZ2240" s="6">
        <v>50</v>
      </c>
      <c r="CA2240" s="6">
        <v>45</v>
      </c>
      <c r="CB2240" s="6">
        <v>45</v>
      </c>
      <c r="CC2240" s="11">
        <v>44.5</v>
      </c>
      <c r="CD2240" s="11">
        <v>237.392</v>
      </c>
      <c r="CE2240" s="11">
        <v>34.713799999999999</v>
      </c>
      <c r="CF2240" s="11">
        <v>42.1755</v>
      </c>
      <c r="CG2240" s="11">
        <v>77</v>
      </c>
      <c r="CH2240" s="20">
        <v>0.83493899999999999</v>
      </c>
      <c r="CI2240" s="20">
        <v>0.98268200000000006</v>
      </c>
      <c r="CJ2240" s="20">
        <v>1.1818299999999999</v>
      </c>
      <c r="CK2240" s="20">
        <v>0.93462699999999999</v>
      </c>
      <c r="CL2240" s="20">
        <v>1.04748</v>
      </c>
      <c r="CM2240" s="20">
        <v>1.00309</v>
      </c>
      <c r="CN2240" s="20">
        <v>0.76456100000000005</v>
      </c>
      <c r="CO2240" s="20">
        <v>1.02163</v>
      </c>
      <c r="CP2240" s="20">
        <v>0.93426399999999998</v>
      </c>
      <c r="CQ2240" s="20">
        <v>0.64222699999999999</v>
      </c>
      <c r="CR2240" s="20">
        <v>0.73995599999999995</v>
      </c>
      <c r="CS2240" s="20">
        <v>0.82867100000000005</v>
      </c>
      <c r="CT2240" s="20">
        <v>1.2399</v>
      </c>
      <c r="CU2240" s="20">
        <v>1.3020799999999999</v>
      </c>
      <c r="CV2240" s="20">
        <v>1.42397</v>
      </c>
      <c r="CW2240" s="20">
        <v>1.4581200000000001</v>
      </c>
      <c r="CX2240" s="20">
        <v>1.5313600000000001</v>
      </c>
      <c r="CY2240" s="6" t="s">
        <v>713</v>
      </c>
      <c r="CZ2240" s="6" t="s">
        <v>714</v>
      </c>
      <c r="DA2240" s="6" t="s">
        <v>110</v>
      </c>
      <c r="DB2240" s="6"/>
      <c r="DC2240" s="6">
        <v>14700</v>
      </c>
      <c r="DD2240" s="6">
        <v>520</v>
      </c>
      <c r="DE2240" s="6" t="s">
        <v>716</v>
      </c>
      <c r="DF2240" s="6" t="s">
        <v>363</v>
      </c>
      <c r="DG2240" s="6" t="s">
        <v>376</v>
      </c>
      <c r="DH2240" s="6" t="s">
        <v>468</v>
      </c>
      <c r="DI2240" s="6" t="s">
        <v>461</v>
      </c>
      <c r="DJ2240" s="6">
        <v>29</v>
      </c>
      <c r="DK2240" s="6">
        <v>209</v>
      </c>
      <c r="DL2240" s="6">
        <v>5</v>
      </c>
      <c r="DM2240" s="6" t="s">
        <v>392</v>
      </c>
      <c r="DN2240" s="6">
        <v>6</v>
      </c>
      <c r="DO2240" s="6" t="s">
        <v>393</v>
      </c>
      <c r="DP2240" s="6"/>
      <c r="DQ2240" s="6"/>
    </row>
    <row r="2241" spans="1:121" x14ac:dyDescent="0.2">
      <c r="A2241" s="6" t="s">
        <v>320</v>
      </c>
      <c r="B2241" s="6" t="s">
        <v>320</v>
      </c>
      <c r="C2241" s="6" t="s">
        <v>189</v>
      </c>
      <c r="D2241" s="6" t="s">
        <v>110</v>
      </c>
      <c r="E2241" s="6" t="s">
        <v>251</v>
      </c>
      <c r="F2241" s="11">
        <v>21</v>
      </c>
      <c r="G2241" s="13">
        <v>1.5</v>
      </c>
      <c r="H2241" s="11">
        <v>-9.2861450670999997</v>
      </c>
      <c r="I2241" s="13">
        <v>-0.65001055382570261</v>
      </c>
      <c r="J2241" s="11">
        <v>5.8480402184999996</v>
      </c>
      <c r="K2241" s="13">
        <v>1.1696080436999998</v>
      </c>
      <c r="L2241" s="11">
        <v>24.5307787588</v>
      </c>
      <c r="M2241" s="13">
        <v>2.2613097172119412</v>
      </c>
      <c r="N2241" s="11">
        <v>30.3788189773</v>
      </c>
      <c r="O2241" s="13">
        <v>6.0757637954600003</v>
      </c>
      <c r="P2241" s="7">
        <v>14.2861450671</v>
      </c>
      <c r="Q2241" s="7">
        <v>17.903451019999999</v>
      </c>
      <c r="R2241" s="7">
        <v>18.9287152719</v>
      </c>
      <c r="S2241" s="7">
        <v>18.656344477200001</v>
      </c>
      <c r="T2241" s="7">
        <v>14.7719777106</v>
      </c>
      <c r="U2241" s="7">
        <v>5</v>
      </c>
      <c r="V2241" s="7">
        <v>5</v>
      </c>
      <c r="W2241" s="7">
        <v>5</v>
      </c>
      <c r="X2241" s="7">
        <v>10.6672457755</v>
      </c>
      <c r="Y2241" s="7">
        <v>10.8480402185</v>
      </c>
      <c r="Z2241" s="7">
        <v>16.120060548200001</v>
      </c>
      <c r="AA2241" s="7">
        <v>24.269805809699999</v>
      </c>
      <c r="AB2241" s="7">
        <v>37.924128596499997</v>
      </c>
      <c r="AC2241" s="7">
        <v>29.220380889200001</v>
      </c>
      <c r="AD2241" s="7">
        <v>29.1089379384</v>
      </c>
      <c r="AE2241" s="7">
        <v>32.663442022399998</v>
      </c>
      <c r="AF2241" s="7">
        <v>35.3788189773</v>
      </c>
      <c r="AG2241" s="9">
        <v>1065.9164505999979</v>
      </c>
      <c r="AH2241" s="13">
        <v>5.2528003825302691E-2</v>
      </c>
      <c r="AI2241" s="9">
        <v>-20291.346424300002</v>
      </c>
      <c r="AJ2241" s="13">
        <v>-0.99995072033666832</v>
      </c>
      <c r="AK2241" s="9">
        <v>27084.736627900002</v>
      </c>
      <c r="AL2241" s="13">
        <v>27084.736627900002</v>
      </c>
      <c r="AM2241" s="9">
        <v>-5727.473753000002</v>
      </c>
      <c r="AN2241" s="13">
        <v>-0.21145718987388903</v>
      </c>
      <c r="AO2241" s="9">
        <v>21357.2628749</v>
      </c>
      <c r="AP2241" s="13">
        <v>21357.2628749</v>
      </c>
      <c r="AQ2241" s="9">
        <v>20292.346424300002</v>
      </c>
      <c r="AR2241" s="9">
        <v>23891.478997300001</v>
      </c>
      <c r="AS2241" s="9">
        <v>14690.922593699999</v>
      </c>
      <c r="AT2241" s="9">
        <v>15013.872211800001</v>
      </c>
      <c r="AU2241" s="9">
        <v>14550.449499300001</v>
      </c>
      <c r="AV2241" s="9">
        <v>1</v>
      </c>
      <c r="AW2241" s="9">
        <v>1</v>
      </c>
      <c r="AX2241" s="9">
        <v>1</v>
      </c>
      <c r="AY2241" s="9">
        <v>20616.4510314</v>
      </c>
      <c r="AZ2241" s="9">
        <v>27085.736627900002</v>
      </c>
      <c r="BA2241" s="9">
        <v>40968.388650300003</v>
      </c>
      <c r="BB2241" s="9">
        <v>32285.397512700001</v>
      </c>
      <c r="BC2241" s="9">
        <v>24248.1487963</v>
      </c>
      <c r="BD2241" s="9">
        <v>22431.157560899999</v>
      </c>
      <c r="BE2241" s="9">
        <v>22925.103604600001</v>
      </c>
      <c r="BF2241" s="9">
        <v>21358.2628749</v>
      </c>
      <c r="BG2241" s="11">
        <v>0</v>
      </c>
      <c r="BH2241" s="13">
        <v>0</v>
      </c>
      <c r="BI2241" s="6">
        <v>2</v>
      </c>
      <c r="BJ2241" s="13">
        <v>1</v>
      </c>
      <c r="BK2241" s="6">
        <v>-1</v>
      </c>
      <c r="BL2241" s="13">
        <v>-0.25</v>
      </c>
      <c r="BM2241" s="11">
        <v>-1</v>
      </c>
      <c r="BN2241" s="13">
        <v>-0.33333333333333331</v>
      </c>
      <c r="BO2241" s="11">
        <v>-2</v>
      </c>
      <c r="BP2241" s="13">
        <v>-0.5</v>
      </c>
      <c r="BQ2241" s="6">
        <v>2</v>
      </c>
      <c r="BR2241" s="6">
        <v>3</v>
      </c>
      <c r="BS2241" s="6">
        <v>3</v>
      </c>
      <c r="BT2241" s="6">
        <v>4</v>
      </c>
      <c r="BU2241" s="6">
        <v>4</v>
      </c>
      <c r="BV2241" s="6">
        <v>3</v>
      </c>
      <c r="BW2241" s="6">
        <v>3</v>
      </c>
      <c r="BX2241" s="6">
        <v>2</v>
      </c>
      <c r="BY2241" s="6">
        <v>2</v>
      </c>
      <c r="BZ2241" s="6">
        <v>2</v>
      </c>
      <c r="CA2241" s="6">
        <v>2</v>
      </c>
      <c r="CB2241" s="6">
        <v>2</v>
      </c>
      <c r="CC2241" s="11">
        <v>2</v>
      </c>
      <c r="CD2241" s="11">
        <v>14.357900000000001</v>
      </c>
      <c r="CE2241" s="11">
        <v>5.1730799999999997</v>
      </c>
      <c r="CF2241" s="11">
        <v>1.56165</v>
      </c>
      <c r="CG2241" s="11">
        <v>7</v>
      </c>
      <c r="CH2241" s="20">
        <v>9.2664800000000005E-2</v>
      </c>
      <c r="CI2241" s="20">
        <v>0.108788</v>
      </c>
      <c r="CJ2241" s="20">
        <v>0.10845100000000001</v>
      </c>
      <c r="CK2241" s="20">
        <v>0.104131</v>
      </c>
      <c r="CL2241" s="20">
        <v>8.1337400000000004E-2</v>
      </c>
      <c r="CM2241" s="20">
        <v>5.1373200000000001E-2</v>
      </c>
      <c r="CN2241" s="20">
        <v>4.4022100000000002E-2</v>
      </c>
      <c r="CO2241" s="20">
        <v>4.2404999999999998E-2</v>
      </c>
      <c r="CP2241" s="20">
        <v>5.1651500000000003E-2</v>
      </c>
      <c r="CQ2241" s="20">
        <v>6.5532900000000005E-2</v>
      </c>
      <c r="CR2241" s="20">
        <v>9.8048200000000002E-2</v>
      </c>
      <c r="CS2241" s="20">
        <v>0.146425</v>
      </c>
      <c r="CT2241" s="20">
        <v>0.22823099999999999</v>
      </c>
      <c r="CU2241" s="20">
        <v>0.17694299999999999</v>
      </c>
      <c r="CV2241" s="20">
        <v>0.165246</v>
      </c>
      <c r="CW2241" s="20">
        <v>0.17963599999999999</v>
      </c>
      <c r="CX2241" s="20">
        <v>0.189052</v>
      </c>
      <c r="CY2241" s="6" t="s">
        <v>713</v>
      </c>
      <c r="CZ2241" s="6" t="s">
        <v>714</v>
      </c>
      <c r="DA2241" s="6" t="s">
        <v>110</v>
      </c>
      <c r="DB2241" s="6"/>
      <c r="DC2241" s="6">
        <v>14700</v>
      </c>
      <c r="DD2241" s="6">
        <v>520</v>
      </c>
      <c r="DE2241" s="6" t="s">
        <v>716</v>
      </c>
      <c r="DF2241" s="6" t="s">
        <v>363</v>
      </c>
      <c r="DG2241" s="6" t="s">
        <v>376</v>
      </c>
      <c r="DH2241" s="6" t="s">
        <v>468</v>
      </c>
      <c r="DI2241" s="6" t="s">
        <v>461</v>
      </c>
      <c r="DJ2241" s="6">
        <v>29</v>
      </c>
      <c r="DK2241" s="6">
        <v>209</v>
      </c>
      <c r="DL2241" s="6">
        <v>5</v>
      </c>
      <c r="DM2241" s="6" t="s">
        <v>392</v>
      </c>
      <c r="DN2241" s="6">
        <v>6</v>
      </c>
      <c r="DO2241" s="6" t="s">
        <v>393</v>
      </c>
      <c r="DP2241" s="6"/>
      <c r="DQ2241" s="6"/>
    </row>
    <row r="2242" spans="1:121" x14ac:dyDescent="0.2">
      <c r="A2242" s="6" t="s">
        <v>321</v>
      </c>
      <c r="B2242" s="6" t="s">
        <v>321</v>
      </c>
      <c r="C2242" s="6" t="s">
        <v>190</v>
      </c>
      <c r="D2242" s="6" t="s">
        <v>110</v>
      </c>
      <c r="E2242" s="6" t="s">
        <v>251</v>
      </c>
      <c r="F2242" s="11">
        <v>40</v>
      </c>
      <c r="G2242" s="13">
        <v>9.0909090909100002E-2</v>
      </c>
      <c r="H2242" s="11">
        <v>110.79905835099999</v>
      </c>
      <c r="I2242" s="13">
        <v>0.25171166981303822</v>
      </c>
      <c r="J2242" s="11">
        <v>-6.4888582309999947</v>
      </c>
      <c r="K2242" s="13">
        <v>-1.1776907549466066E-2</v>
      </c>
      <c r="L2242" s="11">
        <v>-64.774762011999997</v>
      </c>
      <c r="M2242" s="13">
        <v>-0.11896352052940316</v>
      </c>
      <c r="N2242" s="11">
        <v>-71.263620242999991</v>
      </c>
      <c r="O2242" s="13">
        <v>-0.12933940569583544</v>
      </c>
      <c r="P2242" s="7">
        <v>440.18244538800002</v>
      </c>
      <c r="Q2242" s="7">
        <v>486.20715202700001</v>
      </c>
      <c r="R2242" s="7">
        <v>539.59466348700005</v>
      </c>
      <c r="S2242" s="7">
        <v>528.99491151799998</v>
      </c>
      <c r="T2242" s="7">
        <v>506.04226788099999</v>
      </c>
      <c r="U2242" s="7">
        <v>541.39796210899999</v>
      </c>
      <c r="V2242" s="7">
        <v>550.981503739</v>
      </c>
      <c r="W2242" s="7">
        <v>579.90703711599997</v>
      </c>
      <c r="X2242" s="7">
        <v>604.64543912099998</v>
      </c>
      <c r="Y2242" s="7">
        <v>544.49264550800001</v>
      </c>
      <c r="Z2242" s="7">
        <v>522.55100503000006</v>
      </c>
      <c r="AA2242" s="7">
        <v>559.72008719799999</v>
      </c>
      <c r="AB2242" s="7">
        <v>518.84612971800004</v>
      </c>
      <c r="AC2242" s="7">
        <v>517.64398132999997</v>
      </c>
      <c r="AD2242" s="7">
        <v>503.87210544999999</v>
      </c>
      <c r="AE2242" s="7">
        <v>478.36984106300002</v>
      </c>
      <c r="AF2242" s="7">
        <v>479.71788349600001</v>
      </c>
      <c r="AG2242" s="9">
        <v>13927.1630401</v>
      </c>
      <c r="AH2242" s="13">
        <v>0.6109408278213978</v>
      </c>
      <c r="AI2242" s="9">
        <v>7530.7258449000001</v>
      </c>
      <c r="AJ2242" s="13">
        <v>0.33034925121018521</v>
      </c>
      <c r="AK2242" s="9">
        <v>4381.1138343999992</v>
      </c>
      <c r="AL2242" s="13">
        <v>0.14446257686835262</v>
      </c>
      <c r="AM2242" s="9">
        <v>2015.323360800001</v>
      </c>
      <c r="AN2242" s="13">
        <v>5.8064937479116431E-2</v>
      </c>
      <c r="AO2242" s="9">
        <v>6396.4371952000001</v>
      </c>
      <c r="AP2242" s="13">
        <v>0.210915724841402</v>
      </c>
      <c r="AQ2242" s="9">
        <v>22796.2552278</v>
      </c>
      <c r="AR2242" s="9">
        <v>26946.778239300002</v>
      </c>
      <c r="AS2242" s="9">
        <v>29284.474450199999</v>
      </c>
      <c r="AT2242" s="9">
        <v>29255.410063399999</v>
      </c>
      <c r="AU2242" s="9">
        <v>30424.643219099999</v>
      </c>
      <c r="AV2242" s="9">
        <v>29194.643177499998</v>
      </c>
      <c r="AW2242" s="9">
        <v>30326.9810727</v>
      </c>
      <c r="AX2242" s="9">
        <v>35358.670737300003</v>
      </c>
      <c r="AY2242" s="9">
        <v>38600.360261399997</v>
      </c>
      <c r="AZ2242" s="9">
        <v>34708.0949071</v>
      </c>
      <c r="BA2242" s="9">
        <v>32632.615842200001</v>
      </c>
      <c r="BB2242" s="9">
        <v>33369.964159800002</v>
      </c>
      <c r="BC2242" s="9">
        <v>33526.829435500003</v>
      </c>
      <c r="BD2242" s="9">
        <v>32838.295764100003</v>
      </c>
      <c r="BE2242" s="9">
        <v>35187.566105600003</v>
      </c>
      <c r="BF2242" s="9">
        <v>36723.418267900001</v>
      </c>
      <c r="BG2242" s="11">
        <v>42.75</v>
      </c>
      <c r="BH2242" s="13">
        <v>1.0961538461538463</v>
      </c>
      <c r="BI2242" s="6">
        <v>0</v>
      </c>
      <c r="BJ2242" s="13">
        <v>0</v>
      </c>
      <c r="BK2242" s="6">
        <v>2</v>
      </c>
      <c r="BL2242" s="13">
        <v>5.128205128205128E-2</v>
      </c>
      <c r="BM2242" s="11">
        <v>40.75</v>
      </c>
      <c r="BN2242" s="13">
        <v>0.99390243902439024</v>
      </c>
      <c r="BO2242" s="11">
        <v>42.75</v>
      </c>
      <c r="BP2242" s="13">
        <v>1.0961538461538463</v>
      </c>
      <c r="BQ2242" s="6">
        <v>39</v>
      </c>
      <c r="BR2242" s="6">
        <v>37</v>
      </c>
      <c r="BS2242" s="6">
        <v>37</v>
      </c>
      <c r="BT2242" s="6">
        <v>39</v>
      </c>
      <c r="BU2242" s="6">
        <v>40</v>
      </c>
      <c r="BV2242" s="6">
        <v>43</v>
      </c>
      <c r="BW2242" s="6">
        <v>41</v>
      </c>
      <c r="BX2242" s="6">
        <v>42</v>
      </c>
      <c r="BY2242" s="6">
        <v>49</v>
      </c>
      <c r="BZ2242" s="6">
        <v>79</v>
      </c>
      <c r="CA2242" s="6">
        <v>80</v>
      </c>
      <c r="CB2242" s="6">
        <v>81</v>
      </c>
      <c r="CC2242" s="11">
        <v>81.75</v>
      </c>
      <c r="CD2242" s="11">
        <v>-168.88200000000001</v>
      </c>
      <c r="CE2242" s="11">
        <v>160.30000000000001</v>
      </c>
      <c r="CF2242" s="11">
        <v>48.117199999999997</v>
      </c>
      <c r="CG2242" s="11">
        <v>208</v>
      </c>
      <c r="CH2242" s="20">
        <v>0.57811999999999997</v>
      </c>
      <c r="CI2242" s="20">
        <v>0.60255800000000004</v>
      </c>
      <c r="CJ2242" s="20">
        <v>0.62944599999999995</v>
      </c>
      <c r="CK2242" s="20">
        <v>0.61091200000000001</v>
      </c>
      <c r="CL2242" s="20">
        <v>0.57027899999999998</v>
      </c>
      <c r="CM2242" s="20">
        <v>0.58939600000000003</v>
      </c>
      <c r="CN2242" s="20">
        <v>0.58574300000000001</v>
      </c>
      <c r="CO2242" s="20">
        <v>0.57565900000000003</v>
      </c>
      <c r="CP2242" s="20">
        <v>0.60259499999999999</v>
      </c>
      <c r="CQ2242" s="20">
        <v>0.68126799999999998</v>
      </c>
      <c r="CR2242" s="20">
        <v>0.67004300000000006</v>
      </c>
      <c r="CS2242" s="20">
        <v>0.700183</v>
      </c>
      <c r="CT2242" s="20">
        <v>0.64401799999999998</v>
      </c>
      <c r="CU2242" s="20">
        <v>0.64784200000000003</v>
      </c>
      <c r="CV2242" s="20">
        <v>0.58528000000000002</v>
      </c>
      <c r="CW2242" s="20">
        <v>0.53507400000000005</v>
      </c>
      <c r="CX2242" s="20">
        <v>0.51832299999999998</v>
      </c>
      <c r="CY2242" s="6" t="s">
        <v>713</v>
      </c>
      <c r="CZ2242" s="6" t="s">
        <v>714</v>
      </c>
      <c r="DA2242" s="6" t="s">
        <v>110</v>
      </c>
      <c r="DB2242" s="6"/>
      <c r="DC2242" s="6">
        <v>14700</v>
      </c>
      <c r="DD2242" s="6">
        <v>520</v>
      </c>
      <c r="DE2242" s="6" t="s">
        <v>716</v>
      </c>
      <c r="DF2242" s="6" t="s">
        <v>363</v>
      </c>
      <c r="DG2242" s="6" t="s">
        <v>376</v>
      </c>
      <c r="DH2242" s="6" t="s">
        <v>468</v>
      </c>
      <c r="DI2242" s="6" t="s">
        <v>461</v>
      </c>
      <c r="DJ2242" s="6">
        <v>29</v>
      </c>
      <c r="DK2242" s="6">
        <v>209</v>
      </c>
      <c r="DL2242" s="6">
        <v>5</v>
      </c>
      <c r="DM2242" s="6" t="s">
        <v>392</v>
      </c>
      <c r="DN2242" s="6">
        <v>6</v>
      </c>
      <c r="DO2242" s="6" t="s">
        <v>393</v>
      </c>
      <c r="DP2242" s="6"/>
      <c r="DQ2242" s="6"/>
    </row>
    <row r="2243" spans="1:121" x14ac:dyDescent="0.2">
      <c r="A2243" s="6" t="s">
        <v>322</v>
      </c>
      <c r="B2243" s="6" t="s">
        <v>322</v>
      </c>
      <c r="C2243" s="6" t="s">
        <v>191</v>
      </c>
      <c r="D2243" s="6" t="s">
        <v>110</v>
      </c>
      <c r="E2243" s="6" t="s">
        <v>251</v>
      </c>
      <c r="F2243" s="11">
        <v>-1083</v>
      </c>
      <c r="G2243" s="13">
        <v>-0.76</v>
      </c>
      <c r="H2243" s="11">
        <v>-28</v>
      </c>
      <c r="I2243" s="13">
        <v>-1.9732205778717409E-2</v>
      </c>
      <c r="J2243" s="11">
        <v>-1196</v>
      </c>
      <c r="K2243" s="13">
        <v>-0.85981308411214941</v>
      </c>
      <c r="L2243" s="11">
        <v>141</v>
      </c>
      <c r="M2243" s="13">
        <v>0.72307692307692306</v>
      </c>
      <c r="N2243" s="11">
        <v>-1055</v>
      </c>
      <c r="O2243" s="13">
        <v>-0.7584471603163192</v>
      </c>
      <c r="P2243" s="7">
        <v>1419</v>
      </c>
      <c r="Q2243" s="7">
        <v>1372</v>
      </c>
      <c r="R2243" s="7">
        <v>1323</v>
      </c>
      <c r="S2243" s="7">
        <v>1260</v>
      </c>
      <c r="T2243" s="7">
        <v>1302</v>
      </c>
      <c r="U2243" s="7">
        <v>1362</v>
      </c>
      <c r="V2243" s="7">
        <v>1391</v>
      </c>
      <c r="W2243" s="7">
        <v>1463</v>
      </c>
      <c r="X2243" s="7">
        <v>1427</v>
      </c>
      <c r="Y2243" s="7">
        <v>195</v>
      </c>
      <c r="Z2243" s="7">
        <v>178</v>
      </c>
      <c r="AA2243" s="7">
        <v>209</v>
      </c>
      <c r="AB2243" s="7">
        <v>195</v>
      </c>
      <c r="AC2243" s="7">
        <v>205</v>
      </c>
      <c r="AD2243" s="7">
        <v>279</v>
      </c>
      <c r="AE2243" s="7">
        <v>313</v>
      </c>
      <c r="AF2243" s="7">
        <v>336</v>
      </c>
      <c r="AG2243" s="9">
        <v>-385</v>
      </c>
      <c r="AH2243" s="13">
        <v>-1.664504971897968E-2</v>
      </c>
      <c r="AI2243" s="9">
        <v>3589</v>
      </c>
      <c r="AJ2243" s="13">
        <v>0.1551664504971898</v>
      </c>
      <c r="AK2243" s="9">
        <v>-7101</v>
      </c>
      <c r="AL2243" s="13">
        <v>-0.26576593435383061</v>
      </c>
      <c r="AM2243" s="9">
        <v>3127</v>
      </c>
      <c r="AN2243" s="13">
        <v>0.15939443368335202</v>
      </c>
      <c r="AO2243" s="9">
        <v>-3974</v>
      </c>
      <c r="AP2243" s="13">
        <v>-0.14873311126913433</v>
      </c>
      <c r="AQ2243" s="9">
        <v>23130</v>
      </c>
      <c r="AR2243" s="9">
        <v>24893</v>
      </c>
      <c r="AS2243" s="9">
        <v>23836</v>
      </c>
      <c r="AT2243" s="9">
        <v>23897</v>
      </c>
      <c r="AU2243" s="9">
        <v>24747</v>
      </c>
      <c r="AV2243" s="9">
        <v>26463</v>
      </c>
      <c r="AW2243" s="9">
        <v>26719</v>
      </c>
      <c r="AX2243" s="9">
        <v>25409</v>
      </c>
      <c r="AY2243" s="9">
        <v>24646</v>
      </c>
      <c r="AZ2243" s="9">
        <v>19618</v>
      </c>
      <c r="BA2243" s="9">
        <v>21546</v>
      </c>
      <c r="BB2243" s="9">
        <v>23710</v>
      </c>
      <c r="BC2243" s="9">
        <v>24114</v>
      </c>
      <c r="BD2243" s="9">
        <v>23258</v>
      </c>
      <c r="BE2243" s="9">
        <v>22992</v>
      </c>
      <c r="BF2243" s="9">
        <v>22745</v>
      </c>
      <c r="BG2243" s="11">
        <v>2</v>
      </c>
      <c r="BH2243" s="13">
        <v>8.6956521739130432E-2</v>
      </c>
      <c r="BI2243" s="6">
        <v>0</v>
      </c>
      <c r="BJ2243" s="13">
        <v>0</v>
      </c>
      <c r="BK2243" s="6">
        <v>1</v>
      </c>
      <c r="BL2243" s="13">
        <v>4.3478260869565216E-2</v>
      </c>
      <c r="BM2243" s="11">
        <v>1</v>
      </c>
      <c r="BN2243" s="13">
        <v>4.1666666666666664E-2</v>
      </c>
      <c r="BO2243" s="11">
        <v>2</v>
      </c>
      <c r="BP2243" s="13">
        <v>8.6956521739130432E-2</v>
      </c>
      <c r="BQ2243" s="6">
        <v>23</v>
      </c>
      <c r="BR2243" s="6">
        <v>23</v>
      </c>
      <c r="BS2243" s="6">
        <v>24</v>
      </c>
      <c r="BT2243" s="6">
        <v>23</v>
      </c>
      <c r="BU2243" s="6">
        <v>20</v>
      </c>
      <c r="BV2243" s="6">
        <v>20</v>
      </c>
      <c r="BW2243" s="6">
        <v>24</v>
      </c>
      <c r="BX2243" s="6">
        <v>25</v>
      </c>
      <c r="BY2243" s="6">
        <v>25</v>
      </c>
      <c r="BZ2243" s="6">
        <v>27</v>
      </c>
      <c r="CA2243" s="6">
        <v>26</v>
      </c>
      <c r="CB2243" s="6">
        <v>25</v>
      </c>
      <c r="CC2243" s="11">
        <v>25</v>
      </c>
      <c r="CD2243" s="11">
        <v>-1496</v>
      </c>
      <c r="CE2243" s="11">
        <v>258</v>
      </c>
      <c r="CF2243" s="11">
        <v>155</v>
      </c>
      <c r="CG2243" s="11">
        <v>413</v>
      </c>
      <c r="CH2243" s="20">
        <v>12.17</v>
      </c>
      <c r="CI2243" s="20">
        <v>11.3</v>
      </c>
      <c r="CJ2243" s="20">
        <v>10.42</v>
      </c>
      <c r="CK2243" s="20">
        <v>9.8000000000000007</v>
      </c>
      <c r="CL2243" s="20">
        <v>9.9600000000000009</v>
      </c>
      <c r="CM2243" s="20">
        <v>10.15</v>
      </c>
      <c r="CN2243" s="20">
        <v>10.15</v>
      </c>
      <c r="CO2243" s="20">
        <v>10.15</v>
      </c>
      <c r="CP2243" s="20">
        <v>10.35</v>
      </c>
      <c r="CQ2243" s="20">
        <v>1.81</v>
      </c>
      <c r="CR2243" s="20">
        <v>1.7</v>
      </c>
      <c r="CS2243" s="20">
        <v>1.97</v>
      </c>
      <c r="CT2243" s="20">
        <v>1.83</v>
      </c>
      <c r="CU2243" s="20">
        <v>1.92</v>
      </c>
      <c r="CV2243" s="20">
        <v>2.4</v>
      </c>
      <c r="CW2243" s="20">
        <v>2.59</v>
      </c>
      <c r="CX2243" s="20">
        <v>2.7</v>
      </c>
      <c r="CY2243" s="6" t="s">
        <v>713</v>
      </c>
      <c r="CZ2243" s="6" t="s">
        <v>714</v>
      </c>
      <c r="DA2243" s="6" t="s">
        <v>110</v>
      </c>
      <c r="DB2243" s="6"/>
      <c r="DC2243" s="6">
        <v>14700</v>
      </c>
      <c r="DD2243" s="6">
        <v>520</v>
      </c>
      <c r="DE2243" s="6" t="s">
        <v>716</v>
      </c>
      <c r="DF2243" s="6" t="s">
        <v>363</v>
      </c>
      <c r="DG2243" s="6" t="s">
        <v>376</v>
      </c>
      <c r="DH2243" s="6" t="s">
        <v>468</v>
      </c>
      <c r="DI2243" s="6" t="s">
        <v>461</v>
      </c>
      <c r="DJ2243" s="6">
        <v>29</v>
      </c>
      <c r="DK2243" s="6">
        <v>209</v>
      </c>
      <c r="DL2243" s="6">
        <v>5</v>
      </c>
      <c r="DM2243" s="6" t="s">
        <v>392</v>
      </c>
      <c r="DN2243" s="6">
        <v>6</v>
      </c>
      <c r="DO2243" s="6" t="s">
        <v>393</v>
      </c>
      <c r="DP2243" s="6"/>
      <c r="DQ2243" s="6"/>
    </row>
    <row r="2244" spans="1:121" x14ac:dyDescent="0.2">
      <c r="A2244" s="6" t="s">
        <v>323</v>
      </c>
      <c r="B2244" s="6" t="s">
        <v>323</v>
      </c>
      <c r="C2244" s="6" t="s">
        <v>192</v>
      </c>
      <c r="D2244" s="6" t="s">
        <v>110</v>
      </c>
      <c r="E2244" s="6" t="s">
        <v>251</v>
      </c>
      <c r="F2244" s="11">
        <v>-132</v>
      </c>
      <c r="G2244" s="13">
        <v>-0.153667054715</v>
      </c>
      <c r="H2244" s="11">
        <v>-38.211654456000019</v>
      </c>
      <c r="I2244" s="13">
        <v>-4.4469956786569335E-2</v>
      </c>
      <c r="J2244" s="11">
        <v>-91.866313621000018</v>
      </c>
      <c r="K2244" s="13">
        <v>-0.11188781908860324</v>
      </c>
      <c r="L2244" s="11">
        <v>-1.8127505470000642</v>
      </c>
      <c r="M2244" s="13">
        <v>-2.4859748882147784E-3</v>
      </c>
      <c r="N2244" s="11">
        <v>-93.679064168000082</v>
      </c>
      <c r="O2244" s="13">
        <v>-0.11409564366826663</v>
      </c>
      <c r="P2244" s="7">
        <v>859.26898106500005</v>
      </c>
      <c r="Q2244" s="7">
        <v>826.83700870300004</v>
      </c>
      <c r="R2244" s="7">
        <v>786.15716904099997</v>
      </c>
      <c r="S2244" s="7">
        <v>796.40328118900004</v>
      </c>
      <c r="T2244" s="7">
        <v>742.508908453</v>
      </c>
      <c r="U2244" s="7">
        <v>835.49555057800001</v>
      </c>
      <c r="V2244" s="7">
        <v>821.05732660900003</v>
      </c>
      <c r="W2244" s="7">
        <v>786.09614719399997</v>
      </c>
      <c r="X2244" s="7">
        <v>781.62919362399998</v>
      </c>
      <c r="Y2244" s="7">
        <v>729.19101298800001</v>
      </c>
      <c r="Z2244" s="7">
        <v>760.33519836200003</v>
      </c>
      <c r="AA2244" s="7">
        <v>776.25754880099998</v>
      </c>
      <c r="AB2244" s="7">
        <v>784.87540368400005</v>
      </c>
      <c r="AC2244" s="7">
        <v>678.18840349499999</v>
      </c>
      <c r="AD2244" s="7">
        <v>720.090913441</v>
      </c>
      <c r="AE2244" s="7">
        <v>727.09425371299994</v>
      </c>
      <c r="AF2244" s="7">
        <v>727.37826244099995</v>
      </c>
      <c r="AG2244" s="9">
        <v>8239.9709021000017</v>
      </c>
      <c r="AH2244" s="13">
        <v>0.59094330234933845</v>
      </c>
      <c r="AI2244" s="9">
        <v>3699.7638704000019</v>
      </c>
      <c r="AJ2244" s="13">
        <v>0.26533475730232775</v>
      </c>
      <c r="AK2244" s="9">
        <v>505.30835359999764</v>
      </c>
      <c r="AL2244" s="13">
        <v>2.8639878872375985E-2</v>
      </c>
      <c r="AM2244" s="9">
        <v>4034.8986781000021</v>
      </c>
      <c r="AN2244" s="13">
        <v>0.22232278550633103</v>
      </c>
      <c r="AO2244" s="9">
        <v>4540.2070316999998</v>
      </c>
      <c r="AP2244" s="13">
        <v>0.25732996202617758</v>
      </c>
      <c r="AQ2244" s="9">
        <v>13943.7588502</v>
      </c>
      <c r="AR2244" s="9">
        <v>15180.761145</v>
      </c>
      <c r="AS2244" s="9">
        <v>14782.8675157</v>
      </c>
      <c r="AT2244" s="9">
        <v>15834.3161609</v>
      </c>
      <c r="AU2244" s="9">
        <v>15959.4827465</v>
      </c>
      <c r="AV2244" s="9">
        <v>16025.948847400001</v>
      </c>
      <c r="AW2244" s="9">
        <v>17643.522720600002</v>
      </c>
      <c r="AX2244" s="9">
        <v>17778.762642400001</v>
      </c>
      <c r="AY2244" s="9">
        <v>18648.720512899999</v>
      </c>
      <c r="AZ2244" s="9">
        <v>18148.831074199999</v>
      </c>
      <c r="BA2244" s="9">
        <v>16729.161044500001</v>
      </c>
      <c r="BB2244" s="9">
        <v>18758.4096718</v>
      </c>
      <c r="BC2244" s="9">
        <v>19049.899322500001</v>
      </c>
      <c r="BD2244" s="9">
        <v>19749.4536223</v>
      </c>
      <c r="BE2244" s="9">
        <v>20519.277090799998</v>
      </c>
      <c r="BF2244" s="9">
        <v>22183.729752300002</v>
      </c>
      <c r="BG2244" s="11">
        <v>-20</v>
      </c>
      <c r="BH2244" s="13">
        <v>-0.19230769230769232</v>
      </c>
      <c r="BI2244" s="6">
        <v>-8</v>
      </c>
      <c r="BJ2244" s="13">
        <v>-7.6923076923076927E-2</v>
      </c>
      <c r="BK2244" s="6">
        <v>-2</v>
      </c>
      <c r="BL2244" s="13">
        <v>-2.0833333333333332E-2</v>
      </c>
      <c r="BM2244" s="11">
        <v>-10</v>
      </c>
      <c r="BN2244" s="13">
        <v>-0.10638297872340426</v>
      </c>
      <c r="BO2244" s="11">
        <v>-12</v>
      </c>
      <c r="BP2244" s="13">
        <v>-0.125</v>
      </c>
      <c r="BQ2244" s="6">
        <v>104</v>
      </c>
      <c r="BR2244" s="6">
        <v>98</v>
      </c>
      <c r="BS2244" s="6">
        <v>103</v>
      </c>
      <c r="BT2244" s="6">
        <v>96</v>
      </c>
      <c r="BU2244" s="6">
        <v>94</v>
      </c>
      <c r="BV2244" s="6">
        <v>91</v>
      </c>
      <c r="BW2244" s="6">
        <v>94</v>
      </c>
      <c r="BX2244" s="6">
        <v>94</v>
      </c>
      <c r="BY2244" s="6">
        <v>88</v>
      </c>
      <c r="BZ2244" s="6">
        <v>87</v>
      </c>
      <c r="CA2244" s="6">
        <v>82</v>
      </c>
      <c r="CB2244" s="6">
        <v>84</v>
      </c>
      <c r="CC2244" s="11">
        <v>84</v>
      </c>
      <c r="CD2244" s="11">
        <v>-421.22199999999998</v>
      </c>
      <c r="CE2244" s="11">
        <v>195.40299999999999</v>
      </c>
      <c r="CF2244" s="11">
        <v>93.928399999999996</v>
      </c>
      <c r="CG2244" s="11">
        <v>289</v>
      </c>
      <c r="CH2244" s="20">
        <v>1.52068</v>
      </c>
      <c r="CI2244" s="20">
        <v>1.41588</v>
      </c>
      <c r="CJ2244" s="20">
        <v>1.28267</v>
      </c>
      <c r="CK2244" s="20">
        <v>1.2796799999999999</v>
      </c>
      <c r="CL2244" s="20">
        <v>1.1633599999999999</v>
      </c>
      <c r="CM2244" s="20">
        <v>1.26959</v>
      </c>
      <c r="CN2244" s="20">
        <v>1.2251799999999999</v>
      </c>
      <c r="CO2244" s="20">
        <v>1.1204000000000001</v>
      </c>
      <c r="CP2244" s="20">
        <v>1.1738900000000001</v>
      </c>
      <c r="CQ2244" s="20">
        <v>1.3928799999999999</v>
      </c>
      <c r="CR2244" s="20">
        <v>1.4721299999999999</v>
      </c>
      <c r="CS2244" s="20">
        <v>1.47536</v>
      </c>
      <c r="CT2244" s="20">
        <v>1.4643699999999999</v>
      </c>
      <c r="CU2244" s="20">
        <v>1.2623500000000001</v>
      </c>
      <c r="CV2244" s="20">
        <v>1.2321</v>
      </c>
      <c r="CW2244" s="20">
        <v>1.1951799999999999</v>
      </c>
      <c r="CX2244" s="20">
        <v>1.16736</v>
      </c>
      <c r="CY2244" s="6" t="s">
        <v>713</v>
      </c>
      <c r="CZ2244" s="6" t="s">
        <v>714</v>
      </c>
      <c r="DA2244" s="6" t="s">
        <v>110</v>
      </c>
      <c r="DB2244" s="6"/>
      <c r="DC2244" s="6">
        <v>14700</v>
      </c>
      <c r="DD2244" s="6">
        <v>520</v>
      </c>
      <c r="DE2244" s="6" t="s">
        <v>716</v>
      </c>
      <c r="DF2244" s="6" t="s">
        <v>363</v>
      </c>
      <c r="DG2244" s="6" t="s">
        <v>376</v>
      </c>
      <c r="DH2244" s="6" t="s">
        <v>468</v>
      </c>
      <c r="DI2244" s="6" t="s">
        <v>461</v>
      </c>
      <c r="DJ2244" s="6">
        <v>29</v>
      </c>
      <c r="DK2244" s="6">
        <v>209</v>
      </c>
      <c r="DL2244" s="6">
        <v>5</v>
      </c>
      <c r="DM2244" s="6" t="s">
        <v>392</v>
      </c>
      <c r="DN2244" s="6">
        <v>6</v>
      </c>
      <c r="DO2244" s="6" t="s">
        <v>393</v>
      </c>
      <c r="DP2244" s="6"/>
      <c r="DQ2244" s="6"/>
    </row>
    <row r="2245" spans="1:121" x14ac:dyDescent="0.2">
      <c r="A2245" s="6" t="s">
        <v>325</v>
      </c>
      <c r="B2245" s="6" t="s">
        <v>325</v>
      </c>
      <c r="C2245" s="6" t="s">
        <v>193</v>
      </c>
      <c r="D2245" s="6" t="s">
        <v>110</v>
      </c>
      <c r="E2245" s="6" t="s">
        <v>251</v>
      </c>
      <c r="F2245" s="11">
        <v>195</v>
      </c>
      <c r="G2245" s="13">
        <v>0.46208530805699999</v>
      </c>
      <c r="H2245" s="11">
        <v>183.20827281299995</v>
      </c>
      <c r="I2245" s="13">
        <v>0.43463043157543224</v>
      </c>
      <c r="J2245" s="11">
        <v>-46.773329475999958</v>
      </c>
      <c r="K2245" s="13">
        <v>-7.7345187610932661E-2</v>
      </c>
      <c r="L2245" s="11">
        <v>58.595669488999988</v>
      </c>
      <c r="M2245" s="13">
        <v>0.10501740465316518</v>
      </c>
      <c r="N2245" s="11">
        <v>11.82234001300003</v>
      </c>
      <c r="O2245" s="13">
        <v>1.9549626176920232E-2</v>
      </c>
      <c r="P2245" s="7">
        <v>421.526564877</v>
      </c>
      <c r="Q2245" s="7">
        <v>457.44017433400001</v>
      </c>
      <c r="R2245" s="7">
        <v>515.71469710700001</v>
      </c>
      <c r="S2245" s="7">
        <v>540.14393821600004</v>
      </c>
      <c r="T2245" s="7">
        <v>557.10888988099998</v>
      </c>
      <c r="U2245" s="7">
        <v>527.45547943700001</v>
      </c>
      <c r="V2245" s="7">
        <v>604.73483768999995</v>
      </c>
      <c r="W2245" s="7">
        <v>646.12060270100005</v>
      </c>
      <c r="X2245" s="7">
        <v>552.55896527599998</v>
      </c>
      <c r="Y2245" s="7">
        <v>557.96150821399999</v>
      </c>
      <c r="Z2245" s="7">
        <v>561.685799481</v>
      </c>
      <c r="AA2245" s="7">
        <v>557.73665326399998</v>
      </c>
      <c r="AB2245" s="7">
        <v>549.56554139000002</v>
      </c>
      <c r="AC2245" s="7">
        <v>553.30687146499997</v>
      </c>
      <c r="AD2245" s="7">
        <v>581.37329564300001</v>
      </c>
      <c r="AE2245" s="7">
        <v>604.07072279700003</v>
      </c>
      <c r="AF2245" s="7">
        <v>616.55717770299998</v>
      </c>
      <c r="AG2245" s="9">
        <v>6261.8100157000008</v>
      </c>
      <c r="AH2245" s="13">
        <v>0.34088995490835833</v>
      </c>
      <c r="AI2245" s="9">
        <v>2517.3722412999996</v>
      </c>
      <c r="AJ2245" s="13">
        <v>0.13704454585378834</v>
      </c>
      <c r="AK2245" s="9">
        <v>-1263.4121261</v>
      </c>
      <c r="AL2245" s="13">
        <v>-6.0489762396306448E-2</v>
      </c>
      <c r="AM2245" s="9">
        <v>5007.8499005000012</v>
      </c>
      <c r="AN2245" s="13">
        <v>0.25520349880558574</v>
      </c>
      <c r="AO2245" s="9">
        <v>3744.4377744000012</v>
      </c>
      <c r="AP2245" s="13">
        <v>0.17927653740382332</v>
      </c>
      <c r="AQ2245" s="9">
        <v>18369.007140099999</v>
      </c>
      <c r="AR2245" s="9">
        <v>18500.148053699999</v>
      </c>
      <c r="AS2245" s="9">
        <v>18809.4491093</v>
      </c>
      <c r="AT2245" s="9">
        <v>19075.114825699999</v>
      </c>
      <c r="AU2245" s="9">
        <v>19230.153382600001</v>
      </c>
      <c r="AV2245" s="9">
        <v>20347.501839299999</v>
      </c>
      <c r="AW2245" s="9">
        <v>20886.379381399998</v>
      </c>
      <c r="AX2245" s="9">
        <v>19054.334424799999</v>
      </c>
      <c r="AY2245" s="9">
        <v>19623.623801900001</v>
      </c>
      <c r="AZ2245" s="9">
        <v>19622.967255299998</v>
      </c>
      <c r="BA2245" s="9">
        <v>19210.2541709</v>
      </c>
      <c r="BB2245" s="9">
        <v>20699.6490165</v>
      </c>
      <c r="BC2245" s="9">
        <v>21114.692153700002</v>
      </c>
      <c r="BD2245" s="9">
        <v>22832.8491799</v>
      </c>
      <c r="BE2245" s="9">
        <v>23847.986175900001</v>
      </c>
      <c r="BF2245" s="9">
        <v>24630.817155799999</v>
      </c>
      <c r="BG2245" s="11">
        <v>-9.5</v>
      </c>
      <c r="BH2245" s="13">
        <v>-0.1417910447761194</v>
      </c>
      <c r="BI2245" s="6">
        <v>6</v>
      </c>
      <c r="BJ2245" s="13">
        <v>8.9552238805970144E-2</v>
      </c>
      <c r="BK2245" s="6">
        <v>6</v>
      </c>
      <c r="BL2245" s="13">
        <v>8.2191780821917804E-2</v>
      </c>
      <c r="BM2245" s="11">
        <v>-21.5</v>
      </c>
      <c r="BN2245" s="13">
        <v>-0.27215189873417722</v>
      </c>
      <c r="BO2245" s="11">
        <v>-15.5</v>
      </c>
      <c r="BP2245" s="13">
        <v>-0.21232876712328766</v>
      </c>
      <c r="BQ2245" s="6">
        <v>67</v>
      </c>
      <c r="BR2245" s="6">
        <v>72</v>
      </c>
      <c r="BS2245" s="6">
        <v>70</v>
      </c>
      <c r="BT2245" s="6">
        <v>73</v>
      </c>
      <c r="BU2245" s="6">
        <v>77</v>
      </c>
      <c r="BV2245" s="6">
        <v>74</v>
      </c>
      <c r="BW2245" s="6">
        <v>79</v>
      </c>
      <c r="BX2245" s="6">
        <v>78</v>
      </c>
      <c r="BY2245" s="6">
        <v>76</v>
      </c>
      <c r="BZ2245" s="6">
        <v>53</v>
      </c>
      <c r="CA2245" s="6">
        <v>54</v>
      </c>
      <c r="CB2245" s="6">
        <v>57</v>
      </c>
      <c r="CC2245" s="11">
        <v>57.5</v>
      </c>
      <c r="CD2245" s="11">
        <v>152.83500000000001</v>
      </c>
      <c r="CE2245" s="11">
        <v>-3.8818600000000001</v>
      </c>
      <c r="CF2245" s="11">
        <v>46.0779</v>
      </c>
      <c r="CG2245" s="11">
        <v>42</v>
      </c>
      <c r="CH2245" s="20">
        <v>1.0982499999999999</v>
      </c>
      <c r="CI2245" s="20">
        <v>1.1484300000000001</v>
      </c>
      <c r="CJ2245" s="20">
        <v>1.2406900000000001</v>
      </c>
      <c r="CK2245" s="20">
        <v>1.3029200000000001</v>
      </c>
      <c r="CL2245" s="20">
        <v>1.3321000000000001</v>
      </c>
      <c r="CM2245" s="20">
        <v>1.2346200000000001</v>
      </c>
      <c r="CN2245" s="20">
        <v>1.39689</v>
      </c>
      <c r="CO2245" s="20">
        <v>1.42418</v>
      </c>
      <c r="CP2245" s="20">
        <v>1.2572399999999999</v>
      </c>
      <c r="CQ2245" s="20">
        <v>1.6266499999999999</v>
      </c>
      <c r="CR2245" s="20">
        <v>1.68401</v>
      </c>
      <c r="CS2245" s="20">
        <v>1.65415</v>
      </c>
      <c r="CT2245" s="20">
        <v>1.7453700000000001</v>
      </c>
      <c r="CU2245" s="20">
        <v>1.77179</v>
      </c>
      <c r="CV2245" s="20">
        <v>1.74518</v>
      </c>
      <c r="CW2245" s="20">
        <v>1.76054</v>
      </c>
      <c r="CX2245" s="20">
        <v>1.77007</v>
      </c>
      <c r="CY2245" s="6" t="s">
        <v>713</v>
      </c>
      <c r="CZ2245" s="6" t="s">
        <v>714</v>
      </c>
      <c r="DA2245" s="6" t="s">
        <v>110</v>
      </c>
      <c r="DB2245" s="6"/>
      <c r="DC2245" s="6">
        <v>14700</v>
      </c>
      <c r="DD2245" s="6">
        <v>520</v>
      </c>
      <c r="DE2245" s="6" t="s">
        <v>716</v>
      </c>
      <c r="DF2245" s="6" t="s">
        <v>363</v>
      </c>
      <c r="DG2245" s="6" t="s">
        <v>376</v>
      </c>
      <c r="DH2245" s="6" t="s">
        <v>468</v>
      </c>
      <c r="DI2245" s="6" t="s">
        <v>461</v>
      </c>
      <c r="DJ2245" s="6">
        <v>29</v>
      </c>
      <c r="DK2245" s="6">
        <v>209</v>
      </c>
      <c r="DL2245" s="6">
        <v>5</v>
      </c>
      <c r="DM2245" s="6" t="s">
        <v>392</v>
      </c>
      <c r="DN2245" s="6">
        <v>6</v>
      </c>
      <c r="DO2245" s="6" t="s">
        <v>393</v>
      </c>
      <c r="DP2245" s="6"/>
      <c r="DQ2245" s="6"/>
    </row>
    <row r="2246" spans="1:121" x14ac:dyDescent="0.2">
      <c r="A2246" s="6" t="s">
        <v>327</v>
      </c>
      <c r="B2246" s="6" t="s">
        <v>327</v>
      </c>
      <c r="C2246" s="6" t="s">
        <v>194</v>
      </c>
      <c r="D2246" s="6" t="s">
        <v>110</v>
      </c>
      <c r="E2246" s="6" t="s">
        <v>251</v>
      </c>
      <c r="F2246" s="11">
        <v>139</v>
      </c>
      <c r="G2246" s="13">
        <v>0.12311780336600001</v>
      </c>
      <c r="H2246" s="11">
        <v>111.39996100000008</v>
      </c>
      <c r="I2246" s="13">
        <v>9.8664733295408993E-2</v>
      </c>
      <c r="J2246" s="11">
        <v>79.355559999999969</v>
      </c>
      <c r="K2246" s="13">
        <v>6.3971875616134544E-2</v>
      </c>
      <c r="L2246" s="11">
        <v>-51.431030389999933</v>
      </c>
      <c r="M2246" s="13">
        <v>-3.8967881905913583E-2</v>
      </c>
      <c r="N2246" s="11">
        <v>27.924529610000036</v>
      </c>
      <c r="O2246" s="13">
        <v>2.2511145215911639E-2</v>
      </c>
      <c r="P2246" s="7">
        <v>1129.075783</v>
      </c>
      <c r="Q2246" s="7">
        <v>1134.506676</v>
      </c>
      <c r="R2246" s="7">
        <v>1144.1185599999999</v>
      </c>
      <c r="S2246" s="7">
        <v>1158.2747910000001</v>
      </c>
      <c r="T2246" s="7">
        <v>1167.8024889999999</v>
      </c>
      <c r="U2246" s="7">
        <v>1201.9462289999999</v>
      </c>
      <c r="V2246" s="7">
        <v>1240.4757440000001</v>
      </c>
      <c r="W2246" s="7">
        <v>1287.0391540000001</v>
      </c>
      <c r="X2246" s="7">
        <v>1351.7329999999999</v>
      </c>
      <c r="Y2246" s="7">
        <v>1319.831304</v>
      </c>
      <c r="Z2246" s="7">
        <v>1265.4406570000001</v>
      </c>
      <c r="AA2246" s="7">
        <v>1266.6246599999999</v>
      </c>
      <c r="AB2246" s="7">
        <v>1267.7362499999999</v>
      </c>
      <c r="AC2246" s="7">
        <v>1257.0417299999999</v>
      </c>
      <c r="AD2246" s="7">
        <v>1244.68785</v>
      </c>
      <c r="AE2246" s="7">
        <v>1264.2475057500001</v>
      </c>
      <c r="AF2246" s="7">
        <v>1268.4002736100001</v>
      </c>
      <c r="AG2246" s="9">
        <v>12487.051288200004</v>
      </c>
      <c r="AH2246" s="13">
        <v>0.3995960100355716</v>
      </c>
      <c r="AI2246" s="9">
        <v>7717.7414432000005</v>
      </c>
      <c r="AJ2246" s="13">
        <v>0.24697413472652172</v>
      </c>
      <c r="AK2246" s="9">
        <v>375.05692899999849</v>
      </c>
      <c r="AL2246" s="13">
        <v>9.6250057062041532E-3</v>
      </c>
      <c r="AM2246" s="9">
        <v>4394.2529160000049</v>
      </c>
      <c r="AN2246" s="13">
        <v>0.11169371951913844</v>
      </c>
      <c r="AO2246" s="9">
        <v>4769.3098450000034</v>
      </c>
      <c r="AP2246" s="13">
        <v>0.12239377791306148</v>
      </c>
      <c r="AQ2246" s="9">
        <v>31249.189117499998</v>
      </c>
      <c r="AR2246" s="9">
        <v>32987.737702099999</v>
      </c>
      <c r="AS2246" s="9">
        <v>34529.081956900001</v>
      </c>
      <c r="AT2246" s="9">
        <v>35912.257000600002</v>
      </c>
      <c r="AU2246" s="9">
        <v>37070.518133400001</v>
      </c>
      <c r="AV2246" s="9">
        <v>38263.599150800001</v>
      </c>
      <c r="AW2246" s="9">
        <v>38966.930560699999</v>
      </c>
      <c r="AX2246" s="9">
        <v>39955.748649000001</v>
      </c>
      <c r="AY2246" s="9">
        <v>38698.739911999997</v>
      </c>
      <c r="AZ2246" s="9">
        <v>39341.987489699997</v>
      </c>
      <c r="BA2246" s="9">
        <v>40022.8574859</v>
      </c>
      <c r="BB2246" s="9">
        <v>40207.637872699997</v>
      </c>
      <c r="BC2246" s="9">
        <v>41520.110818599998</v>
      </c>
      <c r="BD2246" s="9">
        <v>41443.578182099998</v>
      </c>
      <c r="BE2246" s="9">
        <v>42829.514045700002</v>
      </c>
      <c r="BF2246" s="9">
        <v>43736.240405700002</v>
      </c>
      <c r="BG2246" s="11">
        <v>-1.5</v>
      </c>
      <c r="BH2246" s="13">
        <v>-3.4090909090909088E-2</v>
      </c>
      <c r="BI2246" s="6">
        <v>-2</v>
      </c>
      <c r="BJ2246" s="13">
        <v>-4.5454545454545456E-2</v>
      </c>
      <c r="BK2246" s="6">
        <v>0</v>
      </c>
      <c r="BL2246" s="13">
        <v>0</v>
      </c>
      <c r="BM2246" s="11">
        <v>0.5</v>
      </c>
      <c r="BN2246" s="13">
        <v>1.1904761904761904E-2</v>
      </c>
      <c r="BO2246" s="11">
        <v>0.5</v>
      </c>
      <c r="BP2246" s="13">
        <v>1.1904761904761904E-2</v>
      </c>
      <c r="BQ2246" s="6">
        <v>44</v>
      </c>
      <c r="BR2246" s="6">
        <v>43</v>
      </c>
      <c r="BS2246" s="6">
        <v>43</v>
      </c>
      <c r="BT2246" s="6">
        <v>42</v>
      </c>
      <c r="BU2246" s="6">
        <v>41</v>
      </c>
      <c r="BV2246" s="6">
        <v>42</v>
      </c>
      <c r="BW2246" s="6">
        <v>42</v>
      </c>
      <c r="BX2246" s="6">
        <v>42</v>
      </c>
      <c r="BY2246" s="6">
        <v>40</v>
      </c>
      <c r="BZ2246" s="6">
        <v>42</v>
      </c>
      <c r="CA2246" s="6">
        <v>43</v>
      </c>
      <c r="CB2246" s="6">
        <v>43</v>
      </c>
      <c r="CC2246" s="11">
        <v>42.5</v>
      </c>
      <c r="CD2246" s="11">
        <v>82.0946</v>
      </c>
      <c r="CE2246" s="11">
        <v>-66.191699999999997</v>
      </c>
      <c r="CF2246" s="11">
        <v>123.422</v>
      </c>
      <c r="CG2246" s="11">
        <v>57</v>
      </c>
      <c r="CH2246" s="20">
        <v>0.88557900000000001</v>
      </c>
      <c r="CI2246" s="20">
        <v>0.85575000000000001</v>
      </c>
      <c r="CJ2246" s="20">
        <v>0.83308099999999996</v>
      </c>
      <c r="CK2246" s="20">
        <v>0.85175999999999996</v>
      </c>
      <c r="CL2246" s="20">
        <v>0.85322500000000001</v>
      </c>
      <c r="CM2246" s="20">
        <v>0.86533499999999997</v>
      </c>
      <c r="CN2246" s="20">
        <v>0.88765300000000003</v>
      </c>
      <c r="CO2246" s="20">
        <v>0.87002999999999997</v>
      </c>
      <c r="CP2246" s="20">
        <v>0.93268600000000002</v>
      </c>
      <c r="CQ2246" s="20">
        <v>1.1601699999999999</v>
      </c>
      <c r="CR2246" s="20">
        <v>1.1708000000000001</v>
      </c>
      <c r="CS2246" s="20">
        <v>1.19859</v>
      </c>
      <c r="CT2246" s="20">
        <v>1.22017</v>
      </c>
      <c r="CU2246" s="20">
        <v>1.24295</v>
      </c>
      <c r="CV2246" s="20">
        <v>1.16364</v>
      </c>
      <c r="CW2246" s="20">
        <v>1.15333</v>
      </c>
      <c r="CX2246" s="20">
        <v>1.14778</v>
      </c>
      <c r="CY2246" s="6" t="s">
        <v>713</v>
      </c>
      <c r="CZ2246" s="6" t="s">
        <v>714</v>
      </c>
      <c r="DA2246" s="6" t="s">
        <v>110</v>
      </c>
      <c r="DB2246" s="6"/>
      <c r="DC2246" s="6">
        <v>14700</v>
      </c>
      <c r="DD2246" s="6">
        <v>520</v>
      </c>
      <c r="DE2246" s="6" t="s">
        <v>716</v>
      </c>
      <c r="DF2246" s="6" t="s">
        <v>363</v>
      </c>
      <c r="DG2246" s="6" t="s">
        <v>376</v>
      </c>
      <c r="DH2246" s="6" t="s">
        <v>468</v>
      </c>
      <c r="DI2246" s="6" t="s">
        <v>461</v>
      </c>
      <c r="DJ2246" s="6">
        <v>29</v>
      </c>
      <c r="DK2246" s="6">
        <v>209</v>
      </c>
      <c r="DL2246" s="6">
        <v>5</v>
      </c>
      <c r="DM2246" s="6" t="s">
        <v>392</v>
      </c>
      <c r="DN2246" s="6">
        <v>6</v>
      </c>
      <c r="DO2246" s="6" t="s">
        <v>393</v>
      </c>
      <c r="DP2246" s="6"/>
      <c r="DQ2246" s="6"/>
    </row>
    <row r="2247" spans="1:121" x14ac:dyDescent="0.2">
      <c r="A2247" s="6" t="s">
        <v>1</v>
      </c>
      <c r="B2247" s="6" t="s">
        <v>1</v>
      </c>
      <c r="C2247" s="6" t="s">
        <v>2</v>
      </c>
      <c r="D2247" s="6" t="s">
        <v>141</v>
      </c>
      <c r="E2247" s="6" t="s">
        <v>282</v>
      </c>
      <c r="F2247" s="11">
        <v>-57</v>
      </c>
      <c r="G2247" s="13">
        <v>-0.56435643564399995</v>
      </c>
      <c r="H2247" s="11">
        <v>271.14598116000002</v>
      </c>
      <c r="I2247" s="13">
        <v>2.6900144752948387</v>
      </c>
      <c r="J2247" s="11">
        <v>-324.09853378690002</v>
      </c>
      <c r="K2247" s="13">
        <v>-0.87136566196668852</v>
      </c>
      <c r="L2247" s="11">
        <v>-3.4078956729999987</v>
      </c>
      <c r="M2247" s="13">
        <v>-7.1228328096254706E-2</v>
      </c>
      <c r="N2247" s="11">
        <v>-327.5064294599</v>
      </c>
      <c r="O2247" s="13">
        <v>-0.88052807080056961</v>
      </c>
      <c r="P2247" s="7">
        <v>100.797220108</v>
      </c>
      <c r="Q2247" s="7">
        <v>128.90524409299999</v>
      </c>
      <c r="R2247" s="7">
        <v>69.032116004499997</v>
      </c>
      <c r="S2247" s="7">
        <v>51.653183191899998</v>
      </c>
      <c r="T2247" s="7">
        <v>45.777212584799997</v>
      </c>
      <c r="U2247" s="7">
        <v>35.877820974499997</v>
      </c>
      <c r="V2247" s="7">
        <v>371.943201268</v>
      </c>
      <c r="W2247" s="7">
        <v>2927.9576251899998</v>
      </c>
      <c r="X2247" s="7">
        <v>216.00952655099999</v>
      </c>
      <c r="Y2247" s="7">
        <v>47.844667481099997</v>
      </c>
      <c r="Z2247" s="7">
        <v>45.5754971649</v>
      </c>
      <c r="AA2247" s="7">
        <v>40.404260160500002</v>
      </c>
      <c r="AB2247" s="7">
        <v>41.585941226599999</v>
      </c>
      <c r="AC2247" s="7">
        <v>61.036331271000002</v>
      </c>
      <c r="AD2247" s="7">
        <v>57.5165530584</v>
      </c>
      <c r="AE2247" s="7">
        <v>50.347332635900003</v>
      </c>
      <c r="AF2247" s="7">
        <v>44.436771808099998</v>
      </c>
      <c r="AG2247" s="9">
        <v>45543.095589700002</v>
      </c>
      <c r="AH2247" s="13">
        <v>1.7293203539296924</v>
      </c>
      <c r="AI2247" s="9">
        <v>6650.0751585999969</v>
      </c>
      <c r="AJ2247" s="13">
        <v>0.25251051071570241</v>
      </c>
      <c r="AK2247" s="9">
        <v>20275.361737200001</v>
      </c>
      <c r="AL2247" s="13">
        <v>0.6146673415703976</v>
      </c>
      <c r="AM2247" s="9">
        <v>18617.658693900004</v>
      </c>
      <c r="AN2247" s="13">
        <v>0.34955339994219065</v>
      </c>
      <c r="AO2247" s="9">
        <v>38893.020431100005</v>
      </c>
      <c r="AP2247" s="13">
        <v>1.1790798005919485</v>
      </c>
      <c r="AQ2247" s="9">
        <v>26335.835050000002</v>
      </c>
      <c r="AR2247" s="9">
        <v>23442.931369900001</v>
      </c>
      <c r="AS2247" s="9">
        <v>27456.0676962</v>
      </c>
      <c r="AT2247" s="9">
        <v>32414.6214067</v>
      </c>
      <c r="AU2247" s="9">
        <v>33370.081397100003</v>
      </c>
      <c r="AV2247" s="9">
        <v>41685.267134599999</v>
      </c>
      <c r="AW2247" s="9">
        <v>32985.910208599998</v>
      </c>
      <c r="AX2247" s="9">
        <v>25183.6901483</v>
      </c>
      <c r="AY2247" s="9">
        <v>44146.149715899999</v>
      </c>
      <c r="AZ2247" s="9">
        <v>53261.271945799999</v>
      </c>
      <c r="BA2247" s="9">
        <v>54754.857199500002</v>
      </c>
      <c r="BB2247" s="9">
        <v>64740.759957399998</v>
      </c>
      <c r="BC2247" s="9">
        <v>78379.525924600006</v>
      </c>
      <c r="BD2247" s="9">
        <v>58658.934019499997</v>
      </c>
      <c r="BE2247" s="9">
        <v>63721.637766899999</v>
      </c>
      <c r="BF2247" s="9">
        <v>71878.930639700004</v>
      </c>
      <c r="BG2247" s="11">
        <v>1.75</v>
      </c>
      <c r="BH2247" s="13">
        <v>1.75</v>
      </c>
      <c r="BI2247" s="6">
        <v>0</v>
      </c>
      <c r="BJ2247" s="13">
        <v>0</v>
      </c>
      <c r="BK2247" s="6">
        <v>1</v>
      </c>
      <c r="BL2247" s="13">
        <v>1</v>
      </c>
      <c r="BM2247" s="11">
        <v>0.75</v>
      </c>
      <c r="BN2247" s="13">
        <v>0.375</v>
      </c>
      <c r="BO2247" s="11">
        <v>1.75</v>
      </c>
      <c r="BP2247" s="13">
        <v>1.75</v>
      </c>
      <c r="BQ2247" s="6">
        <v>1</v>
      </c>
      <c r="BR2247" s="6">
        <v>1</v>
      </c>
      <c r="BS2247" s="6">
        <v>1</v>
      </c>
      <c r="BT2247" s="6">
        <v>1</v>
      </c>
      <c r="BU2247" s="6">
        <v>2</v>
      </c>
      <c r="BV2247" s="6">
        <v>1</v>
      </c>
      <c r="BW2247" s="6">
        <v>2</v>
      </c>
      <c r="BX2247" s="6">
        <v>2</v>
      </c>
      <c r="BY2247" s="6">
        <v>2</v>
      </c>
      <c r="BZ2247" s="6">
        <v>2</v>
      </c>
      <c r="CA2247" s="6">
        <v>3</v>
      </c>
      <c r="CB2247" s="6">
        <v>4</v>
      </c>
      <c r="CC2247" s="11">
        <v>2.75</v>
      </c>
      <c r="CD2247" s="11">
        <v>-58.188699999999997</v>
      </c>
      <c r="CE2247" s="11">
        <v>-9.1900499999999994</v>
      </c>
      <c r="CF2247" s="11">
        <v>11.0183</v>
      </c>
      <c r="CG2247" s="11">
        <v>2</v>
      </c>
      <c r="CH2247" s="20">
        <v>2.41187</v>
      </c>
      <c r="CI2247" s="20">
        <v>3.2282799999999998</v>
      </c>
      <c r="CJ2247" s="20">
        <v>2.0264500000000001</v>
      </c>
      <c r="CK2247" s="20">
        <v>1.50119</v>
      </c>
      <c r="CL2247" s="20">
        <v>1.3411200000000001</v>
      </c>
      <c r="CM2247" s="20">
        <v>1.0326900000000001</v>
      </c>
      <c r="CN2247" s="20">
        <v>9.3977599999999999</v>
      </c>
      <c r="CO2247" s="20">
        <v>40.142099999999999</v>
      </c>
      <c r="CP2247" s="20">
        <v>5.8709300000000004</v>
      </c>
      <c r="CQ2247" s="20">
        <v>1.29705</v>
      </c>
      <c r="CR2247" s="20">
        <v>1.30399</v>
      </c>
      <c r="CS2247" s="20">
        <v>1.1792100000000001</v>
      </c>
      <c r="CT2247" s="20">
        <v>1.27264</v>
      </c>
      <c r="CU2247" s="20">
        <v>1.8581000000000001</v>
      </c>
      <c r="CV2247" s="20">
        <v>1.74082</v>
      </c>
      <c r="CW2247" s="20">
        <v>1.54901</v>
      </c>
      <c r="CX2247" s="20">
        <v>1.35036</v>
      </c>
      <c r="CY2247" s="6" t="s">
        <v>718</v>
      </c>
      <c r="CZ2247" s="6" t="s">
        <v>719</v>
      </c>
      <c r="DA2247" s="6" t="s">
        <v>141</v>
      </c>
      <c r="DB2247" s="6"/>
      <c r="DC2247" s="6"/>
      <c r="DD2247" s="6"/>
      <c r="DE2247" s="6"/>
      <c r="DF2247" s="6"/>
      <c r="DG2247" s="6"/>
      <c r="DH2247" s="6" t="s">
        <v>333</v>
      </c>
      <c r="DI2247" s="6"/>
      <c r="DJ2247" s="6"/>
      <c r="DK2247" s="6"/>
      <c r="DL2247" s="6">
        <v>10</v>
      </c>
      <c r="DM2247" s="6" t="s">
        <v>383</v>
      </c>
      <c r="DN2247" s="6">
        <v>9</v>
      </c>
      <c r="DO2247" s="6" t="s">
        <v>384</v>
      </c>
      <c r="DP2247" s="6"/>
      <c r="DQ2247" s="6"/>
    </row>
    <row r="2248" spans="1:121" x14ac:dyDescent="0.2">
      <c r="A2248" s="6" t="s">
        <v>310</v>
      </c>
      <c r="B2248" s="6" t="s">
        <v>310</v>
      </c>
      <c r="C2248" s="6" t="s">
        <v>173</v>
      </c>
      <c r="D2248" s="6" t="s">
        <v>141</v>
      </c>
      <c r="E2248" s="6" t="s">
        <v>282</v>
      </c>
      <c r="F2248" s="11">
        <v>1</v>
      </c>
      <c r="G2248" s="13">
        <v>1</v>
      </c>
      <c r="H2248" s="11">
        <v>-52.700712000000003</v>
      </c>
      <c r="I2248" s="13">
        <v>-1</v>
      </c>
      <c r="J2248" s="11">
        <v>5</v>
      </c>
      <c r="K2248" s="13"/>
      <c r="L2248" s="11">
        <v>0</v>
      </c>
      <c r="M2248" s="13">
        <v>0</v>
      </c>
      <c r="N2248" s="11">
        <v>5</v>
      </c>
      <c r="O2248" s="13"/>
      <c r="P2248" s="7">
        <v>52.700712000000003</v>
      </c>
      <c r="Q2248" s="7">
        <v>42.220565999999998</v>
      </c>
      <c r="R2248" s="7">
        <v>5</v>
      </c>
      <c r="S2248" s="7">
        <v>5</v>
      </c>
      <c r="T2248" s="7">
        <v>5</v>
      </c>
      <c r="U2248" s="7">
        <v>5</v>
      </c>
      <c r="V2248" s="7">
        <v>0</v>
      </c>
      <c r="W2248" s="7">
        <v>0</v>
      </c>
      <c r="X2248" s="7">
        <v>0</v>
      </c>
      <c r="Y2248" s="7">
        <v>5</v>
      </c>
      <c r="Z2248" s="7">
        <v>5</v>
      </c>
      <c r="AA2248" s="7">
        <v>5</v>
      </c>
      <c r="AB2248" s="7">
        <v>5</v>
      </c>
      <c r="AC2248" s="7">
        <v>5</v>
      </c>
      <c r="AD2248" s="7">
        <v>5</v>
      </c>
      <c r="AE2248" s="7">
        <v>5</v>
      </c>
      <c r="AF2248" s="7">
        <v>5</v>
      </c>
      <c r="AG2248" s="9">
        <v>-22834.8854464</v>
      </c>
      <c r="AH2248" s="13">
        <v>-0.99995620927411166</v>
      </c>
      <c r="AI2248" s="9">
        <v>-22835.8854464</v>
      </c>
      <c r="AJ2248" s="13">
        <v>-1</v>
      </c>
      <c r="AK2248" s="9">
        <v>1</v>
      </c>
      <c r="AL2248" s="13"/>
      <c r="AM2248" s="9">
        <v>0</v>
      </c>
      <c r="AN2248" s="13">
        <v>0</v>
      </c>
      <c r="AO2248" s="9">
        <v>1</v>
      </c>
      <c r="AP2248" s="13"/>
      <c r="AQ2248" s="9">
        <v>22835.8854464</v>
      </c>
      <c r="AR2248" s="9">
        <v>26063.870405400001</v>
      </c>
      <c r="AS2248" s="9">
        <v>1</v>
      </c>
      <c r="AT2248" s="9">
        <v>1</v>
      </c>
      <c r="AU2248" s="9">
        <v>1</v>
      </c>
      <c r="AV2248" s="9">
        <v>1</v>
      </c>
      <c r="AW2248" s="9">
        <v>0</v>
      </c>
      <c r="AX2248" s="9">
        <v>0</v>
      </c>
      <c r="AY2248" s="9">
        <v>0</v>
      </c>
      <c r="AZ2248" s="9">
        <v>1</v>
      </c>
      <c r="BA2248" s="9">
        <v>1</v>
      </c>
      <c r="BB2248" s="9">
        <v>1</v>
      </c>
      <c r="BC2248" s="9">
        <v>1</v>
      </c>
      <c r="BD2248" s="9">
        <v>1</v>
      </c>
      <c r="BE2248" s="9">
        <v>1</v>
      </c>
      <c r="BF2248" s="9">
        <v>1</v>
      </c>
      <c r="BG2248" s="11">
        <v>0</v>
      </c>
      <c r="BH2248" s="13">
        <v>0</v>
      </c>
      <c r="BI2248" s="6">
        <v>-1</v>
      </c>
      <c r="BJ2248" s="13">
        <v>-1</v>
      </c>
      <c r="BK2248" s="6">
        <v>1</v>
      </c>
      <c r="BL2248" s="13" t="e">
        <v>#DIV/0!</v>
      </c>
      <c r="BM2248" s="11">
        <v>0</v>
      </c>
      <c r="BN2248" s="13">
        <v>0</v>
      </c>
      <c r="BO2248" s="11">
        <v>1</v>
      </c>
      <c r="BP2248" s="13" t="e">
        <v>#DIV/0!</v>
      </c>
      <c r="BQ2248" s="6">
        <v>1</v>
      </c>
      <c r="BR2248" s="6">
        <v>1</v>
      </c>
      <c r="BS2248" s="6">
        <v>1</v>
      </c>
      <c r="BT2248" s="6">
        <v>0</v>
      </c>
      <c r="BU2248" s="6">
        <v>0</v>
      </c>
      <c r="BV2248" s="6">
        <v>0</v>
      </c>
      <c r="BW2248" s="6">
        <v>1</v>
      </c>
      <c r="BX2248" s="6">
        <v>1</v>
      </c>
      <c r="BY2248" s="6">
        <v>1</v>
      </c>
      <c r="BZ2248" s="6">
        <v>1</v>
      </c>
      <c r="CA2248" s="6">
        <v>1</v>
      </c>
      <c r="CB2248" s="6">
        <v>1</v>
      </c>
      <c r="CC2248" s="11">
        <v>1</v>
      </c>
      <c r="CD2248" s="11">
        <v>-58.5747</v>
      </c>
      <c r="CE2248" s="11">
        <v>5.4675900000000004</v>
      </c>
      <c r="CF2248" s="11">
        <v>5.7608199999999998</v>
      </c>
      <c r="CG2248" s="11">
        <v>11</v>
      </c>
      <c r="CH2248" s="20">
        <v>4.4445600000000001</v>
      </c>
      <c r="CI2248" s="20">
        <v>3.8929100000000001</v>
      </c>
      <c r="CJ2248" s="20">
        <v>1.08979</v>
      </c>
      <c r="CK2248" s="20">
        <v>5.3977600000000001E-2</v>
      </c>
      <c r="CL2248" s="20">
        <v>0.15531800000000001</v>
      </c>
      <c r="CM2248" s="20">
        <v>0.26627600000000001</v>
      </c>
      <c r="CN2248" s="20">
        <v>0</v>
      </c>
      <c r="CO2248" s="20">
        <v>0</v>
      </c>
      <c r="CP2248" s="20">
        <v>0</v>
      </c>
      <c r="CQ2248" s="20">
        <v>6.0850399999999999E-2</v>
      </c>
      <c r="CR2248" s="20">
        <v>0.31502599999999997</v>
      </c>
      <c r="CS2248" s="20">
        <v>0.14229600000000001</v>
      </c>
      <c r="CT2248" s="20">
        <v>0.245667</v>
      </c>
      <c r="CU2248" s="20">
        <v>0.54113699999999998</v>
      </c>
      <c r="CV2248" s="20">
        <v>0.51618200000000003</v>
      </c>
      <c r="CW2248" s="20">
        <v>0.49307800000000002</v>
      </c>
      <c r="CX2248" s="20">
        <v>0.48133900000000002</v>
      </c>
      <c r="CY2248" s="6" t="s">
        <v>718</v>
      </c>
      <c r="CZ2248" s="6" t="s">
        <v>719</v>
      </c>
      <c r="DA2248" s="6" t="s">
        <v>141</v>
      </c>
      <c r="DB2248" s="6"/>
      <c r="DC2248" s="6"/>
      <c r="DD2248" s="6"/>
      <c r="DE2248" s="6"/>
      <c r="DF2248" s="6"/>
      <c r="DG2248" s="6"/>
      <c r="DH2248" s="6" t="s">
        <v>333</v>
      </c>
      <c r="DI2248" s="6"/>
      <c r="DJ2248" s="6"/>
      <c r="DK2248" s="6"/>
      <c r="DL2248" s="6">
        <v>10</v>
      </c>
      <c r="DM2248" s="6" t="s">
        <v>383</v>
      </c>
      <c r="DN2248" s="6">
        <v>9</v>
      </c>
      <c r="DO2248" s="6" t="s">
        <v>384</v>
      </c>
      <c r="DP2248" s="6"/>
      <c r="DQ2248" s="6"/>
    </row>
    <row r="2249" spans="1:121" x14ac:dyDescent="0.2">
      <c r="A2249" s="6" t="s">
        <v>311</v>
      </c>
      <c r="B2249" s="6" t="s">
        <v>311</v>
      </c>
      <c r="C2249" s="6" t="s">
        <v>174</v>
      </c>
      <c r="D2249" s="6" t="s">
        <v>141</v>
      </c>
      <c r="E2249" s="6" t="s">
        <v>282</v>
      </c>
      <c r="F2249" s="11">
        <v>-4</v>
      </c>
      <c r="G2249" s="13">
        <v>-9.3023255814000005E-2</v>
      </c>
      <c r="H2249" s="11">
        <v>-13.368264000000003</v>
      </c>
      <c r="I2249" s="13">
        <v>-0.31352277367988896</v>
      </c>
      <c r="J2249" s="11">
        <v>16.198248</v>
      </c>
      <c r="K2249" s="13">
        <v>0.55339596562820703</v>
      </c>
      <c r="L2249" s="11">
        <v>-6.9609045772999991</v>
      </c>
      <c r="M2249" s="13">
        <v>-0.15309163182763452</v>
      </c>
      <c r="N2249" s="11">
        <v>9.2373434227000004</v>
      </c>
      <c r="O2249" s="13">
        <v>0.31558404237572074</v>
      </c>
      <c r="P2249" s="7">
        <v>42.638893000000003</v>
      </c>
      <c r="Q2249" s="7">
        <v>37.713329999999999</v>
      </c>
      <c r="R2249" s="7">
        <v>32.745367000000002</v>
      </c>
      <c r="S2249" s="7">
        <v>36.291576999999997</v>
      </c>
      <c r="T2249" s="7">
        <v>61.719332000000001</v>
      </c>
      <c r="U2249" s="7">
        <v>30.524799999999999</v>
      </c>
      <c r="V2249" s="7">
        <v>29.270629</v>
      </c>
      <c r="W2249" s="7">
        <v>18.426666999999998</v>
      </c>
      <c r="X2249" s="7">
        <v>44.493327000000001</v>
      </c>
      <c r="Y2249" s="7">
        <v>45.468876999999999</v>
      </c>
      <c r="Z2249" s="7">
        <v>43.118309000000004</v>
      </c>
      <c r="AA2249" s="7">
        <v>39.270541999999999</v>
      </c>
      <c r="AB2249" s="7">
        <v>42.912084999999998</v>
      </c>
      <c r="AC2249" s="7">
        <v>43.509515999999998</v>
      </c>
      <c r="AD2249" s="7">
        <v>38.765640328700002</v>
      </c>
      <c r="AE2249" s="7">
        <v>38.710406511099997</v>
      </c>
      <c r="AF2249" s="7">
        <v>38.5079724227</v>
      </c>
      <c r="AG2249" s="9">
        <v>32834.159335299992</v>
      </c>
      <c r="AH2249" s="13">
        <v>0.63760891426939093</v>
      </c>
      <c r="AI2249" s="9">
        <v>16443.428315700003</v>
      </c>
      <c r="AJ2249" s="13">
        <v>0.31931612343636834</v>
      </c>
      <c r="AK2249" s="9">
        <v>851.18506930000149</v>
      </c>
      <c r="AL2249" s="13">
        <v>1.25286306395327E-2</v>
      </c>
      <c r="AM2249" s="9">
        <v>15539.545950299987</v>
      </c>
      <c r="AN2249" s="13">
        <v>0.22589708225792304</v>
      </c>
      <c r="AO2249" s="9">
        <v>16390.731019599989</v>
      </c>
      <c r="AP2249" s="13">
        <v>0.24125589400361341</v>
      </c>
      <c r="AQ2249" s="9">
        <v>51495.765822100002</v>
      </c>
      <c r="AR2249" s="9">
        <v>57907.282039500002</v>
      </c>
      <c r="AS2249" s="9">
        <v>43085.382312900001</v>
      </c>
      <c r="AT2249" s="9">
        <v>57845.120586700003</v>
      </c>
      <c r="AU2249" s="9">
        <v>46573.789266400003</v>
      </c>
      <c r="AV2249" s="9">
        <v>64764.8392198</v>
      </c>
      <c r="AW2249" s="9">
        <v>67939.194137800005</v>
      </c>
      <c r="AX2249" s="9">
        <v>74158.446088500001</v>
      </c>
      <c r="AY2249" s="9">
        <v>66613.289198900005</v>
      </c>
      <c r="AZ2249" s="9">
        <v>68790.379207100006</v>
      </c>
      <c r="BA2249" s="9">
        <v>71815.114860400005</v>
      </c>
      <c r="BB2249" s="9">
        <v>70501.539459399995</v>
      </c>
      <c r="BC2249" s="9">
        <v>74958.387243999998</v>
      </c>
      <c r="BD2249" s="9">
        <v>78827.121562</v>
      </c>
      <c r="BE2249" s="9">
        <v>80371.686590400001</v>
      </c>
      <c r="BF2249" s="9">
        <v>84329.925157399994</v>
      </c>
      <c r="BG2249" s="11">
        <v>1</v>
      </c>
      <c r="BH2249" s="13">
        <v>1</v>
      </c>
      <c r="BI2249" s="6">
        <v>1</v>
      </c>
      <c r="BJ2249" s="13">
        <v>1</v>
      </c>
      <c r="BK2249" s="6">
        <v>0</v>
      </c>
      <c r="BL2249" s="13">
        <v>0</v>
      </c>
      <c r="BM2249" s="11">
        <v>0</v>
      </c>
      <c r="BN2249" s="13">
        <v>0</v>
      </c>
      <c r="BO2249" s="11">
        <v>0</v>
      </c>
      <c r="BP2249" s="13">
        <v>0</v>
      </c>
      <c r="BQ2249" s="6">
        <v>1</v>
      </c>
      <c r="BR2249" s="6">
        <v>1</v>
      </c>
      <c r="BS2249" s="6">
        <v>1</v>
      </c>
      <c r="BT2249" s="6">
        <v>2</v>
      </c>
      <c r="BU2249" s="6">
        <v>2</v>
      </c>
      <c r="BV2249" s="6">
        <v>2</v>
      </c>
      <c r="BW2249" s="6">
        <v>2</v>
      </c>
      <c r="BX2249" s="6">
        <v>2</v>
      </c>
      <c r="BY2249" s="6">
        <v>2</v>
      </c>
      <c r="BZ2249" s="6">
        <v>2</v>
      </c>
      <c r="CA2249" s="6">
        <v>2</v>
      </c>
      <c r="CB2249" s="6">
        <v>2</v>
      </c>
      <c r="CC2249" s="11">
        <v>2</v>
      </c>
      <c r="CD2249" s="11">
        <v>-1.84839</v>
      </c>
      <c r="CE2249" s="11">
        <v>-6.9434800000000001</v>
      </c>
      <c r="CF2249" s="11">
        <v>4.6609400000000001</v>
      </c>
      <c r="CG2249" s="11">
        <v>-2</v>
      </c>
      <c r="CH2249" s="20">
        <v>3.28207</v>
      </c>
      <c r="CI2249" s="20">
        <v>3.0484499999999999</v>
      </c>
      <c r="CJ2249" s="20">
        <v>3.2036500000000001</v>
      </c>
      <c r="CK2249" s="20">
        <v>3.6108799999999999</v>
      </c>
      <c r="CL2249" s="20">
        <v>6.3801199999999998</v>
      </c>
      <c r="CM2249" s="20">
        <v>3.1164100000000001</v>
      </c>
      <c r="CN2249" s="20">
        <v>2.5878700000000001</v>
      </c>
      <c r="CO2249" s="20">
        <v>0.84658</v>
      </c>
      <c r="CP2249" s="20">
        <v>3.9967600000000001</v>
      </c>
      <c r="CQ2249" s="20">
        <v>4.1167499999999997</v>
      </c>
      <c r="CR2249" s="20">
        <v>4.15557</v>
      </c>
      <c r="CS2249" s="20">
        <v>3.9113600000000002</v>
      </c>
      <c r="CT2249" s="20">
        <v>4.5371199999999998</v>
      </c>
      <c r="CU2249" s="20">
        <v>4.6104599999999998</v>
      </c>
      <c r="CV2249" s="20">
        <v>4.0900299999999996</v>
      </c>
      <c r="CW2249" s="20">
        <v>4.1463900000000002</v>
      </c>
      <c r="CX2249" s="20">
        <v>4.0494599999999998</v>
      </c>
      <c r="CY2249" s="6" t="s">
        <v>718</v>
      </c>
      <c r="CZ2249" s="6" t="s">
        <v>719</v>
      </c>
      <c r="DA2249" s="6" t="s">
        <v>141</v>
      </c>
      <c r="DB2249" s="6"/>
      <c r="DC2249" s="6"/>
      <c r="DD2249" s="6"/>
      <c r="DE2249" s="6"/>
      <c r="DF2249" s="6"/>
      <c r="DG2249" s="6"/>
      <c r="DH2249" s="6" t="s">
        <v>333</v>
      </c>
      <c r="DI2249" s="6"/>
      <c r="DJ2249" s="6"/>
      <c r="DK2249" s="6"/>
      <c r="DL2249" s="6">
        <v>10</v>
      </c>
      <c r="DM2249" s="6" t="s">
        <v>383</v>
      </c>
      <c r="DN2249" s="6">
        <v>9</v>
      </c>
      <c r="DO2249" s="6" t="s">
        <v>384</v>
      </c>
      <c r="DP2249" s="6"/>
      <c r="DQ2249" s="6"/>
    </row>
    <row r="2250" spans="1:121" x14ac:dyDescent="0.2">
      <c r="A2250" s="6" t="s">
        <v>312</v>
      </c>
      <c r="B2250" s="6" t="s">
        <v>312</v>
      </c>
      <c r="C2250" s="6" t="s">
        <v>175</v>
      </c>
      <c r="D2250" s="6" t="s">
        <v>141</v>
      </c>
      <c r="E2250" s="6" t="s">
        <v>282</v>
      </c>
      <c r="F2250" s="11">
        <v>10</v>
      </c>
      <c r="G2250" s="13">
        <v>0.112359550562</v>
      </c>
      <c r="H2250" s="11">
        <v>-11.325319087499992</v>
      </c>
      <c r="I2250" s="13">
        <v>-0.12750823142655263</v>
      </c>
      <c r="J2250" s="11">
        <v>-6.3343009746999996</v>
      </c>
      <c r="K2250" s="13">
        <v>-8.1738211685229725E-2</v>
      </c>
      <c r="L2250" s="11">
        <v>27.787225494099999</v>
      </c>
      <c r="M2250" s="13">
        <v>0.39048567799963085</v>
      </c>
      <c r="N2250" s="11">
        <v>21.4529245194</v>
      </c>
      <c r="O2250" s="13">
        <v>0.27682986530601689</v>
      </c>
      <c r="P2250" s="7">
        <v>88.820297801899997</v>
      </c>
      <c r="Q2250" s="7">
        <v>74.529291505200007</v>
      </c>
      <c r="R2250" s="7">
        <v>73.227649367400005</v>
      </c>
      <c r="S2250" s="7">
        <v>85.114683936500001</v>
      </c>
      <c r="T2250" s="7">
        <v>76.437782002999995</v>
      </c>
      <c r="U2250" s="7">
        <v>79.811377998500006</v>
      </c>
      <c r="V2250" s="7">
        <v>77.494978714400006</v>
      </c>
      <c r="W2250" s="7">
        <v>75.724838500000004</v>
      </c>
      <c r="X2250" s="7">
        <v>78.603492219700001</v>
      </c>
      <c r="Y2250" s="7">
        <v>71.160677739700006</v>
      </c>
      <c r="Z2250" s="7">
        <v>79.3367955083</v>
      </c>
      <c r="AA2250" s="7">
        <v>80.073143500399993</v>
      </c>
      <c r="AB2250" s="7">
        <v>106.04988028</v>
      </c>
      <c r="AC2250" s="7">
        <v>93.291494816599993</v>
      </c>
      <c r="AD2250" s="7">
        <v>98.6550922821</v>
      </c>
      <c r="AE2250" s="7">
        <v>93.644479067199995</v>
      </c>
      <c r="AF2250" s="7">
        <v>98.947903233800005</v>
      </c>
      <c r="AG2250" s="9">
        <v>1399.8691755</v>
      </c>
      <c r="AH2250" s="13">
        <v>5.5842158445812307E-2</v>
      </c>
      <c r="AI2250" s="9">
        <v>-1897.4535585999984</v>
      </c>
      <c r="AJ2250" s="13">
        <v>-7.5691288955673938E-2</v>
      </c>
      <c r="AK2250" s="9">
        <v>-778.6692228000029</v>
      </c>
      <c r="AL2250" s="13">
        <v>-3.3605526913519521E-2</v>
      </c>
      <c r="AM2250" s="9">
        <v>4075.9919569000012</v>
      </c>
      <c r="AN2250" s="13">
        <v>0.18202732239993336</v>
      </c>
      <c r="AO2250" s="9">
        <v>3297.3227340999983</v>
      </c>
      <c r="AP2250" s="13">
        <v>0.142304671404507</v>
      </c>
      <c r="AQ2250" s="9">
        <v>25068.321398399999</v>
      </c>
      <c r="AR2250" s="9">
        <v>25890.621095999999</v>
      </c>
      <c r="AS2250" s="9">
        <v>24583.5483953</v>
      </c>
      <c r="AT2250" s="9">
        <v>27011.652454700001</v>
      </c>
      <c r="AU2250" s="9">
        <v>25668.440589900001</v>
      </c>
      <c r="AV2250" s="9">
        <v>24228.570553500002</v>
      </c>
      <c r="AW2250" s="9">
        <v>23170.867839800001</v>
      </c>
      <c r="AX2250" s="9">
        <v>23371.6251529</v>
      </c>
      <c r="AY2250" s="9">
        <v>22807.742456399999</v>
      </c>
      <c r="AZ2250" s="9">
        <v>22392.198616999998</v>
      </c>
      <c r="BA2250" s="9">
        <v>24270.954651299999</v>
      </c>
      <c r="BB2250" s="9">
        <v>25276.724129999999</v>
      </c>
      <c r="BC2250" s="9">
        <v>27664.715513800002</v>
      </c>
      <c r="BD2250" s="9">
        <v>24934.2009139</v>
      </c>
      <c r="BE2250" s="9">
        <v>27371.295741499998</v>
      </c>
      <c r="BF2250" s="9">
        <v>26468.190573899999</v>
      </c>
      <c r="BG2250" s="11">
        <v>4.5</v>
      </c>
      <c r="BH2250" s="13">
        <v>0.6428571428571429</v>
      </c>
      <c r="BI2250" s="6">
        <v>3</v>
      </c>
      <c r="BJ2250" s="13">
        <v>0.42857142857142855</v>
      </c>
      <c r="BK2250" s="6">
        <v>-1</v>
      </c>
      <c r="BL2250" s="13">
        <v>-0.1</v>
      </c>
      <c r="BM2250" s="11">
        <v>2.5</v>
      </c>
      <c r="BN2250" s="13">
        <v>0.27777777777777779</v>
      </c>
      <c r="BO2250" s="11">
        <v>1.5</v>
      </c>
      <c r="BP2250" s="13">
        <v>0.15</v>
      </c>
      <c r="BQ2250" s="6">
        <v>7</v>
      </c>
      <c r="BR2250" s="6">
        <v>8</v>
      </c>
      <c r="BS2250" s="6">
        <v>10</v>
      </c>
      <c r="BT2250" s="6">
        <v>10</v>
      </c>
      <c r="BU2250" s="6">
        <v>8</v>
      </c>
      <c r="BV2250" s="6">
        <v>7</v>
      </c>
      <c r="BW2250" s="6">
        <v>9</v>
      </c>
      <c r="BX2250" s="6">
        <v>11</v>
      </c>
      <c r="BY2250" s="6">
        <v>10</v>
      </c>
      <c r="BZ2250" s="6">
        <v>10</v>
      </c>
      <c r="CA2250" s="6">
        <v>10</v>
      </c>
      <c r="CB2250" s="6">
        <v>11</v>
      </c>
      <c r="CC2250" s="11">
        <v>11.5</v>
      </c>
      <c r="CD2250" s="11">
        <v>11.1769</v>
      </c>
      <c r="CE2250" s="11">
        <v>-10.7584</v>
      </c>
      <c r="CF2250" s="11">
        <v>9.70913</v>
      </c>
      <c r="CG2250" s="11">
        <v>-1</v>
      </c>
      <c r="CH2250" s="20">
        <v>0.47136299999999998</v>
      </c>
      <c r="CI2250" s="20">
        <v>0.41247699999999998</v>
      </c>
      <c r="CJ2250" s="20">
        <v>0.468754</v>
      </c>
      <c r="CK2250" s="20">
        <v>0.51952399999999999</v>
      </c>
      <c r="CL2250" s="20">
        <v>0.45192599999999999</v>
      </c>
      <c r="CM2250" s="20">
        <v>0.44383800000000001</v>
      </c>
      <c r="CN2250" s="20">
        <v>0.37822600000000001</v>
      </c>
      <c r="CO2250" s="20">
        <v>0.20611699999999999</v>
      </c>
      <c r="CP2250" s="20">
        <v>0.48252600000000001</v>
      </c>
      <c r="CQ2250" s="20">
        <v>0.471049</v>
      </c>
      <c r="CR2250" s="20">
        <v>0.56490600000000002</v>
      </c>
      <c r="CS2250" s="20">
        <v>0.58367500000000005</v>
      </c>
      <c r="CT2250" s="20">
        <v>0.800736</v>
      </c>
      <c r="CU2250" s="20">
        <v>0.684535</v>
      </c>
      <c r="CV2250" s="20">
        <v>0.70080299999999995</v>
      </c>
      <c r="CW2250" s="20">
        <v>0.661408</v>
      </c>
      <c r="CX2250" s="20">
        <v>0.68710199999999999</v>
      </c>
      <c r="CY2250" s="6" t="s">
        <v>718</v>
      </c>
      <c r="CZ2250" s="6" t="s">
        <v>719</v>
      </c>
      <c r="DA2250" s="6" t="s">
        <v>141</v>
      </c>
      <c r="DB2250" s="6"/>
      <c r="DC2250" s="6"/>
      <c r="DD2250" s="6"/>
      <c r="DE2250" s="6"/>
      <c r="DF2250" s="6"/>
      <c r="DG2250" s="6"/>
      <c r="DH2250" s="6" t="s">
        <v>333</v>
      </c>
      <c r="DI2250" s="6"/>
      <c r="DJ2250" s="6"/>
      <c r="DK2250" s="6"/>
      <c r="DL2250" s="6">
        <v>10</v>
      </c>
      <c r="DM2250" s="6" t="s">
        <v>383</v>
      </c>
      <c r="DN2250" s="6">
        <v>9</v>
      </c>
      <c r="DO2250" s="6" t="s">
        <v>384</v>
      </c>
      <c r="DP2250" s="6"/>
      <c r="DQ2250" s="6"/>
    </row>
    <row r="2251" spans="1:121" x14ac:dyDescent="0.2">
      <c r="A2251" s="6" t="s">
        <v>792</v>
      </c>
      <c r="B2251" s="6" t="s">
        <v>176</v>
      </c>
      <c r="C2251" s="6" t="s">
        <v>177</v>
      </c>
      <c r="D2251" s="6" t="s">
        <v>141</v>
      </c>
      <c r="E2251" s="6" t="s">
        <v>282</v>
      </c>
      <c r="F2251" s="11">
        <v>-307</v>
      </c>
      <c r="G2251" s="13">
        <v>-0.204530313125</v>
      </c>
      <c r="H2251" s="11">
        <v>-283.52490424000007</v>
      </c>
      <c r="I2251" s="13">
        <v>-0.18885374628546592</v>
      </c>
      <c r="J2251" s="11">
        <v>65.921862120000014</v>
      </c>
      <c r="K2251" s="13">
        <v>5.4133323552197653E-2</v>
      </c>
      <c r="L2251" s="11">
        <v>-89.334457599999951</v>
      </c>
      <c r="M2251" s="13">
        <v>-6.9591898992236514E-2</v>
      </c>
      <c r="N2251" s="11">
        <v>-23.412595479999936</v>
      </c>
      <c r="O2251" s="13">
        <v>-1.9225816224797455E-2</v>
      </c>
      <c r="P2251" s="7">
        <v>1501.2935131900001</v>
      </c>
      <c r="Q2251" s="7">
        <v>1354.4410691400001</v>
      </c>
      <c r="R2251" s="7">
        <v>998.66512802299997</v>
      </c>
      <c r="S2251" s="7">
        <v>1037.15357834</v>
      </c>
      <c r="T2251" s="7">
        <v>1067.0131569099999</v>
      </c>
      <c r="U2251" s="7">
        <v>1128.1095486700001</v>
      </c>
      <c r="V2251" s="7">
        <v>1217.76860895</v>
      </c>
      <c r="W2251" s="7">
        <v>1434.1354033699999</v>
      </c>
      <c r="X2251" s="7">
        <v>1197.5155970999999</v>
      </c>
      <c r="Y2251" s="7">
        <v>1283.6904710700001</v>
      </c>
      <c r="Z2251" s="7">
        <v>1198.57791548</v>
      </c>
      <c r="AA2251" s="7">
        <v>1152.7582442400001</v>
      </c>
      <c r="AB2251" s="7">
        <v>1099.9348033399999</v>
      </c>
      <c r="AC2251" s="7">
        <v>1095.08728655</v>
      </c>
      <c r="AD2251" s="7">
        <v>1123.0264352300001</v>
      </c>
      <c r="AE2251" s="7">
        <v>1142.0701695</v>
      </c>
      <c r="AF2251" s="7">
        <v>1194.3560134700001</v>
      </c>
      <c r="AG2251" s="9">
        <v>28512.096694600004</v>
      </c>
      <c r="AH2251" s="13">
        <v>0.99815702061707701</v>
      </c>
      <c r="AI2251" s="9">
        <v>16613.470532500003</v>
      </c>
      <c r="AJ2251" s="13">
        <v>0.58160760418473489</v>
      </c>
      <c r="AK2251" s="9">
        <v>4069.5692320999951</v>
      </c>
      <c r="AL2251" s="13">
        <v>9.0078139460887163E-2</v>
      </c>
      <c r="AM2251" s="9">
        <v>7829.0569300000061</v>
      </c>
      <c r="AN2251" s="13">
        <v>0.15897278660395503</v>
      </c>
      <c r="AO2251" s="9">
        <v>11898.626162100001</v>
      </c>
      <c r="AP2251" s="13">
        <v>0.26337089890703913</v>
      </c>
      <c r="AQ2251" s="9">
        <v>28564.740923199999</v>
      </c>
      <c r="AR2251" s="9">
        <v>28633.866056999999</v>
      </c>
      <c r="AS2251" s="9">
        <v>28059.8429626</v>
      </c>
      <c r="AT2251" s="9">
        <v>29711.796881900002</v>
      </c>
      <c r="AU2251" s="9">
        <v>33212.108752799999</v>
      </c>
      <c r="AV2251" s="9">
        <v>41042.602723700002</v>
      </c>
      <c r="AW2251" s="9">
        <v>45178.211455700002</v>
      </c>
      <c r="AX2251" s="9">
        <v>48555.031560700001</v>
      </c>
      <c r="AY2251" s="9">
        <v>46883.535504899999</v>
      </c>
      <c r="AZ2251" s="9">
        <v>49247.780687799997</v>
      </c>
      <c r="BA2251" s="9">
        <v>45969.791044600002</v>
      </c>
      <c r="BB2251" s="9">
        <v>46114.708592499999</v>
      </c>
      <c r="BC2251" s="9">
        <v>48863.888407699997</v>
      </c>
      <c r="BD2251" s="9">
        <v>47477.299144600001</v>
      </c>
      <c r="BE2251" s="9">
        <v>54272.571858800002</v>
      </c>
      <c r="BF2251" s="9">
        <v>57076.837617800003</v>
      </c>
      <c r="BG2251" s="11">
        <v>-1.5</v>
      </c>
      <c r="BH2251" s="13">
        <v>-0.25</v>
      </c>
      <c r="BI2251" s="6">
        <v>-1</v>
      </c>
      <c r="BJ2251" s="13">
        <v>-0.16666666666666666</v>
      </c>
      <c r="BK2251" s="6">
        <v>0</v>
      </c>
      <c r="BL2251" s="13">
        <v>0</v>
      </c>
      <c r="BM2251" s="11">
        <v>-0.5</v>
      </c>
      <c r="BN2251" s="13">
        <v>-0.1</v>
      </c>
      <c r="BO2251" s="11">
        <v>-0.5</v>
      </c>
      <c r="BP2251" s="13">
        <v>-0.1</v>
      </c>
      <c r="BQ2251" s="6">
        <v>6</v>
      </c>
      <c r="BR2251" s="6">
        <v>7</v>
      </c>
      <c r="BS2251" s="6">
        <v>6</v>
      </c>
      <c r="BT2251" s="6">
        <v>5</v>
      </c>
      <c r="BU2251" s="6">
        <v>8</v>
      </c>
      <c r="BV2251" s="6">
        <v>5</v>
      </c>
      <c r="BW2251" s="6">
        <v>5</v>
      </c>
      <c r="BX2251" s="6">
        <v>5</v>
      </c>
      <c r="BY2251" s="6">
        <v>4</v>
      </c>
      <c r="BZ2251" s="6">
        <v>4</v>
      </c>
      <c r="CA2251" s="6">
        <v>4</v>
      </c>
      <c r="CB2251" s="6">
        <v>5</v>
      </c>
      <c r="CC2251" s="11">
        <v>4.5</v>
      </c>
      <c r="CD2251" s="11">
        <v>58.876199999999997</v>
      </c>
      <c r="CE2251" s="11">
        <v>-529.923</v>
      </c>
      <c r="CF2251" s="11">
        <v>164.10900000000001</v>
      </c>
      <c r="CG2251" s="11">
        <v>-366</v>
      </c>
      <c r="CH2251" s="20">
        <v>4.1616299999999997</v>
      </c>
      <c r="CI2251" s="20">
        <v>4.1842800000000002</v>
      </c>
      <c r="CJ2251" s="20">
        <v>3.8145099999999998</v>
      </c>
      <c r="CK2251" s="20">
        <v>4.0008999999999997</v>
      </c>
      <c r="CL2251" s="20">
        <v>4.1983499999999996</v>
      </c>
      <c r="CM2251" s="20">
        <v>4.3760899999999996</v>
      </c>
      <c r="CN2251" s="20">
        <v>4.1973599999999998</v>
      </c>
      <c r="CO2251" s="20">
        <v>2.69719</v>
      </c>
      <c r="CP2251" s="20">
        <v>5.0043699999999998</v>
      </c>
      <c r="CQ2251" s="20">
        <v>5.4722600000000003</v>
      </c>
      <c r="CR2251" s="20">
        <v>5.3323400000000003</v>
      </c>
      <c r="CS2251" s="20">
        <v>5.2124899999999998</v>
      </c>
      <c r="CT2251" s="20">
        <v>5.2330399999999999</v>
      </c>
      <c r="CU2251" s="20">
        <v>5.1871200000000002</v>
      </c>
      <c r="CV2251" s="20">
        <v>5.2940699999999996</v>
      </c>
      <c r="CW2251" s="20">
        <v>5.4698399999999996</v>
      </c>
      <c r="CX2251" s="20">
        <v>5.6601600000000003</v>
      </c>
      <c r="CY2251" s="6" t="s">
        <v>718</v>
      </c>
      <c r="CZ2251" s="6" t="s">
        <v>719</v>
      </c>
      <c r="DA2251" s="6" t="s">
        <v>141</v>
      </c>
      <c r="DB2251" s="6"/>
      <c r="DC2251" s="6"/>
      <c r="DD2251" s="6"/>
      <c r="DE2251" s="6"/>
      <c r="DF2251" s="6"/>
      <c r="DG2251" s="6"/>
      <c r="DH2251" s="6" t="s">
        <v>333</v>
      </c>
      <c r="DI2251" s="6"/>
      <c r="DJ2251" s="6"/>
      <c r="DK2251" s="6"/>
      <c r="DL2251" s="6">
        <v>10</v>
      </c>
      <c r="DM2251" s="6" t="s">
        <v>383</v>
      </c>
      <c r="DN2251" s="6">
        <v>9</v>
      </c>
      <c r="DO2251" s="6" t="s">
        <v>384</v>
      </c>
      <c r="DP2251" s="6"/>
      <c r="DQ2251" s="6"/>
    </row>
    <row r="2252" spans="1:121" x14ac:dyDescent="0.2">
      <c r="A2252" s="6" t="s">
        <v>313</v>
      </c>
      <c r="B2252" s="6" t="s">
        <v>313</v>
      </c>
      <c r="C2252" s="6" t="s">
        <v>178</v>
      </c>
      <c r="D2252" s="6" t="s">
        <v>141</v>
      </c>
      <c r="E2252" s="6" t="s">
        <v>282</v>
      </c>
      <c r="F2252" s="11">
        <v>19</v>
      </c>
      <c r="G2252" s="13">
        <v>0.46341463414599998</v>
      </c>
      <c r="H2252" s="11">
        <v>18.377119349200001</v>
      </c>
      <c r="I2252" s="13">
        <v>0.44642680626152337</v>
      </c>
      <c r="J2252" s="11">
        <v>3.7591446218999991</v>
      </c>
      <c r="K2252" s="13">
        <v>6.3134304561329319E-2</v>
      </c>
      <c r="L2252" s="11">
        <v>-3.5625067587000032</v>
      </c>
      <c r="M2252" s="13">
        <v>-5.6278683777545455E-2</v>
      </c>
      <c r="N2252" s="11">
        <v>0.19663786319999588</v>
      </c>
      <c r="O2252" s="13">
        <v>3.3025052218615607E-3</v>
      </c>
      <c r="P2252" s="7">
        <v>41.164910107200001</v>
      </c>
      <c r="Q2252" s="7">
        <v>40.967564000000003</v>
      </c>
      <c r="R2252" s="7">
        <v>38.058822999999997</v>
      </c>
      <c r="S2252" s="7">
        <v>34.534976999999998</v>
      </c>
      <c r="T2252" s="7">
        <v>5</v>
      </c>
      <c r="U2252" s="7">
        <v>58.749106888699998</v>
      </c>
      <c r="V2252" s="7">
        <v>59.542029456400002</v>
      </c>
      <c r="W2252" s="7">
        <v>64.761754539600005</v>
      </c>
      <c r="X2252" s="7">
        <v>60.508696419099998</v>
      </c>
      <c r="Y2252" s="7">
        <v>63.301174078300001</v>
      </c>
      <c r="Z2252" s="7">
        <v>60.550467619599999</v>
      </c>
      <c r="AA2252" s="7">
        <v>74.196351614099996</v>
      </c>
      <c r="AB2252" s="7">
        <v>67.574781999999999</v>
      </c>
      <c r="AC2252" s="7">
        <v>69.223296000000005</v>
      </c>
      <c r="AD2252" s="7">
        <v>66.072095000000004</v>
      </c>
      <c r="AE2252" s="7">
        <v>59.455983500000002</v>
      </c>
      <c r="AF2252" s="7">
        <v>59.738667319599998</v>
      </c>
      <c r="AG2252" s="9">
        <v>5291.0181760999985</v>
      </c>
      <c r="AH2252" s="13">
        <v>0.28226909571010073</v>
      </c>
      <c r="AI2252" s="9">
        <v>1895.5003268</v>
      </c>
      <c r="AJ2252" s="13">
        <v>0.10112253357602607</v>
      </c>
      <c r="AK2252" s="9">
        <v>-3245.5855587000005</v>
      </c>
      <c r="AL2252" s="13">
        <v>-0.15724668208060841</v>
      </c>
      <c r="AM2252" s="9">
        <v>6641.103407999999</v>
      </c>
      <c r="AN2252" s="13">
        <v>0.38179320954410856</v>
      </c>
      <c r="AO2252" s="9">
        <v>3395.5178492999985</v>
      </c>
      <c r="AP2252" s="13">
        <v>0.16451081202178261</v>
      </c>
      <c r="AQ2252" s="9">
        <v>18744.5889632</v>
      </c>
      <c r="AR2252" s="9">
        <v>18856.1435709</v>
      </c>
      <c r="AS2252" s="9">
        <v>31417.0042263</v>
      </c>
      <c r="AT2252" s="9">
        <v>20837.220587299998</v>
      </c>
      <c r="AU2252" s="9">
        <v>1</v>
      </c>
      <c r="AV2252" s="9">
        <v>18681.686904900002</v>
      </c>
      <c r="AW2252" s="9">
        <v>20640.08929</v>
      </c>
      <c r="AX2252" s="9">
        <v>17331.098342400001</v>
      </c>
      <c r="AY2252" s="9">
        <v>17188.486835700001</v>
      </c>
      <c r="AZ2252" s="9">
        <v>17394.503731299999</v>
      </c>
      <c r="BA2252" s="9">
        <v>19536.724543799999</v>
      </c>
      <c r="BB2252" s="9">
        <v>18109.9092456</v>
      </c>
      <c r="BC2252" s="9">
        <v>18884.962720200001</v>
      </c>
      <c r="BD2252" s="9">
        <v>19074.3103132</v>
      </c>
      <c r="BE2252" s="9">
        <v>21774.169597600001</v>
      </c>
      <c r="BF2252" s="9">
        <v>24035.607139299998</v>
      </c>
      <c r="BG2252" s="11">
        <v>2</v>
      </c>
      <c r="BH2252" s="13">
        <v>0.5</v>
      </c>
      <c r="BI2252" s="6">
        <v>0</v>
      </c>
      <c r="BJ2252" s="13">
        <v>0</v>
      </c>
      <c r="BK2252" s="6">
        <v>0</v>
      </c>
      <c r="BL2252" s="13">
        <v>0</v>
      </c>
      <c r="BM2252" s="11">
        <v>2</v>
      </c>
      <c r="BN2252" s="13">
        <v>0.5</v>
      </c>
      <c r="BO2252" s="11">
        <v>2</v>
      </c>
      <c r="BP2252" s="13">
        <v>0.5</v>
      </c>
      <c r="BQ2252" s="6">
        <v>4</v>
      </c>
      <c r="BR2252" s="6">
        <v>3</v>
      </c>
      <c r="BS2252" s="6">
        <v>4</v>
      </c>
      <c r="BT2252" s="6">
        <v>4</v>
      </c>
      <c r="BU2252" s="6">
        <v>4</v>
      </c>
      <c r="BV2252" s="6">
        <v>4</v>
      </c>
      <c r="BW2252" s="6">
        <v>4</v>
      </c>
      <c r="BX2252" s="6">
        <v>5</v>
      </c>
      <c r="BY2252" s="6">
        <v>6</v>
      </c>
      <c r="BZ2252" s="6">
        <v>5</v>
      </c>
      <c r="CA2252" s="6">
        <v>5</v>
      </c>
      <c r="CB2252" s="6">
        <v>6</v>
      </c>
      <c r="CC2252" s="11">
        <v>6</v>
      </c>
      <c r="CD2252" s="11">
        <v>17.439900000000002</v>
      </c>
      <c r="CE2252" s="11">
        <v>-3.3659500000000002</v>
      </c>
      <c r="CF2252" s="11">
        <v>4.4998199999999997</v>
      </c>
      <c r="CG2252" s="11">
        <v>1</v>
      </c>
      <c r="CH2252" s="20">
        <v>0.32046400000000003</v>
      </c>
      <c r="CI2252" s="20">
        <v>0.33757199999999998</v>
      </c>
      <c r="CJ2252" s="20">
        <v>0.37064599999999998</v>
      </c>
      <c r="CK2252" s="20">
        <v>0.33163199999999998</v>
      </c>
      <c r="CL2252" s="20">
        <v>1.5462699999999999E-2</v>
      </c>
      <c r="CM2252" s="20">
        <v>0.53888100000000005</v>
      </c>
      <c r="CN2252" s="20">
        <v>0.46809800000000001</v>
      </c>
      <c r="CO2252" s="20">
        <v>0.27068900000000001</v>
      </c>
      <c r="CP2252" s="20">
        <v>0.531227</v>
      </c>
      <c r="CQ2252" s="20">
        <v>0.56126100000000001</v>
      </c>
      <c r="CR2252" s="20">
        <v>0.56275200000000003</v>
      </c>
      <c r="CS2252" s="20">
        <v>0.70004900000000003</v>
      </c>
      <c r="CT2252" s="20">
        <v>0.66702300000000003</v>
      </c>
      <c r="CU2252" s="20">
        <v>0.68115000000000003</v>
      </c>
      <c r="CV2252" s="20">
        <v>0.64746000000000004</v>
      </c>
      <c r="CW2252" s="20">
        <v>0.59346200000000005</v>
      </c>
      <c r="CX2252" s="20">
        <v>0.58521699999999999</v>
      </c>
      <c r="CY2252" s="6" t="s">
        <v>718</v>
      </c>
      <c r="CZ2252" s="6" t="s">
        <v>719</v>
      </c>
      <c r="DA2252" s="6" t="s">
        <v>141</v>
      </c>
      <c r="DB2252" s="6"/>
      <c r="DC2252" s="6"/>
      <c r="DD2252" s="6"/>
      <c r="DE2252" s="6"/>
      <c r="DF2252" s="6"/>
      <c r="DG2252" s="6"/>
      <c r="DH2252" s="6" t="s">
        <v>333</v>
      </c>
      <c r="DI2252" s="6"/>
      <c r="DJ2252" s="6"/>
      <c r="DK2252" s="6"/>
      <c r="DL2252" s="6">
        <v>10</v>
      </c>
      <c r="DM2252" s="6" t="s">
        <v>383</v>
      </c>
      <c r="DN2252" s="6">
        <v>9</v>
      </c>
      <c r="DO2252" s="6" t="s">
        <v>384</v>
      </c>
      <c r="DP2252" s="6"/>
      <c r="DQ2252" s="6"/>
    </row>
    <row r="2253" spans="1:121" x14ac:dyDescent="0.2">
      <c r="A2253" s="6" t="s">
        <v>793</v>
      </c>
      <c r="B2253" s="6" t="s">
        <v>179</v>
      </c>
      <c r="C2253" s="6" t="s">
        <v>180</v>
      </c>
      <c r="D2253" s="6" t="s">
        <v>141</v>
      </c>
      <c r="E2253" s="6" t="s">
        <v>282</v>
      </c>
      <c r="F2253" s="11">
        <v>-31</v>
      </c>
      <c r="G2253" s="13">
        <v>-0.14000000000000001</v>
      </c>
      <c r="H2253" s="11">
        <v>-22</v>
      </c>
      <c r="I2253" s="13">
        <v>-0.10091743119266056</v>
      </c>
      <c r="J2253" s="11">
        <v>15</v>
      </c>
      <c r="K2253" s="13">
        <v>7.6530612244897975E-2</v>
      </c>
      <c r="L2253" s="11">
        <v>-24</v>
      </c>
      <c r="M2253" s="13">
        <v>-0.11374407582938388</v>
      </c>
      <c r="N2253" s="11">
        <v>-9</v>
      </c>
      <c r="O2253" s="13">
        <v>-4.5918367346938778E-2</v>
      </c>
      <c r="P2253" s="7">
        <v>218</v>
      </c>
      <c r="Q2253" s="7">
        <v>205</v>
      </c>
      <c r="R2253" s="7">
        <v>205</v>
      </c>
      <c r="S2253" s="7">
        <v>203</v>
      </c>
      <c r="T2253" s="7">
        <v>202</v>
      </c>
      <c r="U2253" s="7">
        <v>192</v>
      </c>
      <c r="V2253" s="7">
        <v>196</v>
      </c>
      <c r="W2253" s="7">
        <v>196</v>
      </c>
      <c r="X2253" s="7">
        <v>191</v>
      </c>
      <c r="Y2253" s="7">
        <v>211</v>
      </c>
      <c r="Z2253" s="7">
        <v>203</v>
      </c>
      <c r="AA2253" s="7">
        <v>211</v>
      </c>
      <c r="AB2253" s="7">
        <v>188</v>
      </c>
      <c r="AC2253" s="7">
        <v>191</v>
      </c>
      <c r="AD2253" s="7">
        <v>193</v>
      </c>
      <c r="AE2253" s="7">
        <v>187</v>
      </c>
      <c r="AF2253" s="7">
        <v>187</v>
      </c>
      <c r="AG2253" s="9">
        <v>7155</v>
      </c>
      <c r="AH2253" s="13">
        <v>0.39534755221571438</v>
      </c>
      <c r="AI2253" s="9">
        <v>3816</v>
      </c>
      <c r="AJ2253" s="13">
        <v>0.21085202784838103</v>
      </c>
      <c r="AK2253" s="9">
        <v>-894</v>
      </c>
      <c r="AL2253" s="13">
        <v>-4.0795838276900614E-2</v>
      </c>
      <c r="AM2253" s="9">
        <v>4233</v>
      </c>
      <c r="AN2253" s="13">
        <v>0.20137963843958137</v>
      </c>
      <c r="AO2253" s="9">
        <v>3339</v>
      </c>
      <c r="AP2253" s="13">
        <v>0.15236834900063886</v>
      </c>
      <c r="AQ2253" s="9">
        <v>18098</v>
      </c>
      <c r="AR2253" s="9">
        <v>18444</v>
      </c>
      <c r="AS2253" s="9">
        <v>18759</v>
      </c>
      <c r="AT2253" s="9">
        <v>19493</v>
      </c>
      <c r="AU2253" s="9">
        <v>20417</v>
      </c>
      <c r="AV2253" s="9">
        <v>21003</v>
      </c>
      <c r="AW2253" s="9">
        <v>21914</v>
      </c>
      <c r="AX2253" s="9">
        <v>21716</v>
      </c>
      <c r="AY2253" s="9">
        <v>22053</v>
      </c>
      <c r="AZ2253" s="9">
        <v>21020</v>
      </c>
      <c r="BA2253" s="9">
        <v>21520</v>
      </c>
      <c r="BB2253" s="9">
        <v>21191</v>
      </c>
      <c r="BC2253" s="9">
        <v>23694</v>
      </c>
      <c r="BD2253" s="9">
        <v>23501</v>
      </c>
      <c r="BE2253" s="9">
        <v>24157</v>
      </c>
      <c r="BF2253" s="9">
        <v>25253</v>
      </c>
      <c r="BG2253" s="11">
        <v>-10</v>
      </c>
      <c r="BH2253" s="13">
        <v>-0.3125</v>
      </c>
      <c r="BI2253" s="6">
        <v>-6</v>
      </c>
      <c r="BJ2253" s="13">
        <v>-0.1875</v>
      </c>
      <c r="BK2253" s="6">
        <v>0</v>
      </c>
      <c r="BL2253" s="13">
        <v>0</v>
      </c>
      <c r="BM2253" s="11">
        <v>-4</v>
      </c>
      <c r="BN2253" s="13">
        <v>-0.15384615384615385</v>
      </c>
      <c r="BO2253" s="11">
        <v>-4</v>
      </c>
      <c r="BP2253" s="13">
        <v>-0.15384615384615385</v>
      </c>
      <c r="BQ2253" s="6">
        <v>32</v>
      </c>
      <c r="BR2253" s="6">
        <v>29</v>
      </c>
      <c r="BS2253" s="6">
        <v>26</v>
      </c>
      <c r="BT2253" s="6">
        <v>26</v>
      </c>
      <c r="BU2253" s="6">
        <v>25</v>
      </c>
      <c r="BV2253" s="6">
        <v>25</v>
      </c>
      <c r="BW2253" s="6">
        <v>26</v>
      </c>
      <c r="BX2253" s="6">
        <v>27</v>
      </c>
      <c r="BY2253" s="6">
        <v>26</v>
      </c>
      <c r="BZ2253" s="6">
        <v>25</v>
      </c>
      <c r="CA2253" s="6">
        <v>23</v>
      </c>
      <c r="CB2253" s="6">
        <v>23</v>
      </c>
      <c r="CC2253" s="11">
        <v>22</v>
      </c>
      <c r="CD2253" s="11">
        <v>-41</v>
      </c>
      <c r="CE2253" s="11">
        <v>-14</v>
      </c>
      <c r="CF2253" s="11">
        <v>24</v>
      </c>
      <c r="CG2253" s="11">
        <v>10</v>
      </c>
      <c r="CH2253" s="20">
        <v>0.63</v>
      </c>
      <c r="CI2253" s="20">
        <v>0.62</v>
      </c>
      <c r="CJ2253" s="20">
        <v>0.74</v>
      </c>
      <c r="CK2253" s="20">
        <v>0.72</v>
      </c>
      <c r="CL2253" s="20">
        <v>0.72</v>
      </c>
      <c r="CM2253" s="20">
        <v>0.66</v>
      </c>
      <c r="CN2253" s="20">
        <v>0.57999999999999996</v>
      </c>
      <c r="CO2253" s="20">
        <v>0.31</v>
      </c>
      <c r="CP2253" s="20">
        <v>0.63</v>
      </c>
      <c r="CQ2253" s="20">
        <v>0.69</v>
      </c>
      <c r="CR2253" s="20">
        <v>0.7</v>
      </c>
      <c r="CS2253" s="20">
        <v>0.75</v>
      </c>
      <c r="CT2253" s="20">
        <v>0.7</v>
      </c>
      <c r="CU2253" s="20">
        <v>0.7</v>
      </c>
      <c r="CV2253" s="20">
        <v>0.7</v>
      </c>
      <c r="CW2253" s="20">
        <v>0.68</v>
      </c>
      <c r="CX2253" s="20">
        <v>0.67</v>
      </c>
      <c r="CY2253" s="6" t="s">
        <v>718</v>
      </c>
      <c r="CZ2253" s="6" t="s">
        <v>719</v>
      </c>
      <c r="DA2253" s="6" t="s">
        <v>141</v>
      </c>
      <c r="DB2253" s="6"/>
      <c r="DC2253" s="6"/>
      <c r="DD2253" s="6"/>
      <c r="DE2253" s="6"/>
      <c r="DF2253" s="6"/>
      <c r="DG2253" s="6"/>
      <c r="DH2253" s="6" t="s">
        <v>333</v>
      </c>
      <c r="DI2253" s="6"/>
      <c r="DJ2253" s="6"/>
      <c r="DK2253" s="6"/>
      <c r="DL2253" s="6">
        <v>10</v>
      </c>
      <c r="DM2253" s="6" t="s">
        <v>383</v>
      </c>
      <c r="DN2253" s="6">
        <v>9</v>
      </c>
      <c r="DO2253" s="6" t="s">
        <v>384</v>
      </c>
      <c r="DP2253" s="6"/>
      <c r="DQ2253" s="6"/>
    </row>
    <row r="2254" spans="1:121" x14ac:dyDescent="0.2">
      <c r="A2254" s="6" t="s">
        <v>794</v>
      </c>
      <c r="B2254" s="6" t="s">
        <v>181</v>
      </c>
      <c r="C2254" s="6" t="s">
        <v>182</v>
      </c>
      <c r="D2254" s="6" t="s">
        <v>141</v>
      </c>
      <c r="E2254" s="6" t="s">
        <v>282</v>
      </c>
      <c r="F2254" s="11">
        <v>-3</v>
      </c>
      <c r="G2254" s="13">
        <v>-0.166666666667</v>
      </c>
      <c r="H2254" s="11">
        <v>11.851357520599997</v>
      </c>
      <c r="I2254" s="13">
        <v>0.66127786820636847</v>
      </c>
      <c r="J2254" s="11">
        <v>-11.956734334</v>
      </c>
      <c r="K2254" s="13">
        <v>-0.40159305029774833</v>
      </c>
      <c r="L2254" s="11">
        <v>-3.0483303273999987</v>
      </c>
      <c r="M2254" s="13">
        <v>-0.17109566535934786</v>
      </c>
      <c r="N2254" s="11">
        <v>-15.005064661399999</v>
      </c>
      <c r="O2254" s="13">
        <v>-0.50397788551271283</v>
      </c>
      <c r="P2254" s="7">
        <v>17.921902562300001</v>
      </c>
      <c r="Q2254" s="7">
        <v>15.9134788856</v>
      </c>
      <c r="R2254" s="7">
        <v>13.926643118799999</v>
      </c>
      <c r="S2254" s="7">
        <v>22.3707132971</v>
      </c>
      <c r="T2254" s="7">
        <v>26.954928843299999</v>
      </c>
      <c r="U2254" s="7">
        <v>28.894480362500001</v>
      </c>
      <c r="V2254" s="7">
        <v>29.773260082899998</v>
      </c>
      <c r="W2254" s="7">
        <v>43.574542593300002</v>
      </c>
      <c r="X2254" s="7">
        <v>18.683289796299999</v>
      </c>
      <c r="Y2254" s="7">
        <v>17.816525748899998</v>
      </c>
      <c r="Z2254" s="7">
        <v>15.4079760081</v>
      </c>
      <c r="AA2254" s="7">
        <v>21.791188975899999</v>
      </c>
      <c r="AB2254" s="7">
        <v>18.115438190900001</v>
      </c>
      <c r="AC2254" s="7">
        <v>14.649470161</v>
      </c>
      <c r="AD2254" s="7">
        <v>14.4012706159</v>
      </c>
      <c r="AE2254" s="7">
        <v>14.2254504417</v>
      </c>
      <c r="AF2254" s="7">
        <v>14.7681954215</v>
      </c>
      <c r="AG2254" s="9">
        <v>22476.511790500001</v>
      </c>
      <c r="AH2254" s="13">
        <v>0.6007941016540661</v>
      </c>
      <c r="AI2254" s="9">
        <v>10345.736588</v>
      </c>
      <c r="AJ2254" s="13">
        <v>0.27654013119438731</v>
      </c>
      <c r="AK2254" s="9">
        <v>1208.4181079000045</v>
      </c>
      <c r="AL2254" s="13">
        <v>2.5303436060144048E-2</v>
      </c>
      <c r="AM2254" s="9">
        <v>10922.357094599996</v>
      </c>
      <c r="AN2254" s="13">
        <v>0.22306232973479603</v>
      </c>
      <c r="AO2254" s="9">
        <v>12130.775202500001</v>
      </c>
      <c r="AP2254" s="13">
        <v>0.25401000919281125</v>
      </c>
      <c r="AQ2254" s="9">
        <v>37411.338973899998</v>
      </c>
      <c r="AR2254" s="9">
        <v>36698.798135199999</v>
      </c>
      <c r="AS2254" s="9">
        <v>41909.212262000001</v>
      </c>
      <c r="AT2254" s="9">
        <v>31703.253135499999</v>
      </c>
      <c r="AU2254" s="9">
        <v>35994.691377700001</v>
      </c>
      <c r="AV2254" s="9">
        <v>36363.034760100003</v>
      </c>
      <c r="AW2254" s="9">
        <v>47757.075561899997</v>
      </c>
      <c r="AX2254" s="9">
        <v>55443.950765900001</v>
      </c>
      <c r="AY2254" s="9">
        <v>52497.547221699999</v>
      </c>
      <c r="AZ2254" s="9">
        <v>48965.493669800002</v>
      </c>
      <c r="BA2254" s="9">
        <v>52138.557508600003</v>
      </c>
      <c r="BB2254" s="9">
        <v>54731.1417305</v>
      </c>
      <c r="BC2254" s="9">
        <v>42563.6436837</v>
      </c>
      <c r="BD2254" s="9">
        <v>57773.2018493</v>
      </c>
      <c r="BE2254" s="9">
        <v>60244.410014699999</v>
      </c>
      <c r="BF2254" s="9">
        <v>59887.850764399998</v>
      </c>
      <c r="BG2254" s="11">
        <v>-1</v>
      </c>
      <c r="BH2254" s="13">
        <v>-0.25</v>
      </c>
      <c r="BI2254" s="6">
        <v>-1</v>
      </c>
      <c r="BJ2254" s="13">
        <v>-0.25</v>
      </c>
      <c r="BK2254" s="6">
        <v>0</v>
      </c>
      <c r="BL2254" s="13">
        <v>0</v>
      </c>
      <c r="BM2254" s="11">
        <v>0</v>
      </c>
      <c r="BN2254" s="13">
        <v>0</v>
      </c>
      <c r="BO2254" s="11">
        <v>0</v>
      </c>
      <c r="BP2254" s="13">
        <v>0</v>
      </c>
      <c r="BQ2254" s="6">
        <v>4</v>
      </c>
      <c r="BR2254" s="6">
        <v>5</v>
      </c>
      <c r="BS2254" s="6">
        <v>6</v>
      </c>
      <c r="BT2254" s="6">
        <v>3</v>
      </c>
      <c r="BU2254" s="6">
        <v>4</v>
      </c>
      <c r="BV2254" s="6">
        <v>3</v>
      </c>
      <c r="BW2254" s="6">
        <v>3</v>
      </c>
      <c r="BX2254" s="6">
        <v>4</v>
      </c>
      <c r="BY2254" s="6">
        <v>4</v>
      </c>
      <c r="BZ2254" s="6">
        <v>5</v>
      </c>
      <c r="CA2254" s="6">
        <v>4</v>
      </c>
      <c r="CB2254" s="6">
        <v>4</v>
      </c>
      <c r="CC2254" s="11">
        <v>3</v>
      </c>
      <c r="CD2254" s="11">
        <v>-6.2424099999999996</v>
      </c>
      <c r="CE2254" s="11">
        <v>1.1296200000000001</v>
      </c>
      <c r="CF2254" s="11">
        <v>1.9590799999999999</v>
      </c>
      <c r="CG2254" s="11">
        <v>3</v>
      </c>
      <c r="CH2254" s="20">
        <v>0.17624899999999999</v>
      </c>
      <c r="CI2254" s="20">
        <v>0.16705300000000001</v>
      </c>
      <c r="CJ2254" s="20">
        <v>0.17315</v>
      </c>
      <c r="CK2254" s="20">
        <v>0.27161200000000002</v>
      </c>
      <c r="CL2254" s="20">
        <v>0.32394299999999998</v>
      </c>
      <c r="CM2254" s="20">
        <v>0.33213700000000002</v>
      </c>
      <c r="CN2254" s="20">
        <v>0.29269499999999998</v>
      </c>
      <c r="CO2254" s="20">
        <v>0.22777600000000001</v>
      </c>
      <c r="CP2254" s="20">
        <v>0.204536</v>
      </c>
      <c r="CQ2254" s="20">
        <v>0.195795</v>
      </c>
      <c r="CR2254" s="20">
        <v>0.17518800000000001</v>
      </c>
      <c r="CS2254" s="20">
        <v>0.25054700000000002</v>
      </c>
      <c r="CT2254" s="20">
        <v>0.21659800000000001</v>
      </c>
      <c r="CU2254" s="20">
        <v>0.17071500000000001</v>
      </c>
      <c r="CV2254" s="20">
        <v>0.161409</v>
      </c>
      <c r="CW2254" s="20">
        <v>0.158251</v>
      </c>
      <c r="CX2254" s="20">
        <v>0.160187</v>
      </c>
      <c r="CY2254" s="6" t="s">
        <v>718</v>
      </c>
      <c r="CZ2254" s="6" t="s">
        <v>719</v>
      </c>
      <c r="DA2254" s="6" t="s">
        <v>141</v>
      </c>
      <c r="DB2254" s="6"/>
      <c r="DC2254" s="6"/>
      <c r="DD2254" s="6"/>
      <c r="DE2254" s="6"/>
      <c r="DF2254" s="6"/>
      <c r="DG2254" s="6"/>
      <c r="DH2254" s="6" t="s">
        <v>333</v>
      </c>
      <c r="DI2254" s="6"/>
      <c r="DJ2254" s="6"/>
      <c r="DK2254" s="6"/>
      <c r="DL2254" s="6">
        <v>10</v>
      </c>
      <c r="DM2254" s="6" t="s">
        <v>383</v>
      </c>
      <c r="DN2254" s="6">
        <v>9</v>
      </c>
      <c r="DO2254" s="6" t="s">
        <v>384</v>
      </c>
      <c r="DP2254" s="6"/>
      <c r="DQ2254" s="6"/>
    </row>
    <row r="2255" spans="1:121" x14ac:dyDescent="0.2">
      <c r="A2255" s="6" t="s">
        <v>314</v>
      </c>
      <c r="B2255" s="6" t="s">
        <v>314</v>
      </c>
      <c r="C2255" s="6" t="s">
        <v>183</v>
      </c>
      <c r="D2255" s="6" t="s">
        <v>141</v>
      </c>
      <c r="E2255" s="6" t="s">
        <v>282</v>
      </c>
      <c r="F2255" s="11">
        <v>-14</v>
      </c>
      <c r="G2255" s="13">
        <v>-0.225806451613</v>
      </c>
      <c r="H2255" s="11">
        <v>-8.5308575544999954</v>
      </c>
      <c r="I2255" s="13">
        <v>-0.137578324546381</v>
      </c>
      <c r="J2255" s="11">
        <v>1.0651408744000008</v>
      </c>
      <c r="K2255" s="13">
        <v>1.991795347573003E-2</v>
      </c>
      <c r="L2255" s="11">
        <v>-6.2717798263000049</v>
      </c>
      <c r="M2255" s="13">
        <v>-0.1149908356037628</v>
      </c>
      <c r="N2255" s="11">
        <v>-5.206638951900004</v>
      </c>
      <c r="O2255" s="13">
        <v>-9.736326424172384E-2</v>
      </c>
      <c r="P2255" s="7">
        <v>62.007278999999997</v>
      </c>
      <c r="Q2255" s="7">
        <v>63.692382838599997</v>
      </c>
      <c r="R2255" s="7">
        <v>59.8309795045</v>
      </c>
      <c r="S2255" s="7">
        <v>60.805017246799999</v>
      </c>
      <c r="T2255" s="7">
        <v>57.370501568599998</v>
      </c>
      <c r="U2255" s="7">
        <v>53.634378760200001</v>
      </c>
      <c r="V2255" s="7">
        <v>53.476421445500002</v>
      </c>
      <c r="W2255" s="7">
        <v>54.852653517100002</v>
      </c>
      <c r="X2255" s="7">
        <v>54.524130999999997</v>
      </c>
      <c r="Y2255" s="7">
        <v>54.541562319900002</v>
      </c>
      <c r="Z2255" s="7">
        <v>56.623107074899998</v>
      </c>
      <c r="AA2255" s="7">
        <v>53.512391000000001</v>
      </c>
      <c r="AB2255" s="7">
        <v>50.5275230329</v>
      </c>
      <c r="AC2255" s="7">
        <v>49.970265405799999</v>
      </c>
      <c r="AD2255" s="7">
        <v>49.109735392700003</v>
      </c>
      <c r="AE2255" s="7">
        <v>48.864560345299999</v>
      </c>
      <c r="AF2255" s="7">
        <v>48.269782493599998</v>
      </c>
      <c r="AG2255" s="9">
        <v>31319.334471800001</v>
      </c>
      <c r="AH2255" s="13">
        <v>0.74051712362293676</v>
      </c>
      <c r="AI2255" s="9">
        <v>9342.3105347999954</v>
      </c>
      <c r="AJ2255" s="13">
        <v>0.22089041934947448</v>
      </c>
      <c r="AK2255" s="9">
        <v>9037.1576940000014</v>
      </c>
      <c r="AL2255" s="13">
        <v>0.17501600071140966</v>
      </c>
      <c r="AM2255" s="9">
        <v>12939.866243000004</v>
      </c>
      <c r="AN2255" s="13">
        <v>0.2132710472365954</v>
      </c>
      <c r="AO2255" s="9">
        <v>21977.023937000005</v>
      </c>
      <c r="AP2255" s="13">
        <v>0.42561289370288818</v>
      </c>
      <c r="AQ2255" s="9">
        <v>42293.869341700003</v>
      </c>
      <c r="AR2255" s="9">
        <v>45933.334822700002</v>
      </c>
      <c r="AS2255" s="9">
        <v>49081.0315539</v>
      </c>
      <c r="AT2255" s="9">
        <v>50791.859625899997</v>
      </c>
      <c r="AU2255" s="9">
        <v>49972.5073644</v>
      </c>
      <c r="AV2255" s="9">
        <v>50856.193893199998</v>
      </c>
      <c r="AW2255" s="9">
        <v>51636.179876499998</v>
      </c>
      <c r="AX2255" s="9">
        <v>53816.692499500001</v>
      </c>
      <c r="AY2255" s="9">
        <v>61127.288455299997</v>
      </c>
      <c r="AZ2255" s="9">
        <v>60673.3375705</v>
      </c>
      <c r="BA2255" s="9">
        <v>58948.322731799999</v>
      </c>
      <c r="BB2255" s="9">
        <v>63987.795629699998</v>
      </c>
      <c r="BC2255" s="9">
        <v>66871.118830000007</v>
      </c>
      <c r="BD2255" s="9">
        <v>71079.471925299993</v>
      </c>
      <c r="BE2255" s="9">
        <v>71145.637839400006</v>
      </c>
      <c r="BF2255" s="9">
        <v>73613.203813500004</v>
      </c>
      <c r="BG2255" s="11">
        <v>0</v>
      </c>
      <c r="BH2255" s="13">
        <v>0</v>
      </c>
      <c r="BI2255" s="6">
        <v>0</v>
      </c>
      <c r="BJ2255" s="13">
        <v>0</v>
      </c>
      <c r="BK2255" s="6">
        <v>0</v>
      </c>
      <c r="BL2255" s="13">
        <v>0</v>
      </c>
      <c r="BM2255" s="11">
        <v>0</v>
      </c>
      <c r="BN2255" s="13">
        <v>0</v>
      </c>
      <c r="BO2255" s="11">
        <v>0</v>
      </c>
      <c r="BP2255" s="13">
        <v>0</v>
      </c>
      <c r="BQ2255" s="6">
        <v>3</v>
      </c>
      <c r="BR2255" s="6">
        <v>3</v>
      </c>
      <c r="BS2255" s="6">
        <v>3</v>
      </c>
      <c r="BT2255" s="6">
        <v>3</v>
      </c>
      <c r="BU2255" s="6">
        <v>3</v>
      </c>
      <c r="BV2255" s="6">
        <v>3</v>
      </c>
      <c r="BW2255" s="6">
        <v>3</v>
      </c>
      <c r="BX2255" s="6">
        <v>3</v>
      </c>
      <c r="BY2255" s="6">
        <v>3</v>
      </c>
      <c r="BZ2255" s="6">
        <v>3</v>
      </c>
      <c r="CA2255" s="6">
        <v>3</v>
      </c>
      <c r="CB2255" s="6">
        <v>3</v>
      </c>
      <c r="CC2255" s="11">
        <v>3</v>
      </c>
      <c r="CD2255" s="11">
        <v>-1.5234000000000001</v>
      </c>
      <c r="CE2255" s="11">
        <v>-18.9922</v>
      </c>
      <c r="CF2255" s="11">
        <v>6.7781399999999996</v>
      </c>
      <c r="CG2255" s="11">
        <v>-12</v>
      </c>
      <c r="CH2255" s="20">
        <v>0.77436499999999997</v>
      </c>
      <c r="CI2255" s="20">
        <v>0.87300699999999998</v>
      </c>
      <c r="CJ2255" s="20">
        <v>1.0141800000000001</v>
      </c>
      <c r="CK2255" s="20">
        <v>1.0490900000000001</v>
      </c>
      <c r="CL2255" s="20">
        <v>1.01692</v>
      </c>
      <c r="CM2255" s="20">
        <v>0.93640900000000005</v>
      </c>
      <c r="CN2255" s="20">
        <v>0.81677599999999995</v>
      </c>
      <c r="CO2255" s="20">
        <v>0.449349</v>
      </c>
      <c r="CP2255" s="20">
        <v>0.93101199999999995</v>
      </c>
      <c r="CQ2255" s="20">
        <v>0.95893600000000001</v>
      </c>
      <c r="CR2255" s="20">
        <v>1.06833</v>
      </c>
      <c r="CS2255" s="20">
        <v>1.0416000000000001</v>
      </c>
      <c r="CT2255" s="20">
        <v>1.0333699999999999</v>
      </c>
      <c r="CU2255" s="20">
        <v>1.0174399999999999</v>
      </c>
      <c r="CV2255" s="20">
        <v>0.99682400000000004</v>
      </c>
      <c r="CW2255" s="20">
        <v>0.99519599999999997</v>
      </c>
      <c r="CX2255" s="20">
        <v>0.97064899999999998</v>
      </c>
      <c r="CY2255" s="6" t="s">
        <v>718</v>
      </c>
      <c r="CZ2255" s="6" t="s">
        <v>719</v>
      </c>
      <c r="DA2255" s="6" t="s">
        <v>141</v>
      </c>
      <c r="DB2255" s="6"/>
      <c r="DC2255" s="6"/>
      <c r="DD2255" s="6"/>
      <c r="DE2255" s="6"/>
      <c r="DF2255" s="6"/>
      <c r="DG2255" s="6"/>
      <c r="DH2255" s="6" t="s">
        <v>333</v>
      </c>
      <c r="DI2255" s="6"/>
      <c r="DJ2255" s="6"/>
      <c r="DK2255" s="6"/>
      <c r="DL2255" s="6">
        <v>10</v>
      </c>
      <c r="DM2255" s="6" t="s">
        <v>383</v>
      </c>
      <c r="DN2255" s="6">
        <v>9</v>
      </c>
      <c r="DO2255" s="6" t="s">
        <v>384</v>
      </c>
      <c r="DP2255" s="6"/>
      <c r="DQ2255" s="6"/>
    </row>
    <row r="2256" spans="1:121" x14ac:dyDescent="0.2">
      <c r="A2256" s="6" t="s">
        <v>315</v>
      </c>
      <c r="B2256" s="6" t="s">
        <v>315</v>
      </c>
      <c r="C2256" s="6" t="s">
        <v>184</v>
      </c>
      <c r="D2256" s="6" t="s">
        <v>141</v>
      </c>
      <c r="E2256" s="6" t="s">
        <v>282</v>
      </c>
      <c r="F2256" s="11">
        <v>25</v>
      </c>
      <c r="G2256" s="13">
        <v>0.64</v>
      </c>
      <c r="H2256" s="11">
        <v>16</v>
      </c>
      <c r="I2256" s="13">
        <v>0.41025641025641024</v>
      </c>
      <c r="J2256" s="11">
        <v>-7</v>
      </c>
      <c r="K2256" s="13">
        <v>-0.12727272727272726</v>
      </c>
      <c r="L2256" s="11">
        <v>16</v>
      </c>
      <c r="M2256" s="13">
        <v>0.33333333333333331</v>
      </c>
      <c r="N2256" s="11">
        <v>9</v>
      </c>
      <c r="O2256" s="13">
        <v>0.16363636363636364</v>
      </c>
      <c r="P2256" s="7">
        <v>39</v>
      </c>
      <c r="Q2256" s="7">
        <v>41</v>
      </c>
      <c r="R2256" s="7">
        <v>39</v>
      </c>
      <c r="S2256" s="7">
        <v>56</v>
      </c>
      <c r="T2256" s="7">
        <v>56</v>
      </c>
      <c r="U2256" s="7">
        <v>55</v>
      </c>
      <c r="V2256" s="7">
        <v>55</v>
      </c>
      <c r="W2256" s="7">
        <v>53</v>
      </c>
      <c r="X2256" s="7">
        <v>50</v>
      </c>
      <c r="Y2256" s="7">
        <v>48</v>
      </c>
      <c r="Z2256" s="7">
        <v>50</v>
      </c>
      <c r="AA2256" s="7">
        <v>57</v>
      </c>
      <c r="AB2256" s="7">
        <v>55</v>
      </c>
      <c r="AC2256" s="7">
        <v>59</v>
      </c>
      <c r="AD2256" s="7">
        <v>61</v>
      </c>
      <c r="AE2256" s="7">
        <v>62</v>
      </c>
      <c r="AF2256" s="7">
        <v>64</v>
      </c>
      <c r="AG2256" s="9">
        <v>40127</v>
      </c>
      <c r="AH2256" s="13">
        <v>1.4571501198344106</v>
      </c>
      <c r="AI2256" s="9">
        <v>734</v>
      </c>
      <c r="AJ2256" s="13">
        <v>2.6654078001307285E-2</v>
      </c>
      <c r="AK2256" s="9">
        <v>36121</v>
      </c>
      <c r="AL2256" s="13">
        <v>1.2776245048104131</v>
      </c>
      <c r="AM2256" s="9">
        <v>3272</v>
      </c>
      <c r="AN2256" s="13">
        <v>5.0812976565775783E-2</v>
      </c>
      <c r="AO2256" s="9">
        <v>39393</v>
      </c>
      <c r="AP2256" s="13">
        <v>1.3933573853989814</v>
      </c>
      <c r="AQ2256" s="9">
        <v>27538</v>
      </c>
      <c r="AR2256" s="9">
        <v>29136</v>
      </c>
      <c r="AS2256" s="9">
        <v>26647</v>
      </c>
      <c r="AT2256" s="9">
        <v>23210</v>
      </c>
      <c r="AU2256" s="9">
        <v>23304</v>
      </c>
      <c r="AV2256" s="9">
        <v>26090</v>
      </c>
      <c r="AW2256" s="9">
        <v>28272</v>
      </c>
      <c r="AX2256" s="9">
        <v>30931</v>
      </c>
      <c r="AY2256" s="9">
        <v>53802</v>
      </c>
      <c r="AZ2256" s="9">
        <v>64393</v>
      </c>
      <c r="BA2256" s="9">
        <v>58269</v>
      </c>
      <c r="BB2256" s="9">
        <v>55850</v>
      </c>
      <c r="BC2256" s="9">
        <v>63491</v>
      </c>
      <c r="BD2256" s="9">
        <v>66075</v>
      </c>
      <c r="BE2256" s="9">
        <v>65490</v>
      </c>
      <c r="BF2256" s="9">
        <v>67665</v>
      </c>
      <c r="BG2256" s="11">
        <v>1</v>
      </c>
      <c r="BH2256" s="13">
        <v>9.0909090909090912E-2</v>
      </c>
      <c r="BI2256" s="6">
        <v>0</v>
      </c>
      <c r="BJ2256" s="13">
        <v>0</v>
      </c>
      <c r="BK2256" s="6">
        <v>0</v>
      </c>
      <c r="BL2256" s="13">
        <v>0</v>
      </c>
      <c r="BM2256" s="11">
        <v>1</v>
      </c>
      <c r="BN2256" s="13">
        <v>9.0909090909090912E-2</v>
      </c>
      <c r="BO2256" s="11">
        <v>1</v>
      </c>
      <c r="BP2256" s="13">
        <v>9.0909090909090912E-2</v>
      </c>
      <c r="BQ2256" s="6">
        <v>11</v>
      </c>
      <c r="BR2256" s="6">
        <v>10</v>
      </c>
      <c r="BS2256" s="6">
        <v>10</v>
      </c>
      <c r="BT2256" s="6">
        <v>11</v>
      </c>
      <c r="BU2256" s="6">
        <v>11</v>
      </c>
      <c r="BV2256" s="6">
        <v>11</v>
      </c>
      <c r="BW2256" s="6">
        <v>11</v>
      </c>
      <c r="BX2256" s="6">
        <v>12</v>
      </c>
      <c r="BY2256" s="6">
        <v>12</v>
      </c>
      <c r="BZ2256" s="6">
        <v>12</v>
      </c>
      <c r="CA2256" s="6">
        <v>13</v>
      </c>
      <c r="CB2256" s="6">
        <v>12</v>
      </c>
      <c r="CC2256" s="11">
        <v>12</v>
      </c>
      <c r="CD2256" s="11">
        <v>24</v>
      </c>
      <c r="CE2256" s="11">
        <v>-3</v>
      </c>
      <c r="CF2256" s="11">
        <v>4</v>
      </c>
      <c r="CG2256" s="11">
        <v>1</v>
      </c>
      <c r="CH2256" s="20">
        <v>0.3</v>
      </c>
      <c r="CI2256" s="20">
        <v>0.33</v>
      </c>
      <c r="CJ2256" s="20">
        <v>0.36</v>
      </c>
      <c r="CK2256" s="20">
        <v>0.51</v>
      </c>
      <c r="CL2256" s="20">
        <v>0.5</v>
      </c>
      <c r="CM2256" s="20">
        <v>0.48</v>
      </c>
      <c r="CN2256" s="20">
        <v>0.42</v>
      </c>
      <c r="CO2256" s="20">
        <v>0.22</v>
      </c>
      <c r="CP2256" s="20">
        <v>0.42</v>
      </c>
      <c r="CQ2256" s="20">
        <v>0.42</v>
      </c>
      <c r="CR2256" s="20">
        <v>0.45</v>
      </c>
      <c r="CS2256" s="20">
        <v>0.53</v>
      </c>
      <c r="CT2256" s="20">
        <v>0.54</v>
      </c>
      <c r="CU2256" s="20">
        <v>0.57999999999999996</v>
      </c>
      <c r="CV2256" s="20">
        <v>0.6</v>
      </c>
      <c r="CW2256" s="20">
        <v>0.61</v>
      </c>
      <c r="CX2256" s="20">
        <v>0.62</v>
      </c>
      <c r="CY2256" s="6" t="s">
        <v>718</v>
      </c>
      <c r="CZ2256" s="6" t="s">
        <v>719</v>
      </c>
      <c r="DA2256" s="6" t="s">
        <v>141</v>
      </c>
      <c r="DB2256" s="6"/>
      <c r="DC2256" s="6"/>
      <c r="DD2256" s="6"/>
      <c r="DE2256" s="6"/>
      <c r="DF2256" s="6"/>
      <c r="DG2256" s="6"/>
      <c r="DH2256" s="6" t="s">
        <v>333</v>
      </c>
      <c r="DI2256" s="6"/>
      <c r="DJ2256" s="6"/>
      <c r="DK2256" s="6"/>
      <c r="DL2256" s="6">
        <v>10</v>
      </c>
      <c r="DM2256" s="6" t="s">
        <v>383</v>
      </c>
      <c r="DN2256" s="6">
        <v>9</v>
      </c>
      <c r="DO2256" s="6" t="s">
        <v>384</v>
      </c>
      <c r="DP2256" s="6"/>
      <c r="DQ2256" s="6"/>
    </row>
    <row r="2257" spans="1:121" x14ac:dyDescent="0.2">
      <c r="A2257" s="6" t="s">
        <v>316</v>
      </c>
      <c r="B2257" s="6" t="s">
        <v>316</v>
      </c>
      <c r="C2257" s="6" t="s">
        <v>185</v>
      </c>
      <c r="D2257" s="6" t="s">
        <v>141</v>
      </c>
      <c r="E2257" s="6" t="s">
        <v>282</v>
      </c>
      <c r="F2257" s="11">
        <v>1</v>
      </c>
      <c r="G2257" s="13">
        <v>1</v>
      </c>
      <c r="H2257" s="11">
        <v>0</v>
      </c>
      <c r="I2257" s="13">
        <v>0</v>
      </c>
      <c r="J2257" s="11">
        <v>0</v>
      </c>
      <c r="K2257" s="13">
        <v>0</v>
      </c>
      <c r="L2257" s="11">
        <v>0</v>
      </c>
      <c r="M2257" s="13">
        <v>0</v>
      </c>
      <c r="N2257" s="11">
        <v>0</v>
      </c>
      <c r="O2257" s="13">
        <v>0</v>
      </c>
      <c r="P2257" s="7">
        <v>5</v>
      </c>
      <c r="Q2257" s="7">
        <v>5</v>
      </c>
      <c r="R2257" s="7">
        <v>5</v>
      </c>
      <c r="S2257" s="7">
        <v>5</v>
      </c>
      <c r="T2257" s="7">
        <v>5</v>
      </c>
      <c r="U2257" s="7">
        <v>5</v>
      </c>
      <c r="V2257" s="7">
        <v>5</v>
      </c>
      <c r="W2257" s="7">
        <v>5</v>
      </c>
      <c r="X2257" s="7">
        <v>5</v>
      </c>
      <c r="Y2257" s="7">
        <v>5</v>
      </c>
      <c r="Z2257" s="7">
        <v>5</v>
      </c>
      <c r="AA2257" s="7">
        <v>5</v>
      </c>
      <c r="AB2257" s="7">
        <v>5</v>
      </c>
      <c r="AC2257" s="7">
        <v>5</v>
      </c>
      <c r="AD2257" s="7">
        <v>5</v>
      </c>
      <c r="AE2257" s="7">
        <v>5</v>
      </c>
      <c r="AF2257" s="7">
        <v>5</v>
      </c>
      <c r="AG2257" s="9">
        <v>0</v>
      </c>
      <c r="AH2257" s="13">
        <v>0</v>
      </c>
      <c r="AI2257" s="9">
        <v>0</v>
      </c>
      <c r="AJ2257" s="13">
        <v>0</v>
      </c>
      <c r="AK2257" s="9">
        <v>0</v>
      </c>
      <c r="AL2257" s="13">
        <v>0</v>
      </c>
      <c r="AM2257" s="9">
        <v>0</v>
      </c>
      <c r="AN2257" s="13">
        <v>0</v>
      </c>
      <c r="AO2257" s="9">
        <v>0</v>
      </c>
      <c r="AP2257" s="13">
        <v>0</v>
      </c>
      <c r="AQ2257" s="9">
        <v>1</v>
      </c>
      <c r="AR2257" s="9">
        <v>1</v>
      </c>
      <c r="AS2257" s="9">
        <v>1</v>
      </c>
      <c r="AT2257" s="9">
        <v>1</v>
      </c>
      <c r="AU2257" s="9">
        <v>1</v>
      </c>
      <c r="AV2257" s="9">
        <v>1</v>
      </c>
      <c r="AW2257" s="9">
        <v>1</v>
      </c>
      <c r="AX2257" s="9">
        <v>1</v>
      </c>
      <c r="AY2257" s="9">
        <v>1</v>
      </c>
      <c r="AZ2257" s="9">
        <v>1</v>
      </c>
      <c r="BA2257" s="9">
        <v>1</v>
      </c>
      <c r="BB2257" s="9">
        <v>1</v>
      </c>
      <c r="BC2257" s="9">
        <v>1</v>
      </c>
      <c r="BD2257" s="9">
        <v>1</v>
      </c>
      <c r="BE2257" s="9">
        <v>1</v>
      </c>
      <c r="BF2257" s="9">
        <v>1</v>
      </c>
      <c r="BG2257" s="11">
        <v>1</v>
      </c>
      <c r="BH2257" s="13">
        <v>0.25</v>
      </c>
      <c r="BI2257" s="6">
        <v>-1</v>
      </c>
      <c r="BJ2257" s="13">
        <v>-0.25</v>
      </c>
      <c r="BK2257" s="6">
        <v>1</v>
      </c>
      <c r="BL2257" s="13">
        <v>0.33333333333333331</v>
      </c>
      <c r="BM2257" s="11">
        <v>1</v>
      </c>
      <c r="BN2257" s="13">
        <v>0.25</v>
      </c>
      <c r="BO2257" s="11">
        <v>2</v>
      </c>
      <c r="BP2257" s="13">
        <v>0.66666666666666663</v>
      </c>
      <c r="BQ2257" s="6">
        <v>4</v>
      </c>
      <c r="BR2257" s="6">
        <v>4</v>
      </c>
      <c r="BS2257" s="6">
        <v>3</v>
      </c>
      <c r="BT2257" s="6">
        <v>3</v>
      </c>
      <c r="BU2257" s="6">
        <v>3</v>
      </c>
      <c r="BV2257" s="6">
        <v>4</v>
      </c>
      <c r="BW2257" s="6">
        <v>4</v>
      </c>
      <c r="BX2257" s="6">
        <v>4</v>
      </c>
      <c r="BY2257" s="6">
        <v>4</v>
      </c>
      <c r="BZ2257" s="6">
        <v>5</v>
      </c>
      <c r="CA2257" s="6">
        <v>5</v>
      </c>
      <c r="CB2257" s="6">
        <v>5</v>
      </c>
      <c r="CC2257" s="11">
        <v>5</v>
      </c>
      <c r="CD2257" s="11">
        <v>-1</v>
      </c>
      <c r="CE2257" s="11">
        <v>0</v>
      </c>
      <c r="CF2257" s="11">
        <v>1</v>
      </c>
      <c r="CG2257" s="11">
        <v>1</v>
      </c>
      <c r="CH2257" s="20">
        <v>0.16</v>
      </c>
      <c r="CI2257" s="20">
        <v>0.14000000000000001</v>
      </c>
      <c r="CJ2257" s="20">
        <v>0.15</v>
      </c>
      <c r="CK2257" s="20">
        <v>0.2</v>
      </c>
      <c r="CL2257" s="20">
        <v>0.15</v>
      </c>
      <c r="CM2257" s="20">
        <v>0.14000000000000001</v>
      </c>
      <c r="CN2257" s="20">
        <v>0.14000000000000001</v>
      </c>
      <c r="CO2257" s="20">
        <v>0.09</v>
      </c>
      <c r="CP2257" s="20">
        <v>0.18</v>
      </c>
      <c r="CQ2257" s="20">
        <v>0.16</v>
      </c>
      <c r="CR2257" s="20">
        <v>0.13</v>
      </c>
      <c r="CS2257" s="20">
        <v>0.18</v>
      </c>
      <c r="CT2257" s="20">
        <v>0.19</v>
      </c>
      <c r="CU2257" s="20">
        <v>0.22</v>
      </c>
      <c r="CV2257" s="20">
        <v>0.18</v>
      </c>
      <c r="CW2257" s="20">
        <v>0.19</v>
      </c>
      <c r="CX2257" s="20">
        <v>0.19</v>
      </c>
      <c r="CY2257" s="6" t="s">
        <v>718</v>
      </c>
      <c r="CZ2257" s="6" t="s">
        <v>719</v>
      </c>
      <c r="DA2257" s="6" t="s">
        <v>141</v>
      </c>
      <c r="DB2257" s="6"/>
      <c r="DC2257" s="6"/>
      <c r="DD2257" s="6"/>
      <c r="DE2257" s="6"/>
      <c r="DF2257" s="6"/>
      <c r="DG2257" s="6"/>
      <c r="DH2257" s="6" t="s">
        <v>333</v>
      </c>
      <c r="DI2257" s="6"/>
      <c r="DJ2257" s="6"/>
      <c r="DK2257" s="6"/>
      <c r="DL2257" s="6">
        <v>10</v>
      </c>
      <c r="DM2257" s="6" t="s">
        <v>383</v>
      </c>
      <c r="DN2257" s="6">
        <v>9</v>
      </c>
      <c r="DO2257" s="6" t="s">
        <v>384</v>
      </c>
      <c r="DP2257" s="6"/>
      <c r="DQ2257" s="6"/>
    </row>
    <row r="2258" spans="1:121" x14ac:dyDescent="0.2">
      <c r="A2258" s="6" t="s">
        <v>317</v>
      </c>
      <c r="B2258" s="6" t="s">
        <v>317</v>
      </c>
      <c r="C2258" s="6" t="s">
        <v>186</v>
      </c>
      <c r="D2258" s="6" t="s">
        <v>141</v>
      </c>
      <c r="E2258" s="6" t="s">
        <v>282</v>
      </c>
      <c r="F2258" s="11">
        <v>13</v>
      </c>
      <c r="G2258" s="13">
        <v>0.59</v>
      </c>
      <c r="H2258" s="11">
        <v>6</v>
      </c>
      <c r="I2258" s="13">
        <v>0.27272727272727271</v>
      </c>
      <c r="J2258" s="11">
        <v>0</v>
      </c>
      <c r="K2258" s="13">
        <v>0</v>
      </c>
      <c r="L2258" s="11">
        <v>7</v>
      </c>
      <c r="M2258" s="13">
        <v>0.25</v>
      </c>
      <c r="N2258" s="11">
        <v>7</v>
      </c>
      <c r="O2258" s="13">
        <v>0.25</v>
      </c>
      <c r="P2258" s="7">
        <v>22</v>
      </c>
      <c r="Q2258" s="7">
        <v>23</v>
      </c>
      <c r="R2258" s="7">
        <v>25</v>
      </c>
      <c r="S2258" s="7">
        <v>29</v>
      </c>
      <c r="T2258" s="7">
        <v>26</v>
      </c>
      <c r="U2258" s="7">
        <v>28</v>
      </c>
      <c r="V2258" s="7">
        <v>28</v>
      </c>
      <c r="W2258" s="7">
        <v>27</v>
      </c>
      <c r="X2258" s="7">
        <v>27</v>
      </c>
      <c r="Y2258" s="7">
        <v>28</v>
      </c>
      <c r="Z2258" s="7">
        <v>27</v>
      </c>
      <c r="AA2258" s="7">
        <v>24</v>
      </c>
      <c r="AB2258" s="7">
        <v>27</v>
      </c>
      <c r="AC2258" s="7">
        <v>23</v>
      </c>
      <c r="AD2258" s="7">
        <v>24</v>
      </c>
      <c r="AE2258" s="7">
        <v>34</v>
      </c>
      <c r="AF2258" s="7">
        <v>35</v>
      </c>
      <c r="AG2258" s="9">
        <v>-4124</v>
      </c>
      <c r="AH2258" s="13">
        <v>-0.13484174731885951</v>
      </c>
      <c r="AI2258" s="9">
        <v>-2959</v>
      </c>
      <c r="AJ2258" s="13">
        <v>-9.6749934606330107E-2</v>
      </c>
      <c r="AK2258" s="9">
        <v>-410</v>
      </c>
      <c r="AL2258" s="13">
        <v>-1.4841628959276021E-2</v>
      </c>
      <c r="AM2258" s="9">
        <v>-755</v>
      </c>
      <c r="AN2258" s="13">
        <v>-2.7742054014330338E-2</v>
      </c>
      <c r="AO2258" s="9">
        <v>-1165</v>
      </c>
      <c r="AP2258" s="13">
        <v>-4.2171945701357474E-2</v>
      </c>
      <c r="AQ2258" s="9">
        <v>30584</v>
      </c>
      <c r="AR2258" s="9">
        <v>38859</v>
      </c>
      <c r="AS2258" s="9">
        <v>33249</v>
      </c>
      <c r="AT2258" s="9">
        <v>29477</v>
      </c>
      <c r="AU2258" s="9">
        <v>24584</v>
      </c>
      <c r="AV2258" s="9">
        <v>28965</v>
      </c>
      <c r="AW2258" s="9">
        <v>27625</v>
      </c>
      <c r="AX2258" s="9">
        <v>29435</v>
      </c>
      <c r="AY2258" s="9">
        <v>26455</v>
      </c>
      <c r="AZ2258" s="9">
        <v>27215</v>
      </c>
      <c r="BA2258" s="9">
        <v>26327</v>
      </c>
      <c r="BB2258" s="9">
        <v>29706</v>
      </c>
      <c r="BC2258" s="9">
        <v>33466</v>
      </c>
      <c r="BD2258" s="9">
        <v>27557</v>
      </c>
      <c r="BE2258" s="9">
        <v>23708</v>
      </c>
      <c r="BF2258" s="9">
        <v>26460</v>
      </c>
      <c r="BG2258" s="11">
        <v>0</v>
      </c>
      <c r="BH2258" s="13">
        <v>0</v>
      </c>
      <c r="BI2258" s="6">
        <v>-2</v>
      </c>
      <c r="BJ2258" s="13">
        <v>-0.2857142857142857</v>
      </c>
      <c r="BK2258" s="6">
        <v>1</v>
      </c>
      <c r="BL2258" s="13">
        <v>0.2</v>
      </c>
      <c r="BM2258" s="11">
        <v>1</v>
      </c>
      <c r="BN2258" s="13">
        <v>0.16666666666666666</v>
      </c>
      <c r="BO2258" s="11">
        <v>2</v>
      </c>
      <c r="BP2258" s="13">
        <v>0.4</v>
      </c>
      <c r="BQ2258" s="6">
        <v>7</v>
      </c>
      <c r="BR2258" s="6">
        <v>5</v>
      </c>
      <c r="BS2258" s="6">
        <v>5</v>
      </c>
      <c r="BT2258" s="6">
        <v>5</v>
      </c>
      <c r="BU2258" s="6">
        <v>6</v>
      </c>
      <c r="BV2258" s="6">
        <v>5</v>
      </c>
      <c r="BW2258" s="6">
        <v>6</v>
      </c>
      <c r="BX2258" s="6">
        <v>5</v>
      </c>
      <c r="BY2258" s="6">
        <v>5</v>
      </c>
      <c r="BZ2258" s="6">
        <v>5</v>
      </c>
      <c r="CA2258" s="6">
        <v>5</v>
      </c>
      <c r="CB2258" s="6">
        <v>5</v>
      </c>
      <c r="CC2258" s="11">
        <v>7</v>
      </c>
      <c r="CD2258" s="11">
        <v>6</v>
      </c>
      <c r="CE2258" s="11">
        <v>4</v>
      </c>
      <c r="CF2258" s="11">
        <v>2</v>
      </c>
      <c r="CG2258" s="11">
        <v>6</v>
      </c>
      <c r="CH2258" s="20">
        <v>0.13</v>
      </c>
      <c r="CI2258" s="20">
        <v>0.14000000000000001</v>
      </c>
      <c r="CJ2258" s="20">
        <v>0.18</v>
      </c>
      <c r="CK2258" s="20">
        <v>0.2</v>
      </c>
      <c r="CL2258" s="20">
        <v>0.18</v>
      </c>
      <c r="CM2258" s="20">
        <v>0.18</v>
      </c>
      <c r="CN2258" s="20">
        <v>0.15</v>
      </c>
      <c r="CO2258" s="20">
        <v>0.08</v>
      </c>
      <c r="CP2258" s="20">
        <v>0.16</v>
      </c>
      <c r="CQ2258" s="20">
        <v>0.16</v>
      </c>
      <c r="CR2258" s="20">
        <v>0.16</v>
      </c>
      <c r="CS2258" s="20">
        <v>0.15</v>
      </c>
      <c r="CT2258" s="20">
        <v>0.17</v>
      </c>
      <c r="CU2258" s="20">
        <v>0.14000000000000001</v>
      </c>
      <c r="CV2258" s="20">
        <v>0.14000000000000001</v>
      </c>
      <c r="CW2258" s="20">
        <v>0.2</v>
      </c>
      <c r="CX2258" s="20">
        <v>0.2</v>
      </c>
      <c r="CY2258" s="6" t="s">
        <v>718</v>
      </c>
      <c r="CZ2258" s="6" t="s">
        <v>719</v>
      </c>
      <c r="DA2258" s="6" t="s">
        <v>141</v>
      </c>
      <c r="DB2258" s="6"/>
      <c r="DC2258" s="6"/>
      <c r="DD2258" s="6"/>
      <c r="DE2258" s="6"/>
      <c r="DF2258" s="6"/>
      <c r="DG2258" s="6"/>
      <c r="DH2258" s="6" t="s">
        <v>333</v>
      </c>
      <c r="DI2258" s="6"/>
      <c r="DJ2258" s="6"/>
      <c r="DK2258" s="6"/>
      <c r="DL2258" s="6">
        <v>10</v>
      </c>
      <c r="DM2258" s="6" t="s">
        <v>383</v>
      </c>
      <c r="DN2258" s="6">
        <v>9</v>
      </c>
      <c r="DO2258" s="6" t="s">
        <v>384</v>
      </c>
      <c r="DP2258" s="6"/>
      <c r="DQ2258" s="6"/>
    </row>
    <row r="2259" spans="1:121" x14ac:dyDescent="0.2">
      <c r="A2259" s="6" t="s">
        <v>318</v>
      </c>
      <c r="B2259" s="6" t="s">
        <v>318</v>
      </c>
      <c r="C2259" s="6" t="s">
        <v>187</v>
      </c>
      <c r="D2259" s="6" t="s">
        <v>141</v>
      </c>
      <c r="E2259" s="6" t="s">
        <v>282</v>
      </c>
      <c r="F2259" s="11">
        <v>1</v>
      </c>
      <c r="G2259" s="13">
        <v>1</v>
      </c>
      <c r="H2259" s="11">
        <v>8.9073460000000004</v>
      </c>
      <c r="I2259" s="13">
        <v>1.7814692000000001</v>
      </c>
      <c r="J2259" s="11">
        <v>10.789940999999999</v>
      </c>
      <c r="K2259" s="13">
        <v>0.77584472263794979</v>
      </c>
      <c r="L2259" s="11">
        <v>-7.0240172154000007</v>
      </c>
      <c r="M2259" s="13">
        <v>-0.28440440504254583</v>
      </c>
      <c r="N2259" s="11">
        <v>3.7659237845999982</v>
      </c>
      <c r="O2259" s="13">
        <v>0.27078666084815883</v>
      </c>
      <c r="P2259" s="7">
        <v>5</v>
      </c>
      <c r="Q2259" s="7">
        <v>5</v>
      </c>
      <c r="R2259" s="7">
        <v>5</v>
      </c>
      <c r="S2259" s="7">
        <v>5</v>
      </c>
      <c r="T2259" s="7">
        <v>5</v>
      </c>
      <c r="U2259" s="7">
        <v>28.293493999999999</v>
      </c>
      <c r="V2259" s="7">
        <v>13.907346</v>
      </c>
      <c r="W2259" s="7">
        <v>73.075723999999994</v>
      </c>
      <c r="X2259" s="7">
        <v>5</v>
      </c>
      <c r="Y2259" s="7">
        <v>24.697286999999999</v>
      </c>
      <c r="Z2259" s="7">
        <v>24.661487999999999</v>
      </c>
      <c r="AA2259" s="7">
        <v>27.668690999999999</v>
      </c>
      <c r="AB2259" s="7">
        <v>13.509126</v>
      </c>
      <c r="AC2259" s="7">
        <v>13.109833</v>
      </c>
      <c r="AD2259" s="7">
        <v>13.931760000000001</v>
      </c>
      <c r="AE2259" s="7">
        <v>19.007572750000001</v>
      </c>
      <c r="AF2259" s="7">
        <v>17.673269784599999</v>
      </c>
      <c r="AG2259" s="9">
        <v>111197.922487</v>
      </c>
      <c r="AH2259" s="13">
        <v>111197.922487</v>
      </c>
      <c r="AI2259" s="9">
        <v>30555.775727100001</v>
      </c>
      <c r="AJ2259" s="13">
        <v>30555.775727100001</v>
      </c>
      <c r="AK2259" s="9">
        <v>32658.046082100002</v>
      </c>
      <c r="AL2259" s="13">
        <v>1.0687661019528458</v>
      </c>
      <c r="AM2259" s="9">
        <v>47984.100677800001</v>
      </c>
      <c r="AN2259" s="13">
        <v>0.75906408187987029</v>
      </c>
      <c r="AO2259" s="9">
        <v>80642.146759900003</v>
      </c>
      <c r="AP2259" s="13">
        <v>2.6390921437558807</v>
      </c>
      <c r="AQ2259" s="9">
        <v>1</v>
      </c>
      <c r="AR2259" s="9">
        <v>1</v>
      </c>
      <c r="AS2259" s="9">
        <v>1</v>
      </c>
      <c r="AT2259" s="9">
        <v>1</v>
      </c>
      <c r="AU2259" s="9">
        <v>1</v>
      </c>
      <c r="AV2259" s="9">
        <v>37915.557380699996</v>
      </c>
      <c r="AW2259" s="9">
        <v>30556.775727100001</v>
      </c>
      <c r="AX2259" s="9">
        <v>31601.027843600001</v>
      </c>
      <c r="AY2259" s="9">
        <v>1</v>
      </c>
      <c r="AZ2259" s="9">
        <v>63214.821809200002</v>
      </c>
      <c r="BA2259" s="9">
        <v>61456.437570200003</v>
      </c>
      <c r="BB2259" s="9">
        <v>63611.116067499999</v>
      </c>
      <c r="BC2259" s="9">
        <v>15717.9333088</v>
      </c>
      <c r="BD2259" s="9">
        <v>21600.552681000001</v>
      </c>
      <c r="BE2259" s="9">
        <v>104427.962055</v>
      </c>
      <c r="BF2259" s="9">
        <v>111198.922487</v>
      </c>
      <c r="BG2259" s="11">
        <v>0.75</v>
      </c>
      <c r="BH2259" s="13">
        <v>0.75</v>
      </c>
      <c r="BI2259" s="6">
        <v>1</v>
      </c>
      <c r="BJ2259" s="13">
        <v>1</v>
      </c>
      <c r="BK2259" s="6">
        <v>-1</v>
      </c>
      <c r="BL2259" s="13">
        <v>-0.5</v>
      </c>
      <c r="BM2259" s="11">
        <v>0.75</v>
      </c>
      <c r="BN2259" s="13">
        <v>0.75</v>
      </c>
      <c r="BO2259" s="11">
        <v>-0.25</v>
      </c>
      <c r="BP2259" s="13">
        <v>-0.125</v>
      </c>
      <c r="BQ2259" s="6">
        <v>1</v>
      </c>
      <c r="BR2259" s="6">
        <v>2</v>
      </c>
      <c r="BS2259" s="6">
        <v>2</v>
      </c>
      <c r="BT2259" s="6">
        <v>2</v>
      </c>
      <c r="BU2259" s="6">
        <v>1</v>
      </c>
      <c r="BV2259" s="6">
        <v>1</v>
      </c>
      <c r="BW2259" s="6">
        <v>1</v>
      </c>
      <c r="BX2259" s="6">
        <v>1</v>
      </c>
      <c r="BY2259" s="6">
        <v>1</v>
      </c>
      <c r="BZ2259" s="6">
        <v>1</v>
      </c>
      <c r="CA2259" s="6">
        <v>1</v>
      </c>
      <c r="CB2259" s="6">
        <v>1</v>
      </c>
      <c r="CC2259" s="11">
        <v>1.75</v>
      </c>
      <c r="CD2259" s="11">
        <v>6.48665</v>
      </c>
      <c r="CE2259" s="11">
        <v>1.8098099999999999</v>
      </c>
      <c r="CF2259" s="11">
        <v>0.92399399999999998</v>
      </c>
      <c r="CG2259" s="11">
        <v>3</v>
      </c>
      <c r="CH2259" s="20">
        <v>0.22744200000000001</v>
      </c>
      <c r="CI2259" s="20">
        <v>0.172374</v>
      </c>
      <c r="CJ2259" s="20">
        <v>7.7422199999999997E-2</v>
      </c>
      <c r="CK2259" s="20">
        <v>4.1823699999999998E-2</v>
      </c>
      <c r="CL2259" s="20">
        <v>0.31492999999999999</v>
      </c>
      <c r="CM2259" s="20">
        <v>0.88429000000000002</v>
      </c>
      <c r="CN2259" s="20">
        <v>0.36730400000000002</v>
      </c>
      <c r="CO2259" s="20">
        <v>0.98835099999999998</v>
      </c>
      <c r="CP2259" s="20">
        <v>3.0197999999999999E-2</v>
      </c>
      <c r="CQ2259" s="20">
        <v>0.66485499999999997</v>
      </c>
      <c r="CR2259" s="20">
        <v>0.68316299999999996</v>
      </c>
      <c r="CS2259" s="20">
        <v>0.75732999999999995</v>
      </c>
      <c r="CT2259" s="20">
        <v>0.37610399999999999</v>
      </c>
      <c r="CU2259" s="20">
        <v>0.356877</v>
      </c>
      <c r="CV2259" s="20">
        <v>0.37391000000000002</v>
      </c>
      <c r="CW2259" s="20">
        <v>0.51311799999999996</v>
      </c>
      <c r="CX2259" s="20">
        <v>0.46462199999999998</v>
      </c>
      <c r="CY2259" s="6" t="s">
        <v>718</v>
      </c>
      <c r="CZ2259" s="6" t="s">
        <v>719</v>
      </c>
      <c r="DA2259" s="6" t="s">
        <v>141</v>
      </c>
      <c r="DB2259" s="6"/>
      <c r="DC2259" s="6"/>
      <c r="DD2259" s="6"/>
      <c r="DE2259" s="6"/>
      <c r="DF2259" s="6"/>
      <c r="DG2259" s="6"/>
      <c r="DH2259" s="6" t="s">
        <v>333</v>
      </c>
      <c r="DI2259" s="6"/>
      <c r="DJ2259" s="6"/>
      <c r="DK2259" s="6"/>
      <c r="DL2259" s="6">
        <v>10</v>
      </c>
      <c r="DM2259" s="6" t="s">
        <v>383</v>
      </c>
      <c r="DN2259" s="6">
        <v>9</v>
      </c>
      <c r="DO2259" s="6" t="s">
        <v>384</v>
      </c>
      <c r="DP2259" s="6"/>
      <c r="DQ2259" s="6"/>
    </row>
    <row r="2260" spans="1:121" x14ac:dyDescent="0.2">
      <c r="A2260" s="6" t="s">
        <v>319</v>
      </c>
      <c r="B2260" s="6" t="s">
        <v>319</v>
      </c>
      <c r="C2260" s="6" t="s">
        <v>188</v>
      </c>
      <c r="D2260" s="6" t="s">
        <v>141</v>
      </c>
      <c r="E2260" s="6" t="s">
        <v>282</v>
      </c>
      <c r="F2260" s="11">
        <v>78</v>
      </c>
      <c r="G2260" s="13">
        <v>6</v>
      </c>
      <c r="H2260" s="11">
        <v>4.383768814699998</v>
      </c>
      <c r="I2260" s="13">
        <v>0.32497394664472379</v>
      </c>
      <c r="J2260" s="11">
        <v>62.400777512099999</v>
      </c>
      <c r="K2260" s="13">
        <v>3.4912710257576407</v>
      </c>
      <c r="L2260" s="11">
        <v>10.6654167059</v>
      </c>
      <c r="M2260" s="13">
        <v>0.13286241070107249</v>
      </c>
      <c r="N2260" s="11">
        <v>73.066194217999993</v>
      </c>
      <c r="O2260" s="13">
        <v>4.0879921213516788</v>
      </c>
      <c r="P2260" s="7">
        <v>13.489600812500001</v>
      </c>
      <c r="Q2260" s="7">
        <v>26.256175177700001</v>
      </c>
      <c r="R2260" s="7">
        <v>26.984713627600001</v>
      </c>
      <c r="S2260" s="7">
        <v>22.947440400200001</v>
      </c>
      <c r="T2260" s="7">
        <v>17.7782740026</v>
      </c>
      <c r="U2260" s="7">
        <v>16.950674876200001</v>
      </c>
      <c r="V2260" s="7">
        <v>17.873369627199999</v>
      </c>
      <c r="W2260" s="7">
        <v>17.5733248881</v>
      </c>
      <c r="X2260" s="7">
        <v>17.161526933299999</v>
      </c>
      <c r="Y2260" s="7">
        <v>80.274147139299998</v>
      </c>
      <c r="Z2260" s="7">
        <v>79.396171937099993</v>
      </c>
      <c r="AA2260" s="7">
        <v>73.910057639100003</v>
      </c>
      <c r="AB2260" s="7">
        <v>72.396668158099999</v>
      </c>
      <c r="AC2260" s="7">
        <v>89.698180438099996</v>
      </c>
      <c r="AD2260" s="7">
        <v>78.096777472699998</v>
      </c>
      <c r="AE2260" s="7">
        <v>83.750402171000005</v>
      </c>
      <c r="AF2260" s="7">
        <v>90.939563845199999</v>
      </c>
      <c r="AG2260" s="9">
        <v>262.13874220000071</v>
      </c>
      <c r="AH2260" s="13">
        <v>1.8486371334425739E-2</v>
      </c>
      <c r="AI2260" s="9">
        <v>-1371.3986070999999</v>
      </c>
      <c r="AJ2260" s="13">
        <v>-9.6712846356080351E-2</v>
      </c>
      <c r="AK2260" s="9">
        <v>368.52164260000063</v>
      </c>
      <c r="AL2260" s="13">
        <v>2.8771176787821377E-2</v>
      </c>
      <c r="AM2260" s="9">
        <v>1265.0157067</v>
      </c>
      <c r="AN2260" s="13">
        <v>9.6000115844853517E-2</v>
      </c>
      <c r="AO2260" s="9">
        <v>1633.5373493000006</v>
      </c>
      <c r="AP2260" s="13">
        <v>0.12753332893729849</v>
      </c>
      <c r="AQ2260" s="9">
        <v>14180.1080081</v>
      </c>
      <c r="AR2260" s="9">
        <v>14089.4373473</v>
      </c>
      <c r="AS2260" s="9">
        <v>12938.5647236</v>
      </c>
      <c r="AT2260" s="9">
        <v>12717.901781799999</v>
      </c>
      <c r="AU2260" s="9">
        <v>14129.026312600001</v>
      </c>
      <c r="AV2260" s="9">
        <v>15970.0876804</v>
      </c>
      <c r="AW2260" s="9">
        <v>12808.709401</v>
      </c>
      <c r="AX2260" s="9">
        <v>15072.979841300001</v>
      </c>
      <c r="AY2260" s="9">
        <v>19015.8747692</v>
      </c>
      <c r="AZ2260" s="9">
        <v>13177.231043600001</v>
      </c>
      <c r="BA2260" s="9">
        <v>12421.7143136</v>
      </c>
      <c r="BB2260" s="9">
        <v>12583.918482200001</v>
      </c>
      <c r="BC2260" s="9">
        <v>22845.9413408</v>
      </c>
      <c r="BD2260" s="9">
        <v>29764.001597900002</v>
      </c>
      <c r="BE2260" s="9">
        <v>13408.3886731</v>
      </c>
      <c r="BF2260" s="9">
        <v>14442.246750300001</v>
      </c>
      <c r="BG2260" s="11">
        <v>3.25</v>
      </c>
      <c r="BH2260" s="13">
        <v>3.25</v>
      </c>
      <c r="BI2260" s="6">
        <v>3</v>
      </c>
      <c r="BJ2260" s="13">
        <v>3</v>
      </c>
      <c r="BK2260" s="6">
        <v>-1</v>
      </c>
      <c r="BL2260" s="13">
        <v>-0.25</v>
      </c>
      <c r="BM2260" s="11">
        <v>1.25</v>
      </c>
      <c r="BN2260" s="13">
        <v>0.41666666666666669</v>
      </c>
      <c r="BO2260" s="11">
        <v>0.25</v>
      </c>
      <c r="BP2260" s="13">
        <v>6.25E-2</v>
      </c>
      <c r="BQ2260" s="6">
        <v>1</v>
      </c>
      <c r="BR2260" s="6">
        <v>1</v>
      </c>
      <c r="BS2260" s="6">
        <v>3</v>
      </c>
      <c r="BT2260" s="6">
        <v>4</v>
      </c>
      <c r="BU2260" s="6">
        <v>4</v>
      </c>
      <c r="BV2260" s="6">
        <v>3</v>
      </c>
      <c r="BW2260" s="6">
        <v>3</v>
      </c>
      <c r="BX2260" s="6">
        <v>3</v>
      </c>
      <c r="BY2260" s="6">
        <v>4</v>
      </c>
      <c r="BZ2260" s="6">
        <v>5</v>
      </c>
      <c r="CA2260" s="6">
        <v>6</v>
      </c>
      <c r="CB2260" s="6">
        <v>5</v>
      </c>
      <c r="CC2260" s="11">
        <v>4.25</v>
      </c>
      <c r="CD2260" s="11">
        <v>74.761700000000005</v>
      </c>
      <c r="CE2260" s="11">
        <v>1.2136899999999999</v>
      </c>
      <c r="CF2260" s="11">
        <v>1.47458</v>
      </c>
      <c r="CG2260" s="11">
        <v>2</v>
      </c>
      <c r="CH2260" s="20">
        <v>7.3996199999999998E-2</v>
      </c>
      <c r="CI2260" s="20">
        <v>0.14963000000000001</v>
      </c>
      <c r="CJ2260" s="20">
        <v>0.181591</v>
      </c>
      <c r="CK2260" s="20">
        <v>0.148728</v>
      </c>
      <c r="CL2260" s="20">
        <v>0.112952</v>
      </c>
      <c r="CM2260" s="20">
        <v>0.102619</v>
      </c>
      <c r="CN2260" s="20">
        <v>9.3356499999999995E-2</v>
      </c>
      <c r="CO2260" s="20">
        <v>5.0650599999999997E-2</v>
      </c>
      <c r="CP2260" s="20">
        <v>0.106893</v>
      </c>
      <c r="CQ2260" s="20">
        <v>0.48188700000000001</v>
      </c>
      <c r="CR2260" s="20">
        <v>0.48777199999999998</v>
      </c>
      <c r="CS2260" s="20">
        <v>0.45441999999999999</v>
      </c>
      <c r="CT2260" s="20">
        <v>0.45790999999999998</v>
      </c>
      <c r="CU2260" s="20">
        <v>0.55403100000000005</v>
      </c>
      <c r="CV2260" s="20">
        <v>0.47428599999999999</v>
      </c>
      <c r="CW2260" s="20">
        <v>0.50928600000000002</v>
      </c>
      <c r="CX2260" s="20">
        <v>0.53783800000000004</v>
      </c>
      <c r="CY2260" s="6" t="s">
        <v>718</v>
      </c>
      <c r="CZ2260" s="6" t="s">
        <v>719</v>
      </c>
      <c r="DA2260" s="6" t="s">
        <v>141</v>
      </c>
      <c r="DB2260" s="6"/>
      <c r="DC2260" s="6"/>
      <c r="DD2260" s="6"/>
      <c r="DE2260" s="6"/>
      <c r="DF2260" s="6"/>
      <c r="DG2260" s="6"/>
      <c r="DH2260" s="6" t="s">
        <v>333</v>
      </c>
      <c r="DI2260" s="6"/>
      <c r="DJ2260" s="6"/>
      <c r="DK2260" s="6"/>
      <c r="DL2260" s="6">
        <v>10</v>
      </c>
      <c r="DM2260" s="6" t="s">
        <v>383</v>
      </c>
      <c r="DN2260" s="6">
        <v>9</v>
      </c>
      <c r="DO2260" s="6" t="s">
        <v>384</v>
      </c>
      <c r="DP2260" s="6"/>
      <c r="DQ2260" s="6"/>
    </row>
    <row r="2261" spans="1:121" x14ac:dyDescent="0.2">
      <c r="A2261" s="6" t="s">
        <v>320</v>
      </c>
      <c r="B2261" s="6" t="s">
        <v>320</v>
      </c>
      <c r="C2261" s="6" t="s">
        <v>189</v>
      </c>
      <c r="D2261" s="6" t="s">
        <v>141</v>
      </c>
      <c r="E2261" s="6" t="s">
        <v>282</v>
      </c>
      <c r="F2261" s="11">
        <v>0</v>
      </c>
      <c r="G2261" s="13">
        <v>0</v>
      </c>
      <c r="H2261" s="11">
        <v>0</v>
      </c>
      <c r="I2261" s="13"/>
      <c r="J2261" s="11">
        <v>0</v>
      </c>
      <c r="K2261" s="13"/>
      <c r="L2261" s="11">
        <v>0</v>
      </c>
      <c r="M2261" s="13"/>
      <c r="N2261" s="11">
        <v>0</v>
      </c>
      <c r="O2261" s="13"/>
      <c r="P2261" s="7">
        <v>0</v>
      </c>
      <c r="Q2261" s="7">
        <v>5</v>
      </c>
      <c r="R2261" s="7">
        <v>0</v>
      </c>
      <c r="S2261" s="7">
        <v>0</v>
      </c>
      <c r="T2261" s="7">
        <v>0</v>
      </c>
      <c r="U2261" s="7">
        <v>0</v>
      </c>
      <c r="V2261" s="7">
        <v>0</v>
      </c>
      <c r="W2261" s="7">
        <v>0</v>
      </c>
      <c r="X2261" s="7">
        <v>0</v>
      </c>
      <c r="Y2261" s="7">
        <v>0</v>
      </c>
      <c r="Z2261" s="7">
        <v>0</v>
      </c>
      <c r="AA2261" s="7">
        <v>0</v>
      </c>
      <c r="AB2261" s="7">
        <v>0</v>
      </c>
      <c r="AC2261" s="7">
        <v>0</v>
      </c>
      <c r="AD2261" s="7">
        <v>0</v>
      </c>
      <c r="AE2261" s="7">
        <v>0</v>
      </c>
      <c r="AF2261" s="7">
        <v>0</v>
      </c>
      <c r="AG2261" s="9">
        <v>0</v>
      </c>
      <c r="AH2261" s="13"/>
      <c r="AI2261" s="9">
        <v>0</v>
      </c>
      <c r="AJ2261" s="13"/>
      <c r="AK2261" s="9">
        <v>0</v>
      </c>
      <c r="AL2261" s="13"/>
      <c r="AM2261" s="9">
        <v>0</v>
      </c>
      <c r="AN2261" s="13"/>
      <c r="AO2261" s="9">
        <v>0</v>
      </c>
      <c r="AP2261" s="13"/>
      <c r="AQ2261" s="9">
        <v>0</v>
      </c>
      <c r="AR2261" s="9">
        <v>1</v>
      </c>
      <c r="AS2261" s="9">
        <v>0</v>
      </c>
      <c r="AT2261" s="9">
        <v>0</v>
      </c>
      <c r="AU2261" s="9">
        <v>0</v>
      </c>
      <c r="AV2261" s="9">
        <v>0</v>
      </c>
      <c r="AW2261" s="9">
        <v>0</v>
      </c>
      <c r="AX2261" s="9">
        <v>0</v>
      </c>
      <c r="AY2261" s="9">
        <v>0</v>
      </c>
      <c r="AZ2261" s="9">
        <v>0</v>
      </c>
      <c r="BA2261" s="9">
        <v>0</v>
      </c>
      <c r="BB2261" s="9">
        <v>0</v>
      </c>
      <c r="BC2261" s="9">
        <v>0</v>
      </c>
      <c r="BD2261" s="9">
        <v>0</v>
      </c>
      <c r="BE2261" s="9">
        <v>0</v>
      </c>
      <c r="BF2261" s="9">
        <v>0</v>
      </c>
      <c r="BG2261" s="11">
        <v>0</v>
      </c>
      <c r="BH2261" s="13" t="e">
        <v>#DIV/0!</v>
      </c>
      <c r="BI2261" s="6">
        <v>0</v>
      </c>
      <c r="BJ2261" s="13" t="e">
        <v>#DIV/0!</v>
      </c>
      <c r="BK2261" s="6">
        <v>0</v>
      </c>
      <c r="BL2261" s="13" t="e">
        <v>#DIV/0!</v>
      </c>
      <c r="BM2261" s="11">
        <v>0</v>
      </c>
      <c r="BN2261" s="13" t="e">
        <v>#DIV/0!</v>
      </c>
      <c r="BO2261" s="11">
        <v>0</v>
      </c>
      <c r="BP2261" s="13" t="e">
        <v>#DIV/0!</v>
      </c>
      <c r="BQ2261" s="6">
        <v>0</v>
      </c>
      <c r="BR2261" s="6">
        <v>0</v>
      </c>
      <c r="BS2261" s="6">
        <v>0</v>
      </c>
      <c r="BT2261" s="6">
        <v>0</v>
      </c>
      <c r="BU2261" s="6">
        <v>0</v>
      </c>
      <c r="BV2261" s="6">
        <v>0</v>
      </c>
      <c r="BW2261" s="6">
        <v>0</v>
      </c>
      <c r="BX2261" s="6">
        <v>0</v>
      </c>
      <c r="BY2261" s="6">
        <v>0</v>
      </c>
      <c r="BZ2261" s="6">
        <v>0</v>
      </c>
      <c r="CA2261" s="6">
        <v>0</v>
      </c>
      <c r="CB2261" s="6">
        <v>0</v>
      </c>
      <c r="CC2261" s="11">
        <v>0</v>
      </c>
      <c r="CD2261" s="11">
        <v>0</v>
      </c>
      <c r="CE2261" s="11">
        <v>0</v>
      </c>
      <c r="CF2261" s="11">
        <v>0</v>
      </c>
      <c r="CG2261" s="11">
        <v>0</v>
      </c>
      <c r="CH2261" s="20">
        <v>0</v>
      </c>
      <c r="CI2261" s="20">
        <v>8.6837100000000007E-3</v>
      </c>
      <c r="CJ2261" s="20">
        <v>0</v>
      </c>
      <c r="CK2261" s="20">
        <v>0</v>
      </c>
      <c r="CL2261" s="20">
        <v>0</v>
      </c>
      <c r="CM2261" s="20">
        <v>0</v>
      </c>
      <c r="CN2261" s="20">
        <v>0</v>
      </c>
      <c r="CO2261" s="20">
        <v>0</v>
      </c>
      <c r="CP2261" s="20">
        <v>0</v>
      </c>
      <c r="CQ2261" s="20">
        <v>0</v>
      </c>
      <c r="CR2261" s="20">
        <v>0</v>
      </c>
      <c r="CS2261" s="20">
        <v>0</v>
      </c>
      <c r="CT2261" s="20">
        <v>0</v>
      </c>
      <c r="CU2261" s="20">
        <v>0</v>
      </c>
      <c r="CV2261" s="20">
        <v>0</v>
      </c>
      <c r="CW2261" s="20">
        <v>0</v>
      </c>
      <c r="CX2261" s="20">
        <v>0</v>
      </c>
      <c r="CY2261" s="6" t="s">
        <v>718</v>
      </c>
      <c r="CZ2261" s="6" t="s">
        <v>719</v>
      </c>
      <c r="DA2261" s="6" t="s">
        <v>141</v>
      </c>
      <c r="DB2261" s="6"/>
      <c r="DC2261" s="6"/>
      <c r="DD2261" s="6"/>
      <c r="DE2261" s="6"/>
      <c r="DF2261" s="6"/>
      <c r="DG2261" s="6"/>
      <c r="DH2261" s="6" t="s">
        <v>333</v>
      </c>
      <c r="DI2261" s="6"/>
      <c r="DJ2261" s="6"/>
      <c r="DK2261" s="6"/>
      <c r="DL2261" s="6">
        <v>10</v>
      </c>
      <c r="DM2261" s="6" t="s">
        <v>383</v>
      </c>
      <c r="DN2261" s="6">
        <v>9</v>
      </c>
      <c r="DO2261" s="6" t="s">
        <v>384</v>
      </c>
      <c r="DP2261" s="6"/>
      <c r="DQ2261" s="6"/>
    </row>
    <row r="2262" spans="1:121" x14ac:dyDescent="0.2">
      <c r="A2262" s="6" t="s">
        <v>321</v>
      </c>
      <c r="B2262" s="6" t="s">
        <v>321</v>
      </c>
      <c r="C2262" s="6" t="s">
        <v>190</v>
      </c>
      <c r="D2262" s="6" t="s">
        <v>141</v>
      </c>
      <c r="E2262" s="6" t="s">
        <v>282</v>
      </c>
      <c r="F2262" s="11">
        <v>2</v>
      </c>
      <c r="G2262" s="13">
        <v>1.03092783505E-2</v>
      </c>
      <c r="H2262" s="11">
        <v>-36.578502362999984</v>
      </c>
      <c r="I2262" s="13">
        <v>-0.18842852304128191</v>
      </c>
      <c r="J2262" s="11">
        <v>-18.012757805999996</v>
      </c>
      <c r="K2262" s="13">
        <v>-0.11433367374531812</v>
      </c>
      <c r="L2262" s="11">
        <v>56.085769338999995</v>
      </c>
      <c r="M2262" s="13">
        <v>0.40195413201501362</v>
      </c>
      <c r="N2262" s="11">
        <v>38.073011532999999</v>
      </c>
      <c r="O2262" s="13">
        <v>0.24166356567930841</v>
      </c>
      <c r="P2262" s="7">
        <v>194.12401993399999</v>
      </c>
      <c r="Q2262" s="7">
        <v>196.734198969</v>
      </c>
      <c r="R2262" s="7">
        <v>191.53562488599999</v>
      </c>
      <c r="S2262" s="7">
        <v>177.46173180900001</v>
      </c>
      <c r="T2262" s="7">
        <v>163.514064512</v>
      </c>
      <c r="U2262" s="7">
        <v>164.16636132799999</v>
      </c>
      <c r="V2262" s="7">
        <v>157.545517571</v>
      </c>
      <c r="W2262" s="7">
        <v>151.63462667300001</v>
      </c>
      <c r="X2262" s="7">
        <v>153.90200043799999</v>
      </c>
      <c r="Y2262" s="7">
        <v>139.53275976500001</v>
      </c>
      <c r="Z2262" s="7">
        <v>142.172241117</v>
      </c>
      <c r="AA2262" s="7">
        <v>159.061083311</v>
      </c>
      <c r="AB2262" s="7">
        <v>188.72229580999999</v>
      </c>
      <c r="AC2262" s="7">
        <v>198.297724636</v>
      </c>
      <c r="AD2262" s="7">
        <v>196.598222042</v>
      </c>
      <c r="AE2262" s="7">
        <v>187.727158911</v>
      </c>
      <c r="AF2262" s="7">
        <v>195.618529104</v>
      </c>
      <c r="AG2262" s="9">
        <v>3641.7151637999996</v>
      </c>
      <c r="AH2262" s="13">
        <v>0.20343444174796785</v>
      </c>
      <c r="AI2262" s="9">
        <v>10115.571388299999</v>
      </c>
      <c r="AJ2262" s="13">
        <v>0.56507868566887787</v>
      </c>
      <c r="AK2262" s="9">
        <v>-322.64316699999836</v>
      </c>
      <c r="AL2262" s="13">
        <v>-1.1516083415984974E-2</v>
      </c>
      <c r="AM2262" s="9">
        <v>-6151.213057500001</v>
      </c>
      <c r="AN2262" s="13">
        <v>-0.22211275166045577</v>
      </c>
      <c r="AO2262" s="9">
        <v>-6473.8562244999994</v>
      </c>
      <c r="AP2262" s="13">
        <v>-0.23107096610056496</v>
      </c>
      <c r="AQ2262" s="9">
        <v>17901.173137199999</v>
      </c>
      <c r="AR2262" s="9">
        <v>21540.541582999998</v>
      </c>
      <c r="AS2262" s="9">
        <v>24382.8656194</v>
      </c>
      <c r="AT2262" s="9">
        <v>25733.839684999999</v>
      </c>
      <c r="AU2262" s="9">
        <v>26826.141027999998</v>
      </c>
      <c r="AV2262" s="9">
        <v>26257.2571565</v>
      </c>
      <c r="AW2262" s="9">
        <v>28016.744525499998</v>
      </c>
      <c r="AX2262" s="9">
        <v>28814.9340447</v>
      </c>
      <c r="AY2262" s="9">
        <v>28463.614237400001</v>
      </c>
      <c r="AZ2262" s="9">
        <v>27694.1013585</v>
      </c>
      <c r="BA2262" s="9">
        <v>24765.966346699999</v>
      </c>
      <c r="BB2262" s="9">
        <v>23883.465976399999</v>
      </c>
      <c r="BC2262" s="9">
        <v>22017.3635966</v>
      </c>
      <c r="BD2262" s="9">
        <v>21302.444602399999</v>
      </c>
      <c r="BE2262" s="9">
        <v>21502.161160700001</v>
      </c>
      <c r="BF2262" s="9">
        <v>21542.888300999999</v>
      </c>
      <c r="BG2262" s="11">
        <v>18.75</v>
      </c>
      <c r="BH2262" s="13">
        <v>1.4423076923076923</v>
      </c>
      <c r="BI2262" s="6">
        <v>3</v>
      </c>
      <c r="BJ2262" s="13">
        <v>0.23076923076923078</v>
      </c>
      <c r="BK2262" s="6">
        <v>-4</v>
      </c>
      <c r="BL2262" s="13">
        <v>-0.25</v>
      </c>
      <c r="BM2262" s="11">
        <v>19.75</v>
      </c>
      <c r="BN2262" s="13">
        <v>1.6458333333333333</v>
      </c>
      <c r="BO2262" s="11">
        <v>15.75</v>
      </c>
      <c r="BP2262" s="13">
        <v>0.984375</v>
      </c>
      <c r="BQ2262" s="6">
        <v>13</v>
      </c>
      <c r="BR2262" s="6">
        <v>16</v>
      </c>
      <c r="BS2262" s="6">
        <v>16</v>
      </c>
      <c r="BT2262" s="6">
        <v>16</v>
      </c>
      <c r="BU2262" s="6">
        <v>15</v>
      </c>
      <c r="BV2262" s="6">
        <v>13</v>
      </c>
      <c r="BW2262" s="6">
        <v>12</v>
      </c>
      <c r="BX2262" s="6">
        <v>12</v>
      </c>
      <c r="BY2262" s="6">
        <v>11</v>
      </c>
      <c r="BZ2262" s="6">
        <v>39</v>
      </c>
      <c r="CA2262" s="6">
        <v>34</v>
      </c>
      <c r="CB2262" s="6">
        <v>31</v>
      </c>
      <c r="CC2262" s="11">
        <v>31.75</v>
      </c>
      <c r="CD2262" s="11">
        <v>-90.4191</v>
      </c>
      <c r="CE2262" s="11">
        <v>70.6935</v>
      </c>
      <c r="CF2262" s="11">
        <v>21.220099999999999</v>
      </c>
      <c r="CG2262" s="11">
        <v>92</v>
      </c>
      <c r="CH2262" s="20">
        <v>0.64626799999999995</v>
      </c>
      <c r="CI2262" s="20">
        <v>0.654972</v>
      </c>
      <c r="CJ2262" s="20">
        <v>0.72997800000000002</v>
      </c>
      <c r="CK2262" s="20">
        <v>0.65944700000000001</v>
      </c>
      <c r="CL2262" s="20">
        <v>0.60237600000000002</v>
      </c>
      <c r="CM2262" s="20">
        <v>0.57727099999999998</v>
      </c>
      <c r="CN2262" s="20">
        <v>0.46947299999999997</v>
      </c>
      <c r="CO2262" s="20">
        <v>0.23252500000000001</v>
      </c>
      <c r="CP2262" s="20">
        <v>0.454984</v>
      </c>
      <c r="CQ2262" s="20">
        <v>0.40306399999999998</v>
      </c>
      <c r="CR2262" s="20">
        <v>0.43093399999999998</v>
      </c>
      <c r="CS2262" s="20">
        <v>0.47913499999999998</v>
      </c>
      <c r="CT2262" s="20">
        <v>0.58934600000000004</v>
      </c>
      <c r="CU2262" s="20">
        <v>0.61322200000000004</v>
      </c>
      <c r="CV2262" s="20">
        <v>0.59821000000000002</v>
      </c>
      <c r="CW2262" s="20">
        <v>0.56926600000000005</v>
      </c>
      <c r="CX2262" s="20">
        <v>0.571492</v>
      </c>
      <c r="CY2262" s="6" t="s">
        <v>718</v>
      </c>
      <c r="CZ2262" s="6" t="s">
        <v>719</v>
      </c>
      <c r="DA2262" s="6" t="s">
        <v>141</v>
      </c>
      <c r="DB2262" s="6"/>
      <c r="DC2262" s="6"/>
      <c r="DD2262" s="6"/>
      <c r="DE2262" s="6"/>
      <c r="DF2262" s="6"/>
      <c r="DG2262" s="6"/>
      <c r="DH2262" s="6" t="s">
        <v>333</v>
      </c>
      <c r="DI2262" s="6"/>
      <c r="DJ2262" s="6"/>
      <c r="DK2262" s="6"/>
      <c r="DL2262" s="6">
        <v>10</v>
      </c>
      <c r="DM2262" s="6" t="s">
        <v>383</v>
      </c>
      <c r="DN2262" s="6">
        <v>9</v>
      </c>
      <c r="DO2262" s="6" t="s">
        <v>384</v>
      </c>
      <c r="DP2262" s="6"/>
      <c r="DQ2262" s="6"/>
    </row>
    <row r="2263" spans="1:121" x14ac:dyDescent="0.2">
      <c r="A2263" s="6" t="s">
        <v>322</v>
      </c>
      <c r="B2263" s="6" t="s">
        <v>322</v>
      </c>
      <c r="C2263" s="6" t="s">
        <v>191</v>
      </c>
      <c r="D2263" s="6" t="s">
        <v>141</v>
      </c>
      <c r="E2263" s="6" t="s">
        <v>282</v>
      </c>
      <c r="F2263" s="11">
        <v>1</v>
      </c>
      <c r="G2263" s="13">
        <v>1</v>
      </c>
      <c r="H2263" s="11">
        <v>54</v>
      </c>
      <c r="I2263" s="13">
        <v>10.8</v>
      </c>
      <c r="J2263" s="11">
        <v>-34</v>
      </c>
      <c r="K2263" s="13">
        <v>-0.57627118644067798</v>
      </c>
      <c r="L2263" s="11">
        <v>-20</v>
      </c>
      <c r="M2263" s="13">
        <v>-0.8</v>
      </c>
      <c r="N2263" s="11">
        <v>-54</v>
      </c>
      <c r="O2263" s="13">
        <v>-0.9152542372881356</v>
      </c>
      <c r="P2263" s="7">
        <v>5</v>
      </c>
      <c r="Q2263" s="7">
        <v>11</v>
      </c>
      <c r="R2263" s="7">
        <v>11</v>
      </c>
      <c r="S2263" s="7">
        <v>14</v>
      </c>
      <c r="T2263" s="7">
        <v>5</v>
      </c>
      <c r="U2263" s="7">
        <v>15</v>
      </c>
      <c r="V2263" s="7">
        <v>59</v>
      </c>
      <c r="W2263" s="7">
        <v>22</v>
      </c>
      <c r="X2263" s="7">
        <v>5</v>
      </c>
      <c r="Y2263" s="7">
        <v>25</v>
      </c>
      <c r="Z2263" s="7">
        <v>21</v>
      </c>
      <c r="AA2263" s="7">
        <v>5</v>
      </c>
      <c r="AB2263" s="7">
        <v>5</v>
      </c>
      <c r="AC2263" s="7">
        <v>5</v>
      </c>
      <c r="AD2263" s="7">
        <v>5</v>
      </c>
      <c r="AE2263" s="7">
        <v>5</v>
      </c>
      <c r="AF2263" s="7">
        <v>5</v>
      </c>
      <c r="AG2263" s="9">
        <v>0</v>
      </c>
      <c r="AH2263" s="13">
        <v>0</v>
      </c>
      <c r="AI2263" s="9">
        <v>28235</v>
      </c>
      <c r="AJ2263" s="13">
        <v>28235</v>
      </c>
      <c r="AK2263" s="9">
        <v>-2550</v>
      </c>
      <c r="AL2263" s="13">
        <v>-9.0310242243943906E-2</v>
      </c>
      <c r="AM2263" s="9">
        <v>-25685</v>
      </c>
      <c r="AN2263" s="13">
        <v>-0.999961068286226</v>
      </c>
      <c r="AO2263" s="9">
        <v>-28235</v>
      </c>
      <c r="AP2263" s="13">
        <v>-0.9999645842187278</v>
      </c>
      <c r="AQ2263" s="9">
        <v>1</v>
      </c>
      <c r="AR2263" s="9">
        <v>11368</v>
      </c>
      <c r="AS2263" s="9">
        <v>14441</v>
      </c>
      <c r="AT2263" s="9">
        <v>15122</v>
      </c>
      <c r="AU2263" s="9">
        <v>1</v>
      </c>
      <c r="AV2263" s="9">
        <v>21301</v>
      </c>
      <c r="AW2263" s="9">
        <v>28236</v>
      </c>
      <c r="AX2263" s="9">
        <v>20485</v>
      </c>
      <c r="AY2263" s="9">
        <v>1</v>
      </c>
      <c r="AZ2263" s="9">
        <v>25686</v>
      </c>
      <c r="BA2263" s="9">
        <v>24310</v>
      </c>
      <c r="BB2263" s="9">
        <v>1</v>
      </c>
      <c r="BC2263" s="9">
        <v>1</v>
      </c>
      <c r="BD2263" s="9">
        <v>1</v>
      </c>
      <c r="BE2263" s="9">
        <v>1</v>
      </c>
      <c r="BF2263" s="9">
        <v>1</v>
      </c>
      <c r="BG2263" s="11">
        <v>-1</v>
      </c>
      <c r="BH2263" s="13">
        <v>-0.5</v>
      </c>
      <c r="BI2263" s="6">
        <v>0</v>
      </c>
      <c r="BJ2263" s="13">
        <v>0</v>
      </c>
      <c r="BK2263" s="6">
        <v>1</v>
      </c>
      <c r="BL2263" s="13">
        <v>0.5</v>
      </c>
      <c r="BM2263" s="11">
        <v>-2</v>
      </c>
      <c r="BN2263" s="13">
        <v>-0.66666666666666663</v>
      </c>
      <c r="BO2263" s="11">
        <v>-1</v>
      </c>
      <c r="BP2263" s="13">
        <v>-0.5</v>
      </c>
      <c r="BQ2263" s="6">
        <v>2</v>
      </c>
      <c r="BR2263" s="6">
        <v>2</v>
      </c>
      <c r="BS2263" s="6">
        <v>2</v>
      </c>
      <c r="BT2263" s="6">
        <v>2</v>
      </c>
      <c r="BU2263" s="6">
        <v>3</v>
      </c>
      <c r="BV2263" s="6">
        <v>3</v>
      </c>
      <c r="BW2263" s="6">
        <v>3</v>
      </c>
      <c r="BX2263" s="6">
        <v>3</v>
      </c>
      <c r="BY2263" s="6">
        <v>2</v>
      </c>
      <c r="BZ2263" s="6">
        <v>1</v>
      </c>
      <c r="CA2263" s="6">
        <v>1</v>
      </c>
      <c r="CB2263" s="6">
        <v>1</v>
      </c>
      <c r="CC2263" s="11">
        <v>1</v>
      </c>
      <c r="CD2263" s="11">
        <v>-4</v>
      </c>
      <c r="CE2263" s="11">
        <v>1</v>
      </c>
      <c r="CF2263" s="11">
        <v>1</v>
      </c>
      <c r="CG2263" s="11">
        <v>2</v>
      </c>
      <c r="CH2263" s="20">
        <v>0.13</v>
      </c>
      <c r="CI2263" s="20">
        <v>0.24</v>
      </c>
      <c r="CJ2263" s="20">
        <v>0.27</v>
      </c>
      <c r="CK2263" s="20">
        <v>0.36</v>
      </c>
      <c r="CL2263" s="20">
        <v>0.22</v>
      </c>
      <c r="CM2263" s="20">
        <v>0.36</v>
      </c>
      <c r="CN2263" s="20">
        <v>1.21</v>
      </c>
      <c r="CO2263" s="20">
        <v>0.23</v>
      </c>
      <c r="CP2263" s="20">
        <v>0.12</v>
      </c>
      <c r="CQ2263" s="20">
        <v>0.55000000000000004</v>
      </c>
      <c r="CR2263" s="20">
        <v>0.48</v>
      </c>
      <c r="CS2263" s="20">
        <v>0.14000000000000001</v>
      </c>
      <c r="CT2263" s="20">
        <v>0.08</v>
      </c>
      <c r="CU2263" s="20">
        <v>0.06</v>
      </c>
      <c r="CV2263" s="20">
        <v>0.06</v>
      </c>
      <c r="CW2263" s="20">
        <v>0.08</v>
      </c>
      <c r="CX2263" s="20">
        <v>0.08</v>
      </c>
      <c r="CY2263" s="6" t="s">
        <v>718</v>
      </c>
      <c r="CZ2263" s="6" t="s">
        <v>719</v>
      </c>
      <c r="DA2263" s="6" t="s">
        <v>141</v>
      </c>
      <c r="DB2263" s="6"/>
      <c r="DC2263" s="6"/>
      <c r="DD2263" s="6"/>
      <c r="DE2263" s="6"/>
      <c r="DF2263" s="6"/>
      <c r="DG2263" s="6"/>
      <c r="DH2263" s="6" t="s">
        <v>333</v>
      </c>
      <c r="DI2263" s="6"/>
      <c r="DJ2263" s="6"/>
      <c r="DK2263" s="6"/>
      <c r="DL2263" s="6">
        <v>10</v>
      </c>
      <c r="DM2263" s="6" t="s">
        <v>383</v>
      </c>
      <c r="DN2263" s="6">
        <v>9</v>
      </c>
      <c r="DO2263" s="6" t="s">
        <v>384</v>
      </c>
      <c r="DP2263" s="6"/>
      <c r="DQ2263" s="6"/>
    </row>
    <row r="2264" spans="1:121" x14ac:dyDescent="0.2">
      <c r="A2264" s="6" t="s">
        <v>323</v>
      </c>
      <c r="B2264" s="6" t="s">
        <v>323</v>
      </c>
      <c r="C2264" s="6" t="s">
        <v>192</v>
      </c>
      <c r="D2264" s="6" t="s">
        <v>141</v>
      </c>
      <c r="E2264" s="6" t="s">
        <v>282</v>
      </c>
      <c r="F2264" s="11">
        <v>-54</v>
      </c>
      <c r="G2264" s="13">
        <v>-0.65060240963899996</v>
      </c>
      <c r="H2264" s="11">
        <v>-53.063682474699995</v>
      </c>
      <c r="I2264" s="13">
        <v>-0.63836351135763481</v>
      </c>
      <c r="J2264" s="11">
        <v>-10.0399360752</v>
      </c>
      <c r="K2264" s="13">
        <v>-0.33398685424360952</v>
      </c>
      <c r="L2264" s="11">
        <v>9.4628847454999985</v>
      </c>
      <c r="M2264" s="13">
        <v>0.47264946958031545</v>
      </c>
      <c r="N2264" s="11">
        <v>-0.5770513297000015</v>
      </c>
      <c r="O2264" s="13">
        <v>-1.919609416833426E-2</v>
      </c>
      <c r="P2264" s="7">
        <v>83.124554474999997</v>
      </c>
      <c r="Q2264" s="7">
        <v>75.0150281648</v>
      </c>
      <c r="R2264" s="7">
        <v>39.352689091000002</v>
      </c>
      <c r="S2264" s="7">
        <v>28.480613438399999</v>
      </c>
      <c r="T2264" s="7">
        <v>46.309389662999997</v>
      </c>
      <c r="U2264" s="7">
        <v>41.761115348499999</v>
      </c>
      <c r="V2264" s="7">
        <v>30.060872000300002</v>
      </c>
      <c r="W2264" s="7">
        <v>30.615847373000001</v>
      </c>
      <c r="X2264" s="7">
        <v>34.967797549899998</v>
      </c>
      <c r="Y2264" s="7">
        <v>20.020935925100002</v>
      </c>
      <c r="Z2264" s="7">
        <v>16.943522464499999</v>
      </c>
      <c r="AA2264" s="7">
        <v>18.319157142200002</v>
      </c>
      <c r="AB2264" s="7">
        <v>17.690089521800001</v>
      </c>
      <c r="AC2264" s="7">
        <v>19.199826762000001</v>
      </c>
      <c r="AD2264" s="7">
        <v>26.757419540299999</v>
      </c>
      <c r="AE2264" s="7">
        <v>28.939594179699998</v>
      </c>
      <c r="AF2264" s="7">
        <v>29.4838206706</v>
      </c>
      <c r="AG2264" s="9">
        <v>7974.7129526200024</v>
      </c>
      <c r="AH2264" s="13">
        <v>0.91399885740798203</v>
      </c>
      <c r="AI2264" s="9">
        <v>2588.8181260200017</v>
      </c>
      <c r="AJ2264" s="13">
        <v>0.29670996602353866</v>
      </c>
      <c r="AK2264" s="9">
        <v>270.75324309999996</v>
      </c>
      <c r="AL2264" s="13">
        <v>2.3931031132942648E-2</v>
      </c>
      <c r="AM2264" s="9">
        <v>5115.1415835000007</v>
      </c>
      <c r="AN2264" s="13">
        <v>0.44154472294873098</v>
      </c>
      <c r="AO2264" s="9">
        <v>5385.8948266000007</v>
      </c>
      <c r="AP2264" s="13">
        <v>0.47604237459314624</v>
      </c>
      <c r="AQ2264" s="9">
        <v>8725.0797831799991</v>
      </c>
      <c r="AR2264" s="9">
        <v>9811.6951749100008</v>
      </c>
      <c r="AS2264" s="9">
        <v>11590.708711200001</v>
      </c>
      <c r="AT2264" s="9">
        <v>13534.606180500001</v>
      </c>
      <c r="AU2264" s="9">
        <v>10010.9131125</v>
      </c>
      <c r="AV2264" s="9">
        <v>11802.6334831</v>
      </c>
      <c r="AW2264" s="9">
        <v>11313.897909200001</v>
      </c>
      <c r="AX2264" s="9">
        <v>10043.2867367</v>
      </c>
      <c r="AY2264" s="9">
        <v>10468.011499</v>
      </c>
      <c r="AZ2264" s="9">
        <v>11584.651152300001</v>
      </c>
      <c r="BA2264" s="9">
        <v>18002.1208439</v>
      </c>
      <c r="BB2264" s="9">
        <v>14582.167711599999</v>
      </c>
      <c r="BC2264" s="9">
        <v>24058.486035800001</v>
      </c>
      <c r="BD2264" s="9">
        <v>16958.141101699999</v>
      </c>
      <c r="BE2264" s="9">
        <v>14355.7428566</v>
      </c>
      <c r="BF2264" s="9">
        <v>16699.792735800002</v>
      </c>
      <c r="BG2264" s="11">
        <v>-2</v>
      </c>
      <c r="BH2264" s="13">
        <v>-0.2857142857142857</v>
      </c>
      <c r="BI2264" s="6">
        <v>1</v>
      </c>
      <c r="BJ2264" s="13">
        <v>0.14285714285714285</v>
      </c>
      <c r="BK2264" s="6">
        <v>0</v>
      </c>
      <c r="BL2264" s="13">
        <v>0</v>
      </c>
      <c r="BM2264" s="11">
        <v>-3</v>
      </c>
      <c r="BN2264" s="13">
        <v>-0.375</v>
      </c>
      <c r="BO2264" s="11">
        <v>-3</v>
      </c>
      <c r="BP2264" s="13">
        <v>-0.375</v>
      </c>
      <c r="BQ2264" s="6">
        <v>7</v>
      </c>
      <c r="BR2264" s="6">
        <v>8</v>
      </c>
      <c r="BS2264" s="6">
        <v>9</v>
      </c>
      <c r="BT2264" s="6">
        <v>8</v>
      </c>
      <c r="BU2264" s="6">
        <v>8</v>
      </c>
      <c r="BV2264" s="6">
        <v>9</v>
      </c>
      <c r="BW2264" s="6">
        <v>8</v>
      </c>
      <c r="BX2264" s="6">
        <v>8</v>
      </c>
      <c r="BY2264" s="6">
        <v>7</v>
      </c>
      <c r="BZ2264" s="6">
        <v>6</v>
      </c>
      <c r="CA2264" s="6">
        <v>6</v>
      </c>
      <c r="CB2264" s="6">
        <v>8</v>
      </c>
      <c r="CC2264" s="11">
        <v>5</v>
      </c>
      <c r="CD2264" s="11">
        <v>-81.630200000000002</v>
      </c>
      <c r="CE2264" s="11">
        <v>18.902999999999999</v>
      </c>
      <c r="CF2264" s="11">
        <v>9.0865100000000005</v>
      </c>
      <c r="CG2264" s="11">
        <v>28</v>
      </c>
      <c r="CH2264" s="20">
        <v>0.37289499999999998</v>
      </c>
      <c r="CI2264" s="20">
        <v>0.34508100000000003</v>
      </c>
      <c r="CJ2264" s="20">
        <v>0.20977299999999999</v>
      </c>
      <c r="CK2264" s="20">
        <v>0.147253</v>
      </c>
      <c r="CL2264" s="20">
        <v>0.23719000000000001</v>
      </c>
      <c r="CM2264" s="20">
        <v>0.20497299999999999</v>
      </c>
      <c r="CN2264" s="20">
        <v>0.12573699999999999</v>
      </c>
      <c r="CO2264" s="20">
        <v>6.7407300000000003E-2</v>
      </c>
      <c r="CP2264" s="20">
        <v>0.15578400000000001</v>
      </c>
      <c r="CQ2264" s="20">
        <v>8.8293399999999994E-2</v>
      </c>
      <c r="CR2264" s="20">
        <v>7.7547199999999997E-2</v>
      </c>
      <c r="CS2264" s="20">
        <v>8.38396E-2</v>
      </c>
      <c r="CT2264" s="20">
        <v>8.3036299999999993E-2</v>
      </c>
      <c r="CU2264" s="20">
        <v>8.8305999999999996E-2</v>
      </c>
      <c r="CV2264" s="20">
        <v>0.119931</v>
      </c>
      <c r="CW2264" s="20">
        <v>0.128965</v>
      </c>
      <c r="CX2264" s="20">
        <v>0.127942</v>
      </c>
      <c r="CY2264" s="6" t="s">
        <v>718</v>
      </c>
      <c r="CZ2264" s="6" t="s">
        <v>719</v>
      </c>
      <c r="DA2264" s="6" t="s">
        <v>141</v>
      </c>
      <c r="DB2264" s="6"/>
      <c r="DC2264" s="6"/>
      <c r="DD2264" s="6"/>
      <c r="DE2264" s="6"/>
      <c r="DF2264" s="6"/>
      <c r="DG2264" s="6"/>
      <c r="DH2264" s="6" t="s">
        <v>333</v>
      </c>
      <c r="DI2264" s="6"/>
      <c r="DJ2264" s="6"/>
      <c r="DK2264" s="6"/>
      <c r="DL2264" s="6">
        <v>10</v>
      </c>
      <c r="DM2264" s="6" t="s">
        <v>383</v>
      </c>
      <c r="DN2264" s="6">
        <v>9</v>
      </c>
      <c r="DO2264" s="6" t="s">
        <v>384</v>
      </c>
      <c r="DP2264" s="6"/>
      <c r="DQ2264" s="6"/>
    </row>
    <row r="2265" spans="1:121" x14ac:dyDescent="0.2">
      <c r="A2265" s="6" t="s">
        <v>325</v>
      </c>
      <c r="B2265" s="6" t="s">
        <v>325</v>
      </c>
      <c r="C2265" s="6" t="s">
        <v>193</v>
      </c>
      <c r="D2265" s="6" t="s">
        <v>141</v>
      </c>
      <c r="E2265" s="6" t="s">
        <v>282</v>
      </c>
      <c r="F2265" s="11">
        <v>-1</v>
      </c>
      <c r="G2265" s="13">
        <v>-1.14942528736E-2</v>
      </c>
      <c r="H2265" s="11">
        <v>81.997826920400001</v>
      </c>
      <c r="I2265" s="13">
        <v>0.94677355717834366</v>
      </c>
      <c r="J2265" s="11">
        <v>-18.711971476000002</v>
      </c>
      <c r="K2265" s="13">
        <v>-0.11098080866122094</v>
      </c>
      <c r="L2265" s="11">
        <v>-63.629952316000001</v>
      </c>
      <c r="M2265" s="13">
        <v>-0.4245010802480188</v>
      </c>
      <c r="N2265" s="11">
        <v>-82.341923792000003</v>
      </c>
      <c r="O2265" s="13">
        <v>-0.4883704157457528</v>
      </c>
      <c r="P2265" s="7">
        <v>86.607643716599995</v>
      </c>
      <c r="Q2265" s="7">
        <v>111.713717679</v>
      </c>
      <c r="R2265" s="7">
        <v>145.200026845</v>
      </c>
      <c r="S2265" s="7">
        <v>163.67937554599999</v>
      </c>
      <c r="T2265" s="7">
        <v>164.611126273</v>
      </c>
      <c r="U2265" s="7">
        <v>165.972455779</v>
      </c>
      <c r="V2265" s="7">
        <v>168.605470637</v>
      </c>
      <c r="W2265" s="7">
        <v>151.927926867</v>
      </c>
      <c r="X2265" s="7">
        <v>158.300578914</v>
      </c>
      <c r="Y2265" s="7">
        <v>149.89349916099999</v>
      </c>
      <c r="Z2265" s="7">
        <v>132.69005045599999</v>
      </c>
      <c r="AA2265" s="7">
        <v>131.73055459400001</v>
      </c>
      <c r="AB2265" s="7">
        <v>76.928911387100001</v>
      </c>
      <c r="AC2265" s="7">
        <v>73.364860908500006</v>
      </c>
      <c r="AD2265" s="7">
        <v>94.560870114899998</v>
      </c>
      <c r="AE2265" s="7">
        <v>86.758241367099998</v>
      </c>
      <c r="AF2265" s="7">
        <v>86.263546844999993</v>
      </c>
      <c r="AG2265" s="9">
        <v>9640.6241986999994</v>
      </c>
      <c r="AH2265" s="13">
        <v>0.55999437361450644</v>
      </c>
      <c r="AI2265" s="9">
        <v>-4778.2835814000009</v>
      </c>
      <c r="AJ2265" s="13">
        <v>-0.27755587874480125</v>
      </c>
      <c r="AK2265" s="9">
        <v>2641.7027737999997</v>
      </c>
      <c r="AL2265" s="13">
        <v>0.2124018036855897</v>
      </c>
      <c r="AM2265" s="9">
        <v>11777.205006300001</v>
      </c>
      <c r="AN2265" s="13">
        <v>0.78103394476039589</v>
      </c>
      <c r="AO2265" s="9">
        <v>14418.9077801</v>
      </c>
      <c r="AP2265" s="13">
        <v>1.1593287670527648</v>
      </c>
      <c r="AQ2265" s="9">
        <v>17215.573321700002</v>
      </c>
      <c r="AR2265" s="9">
        <v>16335.813209100001</v>
      </c>
      <c r="AS2265" s="9">
        <v>14654.2177159</v>
      </c>
      <c r="AT2265" s="9">
        <v>14074.9637649</v>
      </c>
      <c r="AU2265" s="9">
        <v>13328.5212266</v>
      </c>
      <c r="AV2265" s="9">
        <v>12555.934227</v>
      </c>
      <c r="AW2265" s="9">
        <v>12437.289740300001</v>
      </c>
      <c r="AX2265" s="9">
        <v>14358.8154091</v>
      </c>
      <c r="AY2265" s="9">
        <v>13309.014295200001</v>
      </c>
      <c r="AZ2265" s="9">
        <v>15078.9925141</v>
      </c>
      <c r="BA2265" s="9">
        <v>15053.745650000001</v>
      </c>
      <c r="BB2265" s="9">
        <v>14802.678969500001</v>
      </c>
      <c r="BC2265" s="9">
        <v>19397.644884400001</v>
      </c>
      <c r="BD2265" s="9">
        <v>21852.8715596</v>
      </c>
      <c r="BE2265" s="9">
        <v>25981.0905208</v>
      </c>
      <c r="BF2265" s="9">
        <v>26856.197520400001</v>
      </c>
      <c r="BG2265" s="11">
        <v>-50.25</v>
      </c>
      <c r="BH2265" s="13">
        <v>-0.85169491525423724</v>
      </c>
      <c r="BI2265" s="6">
        <v>-17</v>
      </c>
      <c r="BJ2265" s="13">
        <v>-0.28813559322033899</v>
      </c>
      <c r="BK2265" s="6">
        <v>4</v>
      </c>
      <c r="BL2265" s="13">
        <v>9.5238095238095233E-2</v>
      </c>
      <c r="BM2265" s="11">
        <v>-37.25</v>
      </c>
      <c r="BN2265" s="13">
        <v>-0.80978260869565222</v>
      </c>
      <c r="BO2265" s="11">
        <v>-33.25</v>
      </c>
      <c r="BP2265" s="13">
        <v>-0.79166666666666663</v>
      </c>
      <c r="BQ2265" s="6">
        <v>59</v>
      </c>
      <c r="BR2265" s="6">
        <v>56</v>
      </c>
      <c r="BS2265" s="6">
        <v>46</v>
      </c>
      <c r="BT2265" s="6">
        <v>42</v>
      </c>
      <c r="BU2265" s="6">
        <v>42</v>
      </c>
      <c r="BV2265" s="6">
        <v>43</v>
      </c>
      <c r="BW2265" s="6">
        <v>46</v>
      </c>
      <c r="BX2265" s="6">
        <v>45</v>
      </c>
      <c r="BY2265" s="6">
        <v>46</v>
      </c>
      <c r="BZ2265" s="6">
        <v>9</v>
      </c>
      <c r="CA2265" s="6">
        <v>8</v>
      </c>
      <c r="CB2265" s="6">
        <v>8</v>
      </c>
      <c r="CC2265" s="11">
        <v>8.75</v>
      </c>
      <c r="CD2265" s="11">
        <v>-9.0137800000000006</v>
      </c>
      <c r="CE2265" s="11">
        <v>-0.79757400000000001</v>
      </c>
      <c r="CF2265" s="11">
        <v>9.4672599999999996</v>
      </c>
      <c r="CG2265" s="11">
        <v>8</v>
      </c>
      <c r="CH2265" s="20">
        <v>0.57198000000000004</v>
      </c>
      <c r="CI2265" s="20">
        <v>0.75342799999999999</v>
      </c>
      <c r="CJ2265" s="20">
        <v>1.14127</v>
      </c>
      <c r="CK2265" s="20">
        <v>1.2704299999999999</v>
      </c>
      <c r="CL2265" s="20">
        <v>1.28667</v>
      </c>
      <c r="CM2265" s="20">
        <v>1.25484</v>
      </c>
      <c r="CN2265" s="20">
        <v>1.0916999999999999</v>
      </c>
      <c r="CO2265" s="20">
        <v>0.51731300000000002</v>
      </c>
      <c r="CP2265" s="20">
        <v>1.06843</v>
      </c>
      <c r="CQ2265" s="20">
        <v>1.0088900000000001</v>
      </c>
      <c r="CR2265" s="20">
        <v>0.94039799999999996</v>
      </c>
      <c r="CS2265" s="20">
        <v>0.94077599999999995</v>
      </c>
      <c r="CT2265" s="20">
        <v>0.61467499999999997</v>
      </c>
      <c r="CU2265" s="20">
        <v>0.58049300000000004</v>
      </c>
      <c r="CV2265" s="20">
        <v>0.74357799999999996</v>
      </c>
      <c r="CW2265" s="20">
        <v>0.68549899999999997</v>
      </c>
      <c r="CX2265" s="20">
        <v>0.66962100000000002</v>
      </c>
      <c r="CY2265" s="6" t="s">
        <v>718</v>
      </c>
      <c r="CZ2265" s="6" t="s">
        <v>719</v>
      </c>
      <c r="DA2265" s="6" t="s">
        <v>141</v>
      </c>
      <c r="DB2265" s="6"/>
      <c r="DC2265" s="6"/>
      <c r="DD2265" s="6"/>
      <c r="DE2265" s="6"/>
      <c r="DF2265" s="6"/>
      <c r="DG2265" s="6"/>
      <c r="DH2265" s="6" t="s">
        <v>333</v>
      </c>
      <c r="DI2265" s="6"/>
      <c r="DJ2265" s="6"/>
      <c r="DK2265" s="6"/>
      <c r="DL2265" s="6">
        <v>10</v>
      </c>
      <c r="DM2265" s="6" t="s">
        <v>383</v>
      </c>
      <c r="DN2265" s="6">
        <v>9</v>
      </c>
      <c r="DO2265" s="6" t="s">
        <v>384</v>
      </c>
      <c r="DP2265" s="6"/>
      <c r="DQ2265" s="6"/>
    </row>
    <row r="2266" spans="1:121" x14ac:dyDescent="0.2">
      <c r="A2266" s="6" t="s">
        <v>327</v>
      </c>
      <c r="B2266" s="6" t="s">
        <v>327</v>
      </c>
      <c r="C2266" s="6" t="s">
        <v>194</v>
      </c>
      <c r="D2266" s="6" t="s">
        <v>141</v>
      </c>
      <c r="E2266" s="6" t="s">
        <v>282</v>
      </c>
      <c r="F2266" s="11">
        <v>-81</v>
      </c>
      <c r="G2266" s="13">
        <v>-0.14754098360699999</v>
      </c>
      <c r="H2266" s="11">
        <v>15.909636999999975</v>
      </c>
      <c r="I2266" s="13">
        <v>2.8997423275013333E-2</v>
      </c>
      <c r="J2266" s="11">
        <v>4.6381340000000364</v>
      </c>
      <c r="K2266" s="13">
        <v>8.2153891796485894E-3</v>
      </c>
      <c r="L2266" s="11">
        <v>-101.38665983200002</v>
      </c>
      <c r="M2266" s="13">
        <v>-0.17811985930340882</v>
      </c>
      <c r="N2266" s="11">
        <v>-96.748525831999984</v>
      </c>
      <c r="O2266" s="13">
        <v>-0.17136779408856201</v>
      </c>
      <c r="P2266" s="7">
        <v>548.65692200000001</v>
      </c>
      <c r="Q2266" s="7">
        <v>547.97243600000002</v>
      </c>
      <c r="R2266" s="7">
        <v>568.13007000000005</v>
      </c>
      <c r="S2266" s="7">
        <v>565.97385999999995</v>
      </c>
      <c r="T2266" s="7">
        <v>567.13873999999998</v>
      </c>
      <c r="U2266" s="7">
        <v>573.30840699999999</v>
      </c>
      <c r="V2266" s="7">
        <v>564.56655899999998</v>
      </c>
      <c r="W2266" s="7">
        <v>560.31066599999997</v>
      </c>
      <c r="X2266" s="7">
        <v>568.77065900000002</v>
      </c>
      <c r="Y2266" s="7">
        <v>569.20469300000002</v>
      </c>
      <c r="Z2266" s="7">
        <v>540.96445400000005</v>
      </c>
      <c r="AA2266" s="7">
        <v>526.03705400000001</v>
      </c>
      <c r="AB2266" s="7">
        <v>504.46657299999998</v>
      </c>
      <c r="AC2266" s="7">
        <v>497.622748</v>
      </c>
      <c r="AD2266" s="7">
        <v>491.01016299999998</v>
      </c>
      <c r="AE2266" s="7">
        <v>479.40609925000001</v>
      </c>
      <c r="AF2266" s="7">
        <v>467.818033168</v>
      </c>
      <c r="AG2266" s="9">
        <v>15189.852349399996</v>
      </c>
      <c r="AH2266" s="13">
        <v>0.51729946737662169</v>
      </c>
      <c r="AI2266" s="9">
        <v>8441.6171869999962</v>
      </c>
      <c r="AJ2266" s="13">
        <v>0.28748430032007022</v>
      </c>
      <c r="AK2266" s="9">
        <v>3225.3711242999998</v>
      </c>
      <c r="AL2266" s="13">
        <v>8.5315164101130839E-2</v>
      </c>
      <c r="AM2266" s="9">
        <v>3522.8640381000005</v>
      </c>
      <c r="AN2266" s="13">
        <v>8.5859142782524434E-2</v>
      </c>
      <c r="AO2266" s="9">
        <v>6748.2351624000003</v>
      </c>
      <c r="AP2266" s="13">
        <v>0.17849939373972876</v>
      </c>
      <c r="AQ2266" s="9">
        <v>29363.750220800001</v>
      </c>
      <c r="AR2266" s="9">
        <v>30931.133767300002</v>
      </c>
      <c r="AS2266" s="9">
        <v>31207.3689925</v>
      </c>
      <c r="AT2266" s="9">
        <v>33040.6040966</v>
      </c>
      <c r="AU2266" s="9">
        <v>34757.164588400003</v>
      </c>
      <c r="AV2266" s="9">
        <v>36420.043959800001</v>
      </c>
      <c r="AW2266" s="9">
        <v>37805.367407799997</v>
      </c>
      <c r="AX2266" s="9">
        <v>39683.482610200001</v>
      </c>
      <c r="AY2266" s="9">
        <v>41303.531087299998</v>
      </c>
      <c r="AZ2266" s="9">
        <v>41030.738532099997</v>
      </c>
      <c r="BA2266" s="9">
        <v>40726.0005972</v>
      </c>
      <c r="BB2266" s="9">
        <v>41210.399640000003</v>
      </c>
      <c r="BC2266" s="9">
        <v>43675.844337399998</v>
      </c>
      <c r="BD2266" s="9">
        <v>42960.261090699998</v>
      </c>
      <c r="BE2266" s="9">
        <v>43835.132368300001</v>
      </c>
      <c r="BF2266" s="9">
        <v>44553.602570199997</v>
      </c>
      <c r="BG2266" s="11">
        <v>-9</v>
      </c>
      <c r="BH2266" s="13">
        <v>-0.21951219512195122</v>
      </c>
      <c r="BI2266" s="6">
        <v>3</v>
      </c>
      <c r="BJ2266" s="13">
        <v>7.3170731707317069E-2</v>
      </c>
      <c r="BK2266" s="6">
        <v>-1</v>
      </c>
      <c r="BL2266" s="13">
        <v>-2.2727272727272728E-2</v>
      </c>
      <c r="BM2266" s="11">
        <v>-11</v>
      </c>
      <c r="BN2266" s="13">
        <v>-0.2558139534883721</v>
      </c>
      <c r="BO2266" s="11">
        <v>-12</v>
      </c>
      <c r="BP2266" s="13">
        <v>-0.27272727272727271</v>
      </c>
      <c r="BQ2266" s="6">
        <v>41</v>
      </c>
      <c r="BR2266" s="6">
        <v>41</v>
      </c>
      <c r="BS2266" s="6">
        <v>41</v>
      </c>
      <c r="BT2266" s="6">
        <v>44</v>
      </c>
      <c r="BU2266" s="6">
        <v>42</v>
      </c>
      <c r="BV2266" s="6">
        <v>43</v>
      </c>
      <c r="BW2266" s="6">
        <v>43</v>
      </c>
      <c r="BX2266" s="6">
        <v>41</v>
      </c>
      <c r="BY2266" s="6">
        <v>41</v>
      </c>
      <c r="BZ2266" s="6">
        <v>40</v>
      </c>
      <c r="CA2266" s="6">
        <v>39</v>
      </c>
      <c r="CB2266" s="6">
        <v>34</v>
      </c>
      <c r="CC2266" s="11">
        <v>32</v>
      </c>
      <c r="CD2266" s="11">
        <v>-108.649</v>
      </c>
      <c r="CE2266" s="11">
        <v>-32.1648</v>
      </c>
      <c r="CF2266" s="11">
        <v>59.974800000000002</v>
      </c>
      <c r="CG2266" s="11">
        <v>28</v>
      </c>
      <c r="CH2266" s="20">
        <v>1.0908199999999999</v>
      </c>
      <c r="CI2266" s="20">
        <v>1.11036</v>
      </c>
      <c r="CJ2266" s="20">
        <v>1.35155</v>
      </c>
      <c r="CK2266" s="20">
        <v>1.3392200000000001</v>
      </c>
      <c r="CL2266" s="20">
        <v>1.3545499999999999</v>
      </c>
      <c r="CM2266" s="20">
        <v>1.3331900000000001</v>
      </c>
      <c r="CN2266" s="20">
        <v>1.1324099999999999</v>
      </c>
      <c r="CO2266" s="20">
        <v>0.58510799999999996</v>
      </c>
      <c r="CP2266" s="20">
        <v>1.16415</v>
      </c>
      <c r="CQ2266" s="20">
        <v>1.15516</v>
      </c>
      <c r="CR2266" s="20">
        <v>1.18313</v>
      </c>
      <c r="CS2266" s="20">
        <v>1.19865</v>
      </c>
      <c r="CT2266" s="20">
        <v>1.2215499999999999</v>
      </c>
      <c r="CU2266" s="20">
        <v>1.2158100000000001</v>
      </c>
      <c r="CV2266" s="20">
        <v>1.20248</v>
      </c>
      <c r="CW2266" s="20">
        <v>1.1856599999999999</v>
      </c>
      <c r="CX2266" s="20">
        <v>1.14463</v>
      </c>
      <c r="CY2266" s="6" t="s">
        <v>718</v>
      </c>
      <c r="CZ2266" s="6" t="s">
        <v>719</v>
      </c>
      <c r="DA2266" s="6" t="s">
        <v>141</v>
      </c>
      <c r="DB2266" s="6"/>
      <c r="DC2266" s="6"/>
      <c r="DD2266" s="6"/>
      <c r="DE2266" s="6"/>
      <c r="DF2266" s="6"/>
      <c r="DG2266" s="6"/>
      <c r="DH2266" s="6" t="s">
        <v>333</v>
      </c>
      <c r="DI2266" s="6"/>
      <c r="DJ2266" s="6"/>
      <c r="DK2266" s="6"/>
      <c r="DL2266" s="6">
        <v>10</v>
      </c>
      <c r="DM2266" s="6" t="s">
        <v>383</v>
      </c>
      <c r="DN2266" s="6">
        <v>9</v>
      </c>
      <c r="DO2266" s="6" t="s">
        <v>384</v>
      </c>
      <c r="DP2266" s="6"/>
      <c r="DQ2266" s="6"/>
    </row>
    <row r="2267" spans="1:121" x14ac:dyDescent="0.2">
      <c r="A2267" s="6" t="s">
        <v>1</v>
      </c>
      <c r="B2267" s="6" t="s">
        <v>1</v>
      </c>
      <c r="C2267" s="6" t="s">
        <v>2</v>
      </c>
      <c r="D2267" s="6" t="s">
        <v>111</v>
      </c>
      <c r="E2267" s="6" t="s">
        <v>252</v>
      </c>
      <c r="F2267" s="11">
        <v>11</v>
      </c>
      <c r="G2267" s="13">
        <v>0.305555555556</v>
      </c>
      <c r="H2267" s="11">
        <v>-2.6495269454999999</v>
      </c>
      <c r="I2267" s="13">
        <v>-7.4169954788386311E-2</v>
      </c>
      <c r="J2267" s="11">
        <v>25.592255900200001</v>
      </c>
      <c r="K2267" s="13">
        <v>0.77381469497013189</v>
      </c>
      <c r="L2267" s="11">
        <v>-11.269637581399998</v>
      </c>
      <c r="M2267" s="13">
        <v>-0.19210121186264464</v>
      </c>
      <c r="N2267" s="11">
        <v>14.322618318800004</v>
      </c>
      <c r="O2267" s="13">
        <v>0.43306274244660209</v>
      </c>
      <c r="P2267" s="7">
        <v>35.722375091899998</v>
      </c>
      <c r="Q2267" s="7">
        <v>47.115665980000003</v>
      </c>
      <c r="R2267" s="7">
        <v>48.298492517600003</v>
      </c>
      <c r="S2267" s="7">
        <v>63.766622118999997</v>
      </c>
      <c r="T2267" s="7">
        <v>58.788797563000003</v>
      </c>
      <c r="U2267" s="7">
        <v>62.917666564299999</v>
      </c>
      <c r="V2267" s="7">
        <v>33.072848146399998</v>
      </c>
      <c r="W2267" s="7">
        <v>40.709232393999997</v>
      </c>
      <c r="X2267" s="7">
        <v>46.4312802842</v>
      </c>
      <c r="Y2267" s="7">
        <v>58.6651040466</v>
      </c>
      <c r="Z2267" s="7">
        <v>105.647421263</v>
      </c>
      <c r="AA2267" s="7">
        <v>101.183650728</v>
      </c>
      <c r="AB2267" s="7">
        <v>115.066149974</v>
      </c>
      <c r="AC2267" s="7">
        <v>109.17953952400001</v>
      </c>
      <c r="AD2267" s="7">
        <v>44.498267084299997</v>
      </c>
      <c r="AE2267" s="7">
        <v>47.728718745899997</v>
      </c>
      <c r="AF2267" s="7">
        <v>47.395466465200002</v>
      </c>
      <c r="AG2267" s="9">
        <v>3079.9809525000019</v>
      </c>
      <c r="AH2267" s="13">
        <v>0.16155019913655247</v>
      </c>
      <c r="AI2267" s="9">
        <v>-582.00436909999917</v>
      </c>
      <c r="AJ2267" s="13">
        <v>-3.0527111425845216E-2</v>
      </c>
      <c r="AK2267" s="9">
        <v>1090.1080006000011</v>
      </c>
      <c r="AL2267" s="13">
        <v>5.8978446033836666E-2</v>
      </c>
      <c r="AM2267" s="9">
        <v>2571.8773209999999</v>
      </c>
      <c r="AN2267" s="13">
        <v>0.13139744682469601</v>
      </c>
      <c r="AO2267" s="9">
        <v>3661.985321600001</v>
      </c>
      <c r="AP2267" s="13">
        <v>0.19812551008506693</v>
      </c>
      <c r="AQ2267" s="9">
        <v>19065.163453599998</v>
      </c>
      <c r="AR2267" s="9">
        <v>18447.799747900001</v>
      </c>
      <c r="AS2267" s="9">
        <v>18336.2972964</v>
      </c>
      <c r="AT2267" s="9">
        <v>20741.015440499999</v>
      </c>
      <c r="AU2267" s="9">
        <v>19587.845146200001</v>
      </c>
      <c r="AV2267" s="9">
        <v>18003.5889943</v>
      </c>
      <c r="AW2267" s="9">
        <v>18483.159084499999</v>
      </c>
      <c r="AX2267" s="9">
        <v>18958.941654999999</v>
      </c>
      <c r="AY2267" s="9">
        <v>18868.919698900001</v>
      </c>
      <c r="AZ2267" s="9">
        <v>19573.2670851</v>
      </c>
      <c r="BA2267" s="9">
        <v>20780.414364200002</v>
      </c>
      <c r="BB2267" s="9">
        <v>22491.0898069</v>
      </c>
      <c r="BC2267" s="9">
        <v>23888.146782100001</v>
      </c>
      <c r="BD2267" s="9">
        <v>23303.222464999999</v>
      </c>
      <c r="BE2267" s="9">
        <v>22898.385460199999</v>
      </c>
      <c r="BF2267" s="9">
        <v>22145.1444061</v>
      </c>
      <c r="BG2267" s="11">
        <v>-0.75</v>
      </c>
      <c r="BH2267" s="13">
        <v>-0.25</v>
      </c>
      <c r="BI2267" s="6">
        <v>0</v>
      </c>
      <c r="BJ2267" s="13">
        <v>0</v>
      </c>
      <c r="BK2267" s="6">
        <v>0</v>
      </c>
      <c r="BL2267" s="13">
        <v>0</v>
      </c>
      <c r="BM2267" s="11">
        <v>-0.75</v>
      </c>
      <c r="BN2267" s="13">
        <v>-0.25</v>
      </c>
      <c r="BO2267" s="11">
        <v>-0.75</v>
      </c>
      <c r="BP2267" s="13">
        <v>-0.25</v>
      </c>
      <c r="BQ2267" s="6">
        <v>3</v>
      </c>
      <c r="BR2267" s="6">
        <v>3</v>
      </c>
      <c r="BS2267" s="6">
        <v>2</v>
      </c>
      <c r="BT2267" s="6">
        <v>3</v>
      </c>
      <c r="BU2267" s="6">
        <v>3</v>
      </c>
      <c r="BV2267" s="6">
        <v>3</v>
      </c>
      <c r="BW2267" s="6">
        <v>3</v>
      </c>
      <c r="BX2267" s="6">
        <v>4</v>
      </c>
      <c r="BY2267" s="6">
        <v>3</v>
      </c>
      <c r="BZ2267" s="6">
        <v>4</v>
      </c>
      <c r="CA2267" s="6">
        <v>3</v>
      </c>
      <c r="CB2267" s="6">
        <v>2</v>
      </c>
      <c r="CC2267" s="11">
        <v>2.25</v>
      </c>
      <c r="CD2267" s="11">
        <v>11.0251</v>
      </c>
      <c r="CE2267" s="11">
        <v>-3.2569400000000002</v>
      </c>
      <c r="CF2267" s="11">
        <v>3.90489</v>
      </c>
      <c r="CG2267" s="11">
        <v>1</v>
      </c>
      <c r="CH2267" s="20">
        <v>0.103385</v>
      </c>
      <c r="CI2267" s="20">
        <v>0.13570199999999999</v>
      </c>
      <c r="CJ2267" s="20">
        <v>0.136356</v>
      </c>
      <c r="CK2267" s="20">
        <v>0.17868600000000001</v>
      </c>
      <c r="CL2267" s="20">
        <v>0.16294500000000001</v>
      </c>
      <c r="CM2267" s="20">
        <v>0.16680200000000001</v>
      </c>
      <c r="CN2267" s="20">
        <v>8.4879899999999994E-2</v>
      </c>
      <c r="CO2267" s="20">
        <v>0.10720399999999999</v>
      </c>
      <c r="CP2267" s="20">
        <v>0.12670799999999999</v>
      </c>
      <c r="CQ2267" s="20">
        <v>0.15092700000000001</v>
      </c>
      <c r="CR2267" s="20">
        <v>0.272787</v>
      </c>
      <c r="CS2267" s="20">
        <v>0.265932</v>
      </c>
      <c r="CT2267" s="20">
        <v>0.29676599999999997</v>
      </c>
      <c r="CU2267" s="20">
        <v>0.283887</v>
      </c>
      <c r="CV2267" s="20">
        <v>0.114646</v>
      </c>
      <c r="CW2267" s="20">
        <v>0.122658</v>
      </c>
      <c r="CX2267" s="20">
        <v>0.12089800000000001</v>
      </c>
      <c r="CY2267" s="6" t="s">
        <v>720</v>
      </c>
      <c r="CZ2267" s="6" t="s">
        <v>721</v>
      </c>
      <c r="DA2267" s="6" t="s">
        <v>111</v>
      </c>
      <c r="DB2267" s="6"/>
      <c r="DC2267" s="6">
        <v>14700</v>
      </c>
      <c r="DD2267" s="6">
        <v>520</v>
      </c>
      <c r="DE2267" s="6" t="s">
        <v>716</v>
      </c>
      <c r="DF2267" s="6" t="s">
        <v>363</v>
      </c>
      <c r="DG2267" s="6" t="s">
        <v>364</v>
      </c>
      <c r="DH2267" s="6" t="s">
        <v>365</v>
      </c>
      <c r="DI2267" s="6" t="s">
        <v>461</v>
      </c>
      <c r="DJ2267" s="6">
        <v>29</v>
      </c>
      <c r="DK2267" s="6">
        <v>213</v>
      </c>
      <c r="DL2267" s="6">
        <v>5</v>
      </c>
      <c r="DM2267" s="6" t="s">
        <v>392</v>
      </c>
      <c r="DN2267" s="6">
        <v>4</v>
      </c>
      <c r="DO2267" s="6" t="s">
        <v>557</v>
      </c>
      <c r="DP2267" s="6"/>
      <c r="DQ2267" s="6"/>
    </row>
    <row r="2268" spans="1:121" x14ac:dyDescent="0.2">
      <c r="A2268" s="6" t="s">
        <v>310</v>
      </c>
      <c r="B2268" s="6" t="s">
        <v>310</v>
      </c>
      <c r="C2268" s="6" t="s">
        <v>173</v>
      </c>
      <c r="D2268" s="6" t="s">
        <v>111</v>
      </c>
      <c r="E2268" s="6" t="s">
        <v>252</v>
      </c>
      <c r="F2268" s="11">
        <v>-40</v>
      </c>
      <c r="G2268" s="13">
        <v>-0.70175438596499995</v>
      </c>
      <c r="H2268" s="11">
        <v>10.788324124900008</v>
      </c>
      <c r="I2268" s="13">
        <v>0.18857275938401849</v>
      </c>
      <c r="J2268" s="11">
        <v>-18.329037124900005</v>
      </c>
      <c r="K2268" s="13">
        <v>-0.26954969734336576</v>
      </c>
      <c r="L2268" s="11">
        <v>-32.177286081100007</v>
      </c>
      <c r="M2268" s="13">
        <v>-0.64782534655690349</v>
      </c>
      <c r="N2268" s="11">
        <v>-50.506323206000005</v>
      </c>
      <c r="O2268" s="13">
        <v>-0.74275391780449485</v>
      </c>
      <c r="P2268" s="7">
        <v>57.210405999999999</v>
      </c>
      <c r="Q2268" s="7">
        <v>58.839677999999999</v>
      </c>
      <c r="R2268" s="7">
        <v>58.3948456595</v>
      </c>
      <c r="S2268" s="7">
        <v>62.079161882800001</v>
      </c>
      <c r="T2268" s="7">
        <v>65.419646252800007</v>
      </c>
      <c r="U2268" s="7">
        <v>55.375364459300002</v>
      </c>
      <c r="V2268" s="7">
        <v>67.998730124900007</v>
      </c>
      <c r="W2268" s="7">
        <v>65.488918731499993</v>
      </c>
      <c r="X2268" s="7">
        <v>56.878216000000002</v>
      </c>
      <c r="Y2268" s="7">
        <v>49.669693000000002</v>
      </c>
      <c r="Z2268" s="7">
        <v>34.045475000000003</v>
      </c>
      <c r="AA2268" s="7">
        <v>36.034427000000001</v>
      </c>
      <c r="AB2268" s="7">
        <v>52.060569000000001</v>
      </c>
      <c r="AC2268" s="7">
        <v>53.244385999999999</v>
      </c>
      <c r="AD2268" s="7">
        <v>33.609304999999999</v>
      </c>
      <c r="AE2268" s="7">
        <v>19.3441525</v>
      </c>
      <c r="AF2268" s="7">
        <v>17.492406918899999</v>
      </c>
      <c r="AG2268" s="9">
        <v>-7260.4990436000007</v>
      </c>
      <c r="AH2268" s="13">
        <v>-0.17680980267801502</v>
      </c>
      <c r="AI2268" s="9">
        <v>11346.020851699999</v>
      </c>
      <c r="AJ2268" s="13">
        <v>0.27630162829345056</v>
      </c>
      <c r="AK2268" s="9">
        <v>-1059.0404751999959</v>
      </c>
      <c r="AL2268" s="13">
        <v>-2.0206872548451927E-2</v>
      </c>
      <c r="AM2268" s="9">
        <v>-17547.479420100004</v>
      </c>
      <c r="AN2268" s="13">
        <v>-0.34171724512721346</v>
      </c>
      <c r="AO2268" s="9">
        <v>-18606.5198953</v>
      </c>
      <c r="AP2268" s="13">
        <v>-0.35501908085577166</v>
      </c>
      <c r="AQ2268" s="9">
        <v>41063.894272999998</v>
      </c>
      <c r="AR2268" s="9">
        <v>44600.655013199997</v>
      </c>
      <c r="AS2268" s="9">
        <v>46544.160318299997</v>
      </c>
      <c r="AT2268" s="9">
        <v>55082.268923000003</v>
      </c>
      <c r="AU2268" s="9">
        <v>56784.966600100001</v>
      </c>
      <c r="AV2268" s="9">
        <v>57261.8378381</v>
      </c>
      <c r="AW2268" s="9">
        <v>52409.915124699997</v>
      </c>
      <c r="AX2268" s="9">
        <v>52312.771853300001</v>
      </c>
      <c r="AY2268" s="9">
        <v>50518.091532899998</v>
      </c>
      <c r="AZ2268" s="9">
        <v>51350.874649500001</v>
      </c>
      <c r="BA2268" s="9">
        <v>34932.989289500001</v>
      </c>
      <c r="BB2268" s="9">
        <v>27607.757663699998</v>
      </c>
      <c r="BC2268" s="9">
        <v>34420.949854600003</v>
      </c>
      <c r="BD2268" s="9">
        <v>34362.9072246</v>
      </c>
      <c r="BE2268" s="9">
        <v>30894.8066774</v>
      </c>
      <c r="BF2268" s="9">
        <v>33803.395229399997</v>
      </c>
      <c r="BG2268" s="11">
        <v>0.75</v>
      </c>
      <c r="BH2268" s="13">
        <v>0.1875</v>
      </c>
      <c r="BI2268" s="6">
        <v>1</v>
      </c>
      <c r="BJ2268" s="13">
        <v>0.25</v>
      </c>
      <c r="BK2268" s="6">
        <v>1</v>
      </c>
      <c r="BL2268" s="13">
        <v>0.2</v>
      </c>
      <c r="BM2268" s="11">
        <v>-1.25</v>
      </c>
      <c r="BN2268" s="13">
        <v>-0.20833333333333334</v>
      </c>
      <c r="BO2268" s="11">
        <v>-0.25</v>
      </c>
      <c r="BP2268" s="13">
        <v>-0.05</v>
      </c>
      <c r="BQ2268" s="6">
        <v>4</v>
      </c>
      <c r="BR2268" s="6">
        <v>4</v>
      </c>
      <c r="BS2268" s="6">
        <v>4</v>
      </c>
      <c r="BT2268" s="6">
        <v>5</v>
      </c>
      <c r="BU2268" s="6">
        <v>5</v>
      </c>
      <c r="BV2268" s="6">
        <v>6</v>
      </c>
      <c r="BW2268" s="6">
        <v>6</v>
      </c>
      <c r="BX2268" s="6">
        <v>7</v>
      </c>
      <c r="BY2268" s="6">
        <v>7</v>
      </c>
      <c r="BZ2268" s="6">
        <v>6</v>
      </c>
      <c r="CA2268" s="6">
        <v>5</v>
      </c>
      <c r="CB2268" s="6">
        <v>5</v>
      </c>
      <c r="CC2268" s="11">
        <v>4.75</v>
      </c>
      <c r="CD2268" s="11">
        <v>-51.907200000000003</v>
      </c>
      <c r="CE2268" s="11">
        <v>5.93546</v>
      </c>
      <c r="CF2268" s="11">
        <v>6.2537900000000004</v>
      </c>
      <c r="CG2268" s="11">
        <v>12</v>
      </c>
      <c r="CH2268" s="20">
        <v>0.58358100000000002</v>
      </c>
      <c r="CI2268" s="20">
        <v>0.62393799999999999</v>
      </c>
      <c r="CJ2268" s="20">
        <v>0.61556500000000003</v>
      </c>
      <c r="CK2268" s="20">
        <v>0.62849900000000003</v>
      </c>
      <c r="CL2268" s="20">
        <v>0.61121099999999995</v>
      </c>
      <c r="CM2268" s="20">
        <v>0.44921299999999997</v>
      </c>
      <c r="CN2268" s="20">
        <v>0.495535</v>
      </c>
      <c r="CO2268" s="20">
        <v>0.44182399999999999</v>
      </c>
      <c r="CP2268" s="20">
        <v>0.43682599999999999</v>
      </c>
      <c r="CQ2268" s="20">
        <v>0.352655</v>
      </c>
      <c r="CR2268" s="20">
        <v>0.218394</v>
      </c>
      <c r="CS2268" s="20">
        <v>0.21834300000000001</v>
      </c>
      <c r="CT2268" s="20">
        <v>0.30721300000000001</v>
      </c>
      <c r="CU2268" s="20">
        <v>0.31086599999999998</v>
      </c>
      <c r="CV2268" s="20">
        <v>0.21976899999999999</v>
      </c>
      <c r="CW2268" s="20">
        <v>0.14851400000000001</v>
      </c>
      <c r="CX2268" s="20">
        <v>0.131997</v>
      </c>
      <c r="CY2268" s="6" t="s">
        <v>720</v>
      </c>
      <c r="CZ2268" s="6" t="s">
        <v>721</v>
      </c>
      <c r="DA2268" s="6" t="s">
        <v>111</v>
      </c>
      <c r="DB2268" s="6"/>
      <c r="DC2268" s="6">
        <v>14700</v>
      </c>
      <c r="DD2268" s="6">
        <v>520</v>
      </c>
      <c r="DE2268" s="6" t="s">
        <v>716</v>
      </c>
      <c r="DF2268" s="6" t="s">
        <v>363</v>
      </c>
      <c r="DG2268" s="6" t="s">
        <v>364</v>
      </c>
      <c r="DH2268" s="6" t="s">
        <v>365</v>
      </c>
      <c r="DI2268" s="6" t="s">
        <v>461</v>
      </c>
      <c r="DJ2268" s="6">
        <v>29</v>
      </c>
      <c r="DK2268" s="6">
        <v>213</v>
      </c>
      <c r="DL2268" s="6">
        <v>5</v>
      </c>
      <c r="DM2268" s="6" t="s">
        <v>392</v>
      </c>
      <c r="DN2268" s="6">
        <v>4</v>
      </c>
      <c r="DO2268" s="6" t="s">
        <v>557</v>
      </c>
      <c r="DP2268" s="6"/>
      <c r="DQ2268" s="6"/>
    </row>
    <row r="2269" spans="1:121" x14ac:dyDescent="0.2">
      <c r="A2269" s="6" t="s">
        <v>311</v>
      </c>
      <c r="B2269" s="6" t="s">
        <v>311</v>
      </c>
      <c r="C2269" s="6" t="s">
        <v>174</v>
      </c>
      <c r="D2269" s="6" t="s">
        <v>111</v>
      </c>
      <c r="E2269" s="6" t="s">
        <v>252</v>
      </c>
      <c r="F2269" s="11">
        <v>-5</v>
      </c>
      <c r="G2269" s="13">
        <v>-3.3333333333299998E-2</v>
      </c>
      <c r="H2269" s="11">
        <v>-11.44467800000001</v>
      </c>
      <c r="I2269" s="13">
        <v>-7.6115238161371557E-2</v>
      </c>
      <c r="J2269" s="11">
        <v>2.5820604310000022</v>
      </c>
      <c r="K2269" s="13">
        <v>1.8587313788647235E-2</v>
      </c>
      <c r="L2269" s="11">
        <v>3.2114064639999924</v>
      </c>
      <c r="M2269" s="13">
        <v>2.2695891295154209E-2</v>
      </c>
      <c r="N2269" s="11">
        <v>5.7934668949999946</v>
      </c>
      <c r="O2269" s="13">
        <v>4.1705060737017505E-2</v>
      </c>
      <c r="P2269" s="7">
        <v>150.35987900000001</v>
      </c>
      <c r="Q2269" s="7">
        <v>148.020779</v>
      </c>
      <c r="R2269" s="7">
        <v>148.74285900000001</v>
      </c>
      <c r="S2269" s="7">
        <v>145.836906</v>
      </c>
      <c r="T2269" s="7">
        <v>132.489127</v>
      </c>
      <c r="U2269" s="7">
        <v>134.54281</v>
      </c>
      <c r="V2269" s="7">
        <v>138.915201</v>
      </c>
      <c r="W2269" s="7">
        <v>136.73303200000001</v>
      </c>
      <c r="X2269" s="7">
        <v>142.88272599999999</v>
      </c>
      <c r="Y2269" s="7">
        <v>141.497261431</v>
      </c>
      <c r="Z2269" s="7">
        <v>133.33037045099999</v>
      </c>
      <c r="AA2269" s="7">
        <v>130.81625099499999</v>
      </c>
      <c r="AB2269" s="7">
        <v>130.094112</v>
      </c>
      <c r="AC2269" s="7">
        <v>135.47232412599999</v>
      </c>
      <c r="AD2269" s="7">
        <v>144.442179436</v>
      </c>
      <c r="AE2269" s="7">
        <v>145.49781568099999</v>
      </c>
      <c r="AF2269" s="7">
        <v>144.70866789499999</v>
      </c>
      <c r="AG2269" s="9">
        <v>57439.345467200001</v>
      </c>
      <c r="AH2269" s="13">
        <v>0.90668064873093501</v>
      </c>
      <c r="AI2269" s="9">
        <v>21145.038542300004</v>
      </c>
      <c r="AJ2269" s="13">
        <v>0.33377464710006144</v>
      </c>
      <c r="AK2269" s="9">
        <v>9678.8524198999949</v>
      </c>
      <c r="AL2269" s="13">
        <v>0.11454767385410164</v>
      </c>
      <c r="AM2269" s="9">
        <v>26615.454505000002</v>
      </c>
      <c r="AN2269" s="13">
        <v>0.28261658447216464</v>
      </c>
      <c r="AO2269" s="9">
        <v>36294.306924899996</v>
      </c>
      <c r="AP2269" s="13">
        <v>0.42953733067014399</v>
      </c>
      <c r="AQ2269" s="9">
        <v>63351.242300799997</v>
      </c>
      <c r="AR2269" s="9">
        <v>66448.624691399993</v>
      </c>
      <c r="AS2269" s="9">
        <v>67966.870339999994</v>
      </c>
      <c r="AT2269" s="9">
        <v>71994.314533199999</v>
      </c>
      <c r="AU2269" s="9">
        <v>76949.218831799997</v>
      </c>
      <c r="AV2269" s="9">
        <v>81225.470398699996</v>
      </c>
      <c r="AW2269" s="9">
        <v>84496.280843100001</v>
      </c>
      <c r="AX2269" s="9">
        <v>88648.578920300002</v>
      </c>
      <c r="AY2269" s="9">
        <v>92484.803617099999</v>
      </c>
      <c r="AZ2269" s="9">
        <v>94175.133262999996</v>
      </c>
      <c r="BA2269" s="9">
        <v>97978.459774500006</v>
      </c>
      <c r="BB2269" s="9">
        <v>100891.733287</v>
      </c>
      <c r="BC2269" s="9">
        <v>106506.27722600001</v>
      </c>
      <c r="BD2269" s="9">
        <v>114955.136478</v>
      </c>
      <c r="BE2269" s="9">
        <v>115394.22943599999</v>
      </c>
      <c r="BF2269" s="9">
        <v>120790.587768</v>
      </c>
      <c r="BG2269" s="11">
        <v>1.25</v>
      </c>
      <c r="BH2269" s="13">
        <v>0.15625</v>
      </c>
      <c r="BI2269" s="6">
        <v>-2</v>
      </c>
      <c r="BJ2269" s="13">
        <v>-0.25</v>
      </c>
      <c r="BK2269" s="6">
        <v>1</v>
      </c>
      <c r="BL2269" s="13">
        <v>0.16666666666666666</v>
      </c>
      <c r="BM2269" s="11">
        <v>2.25</v>
      </c>
      <c r="BN2269" s="13">
        <v>0.32142857142857145</v>
      </c>
      <c r="BO2269" s="11">
        <v>3.25</v>
      </c>
      <c r="BP2269" s="13">
        <v>0.54166666666666663</v>
      </c>
      <c r="BQ2269" s="6">
        <v>8</v>
      </c>
      <c r="BR2269" s="6">
        <v>7</v>
      </c>
      <c r="BS2269" s="6">
        <v>7</v>
      </c>
      <c r="BT2269" s="6">
        <v>6</v>
      </c>
      <c r="BU2269" s="6">
        <v>7</v>
      </c>
      <c r="BV2269" s="6">
        <v>8</v>
      </c>
      <c r="BW2269" s="6">
        <v>7</v>
      </c>
      <c r="BX2269" s="6">
        <v>7</v>
      </c>
      <c r="BY2269" s="6">
        <v>7</v>
      </c>
      <c r="BZ2269" s="6">
        <v>8</v>
      </c>
      <c r="CA2269" s="6">
        <v>8</v>
      </c>
      <c r="CB2269" s="6">
        <v>10</v>
      </c>
      <c r="CC2269" s="11">
        <v>9.25</v>
      </c>
      <c r="CD2269" s="11">
        <v>2.3978100000000002</v>
      </c>
      <c r="CE2269" s="11">
        <v>-24.485199999999999</v>
      </c>
      <c r="CF2269" s="11">
        <v>16.4361</v>
      </c>
      <c r="CG2269" s="11">
        <v>-8</v>
      </c>
      <c r="CH2269" s="20">
        <v>1.3998699999999999</v>
      </c>
      <c r="CI2269" s="20">
        <v>1.3760300000000001</v>
      </c>
      <c r="CJ2269" s="20">
        <v>1.39954</v>
      </c>
      <c r="CK2269" s="20">
        <v>1.3990499999999999</v>
      </c>
      <c r="CL2269" s="20">
        <v>1.29573</v>
      </c>
      <c r="CM2269" s="20">
        <v>1.2651699999999999</v>
      </c>
      <c r="CN2269" s="20">
        <v>1.24752</v>
      </c>
      <c r="CO2269" s="20">
        <v>1.20665</v>
      </c>
      <c r="CP2269" s="20">
        <v>1.28871</v>
      </c>
      <c r="CQ2269" s="20">
        <v>1.21577</v>
      </c>
      <c r="CR2269" s="20">
        <v>1.1596299999999999</v>
      </c>
      <c r="CS2269" s="20">
        <v>1.1733199999999999</v>
      </c>
      <c r="CT2269" s="20">
        <v>1.1592199999999999</v>
      </c>
      <c r="CU2269" s="20">
        <v>1.2261299999999999</v>
      </c>
      <c r="CV2269" s="20">
        <v>1.2972600000000001</v>
      </c>
      <c r="CW2269" s="20">
        <v>1.3017799999999999</v>
      </c>
      <c r="CX2269" s="20">
        <v>1.2773600000000001</v>
      </c>
      <c r="CY2269" s="6" t="s">
        <v>720</v>
      </c>
      <c r="CZ2269" s="6" t="s">
        <v>721</v>
      </c>
      <c r="DA2269" s="6" t="s">
        <v>111</v>
      </c>
      <c r="DB2269" s="6"/>
      <c r="DC2269" s="6">
        <v>14700</v>
      </c>
      <c r="DD2269" s="6">
        <v>520</v>
      </c>
      <c r="DE2269" s="6" t="s">
        <v>716</v>
      </c>
      <c r="DF2269" s="6" t="s">
        <v>363</v>
      </c>
      <c r="DG2269" s="6" t="s">
        <v>364</v>
      </c>
      <c r="DH2269" s="6" t="s">
        <v>365</v>
      </c>
      <c r="DI2269" s="6" t="s">
        <v>461</v>
      </c>
      <c r="DJ2269" s="6">
        <v>29</v>
      </c>
      <c r="DK2269" s="6">
        <v>213</v>
      </c>
      <c r="DL2269" s="6">
        <v>5</v>
      </c>
      <c r="DM2269" s="6" t="s">
        <v>392</v>
      </c>
      <c r="DN2269" s="6">
        <v>4</v>
      </c>
      <c r="DO2269" s="6" t="s">
        <v>557</v>
      </c>
      <c r="DP2269" s="6"/>
      <c r="DQ2269" s="6"/>
    </row>
    <row r="2270" spans="1:121" x14ac:dyDescent="0.2">
      <c r="A2270" s="6" t="s">
        <v>312</v>
      </c>
      <c r="B2270" s="6" t="s">
        <v>312</v>
      </c>
      <c r="C2270" s="6" t="s">
        <v>175</v>
      </c>
      <c r="D2270" s="6" t="s">
        <v>111</v>
      </c>
      <c r="E2270" s="6" t="s">
        <v>252</v>
      </c>
      <c r="F2270" s="11">
        <v>-626</v>
      </c>
      <c r="G2270" s="13">
        <v>-0.35977011494299999</v>
      </c>
      <c r="H2270" s="11">
        <v>720.16969688000017</v>
      </c>
      <c r="I2270" s="13">
        <v>0.41386170240683418</v>
      </c>
      <c r="J2270" s="11">
        <v>-1296.0125665900002</v>
      </c>
      <c r="K2270" s="13">
        <v>-0.52677199510451345</v>
      </c>
      <c r="L2270" s="11">
        <v>-50.402908949999983</v>
      </c>
      <c r="M2270" s="13">
        <v>-4.3291100907261647E-2</v>
      </c>
      <c r="N2270" s="11">
        <v>-1346.4154755400002</v>
      </c>
      <c r="O2270" s="13">
        <v>-0.54725855641658616</v>
      </c>
      <c r="P2270" s="7">
        <v>1740.12162201</v>
      </c>
      <c r="Q2270" s="7">
        <v>1618.2384944800001</v>
      </c>
      <c r="R2270" s="7">
        <v>1650.8315330099999</v>
      </c>
      <c r="S2270" s="7">
        <v>1938.5402507599999</v>
      </c>
      <c r="T2270" s="7">
        <v>2126.8979354799999</v>
      </c>
      <c r="U2270" s="7">
        <v>2453.13440429</v>
      </c>
      <c r="V2270" s="7">
        <v>2460.2913188900002</v>
      </c>
      <c r="W2270" s="7">
        <v>2195.1999037700002</v>
      </c>
      <c r="X2270" s="7">
        <v>1387.7248654699999</v>
      </c>
      <c r="Y2270" s="7">
        <v>1164.2787523</v>
      </c>
      <c r="Z2270" s="7">
        <v>1115.78671626</v>
      </c>
      <c r="AA2270" s="7">
        <v>1087.1586042500001</v>
      </c>
      <c r="AB2270" s="7">
        <v>1101.5119132</v>
      </c>
      <c r="AC2270" s="7">
        <v>1086.4853690800001</v>
      </c>
      <c r="AD2270" s="7">
        <v>1106.6647035599999</v>
      </c>
      <c r="AE2270" s="7">
        <v>1154.8433341699999</v>
      </c>
      <c r="AF2270" s="7">
        <v>1113.87584335</v>
      </c>
      <c r="AG2270" s="9">
        <v>2433.5260026999968</v>
      </c>
      <c r="AH2270" s="13">
        <v>7.0463857805202354E-2</v>
      </c>
      <c r="AI2270" s="9">
        <v>7280.7532165000011</v>
      </c>
      <c r="AJ2270" s="13">
        <v>0.21081753751265411</v>
      </c>
      <c r="AK2270" s="9">
        <v>-5865.0992740000002</v>
      </c>
      <c r="AL2270" s="13">
        <v>-0.14025782186987168</v>
      </c>
      <c r="AM2270" s="9">
        <v>1017.8720601999958</v>
      </c>
      <c r="AN2270" s="13">
        <v>2.8312399836715081E-2</v>
      </c>
      <c r="AO2270" s="9">
        <v>-4847.2272138000044</v>
      </c>
      <c r="AP2270" s="13">
        <v>-0.11591645756616316</v>
      </c>
      <c r="AQ2270" s="9">
        <v>34535.804290300002</v>
      </c>
      <c r="AR2270" s="9">
        <v>33990.945981700002</v>
      </c>
      <c r="AS2270" s="9">
        <v>34276.528171999998</v>
      </c>
      <c r="AT2270" s="9">
        <v>34918.412508900001</v>
      </c>
      <c r="AU2270" s="9">
        <v>34735.174507399999</v>
      </c>
      <c r="AV2270" s="9">
        <v>37898.138098199997</v>
      </c>
      <c r="AW2270" s="9">
        <v>41816.557506800003</v>
      </c>
      <c r="AX2270" s="9">
        <v>40352.821116200001</v>
      </c>
      <c r="AY2270" s="9">
        <v>35831.334316400003</v>
      </c>
      <c r="AZ2270" s="9">
        <v>35951.458232800003</v>
      </c>
      <c r="BA2270" s="9">
        <v>33405.737941899999</v>
      </c>
      <c r="BB2270" s="9">
        <v>33349.892769400001</v>
      </c>
      <c r="BC2270" s="9">
        <v>33954.9498246</v>
      </c>
      <c r="BD2270" s="9">
        <v>34683.213899299997</v>
      </c>
      <c r="BE2270" s="9">
        <v>35410.371287499998</v>
      </c>
      <c r="BF2270" s="9">
        <v>36969.330292999999</v>
      </c>
      <c r="BG2270" s="11">
        <v>-39</v>
      </c>
      <c r="BH2270" s="13">
        <v>-0.24223602484472051</v>
      </c>
      <c r="BI2270" s="6">
        <v>39</v>
      </c>
      <c r="BJ2270" s="13">
        <v>0.24223602484472051</v>
      </c>
      <c r="BK2270" s="6">
        <v>-32</v>
      </c>
      <c r="BL2270" s="13">
        <v>-0.16</v>
      </c>
      <c r="BM2270" s="11">
        <v>-46</v>
      </c>
      <c r="BN2270" s="13">
        <v>-0.27380952380952384</v>
      </c>
      <c r="BO2270" s="11">
        <v>-78</v>
      </c>
      <c r="BP2270" s="13">
        <v>-0.39</v>
      </c>
      <c r="BQ2270" s="6">
        <v>161</v>
      </c>
      <c r="BR2270" s="6">
        <v>170</v>
      </c>
      <c r="BS2270" s="6">
        <v>192</v>
      </c>
      <c r="BT2270" s="6">
        <v>200</v>
      </c>
      <c r="BU2270" s="6">
        <v>213</v>
      </c>
      <c r="BV2270" s="6">
        <v>185</v>
      </c>
      <c r="BW2270" s="6">
        <v>168</v>
      </c>
      <c r="BX2270" s="6">
        <v>147</v>
      </c>
      <c r="BY2270" s="6">
        <v>125</v>
      </c>
      <c r="BZ2270" s="6">
        <v>122</v>
      </c>
      <c r="CA2270" s="6">
        <v>117</v>
      </c>
      <c r="CB2270" s="6">
        <v>122</v>
      </c>
      <c r="CC2270" s="11">
        <v>122</v>
      </c>
      <c r="CD2270" s="11">
        <v>-605.68899999999996</v>
      </c>
      <c r="CE2270" s="11">
        <v>-210.773</v>
      </c>
      <c r="CF2270" s="11">
        <v>190.21600000000001</v>
      </c>
      <c r="CG2270" s="11">
        <v>-21</v>
      </c>
      <c r="CH2270" s="20">
        <v>1.11696</v>
      </c>
      <c r="CI2270" s="20">
        <v>1.03</v>
      </c>
      <c r="CJ2270" s="20">
        <v>1.01631</v>
      </c>
      <c r="CK2270" s="20">
        <v>1.1408700000000001</v>
      </c>
      <c r="CL2270" s="20">
        <v>1.1896899999999999</v>
      </c>
      <c r="CM2270" s="20">
        <v>1.25651</v>
      </c>
      <c r="CN2270" s="20">
        <v>1.2196899999999999</v>
      </c>
      <c r="CO2270" s="20">
        <v>1.14771</v>
      </c>
      <c r="CP2270" s="20">
        <v>0.85534900000000003</v>
      </c>
      <c r="CQ2270" s="20">
        <v>0.73138400000000003</v>
      </c>
      <c r="CR2270" s="20">
        <v>0.71697599999999995</v>
      </c>
      <c r="CS2270" s="20">
        <v>0.71362800000000004</v>
      </c>
      <c r="CT2270" s="20">
        <v>0.70093099999999997</v>
      </c>
      <c r="CU2270" s="20">
        <v>0.68092900000000001</v>
      </c>
      <c r="CV2270" s="20">
        <v>0.66918699999999998</v>
      </c>
      <c r="CW2270" s="20">
        <v>0.68131799999999998</v>
      </c>
      <c r="CX2270" s="20">
        <v>0.64927000000000001</v>
      </c>
      <c r="CY2270" s="6" t="s">
        <v>720</v>
      </c>
      <c r="CZ2270" s="6" t="s">
        <v>721</v>
      </c>
      <c r="DA2270" s="6" t="s">
        <v>111</v>
      </c>
      <c r="DB2270" s="6"/>
      <c r="DC2270" s="6">
        <v>14700</v>
      </c>
      <c r="DD2270" s="6">
        <v>520</v>
      </c>
      <c r="DE2270" s="6" t="s">
        <v>716</v>
      </c>
      <c r="DF2270" s="6" t="s">
        <v>363</v>
      </c>
      <c r="DG2270" s="6" t="s">
        <v>364</v>
      </c>
      <c r="DH2270" s="6" t="s">
        <v>365</v>
      </c>
      <c r="DI2270" s="6" t="s">
        <v>461</v>
      </c>
      <c r="DJ2270" s="6">
        <v>29</v>
      </c>
      <c r="DK2270" s="6">
        <v>213</v>
      </c>
      <c r="DL2270" s="6">
        <v>5</v>
      </c>
      <c r="DM2270" s="6" t="s">
        <v>392</v>
      </c>
      <c r="DN2270" s="6">
        <v>4</v>
      </c>
      <c r="DO2270" s="6" t="s">
        <v>557</v>
      </c>
      <c r="DP2270" s="6"/>
      <c r="DQ2270" s="6"/>
    </row>
    <row r="2271" spans="1:121" x14ac:dyDescent="0.2">
      <c r="A2271" s="6" t="s">
        <v>792</v>
      </c>
      <c r="B2271" s="6" t="s">
        <v>176</v>
      </c>
      <c r="C2271" s="6" t="s">
        <v>177</v>
      </c>
      <c r="D2271" s="6" t="s">
        <v>111</v>
      </c>
      <c r="E2271" s="6" t="s">
        <v>252</v>
      </c>
      <c r="F2271" s="11">
        <v>-156</v>
      </c>
      <c r="G2271" s="13">
        <v>-0.214580467675</v>
      </c>
      <c r="H2271" s="11">
        <v>-2.6579271130000279</v>
      </c>
      <c r="I2271" s="13">
        <v>-3.6558523391469798E-3</v>
      </c>
      <c r="J2271" s="11">
        <v>-88.036530772999981</v>
      </c>
      <c r="K2271" s="13">
        <v>-0.12153437298895273</v>
      </c>
      <c r="L2271" s="11">
        <v>-65.553848750000043</v>
      </c>
      <c r="M2271" s="13">
        <v>-0.10301717269292514</v>
      </c>
      <c r="N2271" s="11">
        <v>-153.59037952300002</v>
      </c>
      <c r="O2271" s="13">
        <v>-0.21203141819154853</v>
      </c>
      <c r="P2271" s="7">
        <v>727.03349764400002</v>
      </c>
      <c r="Q2271" s="7">
        <v>747.64087858300002</v>
      </c>
      <c r="R2271" s="7">
        <v>763.79019479600004</v>
      </c>
      <c r="S2271" s="7">
        <v>707.97635370299997</v>
      </c>
      <c r="T2271" s="7">
        <v>656.592316826</v>
      </c>
      <c r="U2271" s="7">
        <v>749.77705341900003</v>
      </c>
      <c r="V2271" s="7">
        <v>724.37557053099999</v>
      </c>
      <c r="W2271" s="7">
        <v>711.62682214100005</v>
      </c>
      <c r="X2271" s="7">
        <v>618.14274858399995</v>
      </c>
      <c r="Y2271" s="7">
        <v>636.33903975800001</v>
      </c>
      <c r="Z2271" s="7">
        <v>620.00822515799996</v>
      </c>
      <c r="AA2271" s="7">
        <v>616.82964693300005</v>
      </c>
      <c r="AB2271" s="7">
        <v>567.447583216</v>
      </c>
      <c r="AC2271" s="7">
        <v>587.58612395700004</v>
      </c>
      <c r="AD2271" s="7">
        <v>568.20615193000003</v>
      </c>
      <c r="AE2271" s="7">
        <v>555.43392855499997</v>
      </c>
      <c r="AF2271" s="7">
        <v>570.78519100799997</v>
      </c>
      <c r="AG2271" s="9">
        <v>23514.847426799999</v>
      </c>
      <c r="AH2271" s="13">
        <v>0.78964432635678716</v>
      </c>
      <c r="AI2271" s="9">
        <v>4791.343666300003</v>
      </c>
      <c r="AJ2271" s="13">
        <v>0.16089652945854535</v>
      </c>
      <c r="AK2271" s="9">
        <v>3580.8878065999961</v>
      </c>
      <c r="AL2271" s="13">
        <v>0.1035825397869664</v>
      </c>
      <c r="AM2271" s="9">
        <v>15142.6159539</v>
      </c>
      <c r="AN2271" s="13">
        <v>0.39690989717560227</v>
      </c>
      <c r="AO2271" s="9">
        <v>18723.503760499996</v>
      </c>
      <c r="AP2271" s="13">
        <v>0.54160537217860116</v>
      </c>
      <c r="AQ2271" s="9">
        <v>29779.036766199999</v>
      </c>
      <c r="AR2271" s="9">
        <v>30638.0428503</v>
      </c>
      <c r="AS2271" s="9">
        <v>31480.810794699999</v>
      </c>
      <c r="AT2271" s="9">
        <v>31822.241740500001</v>
      </c>
      <c r="AU2271" s="9">
        <v>32794.292603800001</v>
      </c>
      <c r="AV2271" s="9">
        <v>34411.5399139</v>
      </c>
      <c r="AW2271" s="9">
        <v>34570.380432500002</v>
      </c>
      <c r="AX2271" s="9">
        <v>36978.832273799999</v>
      </c>
      <c r="AY2271" s="9">
        <v>36733.833058999997</v>
      </c>
      <c r="AZ2271" s="9">
        <v>38151.268239099998</v>
      </c>
      <c r="BA2271" s="9">
        <v>35941.079583500003</v>
      </c>
      <c r="BB2271" s="9">
        <v>35661.878550699999</v>
      </c>
      <c r="BC2271" s="9">
        <v>37544.7333258</v>
      </c>
      <c r="BD2271" s="9">
        <v>38595.573589300002</v>
      </c>
      <c r="BE2271" s="9">
        <v>48402.9167552</v>
      </c>
      <c r="BF2271" s="9">
        <v>53293.884192999998</v>
      </c>
      <c r="BG2271" s="11">
        <v>-6.25</v>
      </c>
      <c r="BH2271" s="13">
        <v>-0.10775862068965517</v>
      </c>
      <c r="BI2271" s="6">
        <v>0</v>
      </c>
      <c r="BJ2271" s="13">
        <v>0</v>
      </c>
      <c r="BK2271" s="6">
        <v>3</v>
      </c>
      <c r="BL2271" s="13">
        <v>5.1724137931034482E-2</v>
      </c>
      <c r="BM2271" s="11">
        <v>-9.25</v>
      </c>
      <c r="BN2271" s="13">
        <v>-0.15163934426229508</v>
      </c>
      <c r="BO2271" s="11">
        <v>-6.25</v>
      </c>
      <c r="BP2271" s="13">
        <v>-0.10775862068965517</v>
      </c>
      <c r="BQ2271" s="6">
        <v>58</v>
      </c>
      <c r="BR2271" s="6">
        <v>60</v>
      </c>
      <c r="BS2271" s="6">
        <v>58</v>
      </c>
      <c r="BT2271" s="6">
        <v>58</v>
      </c>
      <c r="BU2271" s="6">
        <v>54</v>
      </c>
      <c r="BV2271" s="6">
        <v>59</v>
      </c>
      <c r="BW2271" s="6">
        <v>61</v>
      </c>
      <c r="BX2271" s="6">
        <v>58</v>
      </c>
      <c r="BY2271" s="6">
        <v>56</v>
      </c>
      <c r="BZ2271" s="6">
        <v>54</v>
      </c>
      <c r="CA2271" s="6">
        <v>58</v>
      </c>
      <c r="CB2271" s="6">
        <v>55</v>
      </c>
      <c r="CC2271" s="11">
        <v>51.75</v>
      </c>
      <c r="CD2271" s="11">
        <v>20.904800000000002</v>
      </c>
      <c r="CE2271" s="11">
        <v>-256.62700000000001</v>
      </c>
      <c r="CF2271" s="11">
        <v>79.473500000000001</v>
      </c>
      <c r="CG2271" s="11">
        <v>-178</v>
      </c>
      <c r="CH2271" s="20">
        <v>0.24376200000000001</v>
      </c>
      <c r="CI2271" s="20">
        <v>0.265629</v>
      </c>
      <c r="CJ2271" s="20">
        <v>0.28057399999999999</v>
      </c>
      <c r="CK2271" s="20">
        <v>0.263326</v>
      </c>
      <c r="CL2271" s="20">
        <v>0.244417</v>
      </c>
      <c r="CM2271" s="20">
        <v>0.26788800000000001</v>
      </c>
      <c r="CN2271" s="20">
        <v>0.25360700000000003</v>
      </c>
      <c r="CO2271" s="20">
        <v>0.257075</v>
      </c>
      <c r="CP2271" s="20">
        <v>0.25936900000000002</v>
      </c>
      <c r="CQ2271" s="20">
        <v>0.25742900000000002</v>
      </c>
      <c r="CR2271" s="20">
        <v>0.24892600000000001</v>
      </c>
      <c r="CS2271" s="20">
        <v>0.25116899999999998</v>
      </c>
      <c r="CT2271" s="20">
        <v>0.22752</v>
      </c>
      <c r="CU2271" s="20">
        <v>0.23772399999999999</v>
      </c>
      <c r="CV2271" s="20">
        <v>0.22801299999999999</v>
      </c>
      <c r="CW2271" s="20">
        <v>0.22220500000000001</v>
      </c>
      <c r="CX2271" s="20">
        <v>0.22706100000000001</v>
      </c>
      <c r="CY2271" s="6" t="s">
        <v>720</v>
      </c>
      <c r="CZ2271" s="6" t="s">
        <v>721</v>
      </c>
      <c r="DA2271" s="6" t="s">
        <v>111</v>
      </c>
      <c r="DB2271" s="6"/>
      <c r="DC2271" s="6">
        <v>14700</v>
      </c>
      <c r="DD2271" s="6">
        <v>520</v>
      </c>
      <c r="DE2271" s="6" t="s">
        <v>716</v>
      </c>
      <c r="DF2271" s="6" t="s">
        <v>363</v>
      </c>
      <c r="DG2271" s="6" t="s">
        <v>364</v>
      </c>
      <c r="DH2271" s="6" t="s">
        <v>365</v>
      </c>
      <c r="DI2271" s="6" t="s">
        <v>461</v>
      </c>
      <c r="DJ2271" s="6">
        <v>29</v>
      </c>
      <c r="DK2271" s="6">
        <v>213</v>
      </c>
      <c r="DL2271" s="6">
        <v>5</v>
      </c>
      <c r="DM2271" s="6" t="s">
        <v>392</v>
      </c>
      <c r="DN2271" s="6">
        <v>4</v>
      </c>
      <c r="DO2271" s="6" t="s">
        <v>557</v>
      </c>
      <c r="DP2271" s="6"/>
      <c r="DQ2271" s="6"/>
    </row>
    <row r="2272" spans="1:121" x14ac:dyDescent="0.2">
      <c r="A2272" s="6" t="s">
        <v>313</v>
      </c>
      <c r="B2272" s="6" t="s">
        <v>313</v>
      </c>
      <c r="C2272" s="6" t="s">
        <v>178</v>
      </c>
      <c r="D2272" s="6" t="s">
        <v>111</v>
      </c>
      <c r="E2272" s="6" t="s">
        <v>252</v>
      </c>
      <c r="F2272" s="11">
        <v>285</v>
      </c>
      <c r="G2272" s="13">
        <v>0.99650349650299996</v>
      </c>
      <c r="H2272" s="11">
        <v>57.438852351000037</v>
      </c>
      <c r="I2272" s="13">
        <v>0.20056211182283609</v>
      </c>
      <c r="J2272" s="11">
        <v>-52.909275778000051</v>
      </c>
      <c r="K2272" s="13">
        <v>-0.15388288625272764</v>
      </c>
      <c r="L2272" s="11">
        <v>280.53406098100004</v>
      </c>
      <c r="M2272" s="13">
        <v>0.96430323951318653</v>
      </c>
      <c r="N2272" s="11">
        <v>227.62478520299999</v>
      </c>
      <c r="O2272" s="13">
        <v>0.66203058754131439</v>
      </c>
      <c r="P2272" s="7">
        <v>286.38934756399999</v>
      </c>
      <c r="Q2272" s="7">
        <v>286.83034550999997</v>
      </c>
      <c r="R2272" s="7">
        <v>319.94108330199998</v>
      </c>
      <c r="S2272" s="7">
        <v>322.59530503299999</v>
      </c>
      <c r="T2272" s="7">
        <v>313.31250702099999</v>
      </c>
      <c r="U2272" s="7">
        <v>323.938155155</v>
      </c>
      <c r="V2272" s="7">
        <v>343.82819991500003</v>
      </c>
      <c r="W2272" s="7">
        <v>317.95403129099998</v>
      </c>
      <c r="X2272" s="7">
        <v>303.496787848</v>
      </c>
      <c r="Y2272" s="7">
        <v>290.91892413699998</v>
      </c>
      <c r="Z2272" s="7">
        <v>344.25072706499998</v>
      </c>
      <c r="AA2272" s="7">
        <v>349.05763645600001</v>
      </c>
      <c r="AB2272" s="7">
        <v>406.68123147400001</v>
      </c>
      <c r="AC2272" s="7">
        <v>446.470375402</v>
      </c>
      <c r="AD2272" s="7">
        <v>483.27581194700002</v>
      </c>
      <c r="AE2272" s="7">
        <v>524.87785676500005</v>
      </c>
      <c r="AF2272" s="7">
        <v>571.45298511800002</v>
      </c>
      <c r="AG2272" s="9">
        <v>1559.2132921000011</v>
      </c>
      <c r="AH2272" s="13">
        <v>4.6930796269410061E-2</v>
      </c>
      <c r="AI2272" s="9">
        <v>522.74313940000138</v>
      </c>
      <c r="AJ2272" s="13">
        <v>1.5734057617846339E-2</v>
      </c>
      <c r="AK2272" s="9">
        <v>670.58102669999789</v>
      </c>
      <c r="AL2272" s="13">
        <v>1.987117926379188E-2</v>
      </c>
      <c r="AM2272" s="9">
        <v>365.88912600000185</v>
      </c>
      <c r="AN2272" s="13">
        <v>1.0631059857414924E-2</v>
      </c>
      <c r="AO2272" s="9">
        <v>1036.4701526999997</v>
      </c>
      <c r="AP2272" s="13">
        <v>3.0713490817397597E-2</v>
      </c>
      <c r="AQ2272" s="9">
        <v>33223.670085400001</v>
      </c>
      <c r="AR2272" s="9">
        <v>34113.793435300002</v>
      </c>
      <c r="AS2272" s="9">
        <v>31179.3719475</v>
      </c>
      <c r="AT2272" s="9">
        <v>32428.264943900002</v>
      </c>
      <c r="AU2272" s="9">
        <v>33259.300114099999</v>
      </c>
      <c r="AV2272" s="9">
        <v>33894.258476299998</v>
      </c>
      <c r="AW2272" s="9">
        <v>33746.413224800002</v>
      </c>
      <c r="AX2272" s="9">
        <v>34091.835159800001</v>
      </c>
      <c r="AY2272" s="9">
        <v>35534.858998800002</v>
      </c>
      <c r="AZ2272" s="9">
        <v>34416.9942515</v>
      </c>
      <c r="BA2272" s="9">
        <v>34788.588427399998</v>
      </c>
      <c r="BB2272" s="9">
        <v>36037.0320785</v>
      </c>
      <c r="BC2272" s="9">
        <v>34663.073212299998</v>
      </c>
      <c r="BD2272" s="9">
        <v>34806.256914600002</v>
      </c>
      <c r="BE2272" s="9">
        <v>35233.382501699998</v>
      </c>
      <c r="BF2272" s="9">
        <v>34782.883377500002</v>
      </c>
      <c r="BG2272" s="11">
        <v>5.25</v>
      </c>
      <c r="BH2272" s="13">
        <v>0.11170212765957446</v>
      </c>
      <c r="BI2272" s="6">
        <v>-4</v>
      </c>
      <c r="BJ2272" s="13">
        <v>-8.5106382978723402E-2</v>
      </c>
      <c r="BK2272" s="6">
        <v>0</v>
      </c>
      <c r="BL2272" s="13">
        <v>0</v>
      </c>
      <c r="BM2272" s="11">
        <v>9.25</v>
      </c>
      <c r="BN2272" s="13">
        <v>0.21511627906976744</v>
      </c>
      <c r="BO2272" s="11">
        <v>9.25</v>
      </c>
      <c r="BP2272" s="13">
        <v>0.21511627906976744</v>
      </c>
      <c r="BQ2272" s="6">
        <v>47</v>
      </c>
      <c r="BR2272" s="6">
        <v>47</v>
      </c>
      <c r="BS2272" s="6">
        <v>45</v>
      </c>
      <c r="BT2272" s="6">
        <v>43</v>
      </c>
      <c r="BU2272" s="6">
        <v>43</v>
      </c>
      <c r="BV2272" s="6">
        <v>44</v>
      </c>
      <c r="BW2272" s="6">
        <v>43</v>
      </c>
      <c r="BX2272" s="6">
        <v>49</v>
      </c>
      <c r="BY2272" s="6">
        <v>51</v>
      </c>
      <c r="BZ2272" s="6">
        <v>54</v>
      </c>
      <c r="CA2272" s="6">
        <v>51</v>
      </c>
      <c r="CB2272" s="6">
        <v>53</v>
      </c>
      <c r="CC2272" s="11">
        <v>52.25</v>
      </c>
      <c r="CD2272" s="11">
        <v>277.17500000000001</v>
      </c>
      <c r="CE2272" s="11">
        <v>-23.417300000000001</v>
      </c>
      <c r="CF2272" s="11">
        <v>31.305800000000001</v>
      </c>
      <c r="CG2272" s="11">
        <v>8</v>
      </c>
      <c r="CH2272" s="20">
        <v>0.26966400000000001</v>
      </c>
      <c r="CI2272" s="20">
        <v>0.27181499999999997</v>
      </c>
      <c r="CJ2272" s="20">
        <v>0.29965999999999998</v>
      </c>
      <c r="CK2272" s="20">
        <v>0.29868600000000001</v>
      </c>
      <c r="CL2272" s="20">
        <v>0.28344799999999998</v>
      </c>
      <c r="CM2272" s="20">
        <v>0.27367799999999998</v>
      </c>
      <c r="CN2272" s="20">
        <v>0.27456199999999997</v>
      </c>
      <c r="CO2272" s="20">
        <v>0.25527100000000003</v>
      </c>
      <c r="CP2272" s="20">
        <v>0.26753300000000002</v>
      </c>
      <c r="CQ2272" s="20">
        <v>0.244786</v>
      </c>
      <c r="CR2272" s="20">
        <v>0.28873300000000002</v>
      </c>
      <c r="CS2272" s="20">
        <v>0.29657699999999998</v>
      </c>
      <c r="CT2272" s="20">
        <v>0.338312</v>
      </c>
      <c r="CU2272" s="20">
        <v>0.37523899999999999</v>
      </c>
      <c r="CV2272" s="20">
        <v>0.40312900000000002</v>
      </c>
      <c r="CW2272" s="20">
        <v>0.43761800000000001</v>
      </c>
      <c r="CX2272" s="20">
        <v>0.469912</v>
      </c>
      <c r="CY2272" s="6" t="s">
        <v>720</v>
      </c>
      <c r="CZ2272" s="6" t="s">
        <v>721</v>
      </c>
      <c r="DA2272" s="6" t="s">
        <v>111</v>
      </c>
      <c r="DB2272" s="6"/>
      <c r="DC2272" s="6">
        <v>14700</v>
      </c>
      <c r="DD2272" s="6">
        <v>520</v>
      </c>
      <c r="DE2272" s="6" t="s">
        <v>716</v>
      </c>
      <c r="DF2272" s="6" t="s">
        <v>363</v>
      </c>
      <c r="DG2272" s="6" t="s">
        <v>364</v>
      </c>
      <c r="DH2272" s="6" t="s">
        <v>365</v>
      </c>
      <c r="DI2272" s="6" t="s">
        <v>461</v>
      </c>
      <c r="DJ2272" s="6">
        <v>29</v>
      </c>
      <c r="DK2272" s="6">
        <v>213</v>
      </c>
      <c r="DL2272" s="6">
        <v>5</v>
      </c>
      <c r="DM2272" s="6" t="s">
        <v>392</v>
      </c>
      <c r="DN2272" s="6">
        <v>4</v>
      </c>
      <c r="DO2272" s="6" t="s">
        <v>557</v>
      </c>
      <c r="DP2272" s="6"/>
      <c r="DQ2272" s="6"/>
    </row>
    <row r="2273" spans="1:121" x14ac:dyDescent="0.2">
      <c r="A2273" s="6" t="s">
        <v>793</v>
      </c>
      <c r="B2273" s="6" t="s">
        <v>179</v>
      </c>
      <c r="C2273" s="6" t="s">
        <v>180</v>
      </c>
      <c r="D2273" s="6" t="s">
        <v>111</v>
      </c>
      <c r="E2273" s="6" t="s">
        <v>252</v>
      </c>
      <c r="F2273" s="11">
        <v>1129</v>
      </c>
      <c r="G2273" s="13">
        <v>0.28999999999999998</v>
      </c>
      <c r="H2273" s="11">
        <v>812</v>
      </c>
      <c r="I2273" s="13">
        <v>0.20890146642655005</v>
      </c>
      <c r="J2273" s="11">
        <v>380</v>
      </c>
      <c r="K2273" s="13">
        <v>8.0868269844647803E-2</v>
      </c>
      <c r="L2273" s="11">
        <v>-63</v>
      </c>
      <c r="M2273" s="13">
        <v>-1.2404016538688721E-2</v>
      </c>
      <c r="N2273" s="11">
        <v>317</v>
      </c>
      <c r="O2273" s="13">
        <v>6.7461161949350923E-2</v>
      </c>
      <c r="P2273" s="7">
        <v>3887</v>
      </c>
      <c r="Q2273" s="7">
        <v>3924</v>
      </c>
      <c r="R2273" s="7">
        <v>3920</v>
      </c>
      <c r="S2273" s="7">
        <v>3913</v>
      </c>
      <c r="T2273" s="7">
        <v>3875</v>
      </c>
      <c r="U2273" s="7">
        <v>4519</v>
      </c>
      <c r="V2273" s="7">
        <v>4699</v>
      </c>
      <c r="W2273" s="7">
        <v>4881</v>
      </c>
      <c r="X2273" s="7">
        <v>4852</v>
      </c>
      <c r="Y2273" s="7">
        <v>5079</v>
      </c>
      <c r="Z2273" s="7">
        <v>4996</v>
      </c>
      <c r="AA2273" s="7">
        <v>4808</v>
      </c>
      <c r="AB2273" s="7">
        <v>4905</v>
      </c>
      <c r="AC2273" s="7">
        <v>4971</v>
      </c>
      <c r="AD2273" s="7">
        <v>4973</v>
      </c>
      <c r="AE2273" s="7">
        <v>4953</v>
      </c>
      <c r="AF2273" s="7">
        <v>5016</v>
      </c>
      <c r="AG2273" s="9">
        <v>4458</v>
      </c>
      <c r="AH2273" s="13">
        <v>0.21739978542865504</v>
      </c>
      <c r="AI2273" s="9">
        <v>2335</v>
      </c>
      <c r="AJ2273" s="13">
        <v>0.11386911147956696</v>
      </c>
      <c r="AK2273" s="9">
        <v>-274</v>
      </c>
      <c r="AL2273" s="13">
        <v>-1.1995972155334706E-2</v>
      </c>
      <c r="AM2273" s="9">
        <v>2397</v>
      </c>
      <c r="AN2273" s="13">
        <v>0.10621704258430452</v>
      </c>
      <c r="AO2273" s="9">
        <v>2123</v>
      </c>
      <c r="AP2273" s="13">
        <v>9.2946893743706502E-2</v>
      </c>
      <c r="AQ2273" s="9">
        <v>20506</v>
      </c>
      <c r="AR2273" s="9">
        <v>21113</v>
      </c>
      <c r="AS2273" s="9">
        <v>22124</v>
      </c>
      <c r="AT2273" s="9">
        <v>22532</v>
      </c>
      <c r="AU2273" s="9">
        <v>22844</v>
      </c>
      <c r="AV2273" s="9">
        <v>22760</v>
      </c>
      <c r="AW2273" s="9">
        <v>22841</v>
      </c>
      <c r="AX2273" s="9">
        <v>23190</v>
      </c>
      <c r="AY2273" s="9">
        <v>23489</v>
      </c>
      <c r="AZ2273" s="9">
        <v>22567</v>
      </c>
      <c r="BA2273" s="9">
        <v>22179</v>
      </c>
      <c r="BB2273" s="9">
        <v>22467</v>
      </c>
      <c r="BC2273" s="9">
        <v>22820</v>
      </c>
      <c r="BD2273" s="9">
        <v>23410</v>
      </c>
      <c r="BE2273" s="9">
        <v>24451</v>
      </c>
      <c r="BF2273" s="9">
        <v>24964</v>
      </c>
      <c r="BG2273" s="11">
        <v>15</v>
      </c>
      <c r="BH2273" s="13">
        <v>4.0214477211796246E-2</v>
      </c>
      <c r="BI2273" s="6">
        <v>32</v>
      </c>
      <c r="BJ2273" s="13">
        <v>8.5790884718498661E-2</v>
      </c>
      <c r="BK2273" s="6">
        <v>-6</v>
      </c>
      <c r="BL2273" s="13">
        <v>-1.4814814814814815E-2</v>
      </c>
      <c r="BM2273" s="11">
        <v>-11</v>
      </c>
      <c r="BN2273" s="13">
        <v>-2.7568922305764409E-2</v>
      </c>
      <c r="BO2273" s="11">
        <v>-17</v>
      </c>
      <c r="BP2273" s="13">
        <v>-4.1975308641975309E-2</v>
      </c>
      <c r="BQ2273" s="6">
        <v>373</v>
      </c>
      <c r="BR2273" s="6">
        <v>366</v>
      </c>
      <c r="BS2273" s="6">
        <v>384</v>
      </c>
      <c r="BT2273" s="6">
        <v>405</v>
      </c>
      <c r="BU2273" s="6">
        <v>397</v>
      </c>
      <c r="BV2273" s="6">
        <v>389</v>
      </c>
      <c r="BW2273" s="6">
        <v>399</v>
      </c>
      <c r="BX2273" s="6">
        <v>385</v>
      </c>
      <c r="BY2273" s="6">
        <v>374</v>
      </c>
      <c r="BZ2273" s="6">
        <v>384</v>
      </c>
      <c r="CA2273" s="6">
        <v>392</v>
      </c>
      <c r="CB2273" s="6">
        <v>394</v>
      </c>
      <c r="CC2273" s="11">
        <v>388</v>
      </c>
      <c r="CD2273" s="11">
        <v>954</v>
      </c>
      <c r="CE2273" s="11">
        <v>-249</v>
      </c>
      <c r="CF2273" s="11">
        <v>425</v>
      </c>
      <c r="CG2273" s="11">
        <v>176</v>
      </c>
      <c r="CH2273" s="20">
        <v>1.36</v>
      </c>
      <c r="CI2273" s="20">
        <v>1.36</v>
      </c>
      <c r="CJ2273" s="20">
        <v>1.35</v>
      </c>
      <c r="CK2273" s="20">
        <v>1.34</v>
      </c>
      <c r="CL2273" s="20">
        <v>1.3</v>
      </c>
      <c r="CM2273" s="20">
        <v>1.44</v>
      </c>
      <c r="CN2273" s="20">
        <v>1.42</v>
      </c>
      <c r="CO2273" s="20">
        <v>1.5</v>
      </c>
      <c r="CP2273" s="20">
        <v>1.61</v>
      </c>
      <c r="CQ2273" s="20">
        <v>1.59</v>
      </c>
      <c r="CR2273" s="20">
        <v>1.56</v>
      </c>
      <c r="CS2273" s="20">
        <v>1.53</v>
      </c>
      <c r="CT2273" s="20">
        <v>1.53</v>
      </c>
      <c r="CU2273" s="20">
        <v>1.56</v>
      </c>
      <c r="CV2273" s="20">
        <v>1.53</v>
      </c>
      <c r="CW2273" s="20">
        <v>1.51</v>
      </c>
      <c r="CX2273" s="20">
        <v>1.51</v>
      </c>
      <c r="CY2273" s="6" t="s">
        <v>720</v>
      </c>
      <c r="CZ2273" s="6" t="s">
        <v>721</v>
      </c>
      <c r="DA2273" s="6" t="s">
        <v>111</v>
      </c>
      <c r="DB2273" s="6"/>
      <c r="DC2273" s="6">
        <v>14700</v>
      </c>
      <c r="DD2273" s="6">
        <v>520</v>
      </c>
      <c r="DE2273" s="6" t="s">
        <v>716</v>
      </c>
      <c r="DF2273" s="6" t="s">
        <v>363</v>
      </c>
      <c r="DG2273" s="6" t="s">
        <v>364</v>
      </c>
      <c r="DH2273" s="6" t="s">
        <v>365</v>
      </c>
      <c r="DI2273" s="6" t="s">
        <v>461</v>
      </c>
      <c r="DJ2273" s="6">
        <v>29</v>
      </c>
      <c r="DK2273" s="6">
        <v>213</v>
      </c>
      <c r="DL2273" s="6">
        <v>5</v>
      </c>
      <c r="DM2273" s="6" t="s">
        <v>392</v>
      </c>
      <c r="DN2273" s="6">
        <v>4</v>
      </c>
      <c r="DO2273" s="6" t="s">
        <v>557</v>
      </c>
      <c r="DP2273" s="6"/>
      <c r="DQ2273" s="6"/>
    </row>
    <row r="2274" spans="1:121" x14ac:dyDescent="0.2">
      <c r="A2274" s="6" t="s">
        <v>794</v>
      </c>
      <c r="B2274" s="6" t="s">
        <v>181</v>
      </c>
      <c r="C2274" s="6" t="s">
        <v>182</v>
      </c>
      <c r="D2274" s="6" t="s">
        <v>111</v>
      </c>
      <c r="E2274" s="6" t="s">
        <v>252</v>
      </c>
      <c r="F2274" s="11">
        <v>-41</v>
      </c>
      <c r="G2274" s="13">
        <v>-7.3083778966099994E-2</v>
      </c>
      <c r="H2274" s="11">
        <v>-10.939820247000057</v>
      </c>
      <c r="I2274" s="13">
        <v>-1.9485302385720136E-2</v>
      </c>
      <c r="J2274" s="11">
        <v>-37.264871922999987</v>
      </c>
      <c r="K2274" s="13">
        <v>-6.7692801607385861E-2</v>
      </c>
      <c r="L2274" s="11">
        <v>7.1916716429999497</v>
      </c>
      <c r="M2274" s="13">
        <v>1.4012436852984369E-2</v>
      </c>
      <c r="N2274" s="11">
        <v>-30.073200280000037</v>
      </c>
      <c r="O2274" s="13">
        <v>-5.4628905862326591E-2</v>
      </c>
      <c r="P2274" s="7">
        <v>561.43959331200006</v>
      </c>
      <c r="Q2274" s="7">
        <v>578.49239129499995</v>
      </c>
      <c r="R2274" s="7">
        <v>585.07760197300001</v>
      </c>
      <c r="S2274" s="7">
        <v>510.909833897</v>
      </c>
      <c r="T2274" s="7">
        <v>514.29423926799996</v>
      </c>
      <c r="U2274" s="7">
        <v>533.56829447600001</v>
      </c>
      <c r="V2274" s="7">
        <v>550.499773065</v>
      </c>
      <c r="W2274" s="7">
        <v>391.67248202799999</v>
      </c>
      <c r="X2274" s="7">
        <v>381.01142485100002</v>
      </c>
      <c r="Y2274" s="7">
        <v>513.23490114200001</v>
      </c>
      <c r="Z2274" s="7">
        <v>516.99716347599997</v>
      </c>
      <c r="AA2274" s="7">
        <v>509.21898489900002</v>
      </c>
      <c r="AB2274" s="7">
        <v>523.98427102999995</v>
      </c>
      <c r="AC2274" s="7">
        <v>498.156202753</v>
      </c>
      <c r="AD2274" s="7">
        <v>490.59302773000002</v>
      </c>
      <c r="AE2274" s="7">
        <v>505.71916722399999</v>
      </c>
      <c r="AF2274" s="7">
        <v>520.42657278499996</v>
      </c>
      <c r="AG2274" s="9">
        <v>10850.856788599998</v>
      </c>
      <c r="AH2274" s="13">
        <v>0.41794618494606783</v>
      </c>
      <c r="AI2274" s="9">
        <v>6020.2653835000019</v>
      </c>
      <c r="AJ2274" s="13">
        <v>0.23188463348260083</v>
      </c>
      <c r="AK2274" s="9">
        <v>-1234.2379959999998</v>
      </c>
      <c r="AL2274" s="13">
        <v>-3.8590926721846587E-2</v>
      </c>
      <c r="AM2274" s="9">
        <v>6064.8294010999962</v>
      </c>
      <c r="AN2274" s="13">
        <v>0.19724076049441061</v>
      </c>
      <c r="AO2274" s="9">
        <v>4830.5914050999963</v>
      </c>
      <c r="AP2274" s="13">
        <v>0.15103813003776292</v>
      </c>
      <c r="AQ2274" s="9">
        <v>25962.330030599998</v>
      </c>
      <c r="AR2274" s="9">
        <v>27145.3876017</v>
      </c>
      <c r="AS2274" s="9">
        <v>27252.766027400001</v>
      </c>
      <c r="AT2274" s="9">
        <v>29564.8831517</v>
      </c>
      <c r="AU2274" s="9">
        <v>31014.072280299999</v>
      </c>
      <c r="AV2274" s="9">
        <v>32634.455891199999</v>
      </c>
      <c r="AW2274" s="9">
        <v>31982.5954141</v>
      </c>
      <c r="AX2274" s="9">
        <v>35053.655806700001</v>
      </c>
      <c r="AY2274" s="9">
        <v>36444.937110500003</v>
      </c>
      <c r="AZ2274" s="9">
        <v>30748.3574181</v>
      </c>
      <c r="BA2274" s="9">
        <v>30634.808997700002</v>
      </c>
      <c r="BB2274" s="9">
        <v>30655.0489542</v>
      </c>
      <c r="BC2274" s="9">
        <v>37928.306140499997</v>
      </c>
      <c r="BD2274" s="9">
        <v>35146.629568800003</v>
      </c>
      <c r="BE2274" s="9">
        <v>36785.2071927</v>
      </c>
      <c r="BF2274" s="9">
        <v>36813.186819199997</v>
      </c>
      <c r="BG2274" s="11">
        <v>-4</v>
      </c>
      <c r="BH2274" s="13">
        <v>-0.12121212121212122</v>
      </c>
      <c r="BI2274" s="6">
        <v>4</v>
      </c>
      <c r="BJ2274" s="13">
        <v>0.12121212121212122</v>
      </c>
      <c r="BK2274" s="6">
        <v>-9</v>
      </c>
      <c r="BL2274" s="13">
        <v>-0.24324324324324326</v>
      </c>
      <c r="BM2274" s="11">
        <v>1</v>
      </c>
      <c r="BN2274" s="13">
        <v>3.5714285714285712E-2</v>
      </c>
      <c r="BO2274" s="11">
        <v>-8</v>
      </c>
      <c r="BP2274" s="13">
        <v>-0.21621621621621623</v>
      </c>
      <c r="BQ2274" s="6">
        <v>33</v>
      </c>
      <c r="BR2274" s="6">
        <v>35</v>
      </c>
      <c r="BS2274" s="6">
        <v>39</v>
      </c>
      <c r="BT2274" s="6">
        <v>37</v>
      </c>
      <c r="BU2274" s="6">
        <v>34</v>
      </c>
      <c r="BV2274" s="6">
        <v>31</v>
      </c>
      <c r="BW2274" s="6">
        <v>28</v>
      </c>
      <c r="BX2274" s="6">
        <v>32</v>
      </c>
      <c r="BY2274" s="6">
        <v>29</v>
      </c>
      <c r="BZ2274" s="6">
        <v>29</v>
      </c>
      <c r="CA2274" s="6">
        <v>31</v>
      </c>
      <c r="CB2274" s="6">
        <v>32</v>
      </c>
      <c r="CC2274" s="11">
        <v>29</v>
      </c>
      <c r="CD2274" s="11">
        <v>-137.773</v>
      </c>
      <c r="CE2274" s="11">
        <v>35.387799999999999</v>
      </c>
      <c r="CF2274" s="11">
        <v>61.372100000000003</v>
      </c>
      <c r="CG2274" s="11">
        <v>96</v>
      </c>
      <c r="CH2274" s="20">
        <v>0.66782200000000003</v>
      </c>
      <c r="CI2274" s="20">
        <v>0.69840400000000002</v>
      </c>
      <c r="CJ2274" s="20">
        <v>0.69959400000000005</v>
      </c>
      <c r="CK2274" s="20">
        <v>0.59809800000000002</v>
      </c>
      <c r="CL2274" s="20">
        <v>0.58474800000000005</v>
      </c>
      <c r="CM2274" s="20">
        <v>0.56490899999999999</v>
      </c>
      <c r="CN2274" s="20">
        <v>0.54970799999999997</v>
      </c>
      <c r="CO2274" s="20">
        <v>0.393262</v>
      </c>
      <c r="CP2274" s="20">
        <v>0.41880800000000001</v>
      </c>
      <c r="CQ2274" s="20">
        <v>0.53525</v>
      </c>
      <c r="CR2274" s="20">
        <v>0.53048099999999998</v>
      </c>
      <c r="CS2274" s="20">
        <v>0.52723900000000001</v>
      </c>
      <c r="CT2274" s="20">
        <v>0.52799600000000002</v>
      </c>
      <c r="CU2274" s="20">
        <v>0.49583899999999997</v>
      </c>
      <c r="CV2274" s="20">
        <v>0.46805999999999998</v>
      </c>
      <c r="CW2274" s="20">
        <v>0.46992699999999998</v>
      </c>
      <c r="CX2274" s="20">
        <v>0.47384199999999999</v>
      </c>
      <c r="CY2274" s="6" t="s">
        <v>720</v>
      </c>
      <c r="CZ2274" s="6" t="s">
        <v>721</v>
      </c>
      <c r="DA2274" s="6" t="s">
        <v>111</v>
      </c>
      <c r="DB2274" s="6"/>
      <c r="DC2274" s="6">
        <v>14700</v>
      </c>
      <c r="DD2274" s="6">
        <v>520</v>
      </c>
      <c r="DE2274" s="6" t="s">
        <v>716</v>
      </c>
      <c r="DF2274" s="6" t="s">
        <v>363</v>
      </c>
      <c r="DG2274" s="6" t="s">
        <v>364</v>
      </c>
      <c r="DH2274" s="6" t="s">
        <v>365</v>
      </c>
      <c r="DI2274" s="6" t="s">
        <v>461</v>
      </c>
      <c r="DJ2274" s="6">
        <v>29</v>
      </c>
      <c r="DK2274" s="6">
        <v>213</v>
      </c>
      <c r="DL2274" s="6">
        <v>5</v>
      </c>
      <c r="DM2274" s="6" t="s">
        <v>392</v>
      </c>
      <c r="DN2274" s="6">
        <v>4</v>
      </c>
      <c r="DO2274" s="6" t="s">
        <v>557</v>
      </c>
      <c r="DP2274" s="6"/>
      <c r="DQ2274" s="6"/>
    </row>
    <row r="2275" spans="1:121" x14ac:dyDescent="0.2">
      <c r="A2275" s="6" t="s">
        <v>314</v>
      </c>
      <c r="B2275" s="6" t="s">
        <v>314</v>
      </c>
      <c r="C2275" s="6" t="s">
        <v>183</v>
      </c>
      <c r="D2275" s="6" t="s">
        <v>111</v>
      </c>
      <c r="E2275" s="6" t="s">
        <v>252</v>
      </c>
      <c r="F2275" s="11">
        <v>-86</v>
      </c>
      <c r="G2275" s="13">
        <v>-0.21234567901199999</v>
      </c>
      <c r="H2275" s="11">
        <v>15.731866474000014</v>
      </c>
      <c r="I2275" s="13">
        <v>3.885815513543104E-2</v>
      </c>
      <c r="J2275" s="11">
        <v>-24.324931427000024</v>
      </c>
      <c r="K2275" s="13">
        <v>-5.7835873271180768E-2</v>
      </c>
      <c r="L2275" s="11">
        <v>-77.676711583999975</v>
      </c>
      <c r="M2275" s="13">
        <v>-0.19602431282722704</v>
      </c>
      <c r="N2275" s="11">
        <v>-102.001643011</v>
      </c>
      <c r="O2275" s="13">
        <v>-0.24252294878366204</v>
      </c>
      <c r="P2275" s="7">
        <v>404.853663772</v>
      </c>
      <c r="Q2275" s="7">
        <v>418.07445966199998</v>
      </c>
      <c r="R2275" s="7">
        <v>448.44868477</v>
      </c>
      <c r="S2275" s="7">
        <v>431.606974498</v>
      </c>
      <c r="T2275" s="7">
        <v>418.71734247000001</v>
      </c>
      <c r="U2275" s="7">
        <v>496.04234126799997</v>
      </c>
      <c r="V2275" s="7">
        <v>420.58553024600002</v>
      </c>
      <c r="W2275" s="7">
        <v>418.73160387299998</v>
      </c>
      <c r="X2275" s="7">
        <v>405.83990203899998</v>
      </c>
      <c r="Y2275" s="7">
        <v>396.26059881899999</v>
      </c>
      <c r="Z2275" s="7">
        <v>395.864016806</v>
      </c>
      <c r="AA2275" s="7">
        <v>375.86548524300002</v>
      </c>
      <c r="AB2275" s="7">
        <v>349.62347054000003</v>
      </c>
      <c r="AC2275" s="7">
        <v>334.90601760300001</v>
      </c>
      <c r="AD2275" s="7">
        <v>315.99770773099999</v>
      </c>
      <c r="AE2275" s="7">
        <v>327.81145952999998</v>
      </c>
      <c r="AF2275" s="7">
        <v>318.58388723500002</v>
      </c>
      <c r="AG2275" s="9">
        <v>20620.2740257</v>
      </c>
      <c r="AH2275" s="13">
        <v>0.77301932417261632</v>
      </c>
      <c r="AI2275" s="9">
        <v>14395.354887999998</v>
      </c>
      <c r="AJ2275" s="13">
        <v>0.53965759586305817</v>
      </c>
      <c r="AK2275" s="9">
        <v>1569.3352916000003</v>
      </c>
      <c r="AL2275" s="13">
        <v>3.8210921450460955E-2</v>
      </c>
      <c r="AM2275" s="9">
        <v>4655.5838461000021</v>
      </c>
      <c r="AN2275" s="13">
        <v>0.10918433387941016</v>
      </c>
      <c r="AO2275" s="9">
        <v>6224.9191377000025</v>
      </c>
      <c r="AP2275" s="13">
        <v>0.15156728933535815</v>
      </c>
      <c r="AQ2275" s="9">
        <v>26674.978724199998</v>
      </c>
      <c r="AR2275" s="9">
        <v>27567.219534299998</v>
      </c>
      <c r="AS2275" s="9">
        <v>31408.9052758</v>
      </c>
      <c r="AT2275" s="9">
        <v>33230.549682199999</v>
      </c>
      <c r="AU2275" s="9">
        <v>36728.222834300002</v>
      </c>
      <c r="AV2275" s="9">
        <v>40916.114904599999</v>
      </c>
      <c r="AW2275" s="9">
        <v>41070.333612199996</v>
      </c>
      <c r="AX2275" s="9">
        <v>40440.324617699996</v>
      </c>
      <c r="AY2275" s="9">
        <v>43555.296868899997</v>
      </c>
      <c r="AZ2275" s="9">
        <v>42639.668903799997</v>
      </c>
      <c r="BA2275" s="9">
        <v>43677.379572899998</v>
      </c>
      <c r="BB2275" s="9">
        <v>60704.454685500001</v>
      </c>
      <c r="BC2275" s="9">
        <v>45982.526358900002</v>
      </c>
      <c r="BD2275" s="9">
        <v>48027.556259099998</v>
      </c>
      <c r="BE2275" s="9">
        <v>46958.448457799997</v>
      </c>
      <c r="BF2275" s="9">
        <v>47295.252749899999</v>
      </c>
      <c r="BG2275" s="11">
        <v>-7</v>
      </c>
      <c r="BH2275" s="13">
        <v>-0.23333333333333334</v>
      </c>
      <c r="BI2275" s="6">
        <v>-3</v>
      </c>
      <c r="BJ2275" s="13">
        <v>-0.1</v>
      </c>
      <c r="BK2275" s="6">
        <v>-2</v>
      </c>
      <c r="BL2275" s="13">
        <v>-7.407407407407407E-2</v>
      </c>
      <c r="BM2275" s="11">
        <v>-2</v>
      </c>
      <c r="BN2275" s="13">
        <v>-0.08</v>
      </c>
      <c r="BO2275" s="11">
        <v>-4</v>
      </c>
      <c r="BP2275" s="13">
        <v>-0.14814814814814814</v>
      </c>
      <c r="BQ2275" s="6">
        <v>30</v>
      </c>
      <c r="BR2275" s="6">
        <v>29</v>
      </c>
      <c r="BS2275" s="6">
        <v>29</v>
      </c>
      <c r="BT2275" s="6">
        <v>27</v>
      </c>
      <c r="BU2275" s="6">
        <v>26</v>
      </c>
      <c r="BV2275" s="6">
        <v>27</v>
      </c>
      <c r="BW2275" s="6">
        <v>25</v>
      </c>
      <c r="BX2275" s="6">
        <v>21</v>
      </c>
      <c r="BY2275" s="6">
        <v>25</v>
      </c>
      <c r="BZ2275" s="6">
        <v>27</v>
      </c>
      <c r="CA2275" s="6">
        <v>24</v>
      </c>
      <c r="CB2275" s="6">
        <v>22</v>
      </c>
      <c r="CC2275" s="11">
        <v>23</v>
      </c>
      <c r="CD2275" s="11">
        <v>-6.5223399999999998</v>
      </c>
      <c r="CE2275" s="11">
        <v>-124.003</v>
      </c>
      <c r="CF2275" s="11">
        <v>44.255400000000002</v>
      </c>
      <c r="CG2275" s="11">
        <v>-80</v>
      </c>
      <c r="CH2275" s="20">
        <v>0.61152700000000004</v>
      </c>
      <c r="CI2275" s="20">
        <v>0.65903</v>
      </c>
      <c r="CJ2275" s="20">
        <v>0.73106700000000002</v>
      </c>
      <c r="CK2275" s="20">
        <v>0.71799500000000005</v>
      </c>
      <c r="CL2275" s="20">
        <v>0.70217300000000005</v>
      </c>
      <c r="CM2275" s="20">
        <v>0.79767699999999997</v>
      </c>
      <c r="CN2275" s="20">
        <v>0.652501</v>
      </c>
      <c r="CO2275" s="20">
        <v>0.65888100000000005</v>
      </c>
      <c r="CP2275" s="20">
        <v>0.69579599999999997</v>
      </c>
      <c r="CQ2275" s="20">
        <v>0.66115800000000002</v>
      </c>
      <c r="CR2275" s="20">
        <v>0.67403400000000002</v>
      </c>
      <c r="CS2275" s="20">
        <v>0.65883199999999997</v>
      </c>
      <c r="CT2275" s="20">
        <v>0.60260999999999998</v>
      </c>
      <c r="CU2275" s="20">
        <v>0.58243299999999998</v>
      </c>
      <c r="CV2275" s="20">
        <v>0.54599600000000004</v>
      </c>
      <c r="CW2275" s="20">
        <v>0.55767100000000003</v>
      </c>
      <c r="CX2275" s="20">
        <v>0.53775499999999998</v>
      </c>
      <c r="CY2275" s="6" t="s">
        <v>720</v>
      </c>
      <c r="CZ2275" s="6" t="s">
        <v>721</v>
      </c>
      <c r="DA2275" s="6" t="s">
        <v>111</v>
      </c>
      <c r="DB2275" s="6"/>
      <c r="DC2275" s="6">
        <v>14700</v>
      </c>
      <c r="DD2275" s="6">
        <v>520</v>
      </c>
      <c r="DE2275" s="6" t="s">
        <v>716</v>
      </c>
      <c r="DF2275" s="6" t="s">
        <v>363</v>
      </c>
      <c r="DG2275" s="6" t="s">
        <v>364</v>
      </c>
      <c r="DH2275" s="6" t="s">
        <v>365</v>
      </c>
      <c r="DI2275" s="6" t="s">
        <v>461</v>
      </c>
      <c r="DJ2275" s="6">
        <v>29</v>
      </c>
      <c r="DK2275" s="6">
        <v>213</v>
      </c>
      <c r="DL2275" s="6">
        <v>5</v>
      </c>
      <c r="DM2275" s="6" t="s">
        <v>392</v>
      </c>
      <c r="DN2275" s="6">
        <v>4</v>
      </c>
      <c r="DO2275" s="6" t="s">
        <v>557</v>
      </c>
      <c r="DP2275" s="6"/>
      <c r="DQ2275" s="6"/>
    </row>
    <row r="2276" spans="1:121" x14ac:dyDescent="0.2">
      <c r="A2276" s="6" t="s">
        <v>315</v>
      </c>
      <c r="B2276" s="6" t="s">
        <v>315</v>
      </c>
      <c r="C2276" s="6" t="s">
        <v>184</v>
      </c>
      <c r="D2276" s="6" t="s">
        <v>111</v>
      </c>
      <c r="E2276" s="6" t="s">
        <v>252</v>
      </c>
      <c r="F2276" s="11">
        <v>52</v>
      </c>
      <c r="G2276" s="13">
        <v>0.12</v>
      </c>
      <c r="H2276" s="11">
        <v>72</v>
      </c>
      <c r="I2276" s="13">
        <v>0.16363636363636364</v>
      </c>
      <c r="J2276" s="11">
        <v>8</v>
      </c>
      <c r="K2276" s="13">
        <v>1.5625E-2</v>
      </c>
      <c r="L2276" s="11">
        <v>-28</v>
      </c>
      <c r="M2276" s="13">
        <v>-5.3846153846153849E-2</v>
      </c>
      <c r="N2276" s="11">
        <v>-20</v>
      </c>
      <c r="O2276" s="13">
        <v>-3.90625E-2</v>
      </c>
      <c r="P2276" s="7">
        <v>440</v>
      </c>
      <c r="Q2276" s="7">
        <v>441</v>
      </c>
      <c r="R2276" s="7">
        <v>441</v>
      </c>
      <c r="S2276" s="7">
        <v>466</v>
      </c>
      <c r="T2276" s="7">
        <v>481</v>
      </c>
      <c r="U2276" s="7">
        <v>468</v>
      </c>
      <c r="V2276" s="7">
        <v>512</v>
      </c>
      <c r="W2276" s="7">
        <v>525</v>
      </c>
      <c r="X2276" s="7">
        <v>517</v>
      </c>
      <c r="Y2276" s="7">
        <v>520</v>
      </c>
      <c r="Z2276" s="7">
        <v>520</v>
      </c>
      <c r="AA2276" s="7">
        <v>510</v>
      </c>
      <c r="AB2276" s="7">
        <v>504</v>
      </c>
      <c r="AC2276" s="7">
        <v>501</v>
      </c>
      <c r="AD2276" s="7">
        <v>510</v>
      </c>
      <c r="AE2276" s="7">
        <v>487</v>
      </c>
      <c r="AF2276" s="7">
        <v>492</v>
      </c>
      <c r="AG2276" s="9">
        <v>18803</v>
      </c>
      <c r="AH2276" s="13">
        <v>0.54160785782181642</v>
      </c>
      <c r="AI2276" s="9">
        <v>9649</v>
      </c>
      <c r="AJ2276" s="13">
        <v>0.27793300112336894</v>
      </c>
      <c r="AK2276" s="9">
        <v>2839</v>
      </c>
      <c r="AL2276" s="13">
        <v>6.3990443132128205E-2</v>
      </c>
      <c r="AM2276" s="9">
        <v>6315</v>
      </c>
      <c r="AN2276" s="13">
        <v>0.13377820146170957</v>
      </c>
      <c r="AO2276" s="9">
        <v>9154</v>
      </c>
      <c r="AP2276" s="13">
        <v>0.20632917098679168</v>
      </c>
      <c r="AQ2276" s="9">
        <v>34717</v>
      </c>
      <c r="AR2276" s="9">
        <v>36328</v>
      </c>
      <c r="AS2276" s="9">
        <v>39895</v>
      </c>
      <c r="AT2276" s="9">
        <v>41257</v>
      </c>
      <c r="AU2276" s="9">
        <v>41531</v>
      </c>
      <c r="AV2276" s="9">
        <v>42618</v>
      </c>
      <c r="AW2276" s="9">
        <v>44366</v>
      </c>
      <c r="AX2276" s="9">
        <v>45678</v>
      </c>
      <c r="AY2276" s="9">
        <v>46205</v>
      </c>
      <c r="AZ2276" s="9">
        <v>47205</v>
      </c>
      <c r="BA2276" s="9">
        <v>46917</v>
      </c>
      <c r="BB2276" s="9">
        <v>47363</v>
      </c>
      <c r="BC2276" s="9">
        <v>48739</v>
      </c>
      <c r="BD2276" s="9">
        <v>50280</v>
      </c>
      <c r="BE2276" s="9">
        <v>52563</v>
      </c>
      <c r="BF2276" s="9">
        <v>53520</v>
      </c>
      <c r="BG2276" s="11">
        <v>11</v>
      </c>
      <c r="BH2276" s="13">
        <v>0.18032786885245902</v>
      </c>
      <c r="BI2276" s="6">
        <v>5</v>
      </c>
      <c r="BJ2276" s="13">
        <v>8.1967213114754092E-2</v>
      </c>
      <c r="BK2276" s="6">
        <v>3</v>
      </c>
      <c r="BL2276" s="13">
        <v>4.5454545454545456E-2</v>
      </c>
      <c r="BM2276" s="11">
        <v>3</v>
      </c>
      <c r="BN2276" s="13">
        <v>4.3478260869565216E-2</v>
      </c>
      <c r="BO2276" s="11">
        <v>6</v>
      </c>
      <c r="BP2276" s="13">
        <v>9.0909090909090912E-2</v>
      </c>
      <c r="BQ2276" s="6">
        <v>61</v>
      </c>
      <c r="BR2276" s="6">
        <v>65</v>
      </c>
      <c r="BS2276" s="6">
        <v>63</v>
      </c>
      <c r="BT2276" s="6">
        <v>66</v>
      </c>
      <c r="BU2276" s="6">
        <v>65</v>
      </c>
      <c r="BV2276" s="6">
        <v>66</v>
      </c>
      <c r="BW2276" s="6">
        <v>69</v>
      </c>
      <c r="BX2276" s="6">
        <v>71</v>
      </c>
      <c r="BY2276" s="6">
        <v>68</v>
      </c>
      <c r="BZ2276" s="6">
        <v>71</v>
      </c>
      <c r="CA2276" s="6">
        <v>73</v>
      </c>
      <c r="CB2276" s="6">
        <v>74</v>
      </c>
      <c r="CC2276" s="11">
        <v>72</v>
      </c>
      <c r="CD2276" s="11">
        <v>39</v>
      </c>
      <c r="CE2276" s="11">
        <v>-35</v>
      </c>
      <c r="CF2276" s="11">
        <v>48</v>
      </c>
      <c r="CG2276" s="11">
        <v>13</v>
      </c>
      <c r="CH2276" s="20">
        <v>0.41</v>
      </c>
      <c r="CI2276" s="20">
        <v>0.4</v>
      </c>
      <c r="CJ2276" s="20">
        <v>0.39</v>
      </c>
      <c r="CK2276" s="20">
        <v>0.41</v>
      </c>
      <c r="CL2276" s="20">
        <v>0.41</v>
      </c>
      <c r="CM2276" s="20">
        <v>0.38</v>
      </c>
      <c r="CN2276" s="20">
        <v>0.4</v>
      </c>
      <c r="CO2276" s="20">
        <v>0.42</v>
      </c>
      <c r="CP2276" s="20">
        <v>0.44</v>
      </c>
      <c r="CQ2276" s="20">
        <v>0.42</v>
      </c>
      <c r="CR2276" s="20">
        <v>0.43</v>
      </c>
      <c r="CS2276" s="20">
        <v>0.43</v>
      </c>
      <c r="CT2276" s="20">
        <v>0.42</v>
      </c>
      <c r="CU2276" s="20">
        <v>0.42</v>
      </c>
      <c r="CV2276" s="20">
        <v>0.42</v>
      </c>
      <c r="CW2276" s="20">
        <v>0.4</v>
      </c>
      <c r="CX2276" s="20">
        <v>0.4</v>
      </c>
      <c r="CY2276" s="6" t="s">
        <v>720</v>
      </c>
      <c r="CZ2276" s="6" t="s">
        <v>721</v>
      </c>
      <c r="DA2276" s="6" t="s">
        <v>111</v>
      </c>
      <c r="DB2276" s="6"/>
      <c r="DC2276" s="6">
        <v>14700</v>
      </c>
      <c r="DD2276" s="6">
        <v>520</v>
      </c>
      <c r="DE2276" s="6" t="s">
        <v>716</v>
      </c>
      <c r="DF2276" s="6" t="s">
        <v>363</v>
      </c>
      <c r="DG2276" s="6" t="s">
        <v>364</v>
      </c>
      <c r="DH2276" s="6" t="s">
        <v>365</v>
      </c>
      <c r="DI2276" s="6" t="s">
        <v>461</v>
      </c>
      <c r="DJ2276" s="6">
        <v>29</v>
      </c>
      <c r="DK2276" s="6">
        <v>213</v>
      </c>
      <c r="DL2276" s="6">
        <v>5</v>
      </c>
      <c r="DM2276" s="6" t="s">
        <v>392</v>
      </c>
      <c r="DN2276" s="6">
        <v>4</v>
      </c>
      <c r="DO2276" s="6" t="s">
        <v>557</v>
      </c>
      <c r="DP2276" s="6"/>
      <c r="DQ2276" s="6"/>
    </row>
    <row r="2277" spans="1:121" x14ac:dyDescent="0.2">
      <c r="A2277" s="6" t="s">
        <v>316</v>
      </c>
      <c r="B2277" s="6" t="s">
        <v>316</v>
      </c>
      <c r="C2277" s="6" t="s">
        <v>185</v>
      </c>
      <c r="D2277" s="6" t="s">
        <v>111</v>
      </c>
      <c r="E2277" s="6" t="s">
        <v>252</v>
      </c>
      <c r="F2277" s="11">
        <v>-380</v>
      </c>
      <c r="G2277" s="13">
        <v>-0.31</v>
      </c>
      <c r="H2277" s="11">
        <v>65</v>
      </c>
      <c r="I2277" s="13">
        <v>5.2419354838709679E-2</v>
      </c>
      <c r="J2277" s="11">
        <v>-305</v>
      </c>
      <c r="K2277" s="13">
        <v>-0.23371647509578544</v>
      </c>
      <c r="L2277" s="11">
        <v>-140</v>
      </c>
      <c r="M2277" s="13">
        <v>-0.14000000000000001</v>
      </c>
      <c r="N2277" s="11">
        <v>-445</v>
      </c>
      <c r="O2277" s="13">
        <v>-0.34099616858237547</v>
      </c>
      <c r="P2277" s="7">
        <v>1240</v>
      </c>
      <c r="Q2277" s="7">
        <v>1337</v>
      </c>
      <c r="R2277" s="7">
        <v>1266</v>
      </c>
      <c r="S2277" s="7">
        <v>884</v>
      </c>
      <c r="T2277" s="7">
        <v>941</v>
      </c>
      <c r="U2277" s="7">
        <v>1059</v>
      </c>
      <c r="V2277" s="7">
        <v>1305</v>
      </c>
      <c r="W2277" s="7">
        <v>1311</v>
      </c>
      <c r="X2277" s="7">
        <v>1209</v>
      </c>
      <c r="Y2277" s="7">
        <v>1000</v>
      </c>
      <c r="Z2277" s="7">
        <v>943</v>
      </c>
      <c r="AA2277" s="7">
        <v>947</v>
      </c>
      <c r="AB2277" s="7">
        <v>889</v>
      </c>
      <c r="AC2277" s="7">
        <v>864</v>
      </c>
      <c r="AD2277" s="7">
        <v>888</v>
      </c>
      <c r="AE2277" s="7">
        <v>867</v>
      </c>
      <c r="AF2277" s="7">
        <v>860</v>
      </c>
      <c r="AG2277" s="9">
        <v>2049</v>
      </c>
      <c r="AH2277" s="13">
        <v>5.8197000681663259E-2</v>
      </c>
      <c r="AI2277" s="9">
        <v>-3179</v>
      </c>
      <c r="AJ2277" s="13">
        <v>-9.0291979095660058E-2</v>
      </c>
      <c r="AK2277" s="9">
        <v>670</v>
      </c>
      <c r="AL2277" s="13">
        <v>2.0918542570795215E-2</v>
      </c>
      <c r="AM2277" s="9">
        <v>4558</v>
      </c>
      <c r="AN2277" s="13">
        <v>0.13939264197681886</v>
      </c>
      <c r="AO2277" s="9">
        <v>5228</v>
      </c>
      <c r="AP2277" s="13">
        <v>0.16322707546286178</v>
      </c>
      <c r="AQ2277" s="9">
        <v>35208</v>
      </c>
      <c r="AR2277" s="9">
        <v>34734</v>
      </c>
      <c r="AS2277" s="9">
        <v>35250</v>
      </c>
      <c r="AT2277" s="9">
        <v>28284</v>
      </c>
      <c r="AU2277" s="9">
        <v>31665</v>
      </c>
      <c r="AV2277" s="9">
        <v>33992</v>
      </c>
      <c r="AW2277" s="9">
        <v>32029</v>
      </c>
      <c r="AX2277" s="9">
        <v>32817</v>
      </c>
      <c r="AY2277" s="9">
        <v>36650</v>
      </c>
      <c r="AZ2277" s="9">
        <v>32699</v>
      </c>
      <c r="BA2277" s="9">
        <v>31375</v>
      </c>
      <c r="BB2277" s="9">
        <v>35012</v>
      </c>
      <c r="BC2277" s="9">
        <v>34981</v>
      </c>
      <c r="BD2277" s="9">
        <v>36995</v>
      </c>
      <c r="BE2277" s="9">
        <v>38493</v>
      </c>
      <c r="BF2277" s="9">
        <v>37257</v>
      </c>
      <c r="BG2277" s="11">
        <v>-13</v>
      </c>
      <c r="BH2277" s="13">
        <v>-0.13978494623655913</v>
      </c>
      <c r="BI2277" s="6">
        <v>12</v>
      </c>
      <c r="BJ2277" s="13">
        <v>0.12903225806451613</v>
      </c>
      <c r="BK2277" s="6">
        <v>-10</v>
      </c>
      <c r="BL2277" s="13">
        <v>-9.5238095238095233E-2</v>
      </c>
      <c r="BM2277" s="11">
        <v>-15</v>
      </c>
      <c r="BN2277" s="13">
        <v>-0.15789473684210525</v>
      </c>
      <c r="BO2277" s="11">
        <v>-25</v>
      </c>
      <c r="BP2277" s="13">
        <v>-0.23809523809523808</v>
      </c>
      <c r="BQ2277" s="6">
        <v>93</v>
      </c>
      <c r="BR2277" s="6">
        <v>98</v>
      </c>
      <c r="BS2277" s="6">
        <v>102</v>
      </c>
      <c r="BT2277" s="6">
        <v>105</v>
      </c>
      <c r="BU2277" s="6">
        <v>99</v>
      </c>
      <c r="BV2277" s="6">
        <v>94</v>
      </c>
      <c r="BW2277" s="6">
        <v>95</v>
      </c>
      <c r="BX2277" s="6">
        <v>85</v>
      </c>
      <c r="BY2277" s="6">
        <v>87</v>
      </c>
      <c r="BZ2277" s="6">
        <v>89</v>
      </c>
      <c r="CA2277" s="6">
        <v>82</v>
      </c>
      <c r="CB2277" s="6">
        <v>79</v>
      </c>
      <c r="CC2277" s="11">
        <v>80</v>
      </c>
      <c r="CD2277" s="11">
        <v>-452</v>
      </c>
      <c r="CE2277" s="11">
        <v>-63</v>
      </c>
      <c r="CF2277" s="11">
        <v>136</v>
      </c>
      <c r="CG2277" s="11">
        <v>73</v>
      </c>
      <c r="CH2277" s="20">
        <v>2.79</v>
      </c>
      <c r="CI2277" s="20">
        <v>2.95</v>
      </c>
      <c r="CJ2277" s="20">
        <v>2.69</v>
      </c>
      <c r="CK2277" s="20">
        <v>1.82</v>
      </c>
      <c r="CL2277" s="20">
        <v>1.86</v>
      </c>
      <c r="CM2277" s="20">
        <v>1.97</v>
      </c>
      <c r="CN2277" s="20">
        <v>2.35</v>
      </c>
      <c r="CO2277" s="20">
        <v>2.42</v>
      </c>
      <c r="CP2277" s="20">
        <v>2.44</v>
      </c>
      <c r="CQ2277" s="20">
        <v>1.97</v>
      </c>
      <c r="CR2277" s="20">
        <v>1.89</v>
      </c>
      <c r="CS2277" s="20">
        <v>1.94</v>
      </c>
      <c r="CT2277" s="20">
        <v>1.78</v>
      </c>
      <c r="CU2277" s="20">
        <v>1.72</v>
      </c>
      <c r="CV2277" s="20">
        <v>1.73</v>
      </c>
      <c r="CW2277" s="20">
        <v>1.67</v>
      </c>
      <c r="CX2277" s="20">
        <v>1.64</v>
      </c>
      <c r="CY2277" s="6" t="s">
        <v>720</v>
      </c>
      <c r="CZ2277" s="6" t="s">
        <v>721</v>
      </c>
      <c r="DA2277" s="6" t="s">
        <v>111</v>
      </c>
      <c r="DB2277" s="6"/>
      <c r="DC2277" s="6">
        <v>14700</v>
      </c>
      <c r="DD2277" s="6">
        <v>520</v>
      </c>
      <c r="DE2277" s="6" t="s">
        <v>716</v>
      </c>
      <c r="DF2277" s="6" t="s">
        <v>363</v>
      </c>
      <c r="DG2277" s="6" t="s">
        <v>364</v>
      </c>
      <c r="DH2277" s="6" t="s">
        <v>365</v>
      </c>
      <c r="DI2277" s="6" t="s">
        <v>461</v>
      </c>
      <c r="DJ2277" s="6">
        <v>29</v>
      </c>
      <c r="DK2277" s="6">
        <v>213</v>
      </c>
      <c r="DL2277" s="6">
        <v>5</v>
      </c>
      <c r="DM2277" s="6" t="s">
        <v>392</v>
      </c>
      <c r="DN2277" s="6">
        <v>4</v>
      </c>
      <c r="DO2277" s="6" t="s">
        <v>557</v>
      </c>
      <c r="DP2277" s="6"/>
      <c r="DQ2277" s="6"/>
    </row>
    <row r="2278" spans="1:121" x14ac:dyDescent="0.2">
      <c r="A2278" s="6" t="s">
        <v>317</v>
      </c>
      <c r="B2278" s="6" t="s">
        <v>317</v>
      </c>
      <c r="C2278" s="6" t="s">
        <v>186</v>
      </c>
      <c r="D2278" s="6" t="s">
        <v>111</v>
      </c>
      <c r="E2278" s="6" t="s">
        <v>252</v>
      </c>
      <c r="F2278" s="11">
        <v>200</v>
      </c>
      <c r="G2278" s="13">
        <v>0.41</v>
      </c>
      <c r="H2278" s="11">
        <v>356</v>
      </c>
      <c r="I2278" s="13">
        <v>0.731006160164271</v>
      </c>
      <c r="J2278" s="11">
        <v>-250</v>
      </c>
      <c r="K2278" s="13">
        <v>-0.29655990510083036</v>
      </c>
      <c r="L2278" s="11">
        <v>94</v>
      </c>
      <c r="M2278" s="13">
        <v>0.15851602023608768</v>
      </c>
      <c r="N2278" s="11">
        <v>-156</v>
      </c>
      <c r="O2278" s="13">
        <v>-0.18505338078291816</v>
      </c>
      <c r="P2278" s="7">
        <v>487</v>
      </c>
      <c r="Q2278" s="7">
        <v>492</v>
      </c>
      <c r="R2278" s="7">
        <v>534</v>
      </c>
      <c r="S2278" s="7">
        <v>621</v>
      </c>
      <c r="T2278" s="7">
        <v>695</v>
      </c>
      <c r="U2278" s="7">
        <v>791</v>
      </c>
      <c r="V2278" s="7">
        <v>843</v>
      </c>
      <c r="W2278" s="7">
        <v>771</v>
      </c>
      <c r="X2278" s="7">
        <v>659</v>
      </c>
      <c r="Y2278" s="7">
        <v>593</v>
      </c>
      <c r="Z2278" s="7">
        <v>561</v>
      </c>
      <c r="AA2278" s="7">
        <v>578</v>
      </c>
      <c r="AB2278" s="7">
        <v>634</v>
      </c>
      <c r="AC2278" s="7">
        <v>625</v>
      </c>
      <c r="AD2278" s="7">
        <v>649</v>
      </c>
      <c r="AE2278" s="7">
        <v>675</v>
      </c>
      <c r="AF2278" s="7">
        <v>687</v>
      </c>
      <c r="AG2278" s="9">
        <v>16882</v>
      </c>
      <c r="AH2278" s="13">
        <v>0.55534721536892662</v>
      </c>
      <c r="AI2278" s="9">
        <v>2404</v>
      </c>
      <c r="AJ2278" s="13">
        <v>7.9081548735155757E-2</v>
      </c>
      <c r="AK2278" s="9">
        <v>263</v>
      </c>
      <c r="AL2278" s="13">
        <v>8.0175593695698561E-3</v>
      </c>
      <c r="AM2278" s="9">
        <v>14215</v>
      </c>
      <c r="AN2278" s="13">
        <v>0.42989778019718133</v>
      </c>
      <c r="AO2278" s="9">
        <v>14478</v>
      </c>
      <c r="AP2278" s="13">
        <v>0.44136207054232846</v>
      </c>
      <c r="AQ2278" s="9">
        <v>30399</v>
      </c>
      <c r="AR2278" s="9">
        <v>29353</v>
      </c>
      <c r="AS2278" s="9">
        <v>28637</v>
      </c>
      <c r="AT2278" s="9">
        <v>29364</v>
      </c>
      <c r="AU2278" s="9">
        <v>29803</v>
      </c>
      <c r="AV2278" s="9">
        <v>31899</v>
      </c>
      <c r="AW2278" s="9">
        <v>32803</v>
      </c>
      <c r="AX2278" s="9">
        <v>32101</v>
      </c>
      <c r="AY2278" s="9">
        <v>31855</v>
      </c>
      <c r="AZ2278" s="9">
        <v>33066</v>
      </c>
      <c r="BA2278" s="9">
        <v>39645</v>
      </c>
      <c r="BB2278" s="9">
        <v>42531</v>
      </c>
      <c r="BC2278" s="9">
        <v>41817</v>
      </c>
      <c r="BD2278" s="9">
        <v>43709</v>
      </c>
      <c r="BE2278" s="9">
        <v>46030</v>
      </c>
      <c r="BF2278" s="9">
        <v>47281</v>
      </c>
      <c r="BG2278" s="11">
        <v>23</v>
      </c>
      <c r="BH2278" s="13">
        <v>0.23711340206185566</v>
      </c>
      <c r="BI2278" s="6">
        <v>19</v>
      </c>
      <c r="BJ2278" s="13">
        <v>0.19587628865979381</v>
      </c>
      <c r="BK2278" s="6">
        <v>-4</v>
      </c>
      <c r="BL2278" s="13">
        <v>-3.4482758620689655E-2</v>
      </c>
      <c r="BM2278" s="11">
        <v>8</v>
      </c>
      <c r="BN2278" s="13">
        <v>7.1428571428571425E-2</v>
      </c>
      <c r="BO2278" s="11">
        <v>4</v>
      </c>
      <c r="BP2278" s="13">
        <v>3.4482758620689655E-2</v>
      </c>
      <c r="BQ2278" s="6">
        <v>97</v>
      </c>
      <c r="BR2278" s="6">
        <v>104</v>
      </c>
      <c r="BS2278" s="6">
        <v>110</v>
      </c>
      <c r="BT2278" s="6">
        <v>116</v>
      </c>
      <c r="BU2278" s="6">
        <v>109</v>
      </c>
      <c r="BV2278" s="6">
        <v>111</v>
      </c>
      <c r="BW2278" s="6">
        <v>112</v>
      </c>
      <c r="BX2278" s="6">
        <v>109</v>
      </c>
      <c r="BY2278" s="6">
        <v>110</v>
      </c>
      <c r="BZ2278" s="6">
        <v>109</v>
      </c>
      <c r="CA2278" s="6">
        <v>106</v>
      </c>
      <c r="CB2278" s="6">
        <v>115</v>
      </c>
      <c r="CC2278" s="11">
        <v>120</v>
      </c>
      <c r="CD2278" s="11">
        <v>50</v>
      </c>
      <c r="CE2278" s="11">
        <v>97</v>
      </c>
      <c r="CF2278" s="11">
        <v>53</v>
      </c>
      <c r="CG2278" s="11">
        <v>150</v>
      </c>
      <c r="CH2278" s="20">
        <v>0.34</v>
      </c>
      <c r="CI2278" s="20">
        <v>0.35</v>
      </c>
      <c r="CJ2278" s="20">
        <v>0.37</v>
      </c>
      <c r="CK2278" s="20">
        <v>0.42</v>
      </c>
      <c r="CL2278" s="20">
        <v>0.45</v>
      </c>
      <c r="CM2278" s="20">
        <v>0.47</v>
      </c>
      <c r="CN2278" s="20">
        <v>0.47</v>
      </c>
      <c r="CO2278" s="20">
        <v>0.42</v>
      </c>
      <c r="CP2278" s="20">
        <v>0.38</v>
      </c>
      <c r="CQ2278" s="20">
        <v>0.32</v>
      </c>
      <c r="CR2278" s="20">
        <v>0.3</v>
      </c>
      <c r="CS2278" s="20">
        <v>0.31</v>
      </c>
      <c r="CT2278" s="20">
        <v>0.33</v>
      </c>
      <c r="CU2278" s="20">
        <v>0.33</v>
      </c>
      <c r="CV2278" s="20">
        <v>0.33</v>
      </c>
      <c r="CW2278" s="20">
        <v>0.34</v>
      </c>
      <c r="CX2278" s="20">
        <v>0.33</v>
      </c>
      <c r="CY2278" s="6" t="s">
        <v>720</v>
      </c>
      <c r="CZ2278" s="6" t="s">
        <v>721</v>
      </c>
      <c r="DA2278" s="6" t="s">
        <v>111</v>
      </c>
      <c r="DB2278" s="6"/>
      <c r="DC2278" s="6">
        <v>14700</v>
      </c>
      <c r="DD2278" s="6">
        <v>520</v>
      </c>
      <c r="DE2278" s="6" t="s">
        <v>716</v>
      </c>
      <c r="DF2278" s="6" t="s">
        <v>363</v>
      </c>
      <c r="DG2278" s="6" t="s">
        <v>364</v>
      </c>
      <c r="DH2278" s="6" t="s">
        <v>365</v>
      </c>
      <c r="DI2278" s="6" t="s">
        <v>461</v>
      </c>
      <c r="DJ2278" s="6">
        <v>29</v>
      </c>
      <c r="DK2278" s="6">
        <v>213</v>
      </c>
      <c r="DL2278" s="6">
        <v>5</v>
      </c>
      <c r="DM2278" s="6" t="s">
        <v>392</v>
      </c>
      <c r="DN2278" s="6">
        <v>4</v>
      </c>
      <c r="DO2278" s="6" t="s">
        <v>557</v>
      </c>
      <c r="DP2278" s="6"/>
      <c r="DQ2278" s="6"/>
    </row>
    <row r="2279" spans="1:121" x14ac:dyDescent="0.2">
      <c r="A2279" s="6" t="s">
        <v>318</v>
      </c>
      <c r="B2279" s="6" t="s">
        <v>318</v>
      </c>
      <c r="C2279" s="6" t="s">
        <v>187</v>
      </c>
      <c r="D2279" s="6" t="s">
        <v>111</v>
      </c>
      <c r="E2279" s="6" t="s">
        <v>252</v>
      </c>
      <c r="F2279" s="11">
        <v>-124</v>
      </c>
      <c r="G2279" s="13">
        <v>-0.57142857142900005</v>
      </c>
      <c r="H2279" s="11">
        <v>50.026555999999999</v>
      </c>
      <c r="I2279" s="13">
        <v>0.230594725286102</v>
      </c>
      <c r="J2279" s="11">
        <v>-84.015548999999993</v>
      </c>
      <c r="K2279" s="13">
        <v>-0.31469756581646913</v>
      </c>
      <c r="L2279" s="11">
        <v>-89.823253329400004</v>
      </c>
      <c r="M2279" s="13">
        <v>-0.4909533417041253</v>
      </c>
      <c r="N2279" s="11">
        <v>-173.83880232939998</v>
      </c>
      <c r="O2279" s="13">
        <v>-0.65114908595684495</v>
      </c>
      <c r="P2279" s="7">
        <v>216.945795</v>
      </c>
      <c r="Q2279" s="7">
        <v>231.053923</v>
      </c>
      <c r="R2279" s="7">
        <v>391.22764000000001</v>
      </c>
      <c r="S2279" s="7">
        <v>428.90616699999998</v>
      </c>
      <c r="T2279" s="7">
        <v>183.022243</v>
      </c>
      <c r="U2279" s="7">
        <v>191.15490299999999</v>
      </c>
      <c r="V2279" s="7">
        <v>266.972351</v>
      </c>
      <c r="W2279" s="7">
        <v>264.92168800000002</v>
      </c>
      <c r="X2279" s="7">
        <v>203.23953399999999</v>
      </c>
      <c r="Y2279" s="7">
        <v>182.95680200000001</v>
      </c>
      <c r="Z2279" s="7">
        <v>241.97432000000001</v>
      </c>
      <c r="AA2279" s="7">
        <v>251.98493099999999</v>
      </c>
      <c r="AB2279" s="7">
        <v>215.822036</v>
      </c>
      <c r="AC2279" s="7">
        <v>132.07012599999999</v>
      </c>
      <c r="AD2279" s="7">
        <v>122.822299</v>
      </c>
      <c r="AE2279" s="7">
        <v>110.05690025</v>
      </c>
      <c r="AF2279" s="7">
        <v>93.133548670600007</v>
      </c>
      <c r="AG2279" s="9">
        <v>50521.0283174</v>
      </c>
      <c r="AH2279" s="13">
        <v>1.3214899591504821</v>
      </c>
      <c r="AI2279" s="9">
        <v>325.53791400000046</v>
      </c>
      <c r="AJ2279" s="13">
        <v>8.5151688119069792E-3</v>
      </c>
      <c r="AK2279" s="9">
        <v>10153.847818299997</v>
      </c>
      <c r="AL2279" s="13">
        <v>0.2633539892209798</v>
      </c>
      <c r="AM2279" s="9">
        <v>40041.642585100002</v>
      </c>
      <c r="AN2279" s="13">
        <v>0.822045923382973</v>
      </c>
      <c r="AO2279" s="9">
        <v>50195.490403399999</v>
      </c>
      <c r="AP2279" s="13">
        <v>1.3018889858497027</v>
      </c>
      <c r="AQ2279" s="9">
        <v>38230.353524500002</v>
      </c>
      <c r="AR2279" s="9">
        <v>38193.8042823</v>
      </c>
      <c r="AS2279" s="9">
        <v>27977.5821741</v>
      </c>
      <c r="AT2279" s="9">
        <v>24032.327956500001</v>
      </c>
      <c r="AU2279" s="9">
        <v>32619.5480346</v>
      </c>
      <c r="AV2279" s="9">
        <v>40613.750661999999</v>
      </c>
      <c r="AW2279" s="9">
        <v>38555.891438500003</v>
      </c>
      <c r="AX2279" s="9">
        <v>36071.572567099996</v>
      </c>
      <c r="AY2279" s="9">
        <v>40011.428521100002</v>
      </c>
      <c r="AZ2279" s="9">
        <v>48709.7392568</v>
      </c>
      <c r="BA2279" s="9">
        <v>50055.576145899999</v>
      </c>
      <c r="BB2279" s="9">
        <v>48630.3562532</v>
      </c>
      <c r="BC2279" s="9">
        <v>54595.824683300001</v>
      </c>
      <c r="BD2279" s="9">
        <v>66843.699424199993</v>
      </c>
      <c r="BE2279" s="9">
        <v>78384.421811399996</v>
      </c>
      <c r="BF2279" s="9">
        <v>88751.381841900002</v>
      </c>
      <c r="BG2279" s="11">
        <v>1.25</v>
      </c>
      <c r="BH2279" s="13">
        <v>0.10416666666666667</v>
      </c>
      <c r="BI2279" s="6">
        <v>1</v>
      </c>
      <c r="BJ2279" s="13">
        <v>8.3333333333333329E-2</v>
      </c>
      <c r="BK2279" s="6">
        <v>-4</v>
      </c>
      <c r="BL2279" s="13">
        <v>-0.30769230769230771</v>
      </c>
      <c r="BM2279" s="11">
        <v>4.25</v>
      </c>
      <c r="BN2279" s="13">
        <v>0.47222222222222221</v>
      </c>
      <c r="BO2279" s="11">
        <v>0.25</v>
      </c>
      <c r="BP2279" s="13">
        <v>1.9230769230769232E-2</v>
      </c>
      <c r="BQ2279" s="6">
        <v>12</v>
      </c>
      <c r="BR2279" s="6">
        <v>8</v>
      </c>
      <c r="BS2279" s="6">
        <v>13</v>
      </c>
      <c r="BT2279" s="6">
        <v>13</v>
      </c>
      <c r="BU2279" s="6">
        <v>11</v>
      </c>
      <c r="BV2279" s="6">
        <v>9</v>
      </c>
      <c r="BW2279" s="6">
        <v>9</v>
      </c>
      <c r="BX2279" s="6">
        <v>9</v>
      </c>
      <c r="BY2279" s="6">
        <v>13</v>
      </c>
      <c r="BZ2279" s="6">
        <v>12</v>
      </c>
      <c r="CA2279" s="6">
        <v>16</v>
      </c>
      <c r="CB2279" s="6">
        <v>14</v>
      </c>
      <c r="CC2279" s="11">
        <v>13.25</v>
      </c>
      <c r="CD2279" s="11">
        <v>-193.977</v>
      </c>
      <c r="CE2279" s="11">
        <v>46.449800000000003</v>
      </c>
      <c r="CF2279" s="11">
        <v>23.7148</v>
      </c>
      <c r="CG2279" s="11">
        <v>70</v>
      </c>
      <c r="CH2279" s="20">
        <v>0.70604999999999996</v>
      </c>
      <c r="CI2279" s="20">
        <v>0.750135</v>
      </c>
      <c r="CJ2279" s="20">
        <v>1.2769299999999999</v>
      </c>
      <c r="CK2279" s="20">
        <v>1.3676999999999999</v>
      </c>
      <c r="CL2279" s="20">
        <v>0.56535199999999997</v>
      </c>
      <c r="CM2279" s="20">
        <v>0.55027499999999996</v>
      </c>
      <c r="CN2279" s="20">
        <v>0.71619900000000003</v>
      </c>
      <c r="CO2279" s="20">
        <v>0.68823999999999996</v>
      </c>
      <c r="CP2279" s="20">
        <v>0.55404699999999996</v>
      </c>
      <c r="CQ2279" s="20">
        <v>0.46739999999999998</v>
      </c>
      <c r="CR2279" s="20">
        <v>0.60491799999999996</v>
      </c>
      <c r="CS2279" s="20">
        <v>0.62110600000000005</v>
      </c>
      <c r="CT2279" s="20">
        <v>0.50638799999999995</v>
      </c>
      <c r="CU2279" s="20">
        <v>0.30707899999999999</v>
      </c>
      <c r="CV2279" s="20">
        <v>0.28060400000000002</v>
      </c>
      <c r="CW2279" s="20">
        <v>0.248169</v>
      </c>
      <c r="CX2279" s="20">
        <v>0.20552400000000001</v>
      </c>
      <c r="CY2279" s="6" t="s">
        <v>720</v>
      </c>
      <c r="CZ2279" s="6" t="s">
        <v>721</v>
      </c>
      <c r="DA2279" s="6" t="s">
        <v>111</v>
      </c>
      <c r="DB2279" s="6"/>
      <c r="DC2279" s="6">
        <v>14700</v>
      </c>
      <c r="DD2279" s="6">
        <v>520</v>
      </c>
      <c r="DE2279" s="6" t="s">
        <v>716</v>
      </c>
      <c r="DF2279" s="6" t="s">
        <v>363</v>
      </c>
      <c r="DG2279" s="6" t="s">
        <v>364</v>
      </c>
      <c r="DH2279" s="6" t="s">
        <v>365</v>
      </c>
      <c r="DI2279" s="6" t="s">
        <v>461</v>
      </c>
      <c r="DJ2279" s="6">
        <v>29</v>
      </c>
      <c r="DK2279" s="6">
        <v>213</v>
      </c>
      <c r="DL2279" s="6">
        <v>5</v>
      </c>
      <c r="DM2279" s="6" t="s">
        <v>392</v>
      </c>
      <c r="DN2279" s="6">
        <v>4</v>
      </c>
      <c r="DO2279" s="6" t="s">
        <v>557</v>
      </c>
      <c r="DP2279" s="6"/>
      <c r="DQ2279" s="6"/>
    </row>
    <row r="2280" spans="1:121" x14ac:dyDescent="0.2">
      <c r="A2280" s="6" t="s">
        <v>319</v>
      </c>
      <c r="B2280" s="6" t="s">
        <v>319</v>
      </c>
      <c r="C2280" s="6" t="s">
        <v>188</v>
      </c>
      <c r="D2280" s="6" t="s">
        <v>111</v>
      </c>
      <c r="E2280" s="6" t="s">
        <v>252</v>
      </c>
      <c r="F2280" s="11">
        <v>1683</v>
      </c>
      <c r="G2280" s="13">
        <v>1.6965725806500001</v>
      </c>
      <c r="H2280" s="11">
        <v>783.3486627850001</v>
      </c>
      <c r="I2280" s="13">
        <v>0.79002205351880161</v>
      </c>
      <c r="J2280" s="11">
        <v>32.812000859999898</v>
      </c>
      <c r="K2280" s="13">
        <v>1.8486659452786193E-2</v>
      </c>
      <c r="L2280" s="11">
        <v>867.30320762999986</v>
      </c>
      <c r="M2280" s="13">
        <v>0.47977911009047169</v>
      </c>
      <c r="N2280" s="11">
        <v>900.11520848999976</v>
      </c>
      <c r="O2280" s="13">
        <v>0.50713528256406126</v>
      </c>
      <c r="P2280" s="7">
        <v>991.55290576499999</v>
      </c>
      <c r="Q2280" s="7">
        <v>991.91201870700002</v>
      </c>
      <c r="R2280" s="7">
        <v>1092.4750088999999</v>
      </c>
      <c r="S2280" s="7">
        <v>1308.6754066799999</v>
      </c>
      <c r="T2280" s="7">
        <v>1392.8227738200001</v>
      </c>
      <c r="U2280" s="7">
        <v>1738.1910821399999</v>
      </c>
      <c r="V2280" s="7">
        <v>1774.9015685500001</v>
      </c>
      <c r="W2280" s="7">
        <v>1559.87891178</v>
      </c>
      <c r="X2280" s="7">
        <v>1509.0089129400001</v>
      </c>
      <c r="Y2280" s="7">
        <v>1807.71356941</v>
      </c>
      <c r="Z2280" s="7">
        <v>1873.3744847800001</v>
      </c>
      <c r="AA2280" s="7">
        <v>1692.0747324500001</v>
      </c>
      <c r="AB2280" s="7">
        <v>1968.45593523</v>
      </c>
      <c r="AC2280" s="7">
        <v>2074.31246113</v>
      </c>
      <c r="AD2280" s="7">
        <v>2177.9230686000001</v>
      </c>
      <c r="AE2280" s="7">
        <v>2546.4713222599999</v>
      </c>
      <c r="AF2280" s="7">
        <v>2675.0167770399999</v>
      </c>
      <c r="AG2280" s="9">
        <v>21185.790499799998</v>
      </c>
      <c r="AH2280" s="13">
        <v>0.96099388089417548</v>
      </c>
      <c r="AI2280" s="9">
        <v>5443.2119929</v>
      </c>
      <c r="AJ2280" s="13">
        <v>0.24690574645473207</v>
      </c>
      <c r="AK2280" s="9">
        <v>4463.3205080999978</v>
      </c>
      <c r="AL2280" s="13">
        <v>0.16236798343680597</v>
      </c>
      <c r="AM2280" s="9">
        <v>11279.2579988</v>
      </c>
      <c r="AN2280" s="13">
        <v>0.35300366476976947</v>
      </c>
      <c r="AO2280" s="9">
        <v>15742.578506899998</v>
      </c>
      <c r="AP2280" s="13">
        <v>0.57268814140104518</v>
      </c>
      <c r="AQ2280" s="9">
        <v>22045.708012300001</v>
      </c>
      <c r="AR2280" s="9">
        <v>23978.489189299999</v>
      </c>
      <c r="AS2280" s="9">
        <v>21318.2536989</v>
      </c>
      <c r="AT2280" s="9">
        <v>24458.823154599999</v>
      </c>
      <c r="AU2280" s="9">
        <v>27419.328189399999</v>
      </c>
      <c r="AV2280" s="9">
        <v>25477.6791892</v>
      </c>
      <c r="AW2280" s="9">
        <v>27488.920005200001</v>
      </c>
      <c r="AX2280" s="9">
        <v>25412.114588600001</v>
      </c>
      <c r="AY2280" s="9">
        <v>26910.5436286</v>
      </c>
      <c r="AZ2280" s="9">
        <v>31952.240513299999</v>
      </c>
      <c r="BA2280" s="9">
        <v>32413.986379099999</v>
      </c>
      <c r="BB2280" s="9">
        <v>33452.490396200003</v>
      </c>
      <c r="BC2280" s="9">
        <v>34781.819028500002</v>
      </c>
      <c r="BD2280" s="9">
        <v>36744.346988700003</v>
      </c>
      <c r="BE2280" s="9">
        <v>41464.1768075</v>
      </c>
      <c r="BF2280" s="9">
        <v>43231.498512099999</v>
      </c>
      <c r="BG2280" s="11">
        <v>23.25</v>
      </c>
      <c r="BH2280" s="13">
        <v>0.20945945945945946</v>
      </c>
      <c r="BI2280" s="6">
        <v>9</v>
      </c>
      <c r="BJ2280" s="13">
        <v>8.1081081081081086E-2</v>
      </c>
      <c r="BK2280" s="6">
        <v>5</v>
      </c>
      <c r="BL2280" s="13">
        <v>4.1666666666666664E-2</v>
      </c>
      <c r="BM2280" s="11">
        <v>9.25</v>
      </c>
      <c r="BN2280" s="13">
        <v>7.3999999999999996E-2</v>
      </c>
      <c r="BO2280" s="11">
        <v>14.25</v>
      </c>
      <c r="BP2280" s="13">
        <v>0.11874999999999999</v>
      </c>
      <c r="BQ2280" s="6">
        <v>111</v>
      </c>
      <c r="BR2280" s="6">
        <v>107</v>
      </c>
      <c r="BS2280" s="6">
        <v>113</v>
      </c>
      <c r="BT2280" s="6">
        <v>120</v>
      </c>
      <c r="BU2280" s="6">
        <v>120</v>
      </c>
      <c r="BV2280" s="6">
        <v>119</v>
      </c>
      <c r="BW2280" s="6">
        <v>125</v>
      </c>
      <c r="BX2280" s="6">
        <v>119</v>
      </c>
      <c r="BY2280" s="6">
        <v>120</v>
      </c>
      <c r="BZ2280" s="6">
        <v>129</v>
      </c>
      <c r="CA2280" s="6">
        <v>134</v>
      </c>
      <c r="CB2280" s="6">
        <v>134</v>
      </c>
      <c r="CC2280" s="11">
        <v>134.25</v>
      </c>
      <c r="CD2280" s="11">
        <v>1485.86</v>
      </c>
      <c r="CE2280" s="11">
        <v>89.212500000000006</v>
      </c>
      <c r="CF2280" s="11">
        <v>108.389</v>
      </c>
      <c r="CG2280" s="11">
        <v>197</v>
      </c>
      <c r="CH2280" s="20">
        <v>0.65786999999999995</v>
      </c>
      <c r="CI2280" s="20">
        <v>0.65010199999999996</v>
      </c>
      <c r="CJ2280" s="20">
        <v>0.70704100000000003</v>
      </c>
      <c r="CK2280" s="20">
        <v>0.81780699999999995</v>
      </c>
      <c r="CL2280" s="20">
        <v>0.83719500000000002</v>
      </c>
      <c r="CM2280" s="20">
        <v>0.96922200000000003</v>
      </c>
      <c r="CN2280" s="20">
        <v>0.94166899999999998</v>
      </c>
      <c r="CO2280" s="20">
        <v>0.86358800000000002</v>
      </c>
      <c r="CP2280" s="20">
        <v>0.94372699999999998</v>
      </c>
      <c r="CQ2280" s="20">
        <v>1.02982</v>
      </c>
      <c r="CR2280" s="20">
        <v>1.03864</v>
      </c>
      <c r="CS2280" s="20">
        <v>0.93684699999999999</v>
      </c>
      <c r="CT2280" s="20">
        <v>1.0492900000000001</v>
      </c>
      <c r="CU2280" s="20">
        <v>1.09433</v>
      </c>
      <c r="CV2280" s="20">
        <v>1.12591</v>
      </c>
      <c r="CW2280" s="20">
        <v>1.2934600000000001</v>
      </c>
      <c r="CX2280" s="20">
        <v>1.3280000000000001</v>
      </c>
      <c r="CY2280" s="6" t="s">
        <v>720</v>
      </c>
      <c r="CZ2280" s="6" t="s">
        <v>721</v>
      </c>
      <c r="DA2280" s="6" t="s">
        <v>111</v>
      </c>
      <c r="DB2280" s="6"/>
      <c r="DC2280" s="6">
        <v>14700</v>
      </c>
      <c r="DD2280" s="6">
        <v>520</v>
      </c>
      <c r="DE2280" s="6" t="s">
        <v>716</v>
      </c>
      <c r="DF2280" s="6" t="s">
        <v>363</v>
      </c>
      <c r="DG2280" s="6" t="s">
        <v>364</v>
      </c>
      <c r="DH2280" s="6" t="s">
        <v>365</v>
      </c>
      <c r="DI2280" s="6" t="s">
        <v>461</v>
      </c>
      <c r="DJ2280" s="6">
        <v>29</v>
      </c>
      <c r="DK2280" s="6">
        <v>213</v>
      </c>
      <c r="DL2280" s="6">
        <v>5</v>
      </c>
      <c r="DM2280" s="6" t="s">
        <v>392</v>
      </c>
      <c r="DN2280" s="6">
        <v>4</v>
      </c>
      <c r="DO2280" s="6" t="s">
        <v>557</v>
      </c>
      <c r="DP2280" s="6"/>
      <c r="DQ2280" s="6"/>
    </row>
    <row r="2281" spans="1:121" x14ac:dyDescent="0.2">
      <c r="A2281" s="6" t="s">
        <v>320</v>
      </c>
      <c r="B2281" s="6" t="s">
        <v>320</v>
      </c>
      <c r="C2281" s="6" t="s">
        <v>189</v>
      </c>
      <c r="D2281" s="6" t="s">
        <v>111</v>
      </c>
      <c r="E2281" s="6" t="s">
        <v>252</v>
      </c>
      <c r="F2281" s="11">
        <v>-7</v>
      </c>
      <c r="G2281" s="13">
        <v>-1.9498607242300001E-2</v>
      </c>
      <c r="H2281" s="11">
        <v>127.256313928</v>
      </c>
      <c r="I2281" s="13">
        <v>0.3545034599852861</v>
      </c>
      <c r="J2281" s="11">
        <v>-54.835533455000018</v>
      </c>
      <c r="K2281" s="13">
        <v>-0.11277766353726412</v>
      </c>
      <c r="L2281" s="11">
        <v>-79.361158712000019</v>
      </c>
      <c r="M2281" s="13">
        <v>-0.18396557121150761</v>
      </c>
      <c r="N2281" s="11">
        <v>-134.19669216700004</v>
      </c>
      <c r="O2281" s="13">
        <v>-0.27599602745623969</v>
      </c>
      <c r="P2281" s="7">
        <v>358.97058362500002</v>
      </c>
      <c r="Q2281" s="7">
        <v>370.19587182999999</v>
      </c>
      <c r="R2281" s="7">
        <v>368.90769361700001</v>
      </c>
      <c r="S2281" s="7">
        <v>362.87025634700001</v>
      </c>
      <c r="T2281" s="7">
        <v>408.724705148</v>
      </c>
      <c r="U2281" s="7">
        <v>466.73633373500002</v>
      </c>
      <c r="V2281" s="7">
        <v>486.22689755300001</v>
      </c>
      <c r="W2281" s="7">
        <v>452.54176786300002</v>
      </c>
      <c r="X2281" s="7">
        <v>415.26677969399998</v>
      </c>
      <c r="Y2281" s="7">
        <v>431.391364098</v>
      </c>
      <c r="Z2281" s="7">
        <v>422.525574447</v>
      </c>
      <c r="AA2281" s="7">
        <v>418.23648929299998</v>
      </c>
      <c r="AB2281" s="7">
        <v>381.20384112599999</v>
      </c>
      <c r="AC2281" s="7">
        <v>360.67899268500003</v>
      </c>
      <c r="AD2281" s="7">
        <v>339.81088122099999</v>
      </c>
      <c r="AE2281" s="7">
        <v>351.34912441199998</v>
      </c>
      <c r="AF2281" s="7">
        <v>352.03020538599998</v>
      </c>
      <c r="AG2281" s="9">
        <v>27715.523416800002</v>
      </c>
      <c r="AH2281" s="13">
        <v>0.71047248489148307</v>
      </c>
      <c r="AI2281" s="9">
        <v>-1961.1898693999974</v>
      </c>
      <c r="AJ2281" s="13">
        <v>-5.0274043859911931E-2</v>
      </c>
      <c r="AK2281" s="9">
        <v>9175.0186520999996</v>
      </c>
      <c r="AL2281" s="13">
        <v>0.24764686057557497</v>
      </c>
      <c r="AM2281" s="9">
        <v>20501.6946341</v>
      </c>
      <c r="AN2281" s="13">
        <v>0.44353097319761053</v>
      </c>
      <c r="AO2281" s="9">
        <v>29676.7132862</v>
      </c>
      <c r="AP2281" s="13">
        <v>0.80101688685360317</v>
      </c>
      <c r="AQ2281" s="9">
        <v>39009.988431899998</v>
      </c>
      <c r="AR2281" s="9">
        <v>40271.710605699998</v>
      </c>
      <c r="AS2281" s="9">
        <v>40067.604687599996</v>
      </c>
      <c r="AT2281" s="9">
        <v>42255.396984300001</v>
      </c>
      <c r="AU2281" s="9">
        <v>39617.987234100001</v>
      </c>
      <c r="AV2281" s="9">
        <v>38355.909607000001</v>
      </c>
      <c r="AW2281" s="9">
        <v>37048.7985625</v>
      </c>
      <c r="AX2281" s="9">
        <v>43985.067886899997</v>
      </c>
      <c r="AY2281" s="9">
        <v>45446.013408400002</v>
      </c>
      <c r="AZ2281" s="9">
        <v>46223.8172146</v>
      </c>
      <c r="BA2281" s="9">
        <v>47073.815874400003</v>
      </c>
      <c r="BB2281" s="9">
        <v>69370.588767699999</v>
      </c>
      <c r="BC2281" s="9">
        <v>55415.108892900003</v>
      </c>
      <c r="BD2281" s="9">
        <v>74073.227612699993</v>
      </c>
      <c r="BE2281" s="9">
        <v>84857.835255900005</v>
      </c>
      <c r="BF2281" s="9">
        <v>66725.5118487</v>
      </c>
      <c r="BG2281" s="11">
        <v>-4</v>
      </c>
      <c r="BH2281" s="13">
        <v>-0.4</v>
      </c>
      <c r="BI2281" s="6">
        <v>4</v>
      </c>
      <c r="BJ2281" s="13">
        <v>0.4</v>
      </c>
      <c r="BK2281" s="6">
        <v>-1</v>
      </c>
      <c r="BL2281" s="13">
        <v>-7.1428571428571425E-2</v>
      </c>
      <c r="BM2281" s="11">
        <v>-7</v>
      </c>
      <c r="BN2281" s="13">
        <v>-0.53846153846153844</v>
      </c>
      <c r="BO2281" s="11">
        <v>-8</v>
      </c>
      <c r="BP2281" s="13">
        <v>-0.5714285714285714</v>
      </c>
      <c r="BQ2281" s="6">
        <v>10</v>
      </c>
      <c r="BR2281" s="6">
        <v>10</v>
      </c>
      <c r="BS2281" s="6">
        <v>11</v>
      </c>
      <c r="BT2281" s="6">
        <v>14</v>
      </c>
      <c r="BU2281" s="6">
        <v>14</v>
      </c>
      <c r="BV2281" s="6">
        <v>13</v>
      </c>
      <c r="BW2281" s="6">
        <v>13</v>
      </c>
      <c r="BX2281" s="6">
        <v>13</v>
      </c>
      <c r="BY2281" s="6">
        <v>9</v>
      </c>
      <c r="BZ2281" s="6">
        <v>8</v>
      </c>
      <c r="CA2281" s="6">
        <v>7</v>
      </c>
      <c r="CB2281" s="6">
        <v>7</v>
      </c>
      <c r="CC2281" s="11">
        <v>6</v>
      </c>
      <c r="CD2281" s="11">
        <v>-176.16499999999999</v>
      </c>
      <c r="CE2281" s="11">
        <v>129.98500000000001</v>
      </c>
      <c r="CF2281" s="11">
        <v>39.239800000000002</v>
      </c>
      <c r="CG2281" s="11">
        <v>169</v>
      </c>
      <c r="CH2281" s="20">
        <v>0.71387199999999995</v>
      </c>
      <c r="CI2281" s="20">
        <v>0.69496599999999997</v>
      </c>
      <c r="CJ2281" s="20">
        <v>0.66413299999999997</v>
      </c>
      <c r="CK2281" s="20">
        <v>0.62836599999999998</v>
      </c>
      <c r="CL2281" s="20">
        <v>0.696021</v>
      </c>
      <c r="CM2281" s="20">
        <v>0.74094000000000004</v>
      </c>
      <c r="CN2281" s="20">
        <v>0.72296899999999997</v>
      </c>
      <c r="CO2281" s="20">
        <v>0.65259599999999995</v>
      </c>
      <c r="CP2281" s="20">
        <v>0.59888799999999998</v>
      </c>
      <c r="CQ2281" s="20">
        <v>0.57096999999999998</v>
      </c>
      <c r="CR2281" s="20">
        <v>0.54823900000000003</v>
      </c>
      <c r="CS2281" s="20">
        <v>0.54716600000000004</v>
      </c>
      <c r="CT2281" s="20">
        <v>0.48642000000000002</v>
      </c>
      <c r="CU2281" s="20">
        <v>0.46095199999999997</v>
      </c>
      <c r="CV2281" s="20">
        <v>0.43015799999999998</v>
      </c>
      <c r="CW2281" s="20">
        <v>0.43757099999999999</v>
      </c>
      <c r="CX2281" s="20">
        <v>0.42694900000000002</v>
      </c>
      <c r="CY2281" s="6" t="s">
        <v>720</v>
      </c>
      <c r="CZ2281" s="6" t="s">
        <v>721</v>
      </c>
      <c r="DA2281" s="6" t="s">
        <v>111</v>
      </c>
      <c r="DB2281" s="6"/>
      <c r="DC2281" s="6">
        <v>14700</v>
      </c>
      <c r="DD2281" s="6">
        <v>520</v>
      </c>
      <c r="DE2281" s="6" t="s">
        <v>716</v>
      </c>
      <c r="DF2281" s="6" t="s">
        <v>363</v>
      </c>
      <c r="DG2281" s="6" t="s">
        <v>364</v>
      </c>
      <c r="DH2281" s="6" t="s">
        <v>365</v>
      </c>
      <c r="DI2281" s="6" t="s">
        <v>461</v>
      </c>
      <c r="DJ2281" s="6">
        <v>29</v>
      </c>
      <c r="DK2281" s="6">
        <v>213</v>
      </c>
      <c r="DL2281" s="6">
        <v>5</v>
      </c>
      <c r="DM2281" s="6" t="s">
        <v>392</v>
      </c>
      <c r="DN2281" s="6">
        <v>4</v>
      </c>
      <c r="DO2281" s="6" t="s">
        <v>557</v>
      </c>
      <c r="DP2281" s="6"/>
      <c r="DQ2281" s="6"/>
    </row>
    <row r="2282" spans="1:121" x14ac:dyDescent="0.2">
      <c r="A2282" s="6" t="s">
        <v>321</v>
      </c>
      <c r="B2282" s="6" t="s">
        <v>321</v>
      </c>
      <c r="C2282" s="6" t="s">
        <v>190</v>
      </c>
      <c r="D2282" s="6" t="s">
        <v>111</v>
      </c>
      <c r="E2282" s="6" t="s">
        <v>252</v>
      </c>
      <c r="F2282" s="11">
        <v>966</v>
      </c>
      <c r="G2282" s="13">
        <v>0.60716530483999998</v>
      </c>
      <c r="H2282" s="11">
        <v>376.04805127999998</v>
      </c>
      <c r="I2282" s="13">
        <v>0.23635612402458325</v>
      </c>
      <c r="J2282" s="11">
        <v>273.4628580000001</v>
      </c>
      <c r="K2282" s="13">
        <v>0.13902031907778464</v>
      </c>
      <c r="L2282" s="11">
        <v>316.73982366999962</v>
      </c>
      <c r="M2282" s="13">
        <v>0.14136800578626588</v>
      </c>
      <c r="N2282" s="11">
        <v>590.20268166999972</v>
      </c>
      <c r="O2282" s="13">
        <v>0.30004135013584732</v>
      </c>
      <c r="P2282" s="7">
        <v>1591.0230920900001</v>
      </c>
      <c r="Q2282" s="7">
        <v>1645.4605552800001</v>
      </c>
      <c r="R2282" s="7">
        <v>1749.2381542999999</v>
      </c>
      <c r="S2282" s="7">
        <v>1819.08319259</v>
      </c>
      <c r="T2282" s="7">
        <v>1865.77315823</v>
      </c>
      <c r="U2282" s="7">
        <v>1911.44306117</v>
      </c>
      <c r="V2282" s="7">
        <v>1967.0711433700001</v>
      </c>
      <c r="W2282" s="7">
        <v>2016.7916124200001</v>
      </c>
      <c r="X2282" s="7">
        <v>1912.5369075399999</v>
      </c>
      <c r="Y2282" s="7">
        <v>2240.5340013700002</v>
      </c>
      <c r="Z2282" s="7">
        <v>2353.65166787</v>
      </c>
      <c r="AA2282" s="7">
        <v>2409.2781689200001</v>
      </c>
      <c r="AB2282" s="7">
        <v>2459.2899126799998</v>
      </c>
      <c r="AC2282" s="7">
        <v>2374.8539263399998</v>
      </c>
      <c r="AD2282" s="7">
        <v>2449.6005146799998</v>
      </c>
      <c r="AE2282" s="7">
        <v>2477.7625542699998</v>
      </c>
      <c r="AF2282" s="7">
        <v>2557.2738250399998</v>
      </c>
      <c r="AG2282" s="9">
        <v>18927.799392500005</v>
      </c>
      <c r="AH2282" s="13">
        <v>0.53879636320931246</v>
      </c>
      <c r="AI2282" s="9">
        <v>9994.9877496999979</v>
      </c>
      <c r="AJ2282" s="13">
        <v>0.28451606751463449</v>
      </c>
      <c r="AK2282" s="9">
        <v>7334.1133098000064</v>
      </c>
      <c r="AL2282" s="13">
        <v>0.16252965203595668</v>
      </c>
      <c r="AM2282" s="9">
        <v>1598.6983330000003</v>
      </c>
      <c r="AN2282" s="13">
        <v>3.047526377281333E-2</v>
      </c>
      <c r="AO2282" s="9">
        <v>8932.8116428000067</v>
      </c>
      <c r="AP2282" s="13">
        <v>0.19795804982546936</v>
      </c>
      <c r="AQ2282" s="9">
        <v>35129.783133199999</v>
      </c>
      <c r="AR2282" s="9">
        <v>37253.433957900001</v>
      </c>
      <c r="AS2282" s="9">
        <v>38918.364214900001</v>
      </c>
      <c r="AT2282" s="9">
        <v>41725.314079600001</v>
      </c>
      <c r="AU2282" s="9">
        <v>42248.1777716</v>
      </c>
      <c r="AV2282" s="9">
        <v>44112.326912099998</v>
      </c>
      <c r="AW2282" s="9">
        <v>45124.770882899997</v>
      </c>
      <c r="AX2282" s="9">
        <v>45992.419243600001</v>
      </c>
      <c r="AY2282" s="9">
        <v>50369.614395999997</v>
      </c>
      <c r="AZ2282" s="9">
        <v>52458.884192700003</v>
      </c>
      <c r="BA2282" s="9">
        <v>50565.598894100003</v>
      </c>
      <c r="BB2282" s="9">
        <v>46936.576245700002</v>
      </c>
      <c r="BC2282" s="9">
        <v>51901.476342299997</v>
      </c>
      <c r="BD2282" s="9">
        <v>49094.496890900002</v>
      </c>
      <c r="BE2282" s="9">
        <v>51547.592839700003</v>
      </c>
      <c r="BF2282" s="9">
        <v>54057.582525700003</v>
      </c>
      <c r="BG2282" s="11">
        <v>106.25</v>
      </c>
      <c r="BH2282" s="13">
        <v>1.1067708333333333</v>
      </c>
      <c r="BI2282" s="6">
        <v>7</v>
      </c>
      <c r="BJ2282" s="13">
        <v>7.2916666666666671E-2</v>
      </c>
      <c r="BK2282" s="6">
        <v>13</v>
      </c>
      <c r="BL2282" s="13">
        <v>0.12621359223300971</v>
      </c>
      <c r="BM2282" s="11">
        <v>86.25</v>
      </c>
      <c r="BN2282" s="13">
        <v>0.74353448275862066</v>
      </c>
      <c r="BO2282" s="11">
        <v>99.25</v>
      </c>
      <c r="BP2282" s="13">
        <v>0.96359223300970875</v>
      </c>
      <c r="BQ2282" s="6">
        <v>96</v>
      </c>
      <c r="BR2282" s="6">
        <v>98</v>
      </c>
      <c r="BS2282" s="6">
        <v>101</v>
      </c>
      <c r="BT2282" s="6">
        <v>103</v>
      </c>
      <c r="BU2282" s="6">
        <v>102</v>
      </c>
      <c r="BV2282" s="6">
        <v>106</v>
      </c>
      <c r="BW2282" s="6">
        <v>116</v>
      </c>
      <c r="BX2282" s="6">
        <v>116</v>
      </c>
      <c r="BY2282" s="6">
        <v>122</v>
      </c>
      <c r="BZ2282" s="6">
        <v>187</v>
      </c>
      <c r="CA2282" s="6">
        <v>197</v>
      </c>
      <c r="CB2282" s="6">
        <v>208</v>
      </c>
      <c r="CC2282" s="11">
        <v>202.25</v>
      </c>
      <c r="CD2282" s="11">
        <v>212.935</v>
      </c>
      <c r="CE2282" s="11">
        <v>579.39700000000005</v>
      </c>
      <c r="CF2282" s="11">
        <v>173.91800000000001</v>
      </c>
      <c r="CG2282" s="11">
        <v>753</v>
      </c>
      <c r="CH2282" s="20">
        <v>0.64065499999999997</v>
      </c>
      <c r="CI2282" s="20">
        <v>0.63001600000000002</v>
      </c>
      <c r="CJ2282" s="20">
        <v>0.64115699999999998</v>
      </c>
      <c r="CK2282" s="20">
        <v>0.65176000000000001</v>
      </c>
      <c r="CL2282" s="20">
        <v>0.65027699999999999</v>
      </c>
      <c r="CM2282" s="20">
        <v>0.61907500000000004</v>
      </c>
      <c r="CN2282" s="20">
        <v>0.59540300000000002</v>
      </c>
      <c r="CO2282" s="20">
        <v>0.59404199999999996</v>
      </c>
      <c r="CP2282" s="20">
        <v>0.56770500000000002</v>
      </c>
      <c r="CQ2282" s="20">
        <v>0.61420200000000003</v>
      </c>
      <c r="CR2282" s="20">
        <v>0.643814</v>
      </c>
      <c r="CS2282" s="20">
        <v>0.65354500000000004</v>
      </c>
      <c r="CT2282" s="20">
        <v>0.64723799999999998</v>
      </c>
      <c r="CU2282" s="20">
        <v>0.62727900000000003</v>
      </c>
      <c r="CV2282" s="20">
        <v>0.63448899999999997</v>
      </c>
      <c r="CW2282" s="20">
        <v>0.62760700000000003</v>
      </c>
      <c r="CX2282" s="20">
        <v>0.62712100000000004</v>
      </c>
      <c r="CY2282" s="6" t="s">
        <v>720</v>
      </c>
      <c r="CZ2282" s="6" t="s">
        <v>721</v>
      </c>
      <c r="DA2282" s="6" t="s">
        <v>111</v>
      </c>
      <c r="DB2282" s="6"/>
      <c r="DC2282" s="6">
        <v>14700</v>
      </c>
      <c r="DD2282" s="6">
        <v>520</v>
      </c>
      <c r="DE2282" s="6" t="s">
        <v>716</v>
      </c>
      <c r="DF2282" s="6" t="s">
        <v>363</v>
      </c>
      <c r="DG2282" s="6" t="s">
        <v>364</v>
      </c>
      <c r="DH2282" s="6" t="s">
        <v>365</v>
      </c>
      <c r="DI2282" s="6" t="s">
        <v>461</v>
      </c>
      <c r="DJ2282" s="6">
        <v>29</v>
      </c>
      <c r="DK2282" s="6">
        <v>213</v>
      </c>
      <c r="DL2282" s="6">
        <v>5</v>
      </c>
      <c r="DM2282" s="6" t="s">
        <v>392</v>
      </c>
      <c r="DN2282" s="6">
        <v>4</v>
      </c>
      <c r="DO2282" s="6" t="s">
        <v>557</v>
      </c>
      <c r="DP2282" s="6"/>
      <c r="DQ2282" s="6"/>
    </row>
    <row r="2283" spans="1:121" x14ac:dyDescent="0.2">
      <c r="A2283" s="6" t="s">
        <v>322</v>
      </c>
      <c r="B2283" s="6" t="s">
        <v>322</v>
      </c>
      <c r="C2283" s="6" t="s">
        <v>191</v>
      </c>
      <c r="D2283" s="6" t="s">
        <v>111</v>
      </c>
      <c r="E2283" s="6" t="s">
        <v>252</v>
      </c>
      <c r="F2283" s="11">
        <v>724</v>
      </c>
      <c r="G2283" s="13">
        <v>0.28000000000000003</v>
      </c>
      <c r="H2283" s="11">
        <v>-76</v>
      </c>
      <c r="I2283" s="13">
        <v>-2.8941355674028946E-2</v>
      </c>
      <c r="J2283" s="11">
        <v>986</v>
      </c>
      <c r="K2283" s="13">
        <v>0.38666666666666666</v>
      </c>
      <c r="L2283" s="11">
        <v>-186</v>
      </c>
      <c r="M2283" s="13">
        <v>-5.2601809954751139E-2</v>
      </c>
      <c r="N2283" s="11">
        <v>800</v>
      </c>
      <c r="O2283" s="13">
        <v>0.31372549019607843</v>
      </c>
      <c r="P2283" s="7">
        <v>2626</v>
      </c>
      <c r="Q2283" s="7">
        <v>2383</v>
      </c>
      <c r="R2283" s="7">
        <v>2242</v>
      </c>
      <c r="S2283" s="7">
        <v>2177</v>
      </c>
      <c r="T2283" s="7">
        <v>2449</v>
      </c>
      <c r="U2283" s="7">
        <v>2359</v>
      </c>
      <c r="V2283" s="7">
        <v>2550</v>
      </c>
      <c r="W2283" s="7">
        <v>2709</v>
      </c>
      <c r="X2283" s="7">
        <v>2341</v>
      </c>
      <c r="Y2283" s="7">
        <v>3536</v>
      </c>
      <c r="Z2283" s="7">
        <v>3444</v>
      </c>
      <c r="AA2283" s="7">
        <v>3435</v>
      </c>
      <c r="AB2283" s="7">
        <v>3446</v>
      </c>
      <c r="AC2283" s="7">
        <v>3324</v>
      </c>
      <c r="AD2283" s="7">
        <v>3244</v>
      </c>
      <c r="AE2283" s="7">
        <v>3303</v>
      </c>
      <c r="AF2283" s="7">
        <v>3350</v>
      </c>
      <c r="AG2283" s="9">
        <v>2416</v>
      </c>
      <c r="AH2283" s="13">
        <v>0.10315088378447614</v>
      </c>
      <c r="AI2283" s="9">
        <v>656</v>
      </c>
      <c r="AJ2283" s="13">
        <v>2.8007855862010076E-2</v>
      </c>
      <c r="AK2283" s="9">
        <v>417</v>
      </c>
      <c r="AL2283" s="13">
        <v>1.7318714178918514E-2</v>
      </c>
      <c r="AM2283" s="9">
        <v>1343</v>
      </c>
      <c r="AN2283" s="13">
        <v>5.4827515819555014E-2</v>
      </c>
      <c r="AO2283" s="9">
        <v>1760</v>
      </c>
      <c r="AP2283" s="13">
        <v>7.3095772074092527E-2</v>
      </c>
      <c r="AQ2283" s="9">
        <v>23422</v>
      </c>
      <c r="AR2283" s="9">
        <v>24167</v>
      </c>
      <c r="AS2283" s="9">
        <v>23431</v>
      </c>
      <c r="AT2283" s="9">
        <v>23642</v>
      </c>
      <c r="AU2283" s="9">
        <v>22486</v>
      </c>
      <c r="AV2283" s="9">
        <v>22893</v>
      </c>
      <c r="AW2283" s="9">
        <v>24078</v>
      </c>
      <c r="AX2283" s="9">
        <v>23696</v>
      </c>
      <c r="AY2283" s="9">
        <v>24561</v>
      </c>
      <c r="AZ2283" s="9">
        <v>24495</v>
      </c>
      <c r="BA2283" s="9">
        <v>24553</v>
      </c>
      <c r="BB2283" s="9">
        <v>23580</v>
      </c>
      <c r="BC2283" s="9">
        <v>24260</v>
      </c>
      <c r="BD2283" s="9">
        <v>23591</v>
      </c>
      <c r="BE2283" s="9">
        <v>25507</v>
      </c>
      <c r="BF2283" s="9">
        <v>25838</v>
      </c>
      <c r="BG2283" s="11">
        <v>8</v>
      </c>
      <c r="BH2283" s="13">
        <v>7.407407407407407E-2</v>
      </c>
      <c r="BI2283" s="6">
        <v>13</v>
      </c>
      <c r="BJ2283" s="13">
        <v>0.12037037037037036</v>
      </c>
      <c r="BK2283" s="6">
        <v>-13</v>
      </c>
      <c r="BL2283" s="13">
        <v>-0.10743801652892562</v>
      </c>
      <c r="BM2283" s="11">
        <v>8</v>
      </c>
      <c r="BN2283" s="13">
        <v>7.407407407407407E-2</v>
      </c>
      <c r="BO2283" s="11">
        <v>-5</v>
      </c>
      <c r="BP2283" s="13">
        <v>-4.1322314049586778E-2</v>
      </c>
      <c r="BQ2283" s="6">
        <v>108</v>
      </c>
      <c r="BR2283" s="6">
        <v>120</v>
      </c>
      <c r="BS2283" s="6">
        <v>128</v>
      </c>
      <c r="BT2283" s="6">
        <v>121</v>
      </c>
      <c r="BU2283" s="6">
        <v>121</v>
      </c>
      <c r="BV2283" s="6">
        <v>114</v>
      </c>
      <c r="BW2283" s="6">
        <v>108</v>
      </c>
      <c r="BX2283" s="6">
        <v>106</v>
      </c>
      <c r="BY2283" s="6">
        <v>109</v>
      </c>
      <c r="BZ2283" s="6">
        <v>110</v>
      </c>
      <c r="CA2283" s="6">
        <v>113</v>
      </c>
      <c r="CB2283" s="6">
        <v>118</v>
      </c>
      <c r="CC2283" s="11">
        <v>116</v>
      </c>
      <c r="CD2283" s="11">
        <v>-42</v>
      </c>
      <c r="CE2283" s="11">
        <v>478</v>
      </c>
      <c r="CF2283" s="11">
        <v>287</v>
      </c>
      <c r="CG2283" s="11">
        <v>765</v>
      </c>
      <c r="CH2283" s="20">
        <v>6.9</v>
      </c>
      <c r="CI2283" s="20">
        <v>6.06</v>
      </c>
      <c r="CJ2283" s="20">
        <v>5.54</v>
      </c>
      <c r="CK2283" s="20">
        <v>5.25</v>
      </c>
      <c r="CL2283" s="20">
        <v>5.79</v>
      </c>
      <c r="CM2283" s="20">
        <v>5.23</v>
      </c>
      <c r="CN2283" s="20">
        <v>5.3</v>
      </c>
      <c r="CO2283" s="20">
        <v>5.58</v>
      </c>
      <c r="CP2283" s="20">
        <v>5.0599999999999996</v>
      </c>
      <c r="CQ2283" s="20">
        <v>7.23</v>
      </c>
      <c r="CR2283" s="20">
        <v>7.03</v>
      </c>
      <c r="CS2283" s="20">
        <v>7.05</v>
      </c>
      <c r="CT2283" s="20">
        <v>6.87</v>
      </c>
      <c r="CU2283" s="20">
        <v>6.56</v>
      </c>
      <c r="CV2283" s="20">
        <v>6.23</v>
      </c>
      <c r="CW2283" s="20">
        <v>6.17</v>
      </c>
      <c r="CX2283" s="20">
        <v>6.12</v>
      </c>
      <c r="CY2283" s="6" t="s">
        <v>720</v>
      </c>
      <c r="CZ2283" s="6" t="s">
        <v>721</v>
      </c>
      <c r="DA2283" s="6" t="s">
        <v>111</v>
      </c>
      <c r="DB2283" s="6"/>
      <c r="DC2283" s="6">
        <v>14700</v>
      </c>
      <c r="DD2283" s="6">
        <v>520</v>
      </c>
      <c r="DE2283" s="6" t="s">
        <v>716</v>
      </c>
      <c r="DF2283" s="6" t="s">
        <v>363</v>
      </c>
      <c r="DG2283" s="6" t="s">
        <v>364</v>
      </c>
      <c r="DH2283" s="6" t="s">
        <v>365</v>
      </c>
      <c r="DI2283" s="6" t="s">
        <v>461</v>
      </c>
      <c r="DJ2283" s="6">
        <v>29</v>
      </c>
      <c r="DK2283" s="6">
        <v>213</v>
      </c>
      <c r="DL2283" s="6">
        <v>5</v>
      </c>
      <c r="DM2283" s="6" t="s">
        <v>392</v>
      </c>
      <c r="DN2283" s="6">
        <v>4</v>
      </c>
      <c r="DO2283" s="6" t="s">
        <v>557</v>
      </c>
      <c r="DP2283" s="6"/>
      <c r="DQ2283" s="6"/>
    </row>
    <row r="2284" spans="1:121" x14ac:dyDescent="0.2">
      <c r="A2284" s="6" t="s">
        <v>323</v>
      </c>
      <c r="B2284" s="6" t="s">
        <v>323</v>
      </c>
      <c r="C2284" s="6" t="s">
        <v>192</v>
      </c>
      <c r="D2284" s="6" t="s">
        <v>111</v>
      </c>
      <c r="E2284" s="6" t="s">
        <v>252</v>
      </c>
      <c r="F2284" s="11">
        <v>1828</v>
      </c>
      <c r="G2284" s="13">
        <v>0.27178114778500001</v>
      </c>
      <c r="H2284" s="11">
        <v>939.87987561000045</v>
      </c>
      <c r="I2284" s="13">
        <v>0.13974724587225534</v>
      </c>
      <c r="J2284" s="11">
        <v>159.71354779000012</v>
      </c>
      <c r="K2284" s="13">
        <v>2.0835508899726421E-2</v>
      </c>
      <c r="L2284" s="11">
        <v>729.23267358999965</v>
      </c>
      <c r="M2284" s="13">
        <v>9.3190728424279543E-2</v>
      </c>
      <c r="N2284" s="11">
        <v>888.94622137999977</v>
      </c>
      <c r="O2284" s="13">
        <v>0.11596791357546204</v>
      </c>
      <c r="P2284" s="7">
        <v>6725.5699369499998</v>
      </c>
      <c r="Q2284" s="7">
        <v>6814.1597739500003</v>
      </c>
      <c r="R2284" s="7">
        <v>6856.0959518199998</v>
      </c>
      <c r="S2284" s="7">
        <v>7055.05772901</v>
      </c>
      <c r="T2284" s="7">
        <v>7202.2154387</v>
      </c>
      <c r="U2284" s="7">
        <v>7084.3962739799999</v>
      </c>
      <c r="V2284" s="7">
        <v>7665.4498125600003</v>
      </c>
      <c r="W2284" s="7">
        <v>7773.7711768899999</v>
      </c>
      <c r="X2284" s="7">
        <v>7459.9995813699998</v>
      </c>
      <c r="Y2284" s="7">
        <v>7825.1633603500004</v>
      </c>
      <c r="Z2284" s="7">
        <v>7627.2506495300004</v>
      </c>
      <c r="AA2284" s="7">
        <v>7605.4699056999998</v>
      </c>
      <c r="AB2284" s="7">
        <v>7865.6246797000003</v>
      </c>
      <c r="AC2284" s="7">
        <v>7919.97251048</v>
      </c>
      <c r="AD2284" s="7">
        <v>8360.8875276500003</v>
      </c>
      <c r="AE2284" s="7">
        <v>8415.0857363899995</v>
      </c>
      <c r="AF2284" s="7">
        <v>8554.3960339400001</v>
      </c>
      <c r="AG2284" s="9">
        <v>8197.5101261999989</v>
      </c>
      <c r="AH2284" s="13">
        <v>0.47054739743688778</v>
      </c>
      <c r="AI2284" s="9">
        <v>5080.0110565999967</v>
      </c>
      <c r="AJ2284" s="13">
        <v>0.29159902761130463</v>
      </c>
      <c r="AK2284" s="9">
        <v>1670.0681567000029</v>
      </c>
      <c r="AL2284" s="13">
        <v>7.422118772925787E-2</v>
      </c>
      <c r="AM2284" s="9">
        <v>1447.4309128999994</v>
      </c>
      <c r="AN2284" s="13">
        <v>5.9882211951290107E-2</v>
      </c>
      <c r="AO2284" s="9">
        <v>3117.4990696000023</v>
      </c>
      <c r="AP2284" s="13">
        <v>0.13854792857542789</v>
      </c>
      <c r="AQ2284" s="9">
        <v>17421.220839500002</v>
      </c>
      <c r="AR2284" s="9">
        <v>17272.245606100001</v>
      </c>
      <c r="AS2284" s="9">
        <v>18140.125970000001</v>
      </c>
      <c r="AT2284" s="9">
        <v>20655.079824799999</v>
      </c>
      <c r="AU2284" s="9">
        <v>20557.2134969</v>
      </c>
      <c r="AV2284" s="9">
        <v>19475.220677699999</v>
      </c>
      <c r="AW2284" s="9">
        <v>22501.231896099998</v>
      </c>
      <c r="AX2284" s="9">
        <v>22989.928123900001</v>
      </c>
      <c r="AY2284" s="9">
        <v>22756.646471</v>
      </c>
      <c r="AZ2284" s="9">
        <v>24171.300052800001</v>
      </c>
      <c r="BA2284" s="9">
        <v>24387.6556151</v>
      </c>
      <c r="BB2284" s="9">
        <v>24863.792409500002</v>
      </c>
      <c r="BC2284" s="9">
        <v>25371.786849399999</v>
      </c>
      <c r="BD2284" s="9">
        <v>25866.609159299998</v>
      </c>
      <c r="BE2284" s="9">
        <v>26220.611051399999</v>
      </c>
      <c r="BF2284" s="9">
        <v>25618.730965700001</v>
      </c>
      <c r="BG2284" s="11">
        <v>-4.75</v>
      </c>
      <c r="BH2284" s="13">
        <v>-1.498422712933754E-2</v>
      </c>
      <c r="BI2284" s="6">
        <v>18</v>
      </c>
      <c r="BJ2284" s="13">
        <v>5.6782334384858045E-2</v>
      </c>
      <c r="BK2284" s="6">
        <v>6</v>
      </c>
      <c r="BL2284" s="13">
        <v>1.7910447761194031E-2</v>
      </c>
      <c r="BM2284" s="11">
        <v>-28.75</v>
      </c>
      <c r="BN2284" s="13">
        <v>-8.4310850439882692E-2</v>
      </c>
      <c r="BO2284" s="11">
        <v>-22.75</v>
      </c>
      <c r="BP2284" s="13">
        <v>-6.7910447761194023E-2</v>
      </c>
      <c r="BQ2284" s="6">
        <v>317</v>
      </c>
      <c r="BR2284" s="6">
        <v>304</v>
      </c>
      <c r="BS2284" s="6">
        <v>312</v>
      </c>
      <c r="BT2284" s="6">
        <v>335</v>
      </c>
      <c r="BU2284" s="6">
        <v>345</v>
      </c>
      <c r="BV2284" s="6">
        <v>341</v>
      </c>
      <c r="BW2284" s="6">
        <v>341</v>
      </c>
      <c r="BX2284" s="6">
        <v>330</v>
      </c>
      <c r="BY2284" s="6">
        <v>325</v>
      </c>
      <c r="BZ2284" s="6">
        <v>314</v>
      </c>
      <c r="CA2284" s="6">
        <v>317</v>
      </c>
      <c r="CB2284" s="6">
        <v>322</v>
      </c>
      <c r="CC2284" s="11">
        <v>312.25</v>
      </c>
      <c r="CD2284" s="11">
        <v>-435.79199999999997</v>
      </c>
      <c r="CE2284" s="11">
        <v>1529.43</v>
      </c>
      <c r="CF2284" s="11">
        <v>735.18600000000004</v>
      </c>
      <c r="CG2284" s="11">
        <v>2264</v>
      </c>
      <c r="CH2284" s="20">
        <v>3.6492300000000002</v>
      </c>
      <c r="CI2284" s="20">
        <v>3.60501</v>
      </c>
      <c r="CJ2284" s="20">
        <v>3.51485</v>
      </c>
      <c r="CK2284" s="20">
        <v>3.5170300000000001</v>
      </c>
      <c r="CL2284" s="20">
        <v>3.4899499999999999</v>
      </c>
      <c r="CM2284" s="20">
        <v>3.20268</v>
      </c>
      <c r="CN2284" s="20">
        <v>3.2567599999999999</v>
      </c>
      <c r="CO2284" s="20">
        <v>3.2875899999999998</v>
      </c>
      <c r="CP2284" s="20">
        <v>3.33697</v>
      </c>
      <c r="CQ2284" s="20">
        <v>3.2749100000000002</v>
      </c>
      <c r="CR2284" s="20">
        <v>3.1503000000000001</v>
      </c>
      <c r="CS2284" s="20">
        <v>3.1344699999999999</v>
      </c>
      <c r="CT2284" s="20">
        <v>3.1115599999999999</v>
      </c>
      <c r="CU2284" s="20">
        <v>3.1112899999999999</v>
      </c>
      <c r="CV2284" s="20">
        <v>3.1900300000000001</v>
      </c>
      <c r="CW2284" s="20">
        <v>3.1324000000000001</v>
      </c>
      <c r="CX2284" s="20">
        <v>3.1159599999999998</v>
      </c>
      <c r="CY2284" s="6" t="s">
        <v>720</v>
      </c>
      <c r="CZ2284" s="6" t="s">
        <v>721</v>
      </c>
      <c r="DA2284" s="6" t="s">
        <v>111</v>
      </c>
      <c r="DB2284" s="6"/>
      <c r="DC2284" s="6">
        <v>14700</v>
      </c>
      <c r="DD2284" s="6">
        <v>520</v>
      </c>
      <c r="DE2284" s="6" t="s">
        <v>716</v>
      </c>
      <c r="DF2284" s="6" t="s">
        <v>363</v>
      </c>
      <c r="DG2284" s="6" t="s">
        <v>364</v>
      </c>
      <c r="DH2284" s="6" t="s">
        <v>365</v>
      </c>
      <c r="DI2284" s="6" t="s">
        <v>461</v>
      </c>
      <c r="DJ2284" s="6">
        <v>29</v>
      </c>
      <c r="DK2284" s="6">
        <v>213</v>
      </c>
      <c r="DL2284" s="6">
        <v>5</v>
      </c>
      <c r="DM2284" s="6" t="s">
        <v>392</v>
      </c>
      <c r="DN2284" s="6">
        <v>4</v>
      </c>
      <c r="DO2284" s="6" t="s">
        <v>557</v>
      </c>
      <c r="DP2284" s="6"/>
      <c r="DQ2284" s="6"/>
    </row>
    <row r="2285" spans="1:121" x14ac:dyDescent="0.2">
      <c r="A2285" s="6" t="s">
        <v>325</v>
      </c>
      <c r="B2285" s="6" t="s">
        <v>325</v>
      </c>
      <c r="C2285" s="6" t="s">
        <v>193</v>
      </c>
      <c r="D2285" s="6" t="s">
        <v>111</v>
      </c>
      <c r="E2285" s="6" t="s">
        <v>252</v>
      </c>
      <c r="F2285" s="11">
        <v>11</v>
      </c>
      <c r="G2285" s="13">
        <v>7.5601374570400002E-3</v>
      </c>
      <c r="H2285" s="11">
        <v>327.38425671000005</v>
      </c>
      <c r="I2285" s="13">
        <v>0.22494502404340835</v>
      </c>
      <c r="J2285" s="11">
        <v>-334.3154610800002</v>
      </c>
      <c r="K2285" s="13">
        <v>-0.18752469316084405</v>
      </c>
      <c r="L2285" s="11">
        <v>18.002137500000117</v>
      </c>
      <c r="M2285" s="13">
        <v>1.2428419554745385E-2</v>
      </c>
      <c r="N2285" s="11">
        <v>-316.31332358000009</v>
      </c>
      <c r="O2285" s="13">
        <v>-0.17742690916957651</v>
      </c>
      <c r="P2285" s="7">
        <v>1455.39674906</v>
      </c>
      <c r="Q2285" s="7">
        <v>1641.84271741</v>
      </c>
      <c r="R2285" s="7">
        <v>1639.0708165399999</v>
      </c>
      <c r="S2285" s="7">
        <v>1678.8700914799999</v>
      </c>
      <c r="T2285" s="7">
        <v>1680.6490001899999</v>
      </c>
      <c r="U2285" s="7">
        <v>1786.41307992</v>
      </c>
      <c r="V2285" s="7">
        <v>1782.7810057700001</v>
      </c>
      <c r="W2285" s="7">
        <v>1830.37206442</v>
      </c>
      <c r="X2285" s="7">
        <v>1839.2701059200001</v>
      </c>
      <c r="Y2285" s="7">
        <v>1448.4655446899999</v>
      </c>
      <c r="Z2285" s="7">
        <v>1676.5455107299999</v>
      </c>
      <c r="AA2285" s="7">
        <v>1667.10694162</v>
      </c>
      <c r="AB2285" s="7">
        <v>1593.47845886</v>
      </c>
      <c r="AC2285" s="7">
        <v>1607.73038258</v>
      </c>
      <c r="AD2285" s="7">
        <v>1610.0555535200001</v>
      </c>
      <c r="AE2285" s="7">
        <v>1451.1265704299999</v>
      </c>
      <c r="AF2285" s="7">
        <v>1466.46768219</v>
      </c>
      <c r="AG2285" s="9">
        <v>6943.0553347999994</v>
      </c>
      <c r="AH2285" s="13">
        <v>0.34449598536777137</v>
      </c>
      <c r="AI2285" s="9">
        <v>4683.9335519999986</v>
      </c>
      <c r="AJ2285" s="13">
        <v>0.23240435609172427</v>
      </c>
      <c r="AK2285" s="9">
        <v>-49.792028200001369</v>
      </c>
      <c r="AL2285" s="13">
        <v>-2.0046572586465937E-3</v>
      </c>
      <c r="AM2285" s="9">
        <v>2308.9138110000022</v>
      </c>
      <c r="AN2285" s="13">
        <v>9.3144994382507396E-2</v>
      </c>
      <c r="AO2285" s="9">
        <v>2259.1217828000008</v>
      </c>
      <c r="AP2285" s="13">
        <v>9.0953613334765315E-2</v>
      </c>
      <c r="AQ2285" s="9">
        <v>20154.241644900001</v>
      </c>
      <c r="AR2285" s="9">
        <v>20562.760090799999</v>
      </c>
      <c r="AS2285" s="9">
        <v>22796.229015299999</v>
      </c>
      <c r="AT2285" s="9">
        <v>25021.313277400001</v>
      </c>
      <c r="AU2285" s="9">
        <v>25573.749590399999</v>
      </c>
      <c r="AV2285" s="9">
        <v>23363.448383999999</v>
      </c>
      <c r="AW2285" s="9">
        <v>24838.1751969</v>
      </c>
      <c r="AX2285" s="9">
        <v>24738.38566</v>
      </c>
      <c r="AY2285" s="9">
        <v>25096.327753599999</v>
      </c>
      <c r="AZ2285" s="9">
        <v>24788.383168699998</v>
      </c>
      <c r="BA2285" s="9">
        <v>26047.9339516</v>
      </c>
      <c r="BB2285" s="9">
        <v>26081.644753600001</v>
      </c>
      <c r="BC2285" s="9">
        <v>27890.930804700001</v>
      </c>
      <c r="BD2285" s="9">
        <v>29020.245370500001</v>
      </c>
      <c r="BE2285" s="9">
        <v>29208.086133500001</v>
      </c>
      <c r="BF2285" s="9">
        <v>27097.296979700001</v>
      </c>
      <c r="BG2285" s="11">
        <v>-4.75</v>
      </c>
      <c r="BH2285" s="13">
        <v>-4.4392523364485979E-2</v>
      </c>
      <c r="BI2285" s="6">
        <v>13</v>
      </c>
      <c r="BJ2285" s="13">
        <v>0.12149532710280374</v>
      </c>
      <c r="BK2285" s="6">
        <v>29</v>
      </c>
      <c r="BL2285" s="13">
        <v>0.24166666666666667</v>
      </c>
      <c r="BM2285" s="11">
        <v>-46.75</v>
      </c>
      <c r="BN2285" s="13">
        <v>-0.31375838926174499</v>
      </c>
      <c r="BO2285" s="11">
        <v>-17.75</v>
      </c>
      <c r="BP2285" s="13">
        <v>-0.14791666666666667</v>
      </c>
      <c r="BQ2285" s="6">
        <v>107</v>
      </c>
      <c r="BR2285" s="6">
        <v>103</v>
      </c>
      <c r="BS2285" s="6">
        <v>109</v>
      </c>
      <c r="BT2285" s="6">
        <v>120</v>
      </c>
      <c r="BU2285" s="6">
        <v>127</v>
      </c>
      <c r="BV2285" s="6">
        <v>134</v>
      </c>
      <c r="BW2285" s="6">
        <v>149</v>
      </c>
      <c r="BX2285" s="6">
        <v>145</v>
      </c>
      <c r="BY2285" s="6">
        <v>150</v>
      </c>
      <c r="BZ2285" s="6">
        <v>101</v>
      </c>
      <c r="CA2285" s="6">
        <v>101</v>
      </c>
      <c r="CB2285" s="6">
        <v>101</v>
      </c>
      <c r="CC2285" s="11">
        <v>102.25</v>
      </c>
      <c r="CD2285" s="11">
        <v>-134.619</v>
      </c>
      <c r="CE2285" s="11">
        <v>-13.402799999999999</v>
      </c>
      <c r="CF2285" s="11">
        <v>159.09200000000001</v>
      </c>
      <c r="CG2285" s="11">
        <v>146</v>
      </c>
      <c r="CH2285" s="20">
        <v>1.1625700000000001</v>
      </c>
      <c r="CI2285" s="20">
        <v>1.2734700000000001</v>
      </c>
      <c r="CJ2285" s="20">
        <v>1.23902</v>
      </c>
      <c r="CK2285" s="20">
        <v>1.2564200000000001</v>
      </c>
      <c r="CL2285" s="20">
        <v>1.2428300000000001</v>
      </c>
      <c r="CM2285" s="20">
        <v>1.244</v>
      </c>
      <c r="CN2285" s="20">
        <v>1.1725099999999999</v>
      </c>
      <c r="CO2285" s="20">
        <v>1.19713</v>
      </c>
      <c r="CP2285" s="20">
        <v>1.24644</v>
      </c>
      <c r="CQ2285" s="20">
        <v>0.92519399999999996</v>
      </c>
      <c r="CR2285" s="20">
        <v>1.07229</v>
      </c>
      <c r="CS2285" s="20">
        <v>1.07216</v>
      </c>
      <c r="CT2285" s="20">
        <v>1.0730200000000001</v>
      </c>
      <c r="CU2285" s="20">
        <v>1.0865400000000001</v>
      </c>
      <c r="CV2285" s="20">
        <v>1.0777300000000001</v>
      </c>
      <c r="CW2285" s="20">
        <v>0.95772599999999997</v>
      </c>
      <c r="CX2285" s="20">
        <v>0.95553999999999994</v>
      </c>
      <c r="CY2285" s="6" t="s">
        <v>720</v>
      </c>
      <c r="CZ2285" s="6" t="s">
        <v>721</v>
      </c>
      <c r="DA2285" s="6" t="s">
        <v>111</v>
      </c>
      <c r="DB2285" s="6"/>
      <c r="DC2285" s="6">
        <v>14700</v>
      </c>
      <c r="DD2285" s="6">
        <v>520</v>
      </c>
      <c r="DE2285" s="6" t="s">
        <v>716</v>
      </c>
      <c r="DF2285" s="6" t="s">
        <v>363</v>
      </c>
      <c r="DG2285" s="6" t="s">
        <v>364</v>
      </c>
      <c r="DH2285" s="6" t="s">
        <v>365</v>
      </c>
      <c r="DI2285" s="6" t="s">
        <v>461</v>
      </c>
      <c r="DJ2285" s="6">
        <v>29</v>
      </c>
      <c r="DK2285" s="6">
        <v>213</v>
      </c>
      <c r="DL2285" s="6">
        <v>5</v>
      </c>
      <c r="DM2285" s="6" t="s">
        <v>392</v>
      </c>
      <c r="DN2285" s="6">
        <v>4</v>
      </c>
      <c r="DO2285" s="6" t="s">
        <v>557</v>
      </c>
      <c r="DP2285" s="6"/>
      <c r="DQ2285" s="6"/>
    </row>
    <row r="2286" spans="1:121" x14ac:dyDescent="0.2">
      <c r="A2286" s="6" t="s">
        <v>327</v>
      </c>
      <c r="B2286" s="6" t="s">
        <v>327</v>
      </c>
      <c r="C2286" s="6" t="s">
        <v>194</v>
      </c>
      <c r="D2286" s="6" t="s">
        <v>111</v>
      </c>
      <c r="E2286" s="6" t="s">
        <v>252</v>
      </c>
      <c r="F2286" s="11">
        <v>697</v>
      </c>
      <c r="G2286" s="13">
        <v>0.35890834191600002</v>
      </c>
      <c r="H2286" s="11">
        <v>357.88562000000002</v>
      </c>
      <c r="I2286" s="13">
        <v>0.18424821875794073</v>
      </c>
      <c r="J2286" s="11">
        <v>218.45265300000028</v>
      </c>
      <c r="K2286" s="13">
        <v>9.4967199790459422E-2</v>
      </c>
      <c r="L2286" s="11">
        <v>120.02501109999957</v>
      </c>
      <c r="M2286" s="13">
        <v>4.7652638698807322E-2</v>
      </c>
      <c r="N2286" s="11">
        <v>338.47766409999986</v>
      </c>
      <c r="O2286" s="13">
        <v>0.14714527614911896</v>
      </c>
      <c r="P2286" s="7">
        <v>1942.4102029999999</v>
      </c>
      <c r="Q2286" s="7">
        <v>1989.319481</v>
      </c>
      <c r="R2286" s="7">
        <v>2054.748752</v>
      </c>
      <c r="S2286" s="7">
        <v>2072.6876320000001</v>
      </c>
      <c r="T2286" s="7">
        <v>2104.6327700000002</v>
      </c>
      <c r="U2286" s="7">
        <v>2197.368794</v>
      </c>
      <c r="V2286" s="7">
        <v>2300.2958229999999</v>
      </c>
      <c r="W2286" s="7">
        <v>2403.0729219999998</v>
      </c>
      <c r="X2286" s="7">
        <v>2494.881519</v>
      </c>
      <c r="Y2286" s="7">
        <v>2518.7484760000002</v>
      </c>
      <c r="Z2286" s="7">
        <v>2515.5639500000002</v>
      </c>
      <c r="AA2286" s="7">
        <v>2535.680468</v>
      </c>
      <c r="AB2286" s="7">
        <v>2562.238312</v>
      </c>
      <c r="AC2286" s="7">
        <v>2557.7389309999999</v>
      </c>
      <c r="AD2286" s="7">
        <v>2547.5506959999998</v>
      </c>
      <c r="AE2286" s="7">
        <v>2599.1293457500001</v>
      </c>
      <c r="AF2286" s="7">
        <v>2638.7734870999998</v>
      </c>
      <c r="AG2286" s="9">
        <v>16428.9320954</v>
      </c>
      <c r="AH2286" s="13">
        <v>0.47984259116940253</v>
      </c>
      <c r="AI2286" s="9">
        <v>8996.5083705999932</v>
      </c>
      <c r="AJ2286" s="13">
        <v>0.26276253763533591</v>
      </c>
      <c r="AK2286" s="9">
        <v>3685.673143400003</v>
      </c>
      <c r="AL2286" s="13">
        <v>8.5248076373164103E-2</v>
      </c>
      <c r="AM2286" s="9">
        <v>3746.7505814000033</v>
      </c>
      <c r="AN2286" s="13">
        <v>7.9853421373093092E-2</v>
      </c>
      <c r="AO2286" s="9">
        <v>7432.4237248000063</v>
      </c>
      <c r="AP2286" s="13">
        <v>0.17190884831012909</v>
      </c>
      <c r="AQ2286" s="9">
        <v>34238.169761800003</v>
      </c>
      <c r="AR2286" s="9">
        <v>35836.062384800003</v>
      </c>
      <c r="AS2286" s="9">
        <v>37481.668128899997</v>
      </c>
      <c r="AT2286" s="9">
        <v>39343.455292099999</v>
      </c>
      <c r="AU2286" s="9">
        <v>40737.5274326</v>
      </c>
      <c r="AV2286" s="9">
        <v>41947.745741899998</v>
      </c>
      <c r="AW2286" s="9">
        <v>43234.678132399997</v>
      </c>
      <c r="AX2286" s="9">
        <v>44764.364262100004</v>
      </c>
      <c r="AY2286" s="9">
        <v>44981.078441700003</v>
      </c>
      <c r="AZ2286" s="9">
        <v>46920.3512758</v>
      </c>
      <c r="BA2286" s="9">
        <v>47674.550200700003</v>
      </c>
      <c r="BB2286" s="9">
        <v>47800.225266100002</v>
      </c>
      <c r="BC2286" s="9">
        <v>48809.935524300003</v>
      </c>
      <c r="BD2286" s="9">
        <v>49372.982773800002</v>
      </c>
      <c r="BE2286" s="9">
        <v>50544.962551199998</v>
      </c>
      <c r="BF2286" s="9">
        <v>50667.101857200003</v>
      </c>
      <c r="BG2286" s="11">
        <v>7</v>
      </c>
      <c r="BH2286" s="13">
        <v>9.7222222222222224E-2</v>
      </c>
      <c r="BI2286" s="6">
        <v>6</v>
      </c>
      <c r="BJ2286" s="13">
        <v>8.3333333333333329E-2</v>
      </c>
      <c r="BK2286" s="6">
        <v>2</v>
      </c>
      <c r="BL2286" s="13">
        <v>2.564102564102564E-2</v>
      </c>
      <c r="BM2286" s="11">
        <v>-1</v>
      </c>
      <c r="BN2286" s="13">
        <v>-1.2500000000000001E-2</v>
      </c>
      <c r="BO2286" s="11">
        <v>1</v>
      </c>
      <c r="BP2286" s="13">
        <v>1.282051282051282E-2</v>
      </c>
      <c r="BQ2286" s="6">
        <v>72</v>
      </c>
      <c r="BR2286" s="6">
        <v>74</v>
      </c>
      <c r="BS2286" s="6">
        <v>72</v>
      </c>
      <c r="BT2286" s="6">
        <v>78</v>
      </c>
      <c r="BU2286" s="6">
        <v>74</v>
      </c>
      <c r="BV2286" s="6">
        <v>77</v>
      </c>
      <c r="BW2286" s="6">
        <v>80</v>
      </c>
      <c r="BX2286" s="6">
        <v>82</v>
      </c>
      <c r="BY2286" s="6">
        <v>81</v>
      </c>
      <c r="BZ2286" s="6">
        <v>80</v>
      </c>
      <c r="CA2286" s="6">
        <v>79</v>
      </c>
      <c r="CB2286" s="6">
        <v>79</v>
      </c>
      <c r="CC2286" s="11">
        <v>79</v>
      </c>
      <c r="CD2286" s="11">
        <v>597.90800000000002</v>
      </c>
      <c r="CE2286" s="11">
        <v>-113.873</v>
      </c>
      <c r="CF2286" s="11">
        <v>212.32900000000001</v>
      </c>
      <c r="CG2286" s="11">
        <v>98</v>
      </c>
      <c r="CH2286" s="20">
        <v>0.46709699999999998</v>
      </c>
      <c r="CI2286" s="20">
        <v>0.463586</v>
      </c>
      <c r="CJ2286" s="20">
        <v>0.47010999999999997</v>
      </c>
      <c r="CK2286" s="20">
        <v>0.47287600000000002</v>
      </c>
      <c r="CL2286" s="20">
        <v>0.47556500000000002</v>
      </c>
      <c r="CM2286" s="20">
        <v>0.47064499999999998</v>
      </c>
      <c r="CN2286" s="20">
        <v>0.46866099999999999</v>
      </c>
      <c r="CO2286" s="20">
        <v>0.48201300000000002</v>
      </c>
      <c r="CP2286" s="20">
        <v>0.51272300000000004</v>
      </c>
      <c r="CQ2286" s="20">
        <v>0.48508899999999999</v>
      </c>
      <c r="CR2286" s="20">
        <v>0.49650100000000003</v>
      </c>
      <c r="CS2286" s="20">
        <v>0.520312</v>
      </c>
      <c r="CT2286" s="20">
        <v>0.52288299999999999</v>
      </c>
      <c r="CU2286" s="20">
        <v>0.53376100000000004</v>
      </c>
      <c r="CV2286" s="20">
        <v>0.53108699999999998</v>
      </c>
      <c r="CW2286" s="20">
        <v>0.53693999999999997</v>
      </c>
      <c r="CX2286" s="20">
        <v>0.54195800000000005</v>
      </c>
      <c r="CY2286" s="6" t="s">
        <v>720</v>
      </c>
      <c r="CZ2286" s="6" t="s">
        <v>721</v>
      </c>
      <c r="DA2286" s="6" t="s">
        <v>111</v>
      </c>
      <c r="DB2286" s="6"/>
      <c r="DC2286" s="6">
        <v>14700</v>
      </c>
      <c r="DD2286" s="6">
        <v>520</v>
      </c>
      <c r="DE2286" s="6" t="s">
        <v>716</v>
      </c>
      <c r="DF2286" s="6" t="s">
        <v>363</v>
      </c>
      <c r="DG2286" s="6" t="s">
        <v>364</v>
      </c>
      <c r="DH2286" s="6" t="s">
        <v>365</v>
      </c>
      <c r="DI2286" s="6" t="s">
        <v>461</v>
      </c>
      <c r="DJ2286" s="6">
        <v>29</v>
      </c>
      <c r="DK2286" s="6">
        <v>213</v>
      </c>
      <c r="DL2286" s="6">
        <v>5</v>
      </c>
      <c r="DM2286" s="6" t="s">
        <v>392</v>
      </c>
      <c r="DN2286" s="6">
        <v>4</v>
      </c>
      <c r="DO2286" s="6" t="s">
        <v>557</v>
      </c>
      <c r="DP2286" s="6"/>
      <c r="DQ2286" s="6"/>
    </row>
    <row r="2287" spans="1:121" x14ac:dyDescent="0.2">
      <c r="A2287" s="6" t="s">
        <v>1</v>
      </c>
      <c r="B2287" s="6" t="s">
        <v>1</v>
      </c>
      <c r="C2287" s="6" t="s">
        <v>2</v>
      </c>
      <c r="D2287" s="6" t="s">
        <v>133</v>
      </c>
      <c r="E2287" s="6" t="s">
        <v>274</v>
      </c>
      <c r="F2287" s="11">
        <v>-45</v>
      </c>
      <c r="G2287" s="13">
        <v>-0.198237885463</v>
      </c>
      <c r="H2287" s="11">
        <v>-75.145473542000019</v>
      </c>
      <c r="I2287" s="13">
        <v>-0.33077659069741866</v>
      </c>
      <c r="J2287" s="11">
        <v>48.262518421999999</v>
      </c>
      <c r="K2287" s="13">
        <v>0.31744668583148589</v>
      </c>
      <c r="L2287" s="11">
        <v>-18.361492858999981</v>
      </c>
      <c r="M2287" s="13">
        <v>-9.1671799331177084E-2</v>
      </c>
      <c r="N2287" s="11">
        <v>29.901025563000019</v>
      </c>
      <c r="O2287" s="13">
        <v>0.19667397761841759</v>
      </c>
      <c r="P2287" s="7">
        <v>227.17893483200001</v>
      </c>
      <c r="Q2287" s="7">
        <v>201.78112612999999</v>
      </c>
      <c r="R2287" s="7">
        <v>184.57921422199999</v>
      </c>
      <c r="S2287" s="7">
        <v>185.48750930899999</v>
      </c>
      <c r="T2287" s="7">
        <v>216.93392059999999</v>
      </c>
      <c r="U2287" s="7">
        <v>190.126078001</v>
      </c>
      <c r="V2287" s="7">
        <v>152.03346128999999</v>
      </c>
      <c r="W2287" s="7">
        <v>150.930904508</v>
      </c>
      <c r="X2287" s="7">
        <v>232.15352253</v>
      </c>
      <c r="Y2287" s="7">
        <v>200.29597971199999</v>
      </c>
      <c r="Z2287" s="7">
        <v>169.985607934</v>
      </c>
      <c r="AA2287" s="7">
        <v>162.46103986200001</v>
      </c>
      <c r="AB2287" s="7">
        <v>159.6747503</v>
      </c>
      <c r="AC2287" s="7">
        <v>165.72397228700001</v>
      </c>
      <c r="AD2287" s="7">
        <v>182.03820542299999</v>
      </c>
      <c r="AE2287" s="7">
        <v>182.01222922900001</v>
      </c>
      <c r="AF2287" s="7">
        <v>181.93448685300001</v>
      </c>
      <c r="AG2287" s="9">
        <v>10874.000068000001</v>
      </c>
      <c r="AH2287" s="13">
        <v>0.59157744303892768</v>
      </c>
      <c r="AI2287" s="9">
        <v>4987.3630403000025</v>
      </c>
      <c r="AJ2287" s="13">
        <v>0.27132715251400413</v>
      </c>
      <c r="AK2287" s="9">
        <v>1104.3562635999988</v>
      </c>
      <c r="AL2287" s="13">
        <v>4.7257870803233681E-2</v>
      </c>
      <c r="AM2287" s="9">
        <v>4782.2807640999999</v>
      </c>
      <c r="AN2287" s="13">
        <v>0.1954098217294834</v>
      </c>
      <c r="AO2287" s="9">
        <v>5886.6370276999987</v>
      </c>
      <c r="AP2287" s="13">
        <v>0.25190234464169192</v>
      </c>
      <c r="AQ2287" s="9">
        <v>18381.363582999998</v>
      </c>
      <c r="AR2287" s="9">
        <v>18330.672637899999</v>
      </c>
      <c r="AS2287" s="9">
        <v>18985.2475356</v>
      </c>
      <c r="AT2287" s="9">
        <v>19132.146499099999</v>
      </c>
      <c r="AU2287" s="9">
        <v>20914.555369400001</v>
      </c>
      <c r="AV2287" s="9">
        <v>21558.985926599998</v>
      </c>
      <c r="AW2287" s="9">
        <v>23368.726623300001</v>
      </c>
      <c r="AX2287" s="9">
        <v>22638.835942599999</v>
      </c>
      <c r="AY2287" s="9">
        <v>24153.185566799999</v>
      </c>
      <c r="AZ2287" s="9">
        <v>24473.0828869</v>
      </c>
      <c r="BA2287" s="9">
        <v>25505.6590927</v>
      </c>
      <c r="BB2287" s="9">
        <v>24430.976424299999</v>
      </c>
      <c r="BC2287" s="9">
        <v>26162.4166372</v>
      </c>
      <c r="BD2287" s="9">
        <v>24888.727459599999</v>
      </c>
      <c r="BE2287" s="9">
        <v>27703.494848099999</v>
      </c>
      <c r="BF2287" s="9">
        <v>29255.363651</v>
      </c>
      <c r="BG2287" s="11">
        <v>3</v>
      </c>
      <c r="BH2287" s="13">
        <v>0.5</v>
      </c>
      <c r="BI2287" s="6">
        <v>6</v>
      </c>
      <c r="BJ2287" s="13">
        <v>1</v>
      </c>
      <c r="BK2287" s="6">
        <v>-2</v>
      </c>
      <c r="BL2287" s="13">
        <v>-0.16666666666666666</v>
      </c>
      <c r="BM2287" s="11">
        <v>-1</v>
      </c>
      <c r="BN2287" s="13">
        <v>-0.1</v>
      </c>
      <c r="BO2287" s="11">
        <v>-3</v>
      </c>
      <c r="BP2287" s="13">
        <v>-0.25</v>
      </c>
      <c r="BQ2287" s="6">
        <v>6</v>
      </c>
      <c r="BR2287" s="6">
        <v>8</v>
      </c>
      <c r="BS2287" s="6">
        <v>10</v>
      </c>
      <c r="BT2287" s="6">
        <v>12</v>
      </c>
      <c r="BU2287" s="6">
        <v>11</v>
      </c>
      <c r="BV2287" s="6">
        <v>9</v>
      </c>
      <c r="BW2287" s="6">
        <v>10</v>
      </c>
      <c r="BX2287" s="6">
        <v>10</v>
      </c>
      <c r="BY2287" s="6">
        <v>11</v>
      </c>
      <c r="BZ2287" s="6">
        <v>10</v>
      </c>
      <c r="CA2287" s="6">
        <v>10</v>
      </c>
      <c r="CB2287" s="6">
        <v>9</v>
      </c>
      <c r="CC2287" s="11">
        <v>9</v>
      </c>
      <c r="CD2287" s="11">
        <v>-49.365099999999998</v>
      </c>
      <c r="CE2287" s="11">
        <v>-20.712700000000002</v>
      </c>
      <c r="CF2287" s="11">
        <v>24.833400000000001</v>
      </c>
      <c r="CG2287" s="11">
        <v>4</v>
      </c>
      <c r="CH2287" s="20">
        <v>2.3349199999999999</v>
      </c>
      <c r="CI2287" s="20">
        <v>2.15646</v>
      </c>
      <c r="CJ2287" s="20">
        <v>1.95763</v>
      </c>
      <c r="CK2287" s="20">
        <v>1.9631700000000001</v>
      </c>
      <c r="CL2287" s="20">
        <v>2.3241299999999998</v>
      </c>
      <c r="CM2287" s="20">
        <v>2.0569099999999998</v>
      </c>
      <c r="CN2287" s="20">
        <v>1.6368100000000001</v>
      </c>
      <c r="CO2287" s="20">
        <v>1.67194</v>
      </c>
      <c r="CP2287" s="20">
        <v>2.5774900000000001</v>
      </c>
      <c r="CQ2287" s="20">
        <v>2.2000899999999999</v>
      </c>
      <c r="CR2287" s="20">
        <v>1.8960300000000001</v>
      </c>
      <c r="CS2287" s="20">
        <v>1.8098099999999999</v>
      </c>
      <c r="CT2287" s="20">
        <v>1.80044</v>
      </c>
      <c r="CU2287" s="20">
        <v>1.93398</v>
      </c>
      <c r="CV2287" s="20">
        <v>2.12982</v>
      </c>
      <c r="CW2287" s="20">
        <v>2.1633300000000002</v>
      </c>
      <c r="CX2287" s="20">
        <v>2.1700599999999999</v>
      </c>
      <c r="CY2287" s="6" t="s">
        <v>723</v>
      </c>
      <c r="CZ2287" s="6" t="s">
        <v>724</v>
      </c>
      <c r="DA2287" s="6" t="s">
        <v>133</v>
      </c>
      <c r="DB2287" s="6" t="s">
        <v>345</v>
      </c>
      <c r="DC2287" s="6"/>
      <c r="DD2287" s="6"/>
      <c r="DE2287" s="6"/>
      <c r="DF2287" s="6"/>
      <c r="DG2287" s="6"/>
      <c r="DH2287" s="6" t="s">
        <v>333</v>
      </c>
      <c r="DI2287" s="6"/>
      <c r="DJ2287" s="6"/>
      <c r="DK2287" s="6"/>
      <c r="DL2287" s="6">
        <v>9</v>
      </c>
      <c r="DM2287" s="6" t="s">
        <v>440</v>
      </c>
      <c r="DN2287" s="6">
        <v>9</v>
      </c>
      <c r="DO2287" s="6" t="s">
        <v>384</v>
      </c>
      <c r="DP2287" s="6"/>
      <c r="DQ2287" s="6"/>
    </row>
    <row r="2288" spans="1:121" x14ac:dyDescent="0.2">
      <c r="A2288" s="6" t="s">
        <v>310</v>
      </c>
      <c r="B2288" s="6" t="s">
        <v>310</v>
      </c>
      <c r="C2288" s="6" t="s">
        <v>173</v>
      </c>
      <c r="D2288" s="6" t="s">
        <v>133</v>
      </c>
      <c r="E2288" s="6" t="s">
        <v>274</v>
      </c>
      <c r="F2288" s="11">
        <v>-1</v>
      </c>
      <c r="G2288" s="13">
        <v>-4.5454545454499999E-2</v>
      </c>
      <c r="H2288" s="11">
        <v>-0.7344690000000007</v>
      </c>
      <c r="I2288" s="13">
        <v>-3.3235765238166855E-2</v>
      </c>
      <c r="J2288" s="11">
        <v>-16.364284999999999</v>
      </c>
      <c r="K2288" s="13">
        <v>-0.76596455252305429</v>
      </c>
      <c r="L2288" s="11">
        <v>15.836660571199999</v>
      </c>
      <c r="M2288" s="13">
        <v>3.1673321142399997</v>
      </c>
      <c r="N2288" s="11">
        <v>-0.52762442879999938</v>
      </c>
      <c r="O2288" s="13">
        <v>-2.4696563858795151E-2</v>
      </c>
      <c r="P2288" s="7">
        <v>22.098754</v>
      </c>
      <c r="Q2288" s="7">
        <v>24.779184999999998</v>
      </c>
      <c r="R2288" s="7">
        <v>25.069721999999999</v>
      </c>
      <c r="S2288" s="7">
        <v>24.937881999999998</v>
      </c>
      <c r="T2288" s="7">
        <v>25.032769999999999</v>
      </c>
      <c r="U2288" s="7">
        <v>23.300295432999999</v>
      </c>
      <c r="V2288" s="7">
        <v>21.364284999999999</v>
      </c>
      <c r="W2288" s="7">
        <v>26.688724000000001</v>
      </c>
      <c r="X2288" s="7">
        <v>5</v>
      </c>
      <c r="Y2288" s="7">
        <v>5</v>
      </c>
      <c r="Z2288" s="7">
        <v>18.268736000000001</v>
      </c>
      <c r="AA2288" s="7">
        <v>16.715367000000001</v>
      </c>
      <c r="AB2288" s="7">
        <v>16.147182000000001</v>
      </c>
      <c r="AC2288" s="7">
        <v>16.175428</v>
      </c>
      <c r="AD2288" s="7">
        <v>19.051444</v>
      </c>
      <c r="AE2288" s="7">
        <v>21.042113499999999</v>
      </c>
      <c r="AF2288" s="7">
        <v>20.836660571199999</v>
      </c>
      <c r="AG2288" s="9">
        <v>8036.8891333000029</v>
      </c>
      <c r="AH2288" s="13">
        <v>0.38081297730220598</v>
      </c>
      <c r="AI2288" s="9">
        <v>9459.367319500001</v>
      </c>
      <c r="AJ2288" s="13">
        <v>0.4482144487235043</v>
      </c>
      <c r="AK2288" s="9">
        <v>-30562.924181599999</v>
      </c>
      <c r="AL2288" s="13">
        <v>-0.99996728168823956</v>
      </c>
      <c r="AM2288" s="9">
        <v>29140.445995400001</v>
      </c>
      <c r="AN2288" s="13">
        <v>29140.445995400001</v>
      </c>
      <c r="AO2288" s="9">
        <v>-1422.4781861999982</v>
      </c>
      <c r="AP2288" s="13">
        <v>-4.6541084768701071E-2</v>
      </c>
      <c r="AQ2288" s="9">
        <v>21104.556862099998</v>
      </c>
      <c r="AR2288" s="9">
        <v>23170.8711042</v>
      </c>
      <c r="AS2288" s="9">
        <v>28576.693980100001</v>
      </c>
      <c r="AT2288" s="9">
        <v>29197.945261699999</v>
      </c>
      <c r="AU2288" s="9">
        <v>26641.3024348</v>
      </c>
      <c r="AV2288" s="9">
        <v>31361.942671100001</v>
      </c>
      <c r="AW2288" s="9">
        <v>30563.924181599999</v>
      </c>
      <c r="AX2288" s="9">
        <v>29359.598329600001</v>
      </c>
      <c r="AY2288" s="9">
        <v>1</v>
      </c>
      <c r="AZ2288" s="9">
        <v>1</v>
      </c>
      <c r="BA2288" s="9">
        <v>29442.367001800001</v>
      </c>
      <c r="BB2288" s="9">
        <v>26683.285958799999</v>
      </c>
      <c r="BC2288" s="9">
        <v>28522.959207799999</v>
      </c>
      <c r="BD2288" s="9">
        <v>44317.177775700002</v>
      </c>
      <c r="BE2288" s="9">
        <v>39679.591489500002</v>
      </c>
      <c r="BF2288" s="9">
        <v>29141.445995400001</v>
      </c>
      <c r="BG2288" s="11">
        <v>-1</v>
      </c>
      <c r="BH2288" s="13">
        <v>-0.33333333333333331</v>
      </c>
      <c r="BI2288" s="6">
        <v>-1</v>
      </c>
      <c r="BJ2288" s="13">
        <v>-0.33333333333333331</v>
      </c>
      <c r="BK2288" s="6">
        <v>0</v>
      </c>
      <c r="BL2288" s="13">
        <v>0</v>
      </c>
      <c r="BM2288" s="11">
        <v>0</v>
      </c>
      <c r="BN2288" s="13">
        <v>0</v>
      </c>
      <c r="BO2288" s="11">
        <v>0</v>
      </c>
      <c r="BP2288" s="13">
        <v>0</v>
      </c>
      <c r="BQ2288" s="6">
        <v>3</v>
      </c>
      <c r="BR2288" s="6">
        <v>3</v>
      </c>
      <c r="BS2288" s="6">
        <v>3</v>
      </c>
      <c r="BT2288" s="6">
        <v>2</v>
      </c>
      <c r="BU2288" s="6">
        <v>2</v>
      </c>
      <c r="BV2288" s="6">
        <v>2</v>
      </c>
      <c r="BW2288" s="6">
        <v>2</v>
      </c>
      <c r="BX2288" s="6">
        <v>3</v>
      </c>
      <c r="BY2288" s="6">
        <v>3</v>
      </c>
      <c r="BZ2288" s="6">
        <v>3</v>
      </c>
      <c r="CA2288" s="6">
        <v>3</v>
      </c>
      <c r="CB2288" s="6">
        <v>3</v>
      </c>
      <c r="CC2288" s="11">
        <v>2</v>
      </c>
      <c r="CD2288" s="11">
        <v>-5.9704499999999996</v>
      </c>
      <c r="CE2288" s="11">
        <v>2.2927</v>
      </c>
      <c r="CF2288" s="11">
        <v>2.4156599999999999</v>
      </c>
      <c r="CG2288" s="11">
        <v>4</v>
      </c>
      <c r="CH2288" s="20">
        <v>0.80053300000000005</v>
      </c>
      <c r="CI2288" s="20">
        <v>0.97498300000000004</v>
      </c>
      <c r="CJ2288" s="20">
        <v>0.99278900000000003</v>
      </c>
      <c r="CK2288" s="20">
        <v>0.95359099999999997</v>
      </c>
      <c r="CL2288" s="20">
        <v>0.90402199999999999</v>
      </c>
      <c r="CM2288" s="20">
        <v>0.77133300000000005</v>
      </c>
      <c r="CN2288" s="20">
        <v>0.65311200000000003</v>
      </c>
      <c r="CO2288" s="20">
        <v>0.757409</v>
      </c>
      <c r="CP2288" s="20">
        <v>9.1328199999999998E-2</v>
      </c>
      <c r="CQ2288" s="20">
        <v>0.28417900000000001</v>
      </c>
      <c r="CR2288" s="20">
        <v>0.50624100000000005</v>
      </c>
      <c r="CS2288" s="20">
        <v>0.42930099999999999</v>
      </c>
      <c r="CT2288" s="20">
        <v>0.41658499999999998</v>
      </c>
      <c r="CU2288" s="20">
        <v>0.42385499999999998</v>
      </c>
      <c r="CV2288" s="20">
        <v>0.56571700000000003</v>
      </c>
      <c r="CW2288" s="20">
        <v>0.74716000000000005</v>
      </c>
      <c r="CX2288" s="20">
        <v>0.73521899999999996</v>
      </c>
      <c r="CY2288" s="6" t="s">
        <v>723</v>
      </c>
      <c r="CZ2288" s="6" t="s">
        <v>724</v>
      </c>
      <c r="DA2288" s="6" t="s">
        <v>133</v>
      </c>
      <c r="DB2288" s="6" t="s">
        <v>345</v>
      </c>
      <c r="DC2288" s="6"/>
      <c r="DD2288" s="6"/>
      <c r="DE2288" s="6"/>
      <c r="DF2288" s="6"/>
      <c r="DG2288" s="6"/>
      <c r="DH2288" s="6" t="s">
        <v>333</v>
      </c>
      <c r="DI2288" s="6"/>
      <c r="DJ2288" s="6"/>
      <c r="DK2288" s="6"/>
      <c r="DL2288" s="6">
        <v>9</v>
      </c>
      <c r="DM2288" s="6" t="s">
        <v>440</v>
      </c>
      <c r="DN2288" s="6">
        <v>9</v>
      </c>
      <c r="DO2288" s="6" t="s">
        <v>384</v>
      </c>
      <c r="DP2288" s="6"/>
      <c r="DQ2288" s="6"/>
    </row>
    <row r="2289" spans="1:121" x14ac:dyDescent="0.2">
      <c r="A2289" s="6" t="s">
        <v>311</v>
      </c>
      <c r="B2289" s="6" t="s">
        <v>311</v>
      </c>
      <c r="C2289" s="6" t="s">
        <v>174</v>
      </c>
      <c r="D2289" s="6" t="s">
        <v>133</v>
      </c>
      <c r="E2289" s="6" t="s">
        <v>274</v>
      </c>
      <c r="F2289" s="11">
        <v>-9</v>
      </c>
      <c r="G2289" s="13">
        <v>-8.6538461538500006E-2</v>
      </c>
      <c r="H2289" s="11">
        <v>-18.255715999999993</v>
      </c>
      <c r="I2289" s="13">
        <v>-0.17530231573582844</v>
      </c>
      <c r="J2289" s="11">
        <v>13.806186999999994</v>
      </c>
      <c r="K2289" s="13">
        <v>0.16075620997741566</v>
      </c>
      <c r="L2289" s="11">
        <v>-4.7556521167999932</v>
      </c>
      <c r="M2289" s="13">
        <v>-4.7704908717713643E-2</v>
      </c>
      <c r="N2289" s="11">
        <v>9.050534883200001</v>
      </c>
      <c r="O2289" s="13">
        <v>0.10538244093692378</v>
      </c>
      <c r="P2289" s="7">
        <v>104.138476</v>
      </c>
      <c r="Q2289" s="7">
        <v>85.947958</v>
      </c>
      <c r="R2289" s="7">
        <v>86.911918</v>
      </c>
      <c r="S2289" s="7">
        <v>101.14005899999999</v>
      </c>
      <c r="T2289" s="7">
        <v>106.352396</v>
      </c>
      <c r="U2289" s="7">
        <v>83.755911999999995</v>
      </c>
      <c r="V2289" s="7">
        <v>85.882760000000005</v>
      </c>
      <c r="W2289" s="7">
        <v>74.674852999999999</v>
      </c>
      <c r="X2289" s="7">
        <v>91.890469999999993</v>
      </c>
      <c r="Y2289" s="7">
        <v>99.688946999999999</v>
      </c>
      <c r="Z2289" s="7">
        <v>99.029122999999998</v>
      </c>
      <c r="AA2289" s="7">
        <v>93.995659000000003</v>
      </c>
      <c r="AB2289" s="7">
        <v>92.572404462700007</v>
      </c>
      <c r="AC2289" s="7">
        <v>90.2016195904</v>
      </c>
      <c r="AD2289" s="7">
        <v>91.297166348499999</v>
      </c>
      <c r="AE2289" s="7">
        <v>96.493658375799995</v>
      </c>
      <c r="AF2289" s="7">
        <v>94.933294883200006</v>
      </c>
      <c r="AG2289" s="9">
        <v>20411.195640500002</v>
      </c>
      <c r="AH2289" s="13">
        <v>0.36102830636949362</v>
      </c>
      <c r="AI2289" s="9">
        <v>-9016.354963400001</v>
      </c>
      <c r="AJ2289" s="13">
        <v>-0.15947911231635917</v>
      </c>
      <c r="AK2289" s="9">
        <v>21945.662445499998</v>
      </c>
      <c r="AL2289" s="13">
        <v>0.46182027225096595</v>
      </c>
      <c r="AM2289" s="9">
        <v>7481.8881584000046</v>
      </c>
      <c r="AN2289" s="13">
        <v>0.10770640484779608</v>
      </c>
      <c r="AO2289" s="9">
        <v>29427.550603900003</v>
      </c>
      <c r="AP2289" s="13">
        <v>0.61926767830874396</v>
      </c>
      <c r="AQ2289" s="9">
        <v>56536.275079799998</v>
      </c>
      <c r="AR2289" s="9">
        <v>54299.9219887</v>
      </c>
      <c r="AS2289" s="9">
        <v>51288.393817700002</v>
      </c>
      <c r="AT2289" s="9">
        <v>52289.506487699997</v>
      </c>
      <c r="AU2289" s="9">
        <v>51491.874128700001</v>
      </c>
      <c r="AV2289" s="9">
        <v>56849.213997600003</v>
      </c>
      <c r="AW2289" s="9">
        <v>47519.920116399997</v>
      </c>
      <c r="AX2289" s="9">
        <v>27010.0140904</v>
      </c>
      <c r="AY2289" s="9">
        <v>70563.830501899996</v>
      </c>
      <c r="AZ2289" s="9">
        <v>69465.582561899995</v>
      </c>
      <c r="BA2289" s="9">
        <v>72716.762612199993</v>
      </c>
      <c r="BB2289" s="9">
        <v>71725.720531500003</v>
      </c>
      <c r="BC2289" s="9">
        <v>77281.831432499996</v>
      </c>
      <c r="BD2289" s="9">
        <v>80533.807105200001</v>
      </c>
      <c r="BE2289" s="9">
        <v>73715.238007199994</v>
      </c>
      <c r="BF2289" s="9">
        <v>76947.4707203</v>
      </c>
      <c r="BG2289" s="11">
        <v>0</v>
      </c>
      <c r="BH2289" s="13">
        <v>0</v>
      </c>
      <c r="BI2289" s="6">
        <v>0</v>
      </c>
      <c r="BJ2289" s="13">
        <v>0</v>
      </c>
      <c r="BK2289" s="6">
        <v>0</v>
      </c>
      <c r="BL2289" s="13">
        <v>0</v>
      </c>
      <c r="BM2289" s="11">
        <v>0</v>
      </c>
      <c r="BN2289" s="13">
        <v>0</v>
      </c>
      <c r="BO2289" s="11">
        <v>0</v>
      </c>
      <c r="BP2289" s="13">
        <v>0</v>
      </c>
      <c r="BQ2289" s="6">
        <v>4</v>
      </c>
      <c r="BR2289" s="6">
        <v>4</v>
      </c>
      <c r="BS2289" s="6">
        <v>4</v>
      </c>
      <c r="BT2289" s="6">
        <v>4</v>
      </c>
      <c r="BU2289" s="6">
        <v>4</v>
      </c>
      <c r="BV2289" s="6">
        <v>4</v>
      </c>
      <c r="BW2289" s="6">
        <v>4</v>
      </c>
      <c r="BX2289" s="6">
        <v>4</v>
      </c>
      <c r="BY2289" s="6">
        <v>4</v>
      </c>
      <c r="BZ2289" s="6">
        <v>4</v>
      </c>
      <c r="CA2289" s="6">
        <v>4</v>
      </c>
      <c r="CB2289" s="6">
        <v>4</v>
      </c>
      <c r="CC2289" s="11">
        <v>4</v>
      </c>
      <c r="CD2289" s="11">
        <v>-3.6304699999999999</v>
      </c>
      <c r="CE2289" s="11">
        <v>-16.958300000000001</v>
      </c>
      <c r="CF2289" s="11">
        <v>11.383599999999999</v>
      </c>
      <c r="CG2289" s="11">
        <v>-6</v>
      </c>
      <c r="CH2289" s="20">
        <v>3.44312</v>
      </c>
      <c r="CI2289" s="20">
        <v>2.96469</v>
      </c>
      <c r="CJ2289" s="20">
        <v>3.07212</v>
      </c>
      <c r="CK2289" s="20">
        <v>3.66466</v>
      </c>
      <c r="CL2289" s="20">
        <v>4.0204000000000004</v>
      </c>
      <c r="CM2289" s="20">
        <v>3.21401</v>
      </c>
      <c r="CN2289" s="20">
        <v>3.2353999999999998</v>
      </c>
      <c r="CO2289" s="20">
        <v>2.7720600000000002</v>
      </c>
      <c r="CP2289" s="20">
        <v>3.3718699999999999</v>
      </c>
      <c r="CQ2289" s="20">
        <v>3.6570499999999999</v>
      </c>
      <c r="CR2289" s="20">
        <v>3.7206800000000002</v>
      </c>
      <c r="CS2289" s="20">
        <v>3.5734499999999998</v>
      </c>
      <c r="CT2289" s="20">
        <v>3.6063299999999998</v>
      </c>
      <c r="CU2289" s="20">
        <v>3.66405</v>
      </c>
      <c r="CV2289" s="20">
        <v>3.7235399999999998</v>
      </c>
      <c r="CW2289" s="20">
        <v>3.9928900000000001</v>
      </c>
      <c r="CX2289" s="20">
        <v>3.9184399999999999</v>
      </c>
      <c r="CY2289" s="6" t="s">
        <v>723</v>
      </c>
      <c r="CZ2289" s="6" t="s">
        <v>724</v>
      </c>
      <c r="DA2289" s="6" t="s">
        <v>133</v>
      </c>
      <c r="DB2289" s="6" t="s">
        <v>345</v>
      </c>
      <c r="DC2289" s="6"/>
      <c r="DD2289" s="6"/>
      <c r="DE2289" s="6"/>
      <c r="DF2289" s="6"/>
      <c r="DG2289" s="6"/>
      <c r="DH2289" s="6" t="s">
        <v>333</v>
      </c>
      <c r="DI2289" s="6"/>
      <c r="DJ2289" s="6"/>
      <c r="DK2289" s="6"/>
      <c r="DL2289" s="6">
        <v>9</v>
      </c>
      <c r="DM2289" s="6" t="s">
        <v>440</v>
      </c>
      <c r="DN2289" s="6">
        <v>9</v>
      </c>
      <c r="DO2289" s="6" t="s">
        <v>384</v>
      </c>
      <c r="DP2289" s="6"/>
      <c r="DQ2289" s="6"/>
    </row>
    <row r="2290" spans="1:121" x14ac:dyDescent="0.2">
      <c r="A2290" s="6" t="s">
        <v>312</v>
      </c>
      <c r="B2290" s="6" t="s">
        <v>312</v>
      </c>
      <c r="C2290" s="6" t="s">
        <v>175</v>
      </c>
      <c r="D2290" s="6" t="s">
        <v>133</v>
      </c>
      <c r="E2290" s="6" t="s">
        <v>274</v>
      </c>
      <c r="F2290" s="11">
        <v>61</v>
      </c>
      <c r="G2290" s="13">
        <v>0.16897506925200001</v>
      </c>
      <c r="H2290" s="11">
        <v>67.771837005999998</v>
      </c>
      <c r="I2290" s="13">
        <v>0.18759383826072015</v>
      </c>
      <c r="J2290" s="11">
        <v>35.510469393000051</v>
      </c>
      <c r="K2290" s="13">
        <v>8.2767109620187962E-2</v>
      </c>
      <c r="L2290" s="11">
        <v>-42.674299764000011</v>
      </c>
      <c r="M2290" s="13">
        <v>-9.1861329064347588E-2</v>
      </c>
      <c r="N2290" s="11">
        <v>-7.1638303709999605</v>
      </c>
      <c r="O2290" s="13">
        <v>-1.6697316136684636E-2</v>
      </c>
      <c r="P2290" s="7">
        <v>361.26899281099998</v>
      </c>
      <c r="Q2290" s="7">
        <v>382.76862051199998</v>
      </c>
      <c r="R2290" s="7">
        <v>375.88720035199998</v>
      </c>
      <c r="S2290" s="7">
        <v>421.663000711</v>
      </c>
      <c r="T2290" s="7">
        <v>450.43809702099998</v>
      </c>
      <c r="U2290" s="7">
        <v>431.80381023199999</v>
      </c>
      <c r="V2290" s="7">
        <v>429.04082981699997</v>
      </c>
      <c r="W2290" s="7">
        <v>456.58434374900003</v>
      </c>
      <c r="X2290" s="7">
        <v>451.36592324700001</v>
      </c>
      <c r="Y2290" s="7">
        <v>464.55129921000002</v>
      </c>
      <c r="Z2290" s="7">
        <v>423.922279575</v>
      </c>
      <c r="AA2290" s="7">
        <v>443.80218479500002</v>
      </c>
      <c r="AB2290" s="7">
        <v>417.973255924</v>
      </c>
      <c r="AC2290" s="7">
        <v>416.40495601200001</v>
      </c>
      <c r="AD2290" s="7">
        <v>430.30855395899999</v>
      </c>
      <c r="AE2290" s="7">
        <v>414.012508067</v>
      </c>
      <c r="AF2290" s="7">
        <v>421.87699944600001</v>
      </c>
      <c r="AG2290" s="9">
        <v>5682.8429111000005</v>
      </c>
      <c r="AH2290" s="13">
        <v>0.22394766581439299</v>
      </c>
      <c r="AI2290" s="9">
        <v>-601.77737189999971</v>
      </c>
      <c r="AJ2290" s="13">
        <v>-2.371465125557002E-2</v>
      </c>
      <c r="AK2290" s="9">
        <v>5086.3112462999998</v>
      </c>
      <c r="AL2290" s="13">
        <v>0.20530855653361901</v>
      </c>
      <c r="AM2290" s="9">
        <v>1198.3090367000004</v>
      </c>
      <c r="AN2290" s="13">
        <v>4.013051304671636E-2</v>
      </c>
      <c r="AO2290" s="9">
        <v>6284.6202830000002</v>
      </c>
      <c r="AP2290" s="13">
        <v>0.25367820728691026</v>
      </c>
      <c r="AQ2290" s="9">
        <v>25375.763084800001</v>
      </c>
      <c r="AR2290" s="9">
        <v>23450.7966099</v>
      </c>
      <c r="AS2290" s="9">
        <v>23740.181213200001</v>
      </c>
      <c r="AT2290" s="9">
        <v>24698.351298699999</v>
      </c>
      <c r="AU2290" s="9">
        <v>24294.160128399999</v>
      </c>
      <c r="AV2290" s="9">
        <v>24981.870683100002</v>
      </c>
      <c r="AW2290" s="9">
        <v>24773.985712900001</v>
      </c>
      <c r="AX2290" s="9">
        <v>26105.551220000001</v>
      </c>
      <c r="AY2290" s="9">
        <v>25970.967709100001</v>
      </c>
      <c r="AZ2290" s="9">
        <v>29860.296959200001</v>
      </c>
      <c r="BA2290" s="9">
        <v>31968.4543448</v>
      </c>
      <c r="BB2290" s="9">
        <v>30950.507202299999</v>
      </c>
      <c r="BC2290" s="9">
        <v>30968.973465499999</v>
      </c>
      <c r="BD2290" s="9">
        <v>31973.916614000002</v>
      </c>
      <c r="BE2290" s="9">
        <v>32169.7302127</v>
      </c>
      <c r="BF2290" s="9">
        <v>31058.605995900001</v>
      </c>
      <c r="BG2290" s="11">
        <v>-9.5</v>
      </c>
      <c r="BH2290" s="13">
        <v>-0.21590909090909091</v>
      </c>
      <c r="BI2290" s="6">
        <v>1</v>
      </c>
      <c r="BJ2290" s="13">
        <v>2.2727272727272728E-2</v>
      </c>
      <c r="BK2290" s="6">
        <v>1</v>
      </c>
      <c r="BL2290" s="13">
        <v>2.2222222222222223E-2</v>
      </c>
      <c r="BM2290" s="11">
        <v>-11.5</v>
      </c>
      <c r="BN2290" s="13">
        <v>-0.25</v>
      </c>
      <c r="BO2290" s="11">
        <v>-10.5</v>
      </c>
      <c r="BP2290" s="13">
        <v>-0.23333333333333334</v>
      </c>
      <c r="BQ2290" s="6">
        <v>44</v>
      </c>
      <c r="BR2290" s="6">
        <v>44</v>
      </c>
      <c r="BS2290" s="6">
        <v>47</v>
      </c>
      <c r="BT2290" s="6">
        <v>45</v>
      </c>
      <c r="BU2290" s="6">
        <v>43</v>
      </c>
      <c r="BV2290" s="6">
        <v>42</v>
      </c>
      <c r="BW2290" s="6">
        <v>46</v>
      </c>
      <c r="BX2290" s="6">
        <v>40</v>
      </c>
      <c r="BY2290" s="6">
        <v>38</v>
      </c>
      <c r="BZ2290" s="6">
        <v>39</v>
      </c>
      <c r="CA2290" s="6">
        <v>39</v>
      </c>
      <c r="CB2290" s="6">
        <v>40</v>
      </c>
      <c r="CC2290" s="11">
        <v>34.5</v>
      </c>
      <c r="CD2290" s="11">
        <v>64.875799999999998</v>
      </c>
      <c r="CE2290" s="11">
        <v>-43.758899999999997</v>
      </c>
      <c r="CF2290" s="11">
        <v>39.491100000000003</v>
      </c>
      <c r="CG2290" s="11">
        <v>-5</v>
      </c>
      <c r="CH2290" s="20">
        <v>0.82351799999999997</v>
      </c>
      <c r="CI2290" s="20">
        <v>0.90400100000000005</v>
      </c>
      <c r="CJ2290" s="20">
        <v>0.86934299999999998</v>
      </c>
      <c r="CK2290" s="20">
        <v>0.93728100000000003</v>
      </c>
      <c r="CL2290" s="20">
        <v>0.97388699999999995</v>
      </c>
      <c r="CM2290" s="20">
        <v>0.90256099999999995</v>
      </c>
      <c r="CN2290" s="20">
        <v>0.89225399999999999</v>
      </c>
      <c r="CO2290" s="20">
        <v>1.0041599999999999</v>
      </c>
      <c r="CP2290" s="20">
        <v>1.1318699999999999</v>
      </c>
      <c r="CQ2290" s="20">
        <v>1.24596</v>
      </c>
      <c r="CR2290" s="20">
        <v>1.1767300000000001</v>
      </c>
      <c r="CS2290" s="20">
        <v>1.2347900000000001</v>
      </c>
      <c r="CT2290" s="20">
        <v>1.1628099999999999</v>
      </c>
      <c r="CU2290" s="20">
        <v>1.17127</v>
      </c>
      <c r="CV2290" s="20">
        <v>1.18161</v>
      </c>
      <c r="CW2290" s="20">
        <v>1.1296600000000001</v>
      </c>
      <c r="CX2290" s="20">
        <v>1.1498699999999999</v>
      </c>
      <c r="CY2290" s="6" t="s">
        <v>723</v>
      </c>
      <c r="CZ2290" s="6" t="s">
        <v>724</v>
      </c>
      <c r="DA2290" s="6" t="s">
        <v>133</v>
      </c>
      <c r="DB2290" s="6" t="s">
        <v>345</v>
      </c>
      <c r="DC2290" s="6"/>
      <c r="DD2290" s="6"/>
      <c r="DE2290" s="6"/>
      <c r="DF2290" s="6"/>
      <c r="DG2290" s="6"/>
      <c r="DH2290" s="6" t="s">
        <v>333</v>
      </c>
      <c r="DI2290" s="6"/>
      <c r="DJ2290" s="6"/>
      <c r="DK2290" s="6"/>
      <c r="DL2290" s="6">
        <v>9</v>
      </c>
      <c r="DM2290" s="6" t="s">
        <v>440</v>
      </c>
      <c r="DN2290" s="6">
        <v>9</v>
      </c>
      <c r="DO2290" s="6" t="s">
        <v>384</v>
      </c>
      <c r="DP2290" s="6"/>
      <c r="DQ2290" s="6"/>
    </row>
    <row r="2291" spans="1:121" x14ac:dyDescent="0.2">
      <c r="A2291" s="6" t="s">
        <v>792</v>
      </c>
      <c r="B2291" s="6" t="s">
        <v>176</v>
      </c>
      <c r="C2291" s="6" t="s">
        <v>177</v>
      </c>
      <c r="D2291" s="6" t="s">
        <v>133</v>
      </c>
      <c r="E2291" s="6" t="s">
        <v>274</v>
      </c>
      <c r="F2291" s="11">
        <v>-380</v>
      </c>
      <c r="G2291" s="13">
        <v>-0.31905961376999997</v>
      </c>
      <c r="H2291" s="11">
        <v>-63.497064809999983</v>
      </c>
      <c r="I2291" s="13">
        <v>-5.3316382841156362E-2</v>
      </c>
      <c r="J2291" s="11">
        <v>-192.94164042600005</v>
      </c>
      <c r="K2291" s="13">
        <v>-0.17113078113119029</v>
      </c>
      <c r="L2291" s="11">
        <v>-123.6988744890001</v>
      </c>
      <c r="M2291" s="13">
        <v>-0.1323676633019539</v>
      </c>
      <c r="N2291" s="11">
        <v>-316.64051491500015</v>
      </c>
      <c r="O2291" s="13">
        <v>-0.28084626281577041</v>
      </c>
      <c r="P2291" s="7">
        <v>1190.9484744900001</v>
      </c>
      <c r="Q2291" s="7">
        <v>993.74661270599995</v>
      </c>
      <c r="R2291" s="7">
        <v>864.89348468000003</v>
      </c>
      <c r="S2291" s="7">
        <v>909.54586454000003</v>
      </c>
      <c r="T2291" s="7">
        <v>1021.09189443</v>
      </c>
      <c r="U2291" s="7">
        <v>1035.2040998099999</v>
      </c>
      <c r="V2291" s="7">
        <v>1127.4514096800001</v>
      </c>
      <c r="W2291" s="7">
        <v>1098.6829781500001</v>
      </c>
      <c r="X2291" s="7">
        <v>906.42999192299999</v>
      </c>
      <c r="Y2291" s="7">
        <v>934.50976925400005</v>
      </c>
      <c r="Z2291" s="7">
        <v>936.43457282899999</v>
      </c>
      <c r="AA2291" s="7">
        <v>957.03012543199998</v>
      </c>
      <c r="AB2291" s="7">
        <v>904.886126332</v>
      </c>
      <c r="AC2291" s="7">
        <v>802.08677604399998</v>
      </c>
      <c r="AD2291" s="7">
        <v>806.01700818799998</v>
      </c>
      <c r="AE2291" s="7">
        <v>831.82293743699995</v>
      </c>
      <c r="AF2291" s="7">
        <v>810.81089476499994</v>
      </c>
      <c r="AG2291" s="9">
        <v>21625.900804299999</v>
      </c>
      <c r="AH2291" s="13">
        <v>0.81918192003963586</v>
      </c>
      <c r="AI2291" s="9">
        <v>6649.6344305000021</v>
      </c>
      <c r="AJ2291" s="13">
        <v>0.25188593759088884</v>
      </c>
      <c r="AK2291" s="9">
        <v>6075.6224873999963</v>
      </c>
      <c r="AL2291" s="13">
        <v>0.1838366814805221</v>
      </c>
      <c r="AM2291" s="9">
        <v>8900.6438864000011</v>
      </c>
      <c r="AN2291" s="13">
        <v>0.22749456401567825</v>
      </c>
      <c r="AO2291" s="9">
        <v>14976.266373799997</v>
      </c>
      <c r="AP2291" s="13">
        <v>0.45315309119970082</v>
      </c>
      <c r="AQ2291" s="9">
        <v>26399.387334200001</v>
      </c>
      <c r="AR2291" s="9">
        <v>27845.810642500001</v>
      </c>
      <c r="AS2291" s="9">
        <v>31199.933276700001</v>
      </c>
      <c r="AT2291" s="9">
        <v>31824.068016099998</v>
      </c>
      <c r="AU2291" s="9">
        <v>32168.160826200001</v>
      </c>
      <c r="AV2291" s="9">
        <v>33894.958802399997</v>
      </c>
      <c r="AW2291" s="9">
        <v>33049.021764700003</v>
      </c>
      <c r="AX2291" s="9">
        <v>34452.266721200001</v>
      </c>
      <c r="AY2291" s="9">
        <v>36496.743112199998</v>
      </c>
      <c r="AZ2291" s="9">
        <v>39124.644252099999</v>
      </c>
      <c r="BA2291" s="9">
        <v>39599.384011900001</v>
      </c>
      <c r="BB2291" s="9">
        <v>43812.234149099997</v>
      </c>
      <c r="BC2291" s="9">
        <v>45111.739370000003</v>
      </c>
      <c r="BD2291" s="9">
        <v>44894.913370900002</v>
      </c>
      <c r="BE2291" s="9">
        <v>46112.321301700002</v>
      </c>
      <c r="BF2291" s="9">
        <v>48025.2881385</v>
      </c>
      <c r="BG2291" s="11">
        <v>-3.5</v>
      </c>
      <c r="BH2291" s="13">
        <v>-7.7777777777777779E-2</v>
      </c>
      <c r="BI2291" s="6">
        <v>0</v>
      </c>
      <c r="BJ2291" s="13">
        <v>0</v>
      </c>
      <c r="BK2291" s="6">
        <v>3</v>
      </c>
      <c r="BL2291" s="13">
        <v>6.6666666666666666E-2</v>
      </c>
      <c r="BM2291" s="11">
        <v>-6.5</v>
      </c>
      <c r="BN2291" s="13">
        <v>-0.13541666666666666</v>
      </c>
      <c r="BO2291" s="11">
        <v>-3.5</v>
      </c>
      <c r="BP2291" s="13">
        <v>-7.7777777777777779E-2</v>
      </c>
      <c r="BQ2291" s="6">
        <v>45</v>
      </c>
      <c r="BR2291" s="6">
        <v>46</v>
      </c>
      <c r="BS2291" s="6">
        <v>42</v>
      </c>
      <c r="BT2291" s="6">
        <v>45</v>
      </c>
      <c r="BU2291" s="6">
        <v>48</v>
      </c>
      <c r="BV2291" s="6">
        <v>47</v>
      </c>
      <c r="BW2291" s="6">
        <v>48</v>
      </c>
      <c r="BX2291" s="6">
        <v>43</v>
      </c>
      <c r="BY2291" s="6">
        <v>43</v>
      </c>
      <c r="BZ2291" s="6">
        <v>43</v>
      </c>
      <c r="CA2291" s="6">
        <v>42</v>
      </c>
      <c r="CB2291" s="6">
        <v>42</v>
      </c>
      <c r="CC2291" s="11">
        <v>41.5</v>
      </c>
      <c r="CD2291" s="11">
        <v>-89.944299999999998</v>
      </c>
      <c r="CE2291" s="11">
        <v>-420.37799999999999</v>
      </c>
      <c r="CF2291" s="11">
        <v>130.185</v>
      </c>
      <c r="CG2291" s="11">
        <v>-290</v>
      </c>
      <c r="CH2291" s="20">
        <v>1.41805</v>
      </c>
      <c r="CI2291" s="20">
        <v>1.3100799999999999</v>
      </c>
      <c r="CJ2291" s="20">
        <v>1.19356</v>
      </c>
      <c r="CK2291" s="20">
        <v>1.2777400000000001</v>
      </c>
      <c r="CL2291" s="20">
        <v>1.46922</v>
      </c>
      <c r="CM2291" s="20">
        <v>1.50936</v>
      </c>
      <c r="CN2291" s="20">
        <v>1.65585</v>
      </c>
      <c r="CO2291" s="20">
        <v>1.6695599999999999</v>
      </c>
      <c r="CP2291" s="20">
        <v>1.54735</v>
      </c>
      <c r="CQ2291" s="20">
        <v>1.6141099999999999</v>
      </c>
      <c r="CR2291" s="20">
        <v>1.62412</v>
      </c>
      <c r="CS2291" s="20">
        <v>1.65178</v>
      </c>
      <c r="CT2291" s="20">
        <v>1.58622</v>
      </c>
      <c r="CU2291" s="20">
        <v>1.45642</v>
      </c>
      <c r="CV2291" s="20">
        <v>1.4688000000000001</v>
      </c>
      <c r="CW2291" s="20">
        <v>1.5390699999999999</v>
      </c>
      <c r="CX2291" s="20">
        <v>1.5082100000000001</v>
      </c>
      <c r="CY2291" s="6" t="s">
        <v>723</v>
      </c>
      <c r="CZ2291" s="6" t="s">
        <v>724</v>
      </c>
      <c r="DA2291" s="6" t="s">
        <v>133</v>
      </c>
      <c r="DB2291" s="6" t="s">
        <v>345</v>
      </c>
      <c r="DC2291" s="6"/>
      <c r="DD2291" s="6"/>
      <c r="DE2291" s="6"/>
      <c r="DF2291" s="6"/>
      <c r="DG2291" s="6"/>
      <c r="DH2291" s="6" t="s">
        <v>333</v>
      </c>
      <c r="DI2291" s="6"/>
      <c r="DJ2291" s="6"/>
      <c r="DK2291" s="6"/>
      <c r="DL2291" s="6">
        <v>9</v>
      </c>
      <c r="DM2291" s="6" t="s">
        <v>440</v>
      </c>
      <c r="DN2291" s="6">
        <v>9</v>
      </c>
      <c r="DO2291" s="6" t="s">
        <v>384</v>
      </c>
      <c r="DP2291" s="6"/>
      <c r="DQ2291" s="6"/>
    </row>
    <row r="2292" spans="1:121" x14ac:dyDescent="0.2">
      <c r="A2292" s="6" t="s">
        <v>313</v>
      </c>
      <c r="B2292" s="6" t="s">
        <v>313</v>
      </c>
      <c r="C2292" s="6" t="s">
        <v>178</v>
      </c>
      <c r="D2292" s="6" t="s">
        <v>133</v>
      </c>
      <c r="E2292" s="6" t="s">
        <v>274</v>
      </c>
      <c r="F2292" s="11">
        <v>-79</v>
      </c>
      <c r="G2292" s="13">
        <v>-0.40512820512800002</v>
      </c>
      <c r="H2292" s="11">
        <v>-76.511580034000019</v>
      </c>
      <c r="I2292" s="13">
        <v>-0.39185720255710826</v>
      </c>
      <c r="J2292" s="11">
        <v>-34.636557226099995</v>
      </c>
      <c r="K2292" s="13">
        <v>-0.29169555653402429</v>
      </c>
      <c r="L2292" s="11">
        <v>31.886494815099994</v>
      </c>
      <c r="M2292" s="13">
        <v>0.37912455231833503</v>
      </c>
      <c r="N2292" s="11">
        <v>-2.7500624110000018</v>
      </c>
      <c r="O2292" s="13">
        <v>-2.3159951499898829E-2</v>
      </c>
      <c r="P2292" s="7">
        <v>195.25372899800001</v>
      </c>
      <c r="Q2292" s="7">
        <v>183.886582366</v>
      </c>
      <c r="R2292" s="7">
        <v>199.05267052400001</v>
      </c>
      <c r="S2292" s="7">
        <v>198.76585913900001</v>
      </c>
      <c r="T2292" s="7">
        <v>163.964573519</v>
      </c>
      <c r="U2292" s="7">
        <v>135.57465536800001</v>
      </c>
      <c r="V2292" s="7">
        <v>118.74214896399999</v>
      </c>
      <c r="W2292" s="7">
        <v>98.766534371399999</v>
      </c>
      <c r="X2292" s="7">
        <v>72.237323452699997</v>
      </c>
      <c r="Y2292" s="7">
        <v>84.105591737899999</v>
      </c>
      <c r="Z2292" s="7">
        <v>78.777952163199998</v>
      </c>
      <c r="AA2292" s="7">
        <v>79.805064771700003</v>
      </c>
      <c r="AB2292" s="7">
        <v>75.556410033399999</v>
      </c>
      <c r="AC2292" s="7">
        <v>94.392992376999999</v>
      </c>
      <c r="AD2292" s="7">
        <v>95.345795093800007</v>
      </c>
      <c r="AE2292" s="7">
        <v>108.615121655</v>
      </c>
      <c r="AF2292" s="7">
        <v>115.99208655299999</v>
      </c>
      <c r="AG2292" s="9">
        <v>21515.038624099998</v>
      </c>
      <c r="AH2292" s="13">
        <v>1.0735979004450684</v>
      </c>
      <c r="AI2292" s="9">
        <v>16241.185030500001</v>
      </c>
      <c r="AJ2292" s="13">
        <v>0.81043322552780528</v>
      </c>
      <c r="AK2292" s="9">
        <v>-5752.2846004999992</v>
      </c>
      <c r="AL2292" s="13">
        <v>-0.15854676213597596</v>
      </c>
      <c r="AM2292" s="9">
        <v>11026.138194099996</v>
      </c>
      <c r="AN2292" s="13">
        <v>0.36116899239198758</v>
      </c>
      <c r="AO2292" s="9">
        <v>5273.8535935999971</v>
      </c>
      <c r="AP2292" s="13">
        <v>0.14536005592834902</v>
      </c>
      <c r="AQ2292" s="9">
        <v>20040.127328099999</v>
      </c>
      <c r="AR2292" s="9">
        <v>21231.834905600001</v>
      </c>
      <c r="AS2292" s="9">
        <v>22387.103367200001</v>
      </c>
      <c r="AT2292" s="9">
        <v>21834.0869136</v>
      </c>
      <c r="AU2292" s="9">
        <v>26178.0495567</v>
      </c>
      <c r="AV2292" s="9">
        <v>30077.8920736</v>
      </c>
      <c r="AW2292" s="9">
        <v>36281.3123586</v>
      </c>
      <c r="AX2292" s="9">
        <v>55113.651623799997</v>
      </c>
      <c r="AY2292" s="9">
        <v>26159.0291965</v>
      </c>
      <c r="AZ2292" s="9">
        <v>30529.027758100001</v>
      </c>
      <c r="BA2292" s="9">
        <v>30858.509560499999</v>
      </c>
      <c r="BB2292" s="9">
        <v>32554.9387431</v>
      </c>
      <c r="BC2292" s="9">
        <v>34376.8817566</v>
      </c>
      <c r="BD2292" s="9">
        <v>33064.527034799998</v>
      </c>
      <c r="BE2292" s="9">
        <v>41672.4662647</v>
      </c>
      <c r="BF2292" s="9">
        <v>41555.165952199997</v>
      </c>
      <c r="BG2292" s="11">
        <v>-6.5</v>
      </c>
      <c r="BH2292" s="13">
        <v>-0.25</v>
      </c>
      <c r="BI2292" s="6">
        <v>-8</v>
      </c>
      <c r="BJ2292" s="13">
        <v>-0.30769230769230771</v>
      </c>
      <c r="BK2292" s="6">
        <v>-2</v>
      </c>
      <c r="BL2292" s="13">
        <v>-0.1111111111111111</v>
      </c>
      <c r="BM2292" s="11">
        <v>3.5</v>
      </c>
      <c r="BN2292" s="13">
        <v>0.21875</v>
      </c>
      <c r="BO2292" s="11">
        <v>1.5</v>
      </c>
      <c r="BP2292" s="13">
        <v>8.3333333333333329E-2</v>
      </c>
      <c r="BQ2292" s="6">
        <v>26</v>
      </c>
      <c r="BR2292" s="6">
        <v>24</v>
      </c>
      <c r="BS2292" s="6">
        <v>22</v>
      </c>
      <c r="BT2292" s="6">
        <v>18</v>
      </c>
      <c r="BU2292" s="6">
        <v>17</v>
      </c>
      <c r="BV2292" s="6">
        <v>15</v>
      </c>
      <c r="BW2292" s="6">
        <v>16</v>
      </c>
      <c r="BX2292" s="6">
        <v>15</v>
      </c>
      <c r="BY2292" s="6">
        <v>15</v>
      </c>
      <c r="BZ2292" s="6">
        <v>16</v>
      </c>
      <c r="CA2292" s="6">
        <v>18</v>
      </c>
      <c r="CB2292" s="6">
        <v>18</v>
      </c>
      <c r="CC2292" s="11">
        <v>19.5</v>
      </c>
      <c r="CD2292" s="11">
        <v>-84.639799999999994</v>
      </c>
      <c r="CE2292" s="11">
        <v>-15.965400000000001</v>
      </c>
      <c r="CF2292" s="11">
        <v>21.343599999999999</v>
      </c>
      <c r="CG2292" s="11">
        <v>5</v>
      </c>
      <c r="CH2292" s="20">
        <v>0.65290599999999999</v>
      </c>
      <c r="CI2292" s="20">
        <v>0.64660099999999998</v>
      </c>
      <c r="CJ2292" s="20">
        <v>0.70038199999999995</v>
      </c>
      <c r="CK2292" s="20">
        <v>0.69509299999999996</v>
      </c>
      <c r="CL2292" s="20">
        <v>0.57336699999999996</v>
      </c>
      <c r="CM2292" s="20">
        <v>0.46741300000000002</v>
      </c>
      <c r="CN2292" s="20">
        <v>0.39776800000000001</v>
      </c>
      <c r="CO2292" s="20">
        <v>0.33355499999999999</v>
      </c>
      <c r="CP2292" s="20">
        <v>0.25906600000000002</v>
      </c>
      <c r="CQ2292" s="20">
        <v>0.302149</v>
      </c>
      <c r="CR2292" s="20">
        <v>0.28542600000000001</v>
      </c>
      <c r="CS2292" s="20">
        <v>0.28740599999999999</v>
      </c>
      <c r="CT2292" s="20">
        <v>0.27479599999999998</v>
      </c>
      <c r="CU2292" s="20">
        <v>0.35605500000000001</v>
      </c>
      <c r="CV2292" s="20">
        <v>0.36117300000000002</v>
      </c>
      <c r="CW2292" s="20">
        <v>0.41882599999999998</v>
      </c>
      <c r="CX2292" s="20">
        <v>0.44600299999999998</v>
      </c>
      <c r="CY2292" s="6" t="s">
        <v>723</v>
      </c>
      <c r="CZ2292" s="6" t="s">
        <v>724</v>
      </c>
      <c r="DA2292" s="6" t="s">
        <v>133</v>
      </c>
      <c r="DB2292" s="6" t="s">
        <v>345</v>
      </c>
      <c r="DC2292" s="6"/>
      <c r="DD2292" s="6"/>
      <c r="DE2292" s="6"/>
      <c r="DF2292" s="6"/>
      <c r="DG2292" s="6"/>
      <c r="DH2292" s="6" t="s">
        <v>333</v>
      </c>
      <c r="DI2292" s="6"/>
      <c r="DJ2292" s="6"/>
      <c r="DK2292" s="6"/>
      <c r="DL2292" s="6">
        <v>9</v>
      </c>
      <c r="DM2292" s="6" t="s">
        <v>440</v>
      </c>
      <c r="DN2292" s="6">
        <v>9</v>
      </c>
      <c r="DO2292" s="6" t="s">
        <v>384</v>
      </c>
      <c r="DP2292" s="6"/>
      <c r="DQ2292" s="6"/>
    </row>
    <row r="2293" spans="1:121" x14ac:dyDescent="0.2">
      <c r="A2293" s="6" t="s">
        <v>793</v>
      </c>
      <c r="B2293" s="6" t="s">
        <v>179</v>
      </c>
      <c r="C2293" s="6" t="s">
        <v>180</v>
      </c>
      <c r="D2293" s="6" t="s">
        <v>133</v>
      </c>
      <c r="E2293" s="6" t="s">
        <v>274</v>
      </c>
      <c r="F2293" s="11">
        <v>-138</v>
      </c>
      <c r="G2293" s="13">
        <v>-0.14000000000000001</v>
      </c>
      <c r="H2293" s="11">
        <v>-27</v>
      </c>
      <c r="I2293" s="13">
        <v>-2.6865671641791045E-2</v>
      </c>
      <c r="J2293" s="11">
        <v>-124</v>
      </c>
      <c r="K2293" s="13">
        <v>-0.12678936605316973</v>
      </c>
      <c r="L2293" s="11">
        <v>13</v>
      </c>
      <c r="M2293" s="13">
        <v>1.5222482435597188E-2</v>
      </c>
      <c r="N2293" s="11">
        <v>-111</v>
      </c>
      <c r="O2293" s="13">
        <v>-0.11349693251533742</v>
      </c>
      <c r="P2293" s="7">
        <v>1005</v>
      </c>
      <c r="Q2293" s="7">
        <v>1003</v>
      </c>
      <c r="R2293" s="7">
        <v>1043</v>
      </c>
      <c r="S2293" s="7">
        <v>996</v>
      </c>
      <c r="T2293" s="7">
        <v>985</v>
      </c>
      <c r="U2293" s="7">
        <v>983</v>
      </c>
      <c r="V2293" s="7">
        <v>978</v>
      </c>
      <c r="W2293" s="7">
        <v>936</v>
      </c>
      <c r="X2293" s="7">
        <v>882</v>
      </c>
      <c r="Y2293" s="7">
        <v>854</v>
      </c>
      <c r="Z2293" s="7">
        <v>869</v>
      </c>
      <c r="AA2293" s="7">
        <v>871</v>
      </c>
      <c r="AB2293" s="7">
        <v>823</v>
      </c>
      <c r="AC2293" s="7">
        <v>811</v>
      </c>
      <c r="AD2293" s="7">
        <v>842</v>
      </c>
      <c r="AE2293" s="7">
        <v>840</v>
      </c>
      <c r="AF2293" s="7">
        <v>867</v>
      </c>
      <c r="AG2293" s="9">
        <v>6934</v>
      </c>
      <c r="AH2293" s="13">
        <v>0.38759083286752377</v>
      </c>
      <c r="AI2293" s="9">
        <v>3229</v>
      </c>
      <c r="AJ2293" s="13">
        <v>0.18049189491335943</v>
      </c>
      <c r="AK2293" s="9">
        <v>1042</v>
      </c>
      <c r="AL2293" s="13">
        <v>4.9339457360670483E-2</v>
      </c>
      <c r="AM2293" s="9">
        <v>2663</v>
      </c>
      <c r="AN2293" s="13">
        <v>0.12016605748838048</v>
      </c>
      <c r="AO2293" s="9">
        <v>3705</v>
      </c>
      <c r="AP2293" s="13">
        <v>0.17543444291869881</v>
      </c>
      <c r="AQ2293" s="9">
        <v>17890</v>
      </c>
      <c r="AR2293" s="9">
        <v>18849</v>
      </c>
      <c r="AS2293" s="9">
        <v>19181</v>
      </c>
      <c r="AT2293" s="9">
        <v>19457</v>
      </c>
      <c r="AU2293" s="9">
        <v>20251</v>
      </c>
      <c r="AV2293" s="9">
        <v>20319</v>
      </c>
      <c r="AW2293" s="9">
        <v>21119</v>
      </c>
      <c r="AX2293" s="9">
        <v>22214</v>
      </c>
      <c r="AY2293" s="9">
        <v>22554</v>
      </c>
      <c r="AZ2293" s="9">
        <v>22161</v>
      </c>
      <c r="BA2293" s="9">
        <v>22521</v>
      </c>
      <c r="BB2293" s="9">
        <v>23351</v>
      </c>
      <c r="BC2293" s="9">
        <v>24198</v>
      </c>
      <c r="BD2293" s="9">
        <v>24424</v>
      </c>
      <c r="BE2293" s="9">
        <v>25047</v>
      </c>
      <c r="BF2293" s="9">
        <v>24824</v>
      </c>
      <c r="BG2293" s="11">
        <v>-3</v>
      </c>
      <c r="BH2293" s="13">
        <v>-3.4090909090909088E-2</v>
      </c>
      <c r="BI2293" s="6">
        <v>4</v>
      </c>
      <c r="BJ2293" s="13">
        <v>4.5454545454545456E-2</v>
      </c>
      <c r="BK2293" s="6">
        <v>-15</v>
      </c>
      <c r="BL2293" s="13">
        <v>-0.16304347826086957</v>
      </c>
      <c r="BM2293" s="11">
        <v>8</v>
      </c>
      <c r="BN2293" s="13">
        <v>0.1038961038961039</v>
      </c>
      <c r="BO2293" s="11">
        <v>-7</v>
      </c>
      <c r="BP2293" s="13">
        <v>-7.6086956521739135E-2</v>
      </c>
      <c r="BQ2293" s="6">
        <v>88</v>
      </c>
      <c r="BR2293" s="6">
        <v>90</v>
      </c>
      <c r="BS2293" s="6">
        <v>90</v>
      </c>
      <c r="BT2293" s="6">
        <v>92</v>
      </c>
      <c r="BU2293" s="6">
        <v>84</v>
      </c>
      <c r="BV2293" s="6">
        <v>76</v>
      </c>
      <c r="BW2293" s="6">
        <v>77</v>
      </c>
      <c r="BX2293" s="6">
        <v>81</v>
      </c>
      <c r="BY2293" s="6">
        <v>83</v>
      </c>
      <c r="BZ2293" s="6">
        <v>85</v>
      </c>
      <c r="CA2293" s="6">
        <v>86</v>
      </c>
      <c r="CB2293" s="6">
        <v>86</v>
      </c>
      <c r="CC2293" s="11">
        <v>85</v>
      </c>
      <c r="CD2293" s="11">
        <v>-183</v>
      </c>
      <c r="CE2293" s="11">
        <v>-64</v>
      </c>
      <c r="CF2293" s="11">
        <v>110</v>
      </c>
      <c r="CG2293" s="11">
        <v>46</v>
      </c>
      <c r="CH2293" s="20">
        <v>1.25</v>
      </c>
      <c r="CI2293" s="20">
        <v>1.29</v>
      </c>
      <c r="CJ2293" s="20">
        <v>1.35</v>
      </c>
      <c r="CK2293" s="20">
        <v>1.28</v>
      </c>
      <c r="CL2293" s="20">
        <v>1.28</v>
      </c>
      <c r="CM2293" s="20">
        <v>1.28</v>
      </c>
      <c r="CN2293" s="20">
        <v>1.24</v>
      </c>
      <c r="CO2293" s="20">
        <v>1.21</v>
      </c>
      <c r="CP2293" s="20">
        <v>1.19</v>
      </c>
      <c r="CQ2293" s="20">
        <v>1.1399999999999999</v>
      </c>
      <c r="CR2293" s="20">
        <v>1.17</v>
      </c>
      <c r="CS2293" s="20">
        <v>1.17</v>
      </c>
      <c r="CT2293" s="20">
        <v>1.1200000000000001</v>
      </c>
      <c r="CU2293" s="20">
        <v>1.1399999999999999</v>
      </c>
      <c r="CV2293" s="20">
        <v>1.18</v>
      </c>
      <c r="CW2293" s="20">
        <v>1.18</v>
      </c>
      <c r="CX2293" s="20">
        <v>1.22</v>
      </c>
      <c r="CY2293" s="6" t="s">
        <v>723</v>
      </c>
      <c r="CZ2293" s="6" t="s">
        <v>724</v>
      </c>
      <c r="DA2293" s="6" t="s">
        <v>133</v>
      </c>
      <c r="DB2293" s="6" t="s">
        <v>345</v>
      </c>
      <c r="DC2293" s="6"/>
      <c r="DD2293" s="6"/>
      <c r="DE2293" s="6"/>
      <c r="DF2293" s="6"/>
      <c r="DG2293" s="6"/>
      <c r="DH2293" s="6" t="s">
        <v>333</v>
      </c>
      <c r="DI2293" s="6"/>
      <c r="DJ2293" s="6"/>
      <c r="DK2293" s="6"/>
      <c r="DL2293" s="6">
        <v>9</v>
      </c>
      <c r="DM2293" s="6" t="s">
        <v>440</v>
      </c>
      <c r="DN2293" s="6">
        <v>9</v>
      </c>
      <c r="DO2293" s="6" t="s">
        <v>384</v>
      </c>
      <c r="DP2293" s="6"/>
      <c r="DQ2293" s="6"/>
    </row>
    <row r="2294" spans="1:121" x14ac:dyDescent="0.2">
      <c r="A2294" s="6" t="s">
        <v>794</v>
      </c>
      <c r="B2294" s="6" t="s">
        <v>181</v>
      </c>
      <c r="C2294" s="6" t="s">
        <v>182</v>
      </c>
      <c r="D2294" s="6" t="s">
        <v>133</v>
      </c>
      <c r="E2294" s="6" t="s">
        <v>274</v>
      </c>
      <c r="F2294" s="11">
        <v>-61</v>
      </c>
      <c r="G2294" s="13">
        <v>-0.14386792452800001</v>
      </c>
      <c r="H2294" s="11">
        <v>-26.965072851999992</v>
      </c>
      <c r="I2294" s="13">
        <v>-6.356294197480547E-2</v>
      </c>
      <c r="J2294" s="11">
        <v>17.004220285000031</v>
      </c>
      <c r="K2294" s="13">
        <v>4.2803622254581966E-2</v>
      </c>
      <c r="L2294" s="11">
        <v>-51.565028899000026</v>
      </c>
      <c r="M2294" s="13">
        <v>-0.12447339488519052</v>
      </c>
      <c r="N2294" s="11">
        <v>-34.560808613999995</v>
      </c>
      <c r="O2294" s="13">
        <v>-8.6997684806019646E-2</v>
      </c>
      <c r="P2294" s="7">
        <v>424.22631826399999</v>
      </c>
      <c r="Q2294" s="7">
        <v>360.14511238199998</v>
      </c>
      <c r="R2294" s="7">
        <v>409.50460150499998</v>
      </c>
      <c r="S2294" s="7">
        <v>395.89914658399999</v>
      </c>
      <c r="T2294" s="7">
        <v>390.68674188599999</v>
      </c>
      <c r="U2294" s="7">
        <v>392.545898765</v>
      </c>
      <c r="V2294" s="7">
        <v>397.26124541199999</v>
      </c>
      <c r="W2294" s="7">
        <v>399.59058978899998</v>
      </c>
      <c r="X2294" s="7">
        <v>403.59668286300001</v>
      </c>
      <c r="Y2294" s="7">
        <v>414.26546569700002</v>
      </c>
      <c r="Z2294" s="7">
        <v>439.48646332499999</v>
      </c>
      <c r="AA2294" s="7">
        <v>455.479968488</v>
      </c>
      <c r="AB2294" s="7">
        <v>489.47826169400003</v>
      </c>
      <c r="AC2294" s="7">
        <v>425.916598373</v>
      </c>
      <c r="AD2294" s="7">
        <v>398.880077185</v>
      </c>
      <c r="AE2294" s="7">
        <v>366.18591144099997</v>
      </c>
      <c r="AF2294" s="7">
        <v>362.700436798</v>
      </c>
      <c r="AG2294" s="9">
        <v>14144.9659895</v>
      </c>
      <c r="AH2294" s="13">
        <v>0.40627650971325896</v>
      </c>
      <c r="AI2294" s="9">
        <v>4823.3919621000023</v>
      </c>
      <c r="AJ2294" s="13">
        <v>0.13853909954931226</v>
      </c>
      <c r="AK2294" s="9">
        <v>1171.1796497999967</v>
      </c>
      <c r="AL2294" s="13">
        <v>2.9545774108499335E-2</v>
      </c>
      <c r="AM2294" s="9">
        <v>8150.3943776000015</v>
      </c>
      <c r="AN2294" s="13">
        <v>0.19971230259348904</v>
      </c>
      <c r="AO2294" s="9">
        <v>9321.5740273999982</v>
      </c>
      <c r="AP2294" s="13">
        <v>0.23515873128110387</v>
      </c>
      <c r="AQ2294" s="9">
        <v>34816.105906500001</v>
      </c>
      <c r="AR2294" s="9">
        <v>35357.681033399997</v>
      </c>
      <c r="AS2294" s="9">
        <v>34927.532507099997</v>
      </c>
      <c r="AT2294" s="9">
        <v>36038.8368797</v>
      </c>
      <c r="AU2294" s="9">
        <v>36268.863671200001</v>
      </c>
      <c r="AV2294" s="9">
        <v>38423.200137500004</v>
      </c>
      <c r="AW2294" s="9">
        <v>39639.497868600003</v>
      </c>
      <c r="AX2294" s="9">
        <v>40492.240756799998</v>
      </c>
      <c r="AY2294" s="9">
        <v>40395.507996499997</v>
      </c>
      <c r="AZ2294" s="9">
        <v>40810.6775184</v>
      </c>
      <c r="BA2294" s="9">
        <v>41741.838296000002</v>
      </c>
      <c r="BB2294" s="9">
        <v>41035.151482399997</v>
      </c>
      <c r="BC2294" s="9">
        <v>39244.301616800003</v>
      </c>
      <c r="BD2294" s="9">
        <v>43026.357520400001</v>
      </c>
      <c r="BE2294" s="9">
        <v>46482.321585899997</v>
      </c>
      <c r="BF2294" s="9">
        <v>48961.071896000001</v>
      </c>
      <c r="BG2294" s="11">
        <v>-1.5</v>
      </c>
      <c r="BH2294" s="13">
        <v>-5.1724137931034482E-2</v>
      </c>
      <c r="BI2294" s="6">
        <v>-4</v>
      </c>
      <c r="BJ2294" s="13">
        <v>-0.13793103448275862</v>
      </c>
      <c r="BK2294" s="6">
        <v>1</v>
      </c>
      <c r="BL2294" s="13">
        <v>0.04</v>
      </c>
      <c r="BM2294" s="11">
        <v>1.5</v>
      </c>
      <c r="BN2294" s="13">
        <v>5.7692307692307696E-2</v>
      </c>
      <c r="BO2294" s="11">
        <v>2.5</v>
      </c>
      <c r="BP2294" s="13">
        <v>0.1</v>
      </c>
      <c r="BQ2294" s="6">
        <v>29</v>
      </c>
      <c r="BR2294" s="6">
        <v>27</v>
      </c>
      <c r="BS2294" s="6">
        <v>26</v>
      </c>
      <c r="BT2294" s="6">
        <v>25</v>
      </c>
      <c r="BU2294" s="6">
        <v>23</v>
      </c>
      <c r="BV2294" s="6">
        <v>23</v>
      </c>
      <c r="BW2294" s="6">
        <v>26</v>
      </c>
      <c r="BX2294" s="6">
        <v>29</v>
      </c>
      <c r="BY2294" s="6">
        <v>28</v>
      </c>
      <c r="BZ2294" s="6">
        <v>31</v>
      </c>
      <c r="CA2294" s="6">
        <v>30</v>
      </c>
      <c r="CB2294" s="6">
        <v>35</v>
      </c>
      <c r="CC2294" s="11">
        <v>27.5</v>
      </c>
      <c r="CD2294" s="11">
        <v>-134.63800000000001</v>
      </c>
      <c r="CE2294" s="11">
        <v>26.7392</v>
      </c>
      <c r="CF2294" s="11">
        <v>46.372999999999998</v>
      </c>
      <c r="CG2294" s="11">
        <v>73</v>
      </c>
      <c r="CH2294" s="20">
        <v>1.7920100000000001</v>
      </c>
      <c r="CI2294" s="20">
        <v>1.61334</v>
      </c>
      <c r="CJ2294" s="20">
        <v>1.8394999999999999</v>
      </c>
      <c r="CK2294" s="20">
        <v>1.75048</v>
      </c>
      <c r="CL2294" s="20">
        <v>1.7170099999999999</v>
      </c>
      <c r="CM2294" s="20">
        <v>1.6959900000000001</v>
      </c>
      <c r="CN2294" s="20">
        <v>1.6640900000000001</v>
      </c>
      <c r="CO2294" s="20">
        <v>1.6877</v>
      </c>
      <c r="CP2294" s="20">
        <v>1.8048900000000001</v>
      </c>
      <c r="CQ2294" s="20">
        <v>1.84459</v>
      </c>
      <c r="CR2294" s="20">
        <v>1.9480299999999999</v>
      </c>
      <c r="CS2294" s="20">
        <v>1.99892</v>
      </c>
      <c r="CT2294" s="20">
        <v>2.1563599999999998</v>
      </c>
      <c r="CU2294" s="20">
        <v>1.9026700000000001</v>
      </c>
      <c r="CV2294" s="20">
        <v>1.72817</v>
      </c>
      <c r="CW2294" s="20">
        <v>1.57372</v>
      </c>
      <c r="CX2294" s="20">
        <v>1.54417</v>
      </c>
      <c r="CY2294" s="6" t="s">
        <v>723</v>
      </c>
      <c r="CZ2294" s="6" t="s">
        <v>724</v>
      </c>
      <c r="DA2294" s="6" t="s">
        <v>133</v>
      </c>
      <c r="DB2294" s="6" t="s">
        <v>345</v>
      </c>
      <c r="DC2294" s="6"/>
      <c r="DD2294" s="6"/>
      <c r="DE2294" s="6"/>
      <c r="DF2294" s="6"/>
      <c r="DG2294" s="6"/>
      <c r="DH2294" s="6" t="s">
        <v>333</v>
      </c>
      <c r="DI2294" s="6"/>
      <c r="DJ2294" s="6"/>
      <c r="DK2294" s="6"/>
      <c r="DL2294" s="6">
        <v>9</v>
      </c>
      <c r="DM2294" s="6" t="s">
        <v>440</v>
      </c>
      <c r="DN2294" s="6">
        <v>9</v>
      </c>
      <c r="DO2294" s="6" t="s">
        <v>384</v>
      </c>
      <c r="DP2294" s="6"/>
      <c r="DQ2294" s="6"/>
    </row>
    <row r="2295" spans="1:121" x14ac:dyDescent="0.2">
      <c r="A2295" s="6" t="s">
        <v>314</v>
      </c>
      <c r="B2295" s="6" t="s">
        <v>314</v>
      </c>
      <c r="C2295" s="6" t="s">
        <v>183</v>
      </c>
      <c r="D2295" s="6" t="s">
        <v>133</v>
      </c>
      <c r="E2295" s="6" t="s">
        <v>274</v>
      </c>
      <c r="F2295" s="11">
        <v>-17</v>
      </c>
      <c r="G2295" s="13">
        <v>-0.298245614035</v>
      </c>
      <c r="H2295" s="11">
        <v>3.2360864273000018</v>
      </c>
      <c r="I2295" s="13">
        <v>5.6649019999003271E-2</v>
      </c>
      <c r="J2295" s="11">
        <v>-1.864325283200003</v>
      </c>
      <c r="K2295" s="13">
        <v>-3.0886110721045607E-2</v>
      </c>
      <c r="L2295" s="11">
        <v>-18.887696828599999</v>
      </c>
      <c r="M2295" s="13">
        <v>-0.32288340159624201</v>
      </c>
      <c r="N2295" s="11">
        <v>-20.752022111800002</v>
      </c>
      <c r="O2295" s="13">
        <v>-0.34379689982559825</v>
      </c>
      <c r="P2295" s="7">
        <v>57.125197</v>
      </c>
      <c r="Q2295" s="7">
        <v>63.663868962199999</v>
      </c>
      <c r="R2295" s="7">
        <v>58.135048849100002</v>
      </c>
      <c r="S2295" s="7">
        <v>59.798365685199997</v>
      </c>
      <c r="T2295" s="7">
        <v>62.358150049999999</v>
      </c>
      <c r="U2295" s="7">
        <v>58.2165868385</v>
      </c>
      <c r="V2295" s="7">
        <v>60.361283427300002</v>
      </c>
      <c r="W2295" s="7">
        <v>56.2287920379</v>
      </c>
      <c r="X2295" s="7">
        <v>55.8681780119</v>
      </c>
      <c r="Y2295" s="7">
        <v>58.496958144099999</v>
      </c>
      <c r="Z2295" s="7">
        <v>53.963762000999999</v>
      </c>
      <c r="AA2295" s="7">
        <v>55.467442279799997</v>
      </c>
      <c r="AB2295" s="7">
        <v>52.250778001800001</v>
      </c>
      <c r="AC2295" s="7">
        <v>51.314498938299998</v>
      </c>
      <c r="AD2295" s="7">
        <v>44.660646984700001</v>
      </c>
      <c r="AE2295" s="7">
        <v>41.268233552300003</v>
      </c>
      <c r="AF2295" s="7">
        <v>39.6092613155</v>
      </c>
      <c r="AG2295" s="9">
        <v>18146.5801164</v>
      </c>
      <c r="AH2295" s="13">
        <v>0.78278210170615925</v>
      </c>
      <c r="AI2295" s="9">
        <v>2876.3096543000029</v>
      </c>
      <c r="AJ2295" s="13">
        <v>0.12407427195143256</v>
      </c>
      <c r="AK2295" s="9">
        <v>5727.6534263999965</v>
      </c>
      <c r="AL2295" s="13">
        <v>0.21980006689461365</v>
      </c>
      <c r="AM2295" s="9">
        <v>9542.617035700001</v>
      </c>
      <c r="AN2295" s="13">
        <v>0.30021330184845596</v>
      </c>
      <c r="AO2295" s="9">
        <v>15270.270462099998</v>
      </c>
      <c r="AP2295" s="13">
        <v>0.58600027257201304</v>
      </c>
      <c r="AQ2295" s="9">
        <v>23182.160242099999</v>
      </c>
      <c r="AR2295" s="9">
        <v>27705.2690033</v>
      </c>
      <c r="AS2295" s="9">
        <v>28944.231463600001</v>
      </c>
      <c r="AT2295" s="9">
        <v>30286.8146839</v>
      </c>
      <c r="AU2295" s="9">
        <v>27721.725295100001</v>
      </c>
      <c r="AV2295" s="9">
        <v>25134.595189</v>
      </c>
      <c r="AW2295" s="9">
        <v>26058.469896400002</v>
      </c>
      <c r="AX2295" s="9">
        <v>28058.385075099999</v>
      </c>
      <c r="AY2295" s="9">
        <v>31782.967554700001</v>
      </c>
      <c r="AZ2295" s="9">
        <v>31786.123322799998</v>
      </c>
      <c r="BA2295" s="9">
        <v>33526.6116893</v>
      </c>
      <c r="BB2295" s="9">
        <v>34372.144138600001</v>
      </c>
      <c r="BC2295" s="9">
        <v>37091.889576299996</v>
      </c>
      <c r="BD2295" s="9">
        <v>37428.097181199999</v>
      </c>
      <c r="BE2295" s="9">
        <v>41663.155261400003</v>
      </c>
      <c r="BF2295" s="9">
        <v>41328.740358499999</v>
      </c>
      <c r="BG2295" s="11">
        <v>-2.5</v>
      </c>
      <c r="BH2295" s="13">
        <v>-0.17857142857142858</v>
      </c>
      <c r="BI2295" s="6">
        <v>-3</v>
      </c>
      <c r="BJ2295" s="13">
        <v>-0.21428571428571427</v>
      </c>
      <c r="BK2295" s="6">
        <v>2</v>
      </c>
      <c r="BL2295" s="13">
        <v>0.18181818181818182</v>
      </c>
      <c r="BM2295" s="11">
        <v>-1.5</v>
      </c>
      <c r="BN2295" s="13">
        <v>-0.11538461538461539</v>
      </c>
      <c r="BO2295" s="11">
        <v>0.5</v>
      </c>
      <c r="BP2295" s="13">
        <v>4.5454545454545456E-2</v>
      </c>
      <c r="BQ2295" s="6">
        <v>14</v>
      </c>
      <c r="BR2295" s="6">
        <v>13</v>
      </c>
      <c r="BS2295" s="6">
        <v>12</v>
      </c>
      <c r="BT2295" s="6">
        <v>11</v>
      </c>
      <c r="BU2295" s="6">
        <v>11</v>
      </c>
      <c r="BV2295" s="6">
        <v>11</v>
      </c>
      <c r="BW2295" s="6">
        <v>13</v>
      </c>
      <c r="BX2295" s="6">
        <v>12</v>
      </c>
      <c r="BY2295" s="6">
        <v>13</v>
      </c>
      <c r="BZ2295" s="6">
        <v>12</v>
      </c>
      <c r="CA2295" s="6">
        <v>12</v>
      </c>
      <c r="CB2295" s="6">
        <v>12</v>
      </c>
      <c r="CC2295" s="11">
        <v>11.5</v>
      </c>
      <c r="CD2295" s="11">
        <v>-6.2634999999999996</v>
      </c>
      <c r="CE2295" s="11">
        <v>-17.4969</v>
      </c>
      <c r="CF2295" s="11">
        <v>6.2444699999999997</v>
      </c>
      <c r="CG2295" s="11">
        <v>-11</v>
      </c>
      <c r="CH2295" s="20">
        <v>0.30642999999999998</v>
      </c>
      <c r="CI2295" s="20">
        <v>0.37237700000000001</v>
      </c>
      <c r="CJ2295" s="20">
        <v>0.35603400000000002</v>
      </c>
      <c r="CK2295" s="20">
        <v>0.375722</v>
      </c>
      <c r="CL2295" s="20">
        <v>0.40420699999999998</v>
      </c>
      <c r="CM2295" s="20">
        <v>0.38203199999999998</v>
      </c>
      <c r="CN2295" s="20">
        <v>0.39283600000000002</v>
      </c>
      <c r="CO2295" s="20">
        <v>0.37217899999999998</v>
      </c>
      <c r="CP2295" s="20">
        <v>0.38968900000000001</v>
      </c>
      <c r="CQ2295" s="20">
        <v>0.416715</v>
      </c>
      <c r="CR2295" s="20">
        <v>0.39692300000000003</v>
      </c>
      <c r="CS2295" s="20">
        <v>0.41210200000000002</v>
      </c>
      <c r="CT2295" s="20">
        <v>0.393735</v>
      </c>
      <c r="CU2295" s="20">
        <v>0.40052100000000002</v>
      </c>
      <c r="CV2295" s="20">
        <v>0.35042499999999999</v>
      </c>
      <c r="CW2295" s="20">
        <v>0.32469599999999998</v>
      </c>
      <c r="CX2295" s="20">
        <v>0.31263099999999999</v>
      </c>
      <c r="CY2295" s="6" t="s">
        <v>723</v>
      </c>
      <c r="CZ2295" s="6" t="s">
        <v>724</v>
      </c>
      <c r="DA2295" s="6" t="s">
        <v>133</v>
      </c>
      <c r="DB2295" s="6" t="s">
        <v>345</v>
      </c>
      <c r="DC2295" s="6"/>
      <c r="DD2295" s="6"/>
      <c r="DE2295" s="6"/>
      <c r="DF2295" s="6"/>
      <c r="DG2295" s="6"/>
      <c r="DH2295" s="6" t="s">
        <v>333</v>
      </c>
      <c r="DI2295" s="6"/>
      <c r="DJ2295" s="6"/>
      <c r="DK2295" s="6"/>
      <c r="DL2295" s="6">
        <v>9</v>
      </c>
      <c r="DM2295" s="6" t="s">
        <v>440</v>
      </c>
      <c r="DN2295" s="6">
        <v>9</v>
      </c>
      <c r="DO2295" s="6" t="s">
        <v>384</v>
      </c>
      <c r="DP2295" s="6"/>
      <c r="DQ2295" s="6"/>
    </row>
    <row r="2296" spans="1:121" x14ac:dyDescent="0.2">
      <c r="A2296" s="6" t="s">
        <v>315</v>
      </c>
      <c r="B2296" s="6" t="s">
        <v>315</v>
      </c>
      <c r="C2296" s="6" t="s">
        <v>184</v>
      </c>
      <c r="D2296" s="6" t="s">
        <v>133</v>
      </c>
      <c r="E2296" s="6" t="s">
        <v>274</v>
      </c>
      <c r="F2296" s="11">
        <v>-95</v>
      </c>
      <c r="G2296" s="13">
        <v>-0.38</v>
      </c>
      <c r="H2296" s="11">
        <v>-12</v>
      </c>
      <c r="I2296" s="13">
        <v>-4.7430830039525688E-2</v>
      </c>
      <c r="J2296" s="11">
        <v>-26</v>
      </c>
      <c r="K2296" s="13">
        <v>-0.1078838174273859</v>
      </c>
      <c r="L2296" s="11">
        <v>-57</v>
      </c>
      <c r="M2296" s="13">
        <v>-0.26511627906976742</v>
      </c>
      <c r="N2296" s="11">
        <v>-83</v>
      </c>
      <c r="O2296" s="13">
        <v>-0.34439834024896265</v>
      </c>
      <c r="P2296" s="7">
        <v>253</v>
      </c>
      <c r="Q2296" s="7">
        <v>263</v>
      </c>
      <c r="R2296" s="7">
        <v>254</v>
      </c>
      <c r="S2296" s="7">
        <v>253</v>
      </c>
      <c r="T2296" s="7">
        <v>243</v>
      </c>
      <c r="U2296" s="7">
        <v>238</v>
      </c>
      <c r="V2296" s="7">
        <v>241</v>
      </c>
      <c r="W2296" s="7">
        <v>244</v>
      </c>
      <c r="X2296" s="7">
        <v>259</v>
      </c>
      <c r="Y2296" s="7">
        <v>215</v>
      </c>
      <c r="Z2296" s="7">
        <v>207</v>
      </c>
      <c r="AA2296" s="7">
        <v>211</v>
      </c>
      <c r="AB2296" s="7">
        <v>208</v>
      </c>
      <c r="AC2296" s="7">
        <v>196</v>
      </c>
      <c r="AD2296" s="7">
        <v>191</v>
      </c>
      <c r="AE2296" s="7">
        <v>166</v>
      </c>
      <c r="AF2296" s="7">
        <v>158</v>
      </c>
      <c r="AG2296" s="9">
        <v>15578</v>
      </c>
      <c r="AH2296" s="13">
        <v>0.57460071557670322</v>
      </c>
      <c r="AI2296" s="9">
        <v>8658</v>
      </c>
      <c r="AJ2296" s="13">
        <v>0.31935376784331082</v>
      </c>
      <c r="AK2296" s="9">
        <v>2699</v>
      </c>
      <c r="AL2296" s="13">
        <v>7.5456400793983622E-2</v>
      </c>
      <c r="AM2296" s="9">
        <v>4221</v>
      </c>
      <c r="AN2296" s="13">
        <v>0.10972756576895082</v>
      </c>
      <c r="AO2296" s="9">
        <v>6920</v>
      </c>
      <c r="AP2296" s="13">
        <v>0.19346361374374457</v>
      </c>
      <c r="AQ2296" s="9">
        <v>27111</v>
      </c>
      <c r="AR2296" s="9">
        <v>28452</v>
      </c>
      <c r="AS2296" s="9">
        <v>30245</v>
      </c>
      <c r="AT2296" s="9">
        <v>32374</v>
      </c>
      <c r="AU2296" s="9">
        <v>33844</v>
      </c>
      <c r="AV2296" s="9">
        <v>34110</v>
      </c>
      <c r="AW2296" s="9">
        <v>35769</v>
      </c>
      <c r="AX2296" s="9">
        <v>38474</v>
      </c>
      <c r="AY2296" s="9">
        <v>37330</v>
      </c>
      <c r="AZ2296" s="9">
        <v>38468</v>
      </c>
      <c r="BA2296" s="9">
        <v>37038</v>
      </c>
      <c r="BB2296" s="9">
        <v>36764</v>
      </c>
      <c r="BC2296" s="9">
        <v>39119</v>
      </c>
      <c r="BD2296" s="9">
        <v>38886</v>
      </c>
      <c r="BE2296" s="9">
        <v>41818</v>
      </c>
      <c r="BF2296" s="9">
        <v>42689</v>
      </c>
      <c r="BG2296" s="11">
        <v>-5</v>
      </c>
      <c r="BH2296" s="13">
        <v>-0.16129032258064516</v>
      </c>
      <c r="BI2296" s="6">
        <v>-3</v>
      </c>
      <c r="BJ2296" s="13">
        <v>-9.6774193548387094E-2</v>
      </c>
      <c r="BK2296" s="6">
        <v>4</v>
      </c>
      <c r="BL2296" s="13">
        <v>0.14285714285714285</v>
      </c>
      <c r="BM2296" s="11">
        <v>-6</v>
      </c>
      <c r="BN2296" s="13">
        <v>-0.1875</v>
      </c>
      <c r="BO2296" s="11">
        <v>-2</v>
      </c>
      <c r="BP2296" s="13">
        <v>-7.1428571428571425E-2</v>
      </c>
      <c r="BQ2296" s="6">
        <v>31</v>
      </c>
      <c r="BR2296" s="6">
        <v>29</v>
      </c>
      <c r="BS2296" s="6">
        <v>29</v>
      </c>
      <c r="BT2296" s="6">
        <v>28</v>
      </c>
      <c r="BU2296" s="6">
        <v>29</v>
      </c>
      <c r="BV2296" s="6">
        <v>32</v>
      </c>
      <c r="BW2296" s="6">
        <v>32</v>
      </c>
      <c r="BX2296" s="6">
        <v>28</v>
      </c>
      <c r="BY2296" s="6">
        <v>29</v>
      </c>
      <c r="BZ2296" s="6">
        <v>28</v>
      </c>
      <c r="CA2296" s="6">
        <v>27</v>
      </c>
      <c r="CB2296" s="6">
        <v>27</v>
      </c>
      <c r="CC2296" s="11">
        <v>26</v>
      </c>
      <c r="CD2296" s="11">
        <v>-102</v>
      </c>
      <c r="CE2296" s="11">
        <v>-20</v>
      </c>
      <c r="CF2296" s="11">
        <v>28</v>
      </c>
      <c r="CG2296" s="11">
        <v>8</v>
      </c>
      <c r="CH2296" s="20">
        <v>0.83</v>
      </c>
      <c r="CI2296" s="20">
        <v>0.89</v>
      </c>
      <c r="CJ2296" s="20">
        <v>0.84</v>
      </c>
      <c r="CK2296" s="20">
        <v>0.84</v>
      </c>
      <c r="CL2296" s="20">
        <v>0.8</v>
      </c>
      <c r="CM2296" s="20">
        <v>0.78</v>
      </c>
      <c r="CN2296" s="20">
        <v>0.78</v>
      </c>
      <c r="CO2296" s="20">
        <v>0.81</v>
      </c>
      <c r="CP2296" s="20">
        <v>0.89</v>
      </c>
      <c r="CQ2296" s="20">
        <v>0.75</v>
      </c>
      <c r="CR2296" s="20">
        <v>0.73</v>
      </c>
      <c r="CS2296" s="20">
        <v>0.75</v>
      </c>
      <c r="CT2296" s="20">
        <v>0.75</v>
      </c>
      <c r="CU2296" s="20">
        <v>0.74</v>
      </c>
      <c r="CV2296" s="20">
        <v>0.72</v>
      </c>
      <c r="CW2296" s="20">
        <v>0.63</v>
      </c>
      <c r="CX2296" s="20">
        <v>0.6</v>
      </c>
      <c r="CY2296" s="6" t="s">
        <v>723</v>
      </c>
      <c r="CZ2296" s="6" t="s">
        <v>724</v>
      </c>
      <c r="DA2296" s="6" t="s">
        <v>133</v>
      </c>
      <c r="DB2296" s="6" t="s">
        <v>345</v>
      </c>
      <c r="DC2296" s="6"/>
      <c r="DD2296" s="6"/>
      <c r="DE2296" s="6"/>
      <c r="DF2296" s="6"/>
      <c r="DG2296" s="6"/>
      <c r="DH2296" s="6" t="s">
        <v>333</v>
      </c>
      <c r="DI2296" s="6"/>
      <c r="DJ2296" s="6"/>
      <c r="DK2296" s="6"/>
      <c r="DL2296" s="6">
        <v>9</v>
      </c>
      <c r="DM2296" s="6" t="s">
        <v>440</v>
      </c>
      <c r="DN2296" s="6">
        <v>9</v>
      </c>
      <c r="DO2296" s="6" t="s">
        <v>384</v>
      </c>
      <c r="DP2296" s="6"/>
      <c r="DQ2296" s="6"/>
    </row>
    <row r="2297" spans="1:121" x14ac:dyDescent="0.2">
      <c r="A2297" s="6" t="s">
        <v>316</v>
      </c>
      <c r="B2297" s="6" t="s">
        <v>316</v>
      </c>
      <c r="C2297" s="6" t="s">
        <v>185</v>
      </c>
      <c r="D2297" s="6" t="s">
        <v>133</v>
      </c>
      <c r="E2297" s="6" t="s">
        <v>274</v>
      </c>
      <c r="F2297" s="11">
        <v>-11</v>
      </c>
      <c r="G2297" s="13">
        <v>-0.2</v>
      </c>
      <c r="H2297" s="11">
        <v>2</v>
      </c>
      <c r="I2297" s="13">
        <v>3.6363636363636362E-2</v>
      </c>
      <c r="J2297" s="11">
        <v>-7</v>
      </c>
      <c r="K2297" s="13">
        <v>-0.12280701754385964</v>
      </c>
      <c r="L2297" s="11">
        <v>-6</v>
      </c>
      <c r="M2297" s="13">
        <v>-0.12</v>
      </c>
      <c r="N2297" s="11">
        <v>-13</v>
      </c>
      <c r="O2297" s="13">
        <v>-0.22807017543859648</v>
      </c>
      <c r="P2297" s="7">
        <v>55</v>
      </c>
      <c r="Q2297" s="7">
        <v>39</v>
      </c>
      <c r="R2297" s="7">
        <v>38</v>
      </c>
      <c r="S2297" s="7">
        <v>38</v>
      </c>
      <c r="T2297" s="7">
        <v>46</v>
      </c>
      <c r="U2297" s="7">
        <v>51</v>
      </c>
      <c r="V2297" s="7">
        <v>57</v>
      </c>
      <c r="W2297" s="7">
        <v>52</v>
      </c>
      <c r="X2297" s="7">
        <v>50</v>
      </c>
      <c r="Y2297" s="7">
        <v>50</v>
      </c>
      <c r="Z2297" s="7">
        <v>35</v>
      </c>
      <c r="AA2297" s="7">
        <v>37</v>
      </c>
      <c r="AB2297" s="7">
        <v>38</v>
      </c>
      <c r="AC2297" s="7">
        <v>42</v>
      </c>
      <c r="AD2297" s="7">
        <v>41</v>
      </c>
      <c r="AE2297" s="7">
        <v>43</v>
      </c>
      <c r="AF2297" s="7">
        <v>44</v>
      </c>
      <c r="AG2297" s="9">
        <v>-1270</v>
      </c>
      <c r="AH2297" s="13">
        <v>-3.9492505752845325E-2</v>
      </c>
      <c r="AI2297" s="9">
        <v>-3998</v>
      </c>
      <c r="AJ2297" s="13">
        <v>-0.124323651968406</v>
      </c>
      <c r="AK2297" s="9">
        <v>-2105</v>
      </c>
      <c r="AL2297" s="13">
        <v>-7.4751420454545456E-2</v>
      </c>
      <c r="AM2297" s="9">
        <v>4833</v>
      </c>
      <c r="AN2297" s="13">
        <v>0.18549222797927464</v>
      </c>
      <c r="AO2297" s="9">
        <v>2728</v>
      </c>
      <c r="AP2297" s="13">
        <v>9.6875000000000003E-2</v>
      </c>
      <c r="AQ2297" s="9">
        <v>32158</v>
      </c>
      <c r="AR2297" s="9">
        <v>40960</v>
      </c>
      <c r="AS2297" s="9">
        <v>46412</v>
      </c>
      <c r="AT2297" s="9">
        <v>31352</v>
      </c>
      <c r="AU2297" s="9">
        <v>26749</v>
      </c>
      <c r="AV2297" s="9">
        <v>27574</v>
      </c>
      <c r="AW2297" s="9">
        <v>28160</v>
      </c>
      <c r="AX2297" s="9">
        <v>28259</v>
      </c>
      <c r="AY2297" s="9">
        <v>26701</v>
      </c>
      <c r="AZ2297" s="9">
        <v>26055</v>
      </c>
      <c r="BA2297" s="9">
        <v>26001</v>
      </c>
      <c r="BB2297" s="9">
        <v>28028</v>
      </c>
      <c r="BC2297" s="9">
        <v>30819</v>
      </c>
      <c r="BD2297" s="9">
        <v>30461</v>
      </c>
      <c r="BE2297" s="9">
        <v>31061</v>
      </c>
      <c r="BF2297" s="9">
        <v>30888</v>
      </c>
      <c r="BG2297" s="11">
        <v>0</v>
      </c>
      <c r="BH2297" s="13">
        <v>0</v>
      </c>
      <c r="BI2297" s="6">
        <v>1</v>
      </c>
      <c r="BJ2297" s="13">
        <v>0.1</v>
      </c>
      <c r="BK2297" s="6">
        <v>-2</v>
      </c>
      <c r="BL2297" s="13">
        <v>-0.18181818181818182</v>
      </c>
      <c r="BM2297" s="11">
        <v>1</v>
      </c>
      <c r="BN2297" s="13">
        <v>0.1111111111111111</v>
      </c>
      <c r="BO2297" s="11">
        <v>-1</v>
      </c>
      <c r="BP2297" s="13">
        <v>-9.0909090909090912E-2</v>
      </c>
      <c r="BQ2297" s="6">
        <v>10</v>
      </c>
      <c r="BR2297" s="6">
        <v>11</v>
      </c>
      <c r="BS2297" s="6">
        <v>12</v>
      </c>
      <c r="BT2297" s="6">
        <v>11</v>
      </c>
      <c r="BU2297" s="6">
        <v>11</v>
      </c>
      <c r="BV2297" s="6">
        <v>7</v>
      </c>
      <c r="BW2297" s="6">
        <v>9</v>
      </c>
      <c r="BX2297" s="6">
        <v>8</v>
      </c>
      <c r="BY2297" s="6">
        <v>10</v>
      </c>
      <c r="BZ2297" s="6">
        <v>10</v>
      </c>
      <c r="CA2297" s="6">
        <v>9</v>
      </c>
      <c r="CB2297" s="6">
        <v>9</v>
      </c>
      <c r="CC2297" s="11">
        <v>10</v>
      </c>
      <c r="CD2297" s="11">
        <v>-14</v>
      </c>
      <c r="CE2297" s="11">
        <v>-3</v>
      </c>
      <c r="CF2297" s="11">
        <v>6</v>
      </c>
      <c r="CG2297" s="11">
        <v>3</v>
      </c>
      <c r="CH2297" s="20">
        <v>0.44</v>
      </c>
      <c r="CI2297" s="20">
        <v>0.32</v>
      </c>
      <c r="CJ2297" s="20">
        <v>0.31</v>
      </c>
      <c r="CK2297" s="20">
        <v>0.3</v>
      </c>
      <c r="CL2297" s="20">
        <v>0.35</v>
      </c>
      <c r="CM2297" s="20">
        <v>0.39</v>
      </c>
      <c r="CN2297" s="20">
        <v>0.43</v>
      </c>
      <c r="CO2297" s="20">
        <v>0.41</v>
      </c>
      <c r="CP2297" s="20">
        <v>0.41</v>
      </c>
      <c r="CQ2297" s="20">
        <v>0.42</v>
      </c>
      <c r="CR2297" s="20">
        <v>0.3</v>
      </c>
      <c r="CS2297" s="20">
        <v>0.32</v>
      </c>
      <c r="CT2297" s="20">
        <v>0.33</v>
      </c>
      <c r="CU2297" s="20">
        <v>0.38</v>
      </c>
      <c r="CV2297" s="20">
        <v>0.36</v>
      </c>
      <c r="CW2297" s="20">
        <v>0.39</v>
      </c>
      <c r="CX2297" s="20">
        <v>0.4</v>
      </c>
      <c r="CY2297" s="6" t="s">
        <v>723</v>
      </c>
      <c r="CZ2297" s="6" t="s">
        <v>724</v>
      </c>
      <c r="DA2297" s="6" t="s">
        <v>133</v>
      </c>
      <c r="DB2297" s="6" t="s">
        <v>345</v>
      </c>
      <c r="DC2297" s="6"/>
      <c r="DD2297" s="6"/>
      <c r="DE2297" s="6"/>
      <c r="DF2297" s="6"/>
      <c r="DG2297" s="6"/>
      <c r="DH2297" s="6" t="s">
        <v>333</v>
      </c>
      <c r="DI2297" s="6"/>
      <c r="DJ2297" s="6"/>
      <c r="DK2297" s="6"/>
      <c r="DL2297" s="6">
        <v>9</v>
      </c>
      <c r="DM2297" s="6" t="s">
        <v>440</v>
      </c>
      <c r="DN2297" s="6">
        <v>9</v>
      </c>
      <c r="DO2297" s="6" t="s">
        <v>384</v>
      </c>
      <c r="DP2297" s="6"/>
      <c r="DQ2297" s="6"/>
    </row>
    <row r="2298" spans="1:121" x14ac:dyDescent="0.2">
      <c r="A2298" s="6" t="s">
        <v>317</v>
      </c>
      <c r="B2298" s="6" t="s">
        <v>317</v>
      </c>
      <c r="C2298" s="6" t="s">
        <v>186</v>
      </c>
      <c r="D2298" s="6" t="s">
        <v>133</v>
      </c>
      <c r="E2298" s="6" t="s">
        <v>274</v>
      </c>
      <c r="F2298" s="11">
        <v>34</v>
      </c>
      <c r="G2298" s="13">
        <v>0.4</v>
      </c>
      <c r="H2298" s="11">
        <v>9</v>
      </c>
      <c r="I2298" s="13">
        <v>0.10714285714285714</v>
      </c>
      <c r="J2298" s="11">
        <v>17</v>
      </c>
      <c r="K2298" s="13">
        <v>0.18279569892473119</v>
      </c>
      <c r="L2298" s="11">
        <v>8</v>
      </c>
      <c r="M2298" s="13">
        <v>7.2727272727272724E-2</v>
      </c>
      <c r="N2298" s="11">
        <v>25</v>
      </c>
      <c r="O2298" s="13">
        <v>0.26881720430107525</v>
      </c>
      <c r="P2298" s="7">
        <v>84</v>
      </c>
      <c r="Q2298" s="7">
        <v>95</v>
      </c>
      <c r="R2298" s="7">
        <v>98</v>
      </c>
      <c r="S2298" s="7">
        <v>106</v>
      </c>
      <c r="T2298" s="7">
        <v>103</v>
      </c>
      <c r="U2298" s="7">
        <v>94</v>
      </c>
      <c r="V2298" s="7">
        <v>93</v>
      </c>
      <c r="W2298" s="7">
        <v>89</v>
      </c>
      <c r="X2298" s="7">
        <v>84</v>
      </c>
      <c r="Y2298" s="7">
        <v>110</v>
      </c>
      <c r="Z2298" s="7">
        <v>125</v>
      </c>
      <c r="AA2298" s="7">
        <v>135</v>
      </c>
      <c r="AB2298" s="7">
        <v>145</v>
      </c>
      <c r="AC2298" s="7">
        <v>149</v>
      </c>
      <c r="AD2298" s="7">
        <v>154</v>
      </c>
      <c r="AE2298" s="7">
        <v>113</v>
      </c>
      <c r="AF2298" s="7">
        <v>118</v>
      </c>
      <c r="AG2298" s="9">
        <v>9263</v>
      </c>
      <c r="AH2298" s="13">
        <v>0.45194184231069479</v>
      </c>
      <c r="AI2298" s="9">
        <v>8228</v>
      </c>
      <c r="AJ2298" s="13">
        <v>0.40144418423106942</v>
      </c>
      <c r="AK2298" s="9">
        <v>8354</v>
      </c>
      <c r="AL2298" s="13">
        <v>0.29083693078958361</v>
      </c>
      <c r="AM2298" s="9">
        <v>-7319</v>
      </c>
      <c r="AN2298" s="13">
        <v>-0.19739468148228059</v>
      </c>
      <c r="AO2298" s="9">
        <v>1035</v>
      </c>
      <c r="AP2298" s="13">
        <v>3.603258599080908E-2</v>
      </c>
      <c r="AQ2298" s="9">
        <v>20496</v>
      </c>
      <c r="AR2298" s="9">
        <v>21325</v>
      </c>
      <c r="AS2298" s="9">
        <v>25100</v>
      </c>
      <c r="AT2298" s="9">
        <v>26686</v>
      </c>
      <c r="AU2298" s="9">
        <v>24471</v>
      </c>
      <c r="AV2298" s="9">
        <v>27348</v>
      </c>
      <c r="AW2298" s="9">
        <v>28724</v>
      </c>
      <c r="AX2298" s="9">
        <v>28249</v>
      </c>
      <c r="AY2298" s="9">
        <v>30075</v>
      </c>
      <c r="AZ2298" s="9">
        <v>37078</v>
      </c>
      <c r="BA2298" s="9">
        <v>30940</v>
      </c>
      <c r="BB2298" s="9">
        <v>32763</v>
      </c>
      <c r="BC2298" s="9">
        <v>36231</v>
      </c>
      <c r="BD2298" s="9">
        <v>35217</v>
      </c>
      <c r="BE2298" s="9">
        <v>31957</v>
      </c>
      <c r="BF2298" s="9">
        <v>29759</v>
      </c>
      <c r="BG2298" s="11">
        <v>8</v>
      </c>
      <c r="BH2298" s="13">
        <v>0.36363636363636365</v>
      </c>
      <c r="BI2298" s="6">
        <v>-1</v>
      </c>
      <c r="BJ2298" s="13">
        <v>-4.5454545454545456E-2</v>
      </c>
      <c r="BK2298" s="6">
        <v>1</v>
      </c>
      <c r="BL2298" s="13">
        <v>4.7619047619047616E-2</v>
      </c>
      <c r="BM2298" s="11">
        <v>8</v>
      </c>
      <c r="BN2298" s="13">
        <v>0.36363636363636365</v>
      </c>
      <c r="BO2298" s="11">
        <v>9</v>
      </c>
      <c r="BP2298" s="13">
        <v>0.42857142857142855</v>
      </c>
      <c r="BQ2298" s="6">
        <v>22</v>
      </c>
      <c r="BR2298" s="6">
        <v>22</v>
      </c>
      <c r="BS2298" s="6">
        <v>22</v>
      </c>
      <c r="BT2298" s="6">
        <v>21</v>
      </c>
      <c r="BU2298" s="6">
        <v>21</v>
      </c>
      <c r="BV2298" s="6">
        <v>20</v>
      </c>
      <c r="BW2298" s="6">
        <v>22</v>
      </c>
      <c r="BX2298" s="6">
        <v>22</v>
      </c>
      <c r="BY2298" s="6">
        <v>26</v>
      </c>
      <c r="BZ2298" s="6">
        <v>27</v>
      </c>
      <c r="CA2298" s="6">
        <v>28</v>
      </c>
      <c r="CB2298" s="6">
        <v>31</v>
      </c>
      <c r="CC2298" s="11">
        <v>30</v>
      </c>
      <c r="CD2298" s="11">
        <v>8</v>
      </c>
      <c r="CE2298" s="11">
        <v>17</v>
      </c>
      <c r="CF2298" s="11">
        <v>9</v>
      </c>
      <c r="CG2298" s="11">
        <v>26</v>
      </c>
      <c r="CH2298" s="20">
        <v>0.21</v>
      </c>
      <c r="CI2298" s="20">
        <v>0.25</v>
      </c>
      <c r="CJ2298" s="20">
        <v>0.26</v>
      </c>
      <c r="CK2298" s="20">
        <v>0.27</v>
      </c>
      <c r="CL2298" s="20">
        <v>0.26</v>
      </c>
      <c r="CM2298" s="20">
        <v>0.23</v>
      </c>
      <c r="CN2298" s="20">
        <v>0.22</v>
      </c>
      <c r="CO2298" s="20">
        <v>0.2</v>
      </c>
      <c r="CP2298" s="20">
        <v>0.2</v>
      </c>
      <c r="CQ2298" s="20">
        <v>0.26</v>
      </c>
      <c r="CR2298" s="20">
        <v>0.28999999999999998</v>
      </c>
      <c r="CS2298" s="20">
        <v>0.31</v>
      </c>
      <c r="CT2298" s="20">
        <v>0.33</v>
      </c>
      <c r="CU2298" s="20">
        <v>0.35</v>
      </c>
      <c r="CV2298" s="20">
        <v>0.36</v>
      </c>
      <c r="CW2298" s="20">
        <v>0.26</v>
      </c>
      <c r="CX2298" s="20">
        <v>0.27</v>
      </c>
      <c r="CY2298" s="6" t="s">
        <v>723</v>
      </c>
      <c r="CZ2298" s="6" t="s">
        <v>724</v>
      </c>
      <c r="DA2298" s="6" t="s">
        <v>133</v>
      </c>
      <c r="DB2298" s="6" t="s">
        <v>345</v>
      </c>
      <c r="DC2298" s="6"/>
      <c r="DD2298" s="6"/>
      <c r="DE2298" s="6"/>
      <c r="DF2298" s="6"/>
      <c r="DG2298" s="6"/>
      <c r="DH2298" s="6" t="s">
        <v>333</v>
      </c>
      <c r="DI2298" s="6"/>
      <c r="DJ2298" s="6"/>
      <c r="DK2298" s="6"/>
      <c r="DL2298" s="6">
        <v>9</v>
      </c>
      <c r="DM2298" s="6" t="s">
        <v>440</v>
      </c>
      <c r="DN2298" s="6">
        <v>9</v>
      </c>
      <c r="DO2298" s="6" t="s">
        <v>384</v>
      </c>
      <c r="DP2298" s="6"/>
      <c r="DQ2298" s="6"/>
    </row>
    <row r="2299" spans="1:121" x14ac:dyDescent="0.2">
      <c r="A2299" s="6" t="s">
        <v>318</v>
      </c>
      <c r="B2299" s="6" t="s">
        <v>318</v>
      </c>
      <c r="C2299" s="6" t="s">
        <v>187</v>
      </c>
      <c r="D2299" s="6" t="s">
        <v>133</v>
      </c>
      <c r="E2299" s="6" t="s">
        <v>274</v>
      </c>
      <c r="F2299" s="11">
        <v>1</v>
      </c>
      <c r="G2299" s="13">
        <v>1</v>
      </c>
      <c r="H2299" s="11">
        <v>-4.1034010000000016</v>
      </c>
      <c r="I2299" s="13">
        <v>-0.25549217129689306</v>
      </c>
      <c r="J2299" s="11">
        <v>13.019874999999999</v>
      </c>
      <c r="K2299" s="13">
        <v>1.0888578415536061</v>
      </c>
      <c r="L2299" s="11">
        <v>-19.977243999999999</v>
      </c>
      <c r="M2299" s="13">
        <v>-0.79981778614165755</v>
      </c>
      <c r="N2299" s="11">
        <v>-6.9573689999999999</v>
      </c>
      <c r="O2299" s="13">
        <v>-0.58184781284244047</v>
      </c>
      <c r="P2299" s="7">
        <v>16.060770000000002</v>
      </c>
      <c r="Q2299" s="7">
        <v>16.014731999999999</v>
      </c>
      <c r="R2299" s="7">
        <v>13.894485</v>
      </c>
      <c r="S2299" s="7">
        <v>10.14899</v>
      </c>
      <c r="T2299" s="7">
        <v>5</v>
      </c>
      <c r="U2299" s="7">
        <v>5</v>
      </c>
      <c r="V2299" s="7">
        <v>11.957369</v>
      </c>
      <c r="W2299" s="7">
        <v>35.097510999999997</v>
      </c>
      <c r="X2299" s="7">
        <v>30.329837000000001</v>
      </c>
      <c r="Y2299" s="7">
        <v>24.977243999999999</v>
      </c>
      <c r="Z2299" s="7">
        <v>11.596908000000001</v>
      </c>
      <c r="AA2299" s="7">
        <v>5</v>
      </c>
      <c r="AB2299" s="7">
        <v>10.860775</v>
      </c>
      <c r="AC2299" s="7">
        <v>13.044053999999999</v>
      </c>
      <c r="AD2299" s="7">
        <v>10.727592</v>
      </c>
      <c r="AE2299" s="7">
        <v>5</v>
      </c>
      <c r="AF2299" s="7">
        <v>5</v>
      </c>
      <c r="AG2299" s="9">
        <v>-68498.675562999997</v>
      </c>
      <c r="AH2299" s="13">
        <v>-0.99998540139071057</v>
      </c>
      <c r="AI2299" s="9">
        <v>4500.5946679000044</v>
      </c>
      <c r="AJ2299" s="13">
        <v>6.5702423126964338E-2</v>
      </c>
      <c r="AK2299" s="9">
        <v>-30252.910569600004</v>
      </c>
      <c r="AL2299" s="13">
        <v>-0.41442189835612919</v>
      </c>
      <c r="AM2299" s="9">
        <v>-42746.359661299997</v>
      </c>
      <c r="AN2299" s="13">
        <v>-0.99997660674231292</v>
      </c>
      <c r="AO2299" s="9">
        <v>-72999.270230900001</v>
      </c>
      <c r="AP2299" s="13">
        <v>-0.99998630142057232</v>
      </c>
      <c r="AQ2299" s="9">
        <v>68499.675562999997</v>
      </c>
      <c r="AR2299" s="9">
        <v>70148.406369100005</v>
      </c>
      <c r="AS2299" s="9">
        <v>73349.313739399993</v>
      </c>
      <c r="AT2299" s="9">
        <v>85906.149293499999</v>
      </c>
      <c r="AU2299" s="9">
        <v>1</v>
      </c>
      <c r="AV2299" s="9">
        <v>1</v>
      </c>
      <c r="AW2299" s="9">
        <v>73000.270230900001</v>
      </c>
      <c r="AX2299" s="9">
        <v>33268.765341500002</v>
      </c>
      <c r="AY2299" s="9">
        <v>36271.6625432</v>
      </c>
      <c r="AZ2299" s="9">
        <v>42747.359661299997</v>
      </c>
      <c r="BA2299" s="9">
        <v>73856.291830100003</v>
      </c>
      <c r="BB2299" s="9">
        <v>1</v>
      </c>
      <c r="BC2299" s="9">
        <v>39489.9519325</v>
      </c>
      <c r="BD2299" s="9">
        <v>54447.683933599998</v>
      </c>
      <c r="BE2299" s="9">
        <v>63322.839272199999</v>
      </c>
      <c r="BF2299" s="9">
        <v>1</v>
      </c>
      <c r="BG2299" s="11">
        <v>-1</v>
      </c>
      <c r="BH2299" s="13">
        <v>-0.33333333333333331</v>
      </c>
      <c r="BI2299" s="6">
        <v>-1</v>
      </c>
      <c r="BJ2299" s="13">
        <v>-0.33333333333333331</v>
      </c>
      <c r="BK2299" s="6">
        <v>0</v>
      </c>
      <c r="BL2299" s="13">
        <v>0</v>
      </c>
      <c r="BM2299" s="11">
        <v>0</v>
      </c>
      <c r="BN2299" s="13">
        <v>0</v>
      </c>
      <c r="BO2299" s="11">
        <v>0</v>
      </c>
      <c r="BP2299" s="13">
        <v>0</v>
      </c>
      <c r="BQ2299" s="6">
        <v>3</v>
      </c>
      <c r="BR2299" s="6">
        <v>2</v>
      </c>
      <c r="BS2299" s="6">
        <v>2</v>
      </c>
      <c r="BT2299" s="6">
        <v>2</v>
      </c>
      <c r="BU2299" s="6">
        <v>2</v>
      </c>
      <c r="BV2299" s="6">
        <v>2</v>
      </c>
      <c r="BW2299" s="6">
        <v>2</v>
      </c>
      <c r="BX2299" s="6">
        <v>2</v>
      </c>
      <c r="BY2299" s="6">
        <v>2</v>
      </c>
      <c r="BZ2299" s="6">
        <v>2</v>
      </c>
      <c r="CA2299" s="6">
        <v>2</v>
      </c>
      <c r="CB2299" s="6">
        <v>2</v>
      </c>
      <c r="CC2299" s="11">
        <v>2</v>
      </c>
      <c r="CD2299" s="11">
        <v>-15.1455</v>
      </c>
      <c r="CE2299" s="11">
        <v>3.4387400000000001</v>
      </c>
      <c r="CF2299" s="11">
        <v>1.7556400000000001</v>
      </c>
      <c r="CG2299" s="11">
        <v>5</v>
      </c>
      <c r="CH2299" s="20">
        <v>0.18562500000000001</v>
      </c>
      <c r="CI2299" s="20">
        <v>0.19292300000000001</v>
      </c>
      <c r="CJ2299" s="20">
        <v>0.17036799999999999</v>
      </c>
      <c r="CK2299" s="20">
        <v>0.122235</v>
      </c>
      <c r="CL2299" s="20">
        <v>7.0747299999999999E-2</v>
      </c>
      <c r="CM2299" s="20">
        <v>0.10682800000000001</v>
      </c>
      <c r="CN2299" s="20">
        <v>0.13456399999999999</v>
      </c>
      <c r="CO2299" s="20">
        <v>0.38354899999999997</v>
      </c>
      <c r="CP2299" s="20">
        <v>0.33638400000000002</v>
      </c>
      <c r="CQ2299" s="20">
        <v>0.27243699999999998</v>
      </c>
      <c r="CR2299" s="20">
        <v>0.12523799999999999</v>
      </c>
      <c r="CS2299" s="20">
        <v>8.6349599999999999E-2</v>
      </c>
      <c r="CT2299" s="20">
        <v>0.11141</v>
      </c>
      <c r="CU2299" s="20">
        <v>0.13611999999999999</v>
      </c>
      <c r="CV2299" s="20">
        <v>0.11129699999999999</v>
      </c>
      <c r="CW2299" s="20">
        <v>7.1326799999999996E-2</v>
      </c>
      <c r="CX2299" s="20">
        <v>6.3044199999999995E-2</v>
      </c>
      <c r="CY2299" s="6" t="s">
        <v>723</v>
      </c>
      <c r="CZ2299" s="6" t="s">
        <v>724</v>
      </c>
      <c r="DA2299" s="6" t="s">
        <v>133</v>
      </c>
      <c r="DB2299" s="6" t="s">
        <v>345</v>
      </c>
      <c r="DC2299" s="6"/>
      <c r="DD2299" s="6"/>
      <c r="DE2299" s="6"/>
      <c r="DF2299" s="6"/>
      <c r="DG2299" s="6"/>
      <c r="DH2299" s="6" t="s">
        <v>333</v>
      </c>
      <c r="DI2299" s="6"/>
      <c r="DJ2299" s="6"/>
      <c r="DK2299" s="6"/>
      <c r="DL2299" s="6">
        <v>9</v>
      </c>
      <c r="DM2299" s="6" t="s">
        <v>440</v>
      </c>
      <c r="DN2299" s="6">
        <v>9</v>
      </c>
      <c r="DO2299" s="6" t="s">
        <v>384</v>
      </c>
      <c r="DP2299" s="6"/>
      <c r="DQ2299" s="6"/>
    </row>
    <row r="2300" spans="1:121" x14ac:dyDescent="0.2">
      <c r="A2300" s="6" t="s">
        <v>319</v>
      </c>
      <c r="B2300" s="6" t="s">
        <v>319</v>
      </c>
      <c r="C2300" s="6" t="s">
        <v>188</v>
      </c>
      <c r="D2300" s="6" t="s">
        <v>133</v>
      </c>
      <c r="E2300" s="6" t="s">
        <v>274</v>
      </c>
      <c r="F2300" s="11">
        <v>135</v>
      </c>
      <c r="G2300" s="13">
        <v>2.6470588235300001</v>
      </c>
      <c r="H2300" s="11">
        <v>62.080499076000002</v>
      </c>
      <c r="I2300" s="13">
        <v>1.2250915585028268</v>
      </c>
      <c r="J2300" s="11">
        <v>-25.813048318400007</v>
      </c>
      <c r="K2300" s="13">
        <v>-0.22893107939908311</v>
      </c>
      <c r="L2300" s="11">
        <v>98.561293837400001</v>
      </c>
      <c r="M2300" s="13">
        <v>1.1336491302022886</v>
      </c>
      <c r="N2300" s="11">
        <v>72.748245518999994</v>
      </c>
      <c r="O2300" s="13">
        <v>0.64519053176616381</v>
      </c>
      <c r="P2300" s="7">
        <v>50.674170959000001</v>
      </c>
      <c r="Q2300" s="7">
        <v>83.858714950199996</v>
      </c>
      <c r="R2300" s="7">
        <v>92.036481045299993</v>
      </c>
      <c r="S2300" s="7">
        <v>115.43031182999999</v>
      </c>
      <c r="T2300" s="7">
        <v>109.405399428</v>
      </c>
      <c r="U2300" s="7">
        <v>131.24729583999999</v>
      </c>
      <c r="V2300" s="7">
        <v>112.754670035</v>
      </c>
      <c r="W2300" s="7">
        <v>79.047951586699995</v>
      </c>
      <c r="X2300" s="7">
        <v>79.626685404400007</v>
      </c>
      <c r="Y2300" s="7">
        <v>86.941621716599997</v>
      </c>
      <c r="Z2300" s="7">
        <v>105.568226561</v>
      </c>
      <c r="AA2300" s="7">
        <v>120.568030568</v>
      </c>
      <c r="AB2300" s="7">
        <v>139.19839386999999</v>
      </c>
      <c r="AC2300" s="7">
        <v>151.89299879800001</v>
      </c>
      <c r="AD2300" s="7">
        <v>160.70213333199999</v>
      </c>
      <c r="AE2300" s="7">
        <v>172.35969666899999</v>
      </c>
      <c r="AF2300" s="7">
        <v>185.502915554</v>
      </c>
      <c r="AG2300" s="9">
        <v>-1187.8715188999995</v>
      </c>
      <c r="AH2300" s="13">
        <v>-7.1985351492952418E-2</v>
      </c>
      <c r="AI2300" s="9">
        <v>-2088.3459189000005</v>
      </c>
      <c r="AJ2300" s="13">
        <v>-0.12655435593749997</v>
      </c>
      <c r="AK2300" s="9">
        <v>1104.2270312000001</v>
      </c>
      <c r="AL2300" s="13">
        <v>7.6612061931611575E-2</v>
      </c>
      <c r="AM2300" s="9">
        <v>-203.75263119999909</v>
      </c>
      <c r="AN2300" s="13">
        <v>-1.3130545270046786E-2</v>
      </c>
      <c r="AO2300" s="9">
        <v>900.47440000000097</v>
      </c>
      <c r="AP2300" s="13">
        <v>6.2475558514140134E-2</v>
      </c>
      <c r="AQ2300" s="9">
        <v>16501.5728098</v>
      </c>
      <c r="AR2300" s="9">
        <v>16930.861459200001</v>
      </c>
      <c r="AS2300" s="9">
        <v>19426.3016775</v>
      </c>
      <c r="AT2300" s="9">
        <v>14219.5058995</v>
      </c>
      <c r="AU2300" s="9">
        <v>19755.3734028</v>
      </c>
      <c r="AV2300" s="9">
        <v>15098.335589</v>
      </c>
      <c r="AW2300" s="9">
        <v>14413.226890899999</v>
      </c>
      <c r="AX2300" s="9">
        <v>16024.7038032</v>
      </c>
      <c r="AY2300" s="9">
        <v>16285.5107919</v>
      </c>
      <c r="AZ2300" s="9">
        <v>15517.4539221</v>
      </c>
      <c r="BA2300" s="9">
        <v>15021.202235700001</v>
      </c>
      <c r="BB2300" s="9">
        <v>17538.195276400002</v>
      </c>
      <c r="BC2300" s="9">
        <v>13977.6621433</v>
      </c>
      <c r="BD2300" s="9">
        <v>12936.405312999999</v>
      </c>
      <c r="BE2300" s="9">
        <v>12854.947196200001</v>
      </c>
      <c r="BF2300" s="9">
        <v>15313.7012909</v>
      </c>
      <c r="BG2300" s="11">
        <v>2.75</v>
      </c>
      <c r="BH2300" s="13">
        <v>0.30555555555555558</v>
      </c>
      <c r="BI2300" s="6">
        <v>1</v>
      </c>
      <c r="BJ2300" s="13">
        <v>0.1111111111111111</v>
      </c>
      <c r="BK2300" s="6">
        <v>-1</v>
      </c>
      <c r="BL2300" s="13">
        <v>-0.1</v>
      </c>
      <c r="BM2300" s="11">
        <v>2.75</v>
      </c>
      <c r="BN2300" s="13">
        <v>0.30555555555555558</v>
      </c>
      <c r="BO2300" s="11">
        <v>1.75</v>
      </c>
      <c r="BP2300" s="13">
        <v>0.17499999999999999</v>
      </c>
      <c r="BQ2300" s="6">
        <v>9</v>
      </c>
      <c r="BR2300" s="6">
        <v>10</v>
      </c>
      <c r="BS2300" s="6">
        <v>9</v>
      </c>
      <c r="BT2300" s="6">
        <v>10</v>
      </c>
      <c r="BU2300" s="6">
        <v>9</v>
      </c>
      <c r="BV2300" s="6">
        <v>10</v>
      </c>
      <c r="BW2300" s="6">
        <v>9</v>
      </c>
      <c r="BX2300" s="6">
        <v>10</v>
      </c>
      <c r="BY2300" s="6">
        <v>10</v>
      </c>
      <c r="BZ2300" s="6">
        <v>11</v>
      </c>
      <c r="CA2300" s="6">
        <v>11</v>
      </c>
      <c r="CB2300" s="6">
        <v>11</v>
      </c>
      <c r="CC2300" s="11">
        <v>11.75</v>
      </c>
      <c r="CD2300" s="11">
        <v>124.73</v>
      </c>
      <c r="CE2300" s="11">
        <v>4.5592800000000002</v>
      </c>
      <c r="CF2300" s="11">
        <v>5.5392999999999999</v>
      </c>
      <c r="CG2300" s="11">
        <v>11</v>
      </c>
      <c r="CH2300" s="20">
        <v>0.119398</v>
      </c>
      <c r="CI2300" s="20">
        <v>0.20393700000000001</v>
      </c>
      <c r="CJ2300" s="20">
        <v>0.22377</v>
      </c>
      <c r="CK2300" s="20">
        <v>0.27244699999999999</v>
      </c>
      <c r="CL2300" s="20">
        <v>0.254189</v>
      </c>
      <c r="CM2300" s="20">
        <v>0.298649</v>
      </c>
      <c r="CN2300" s="20">
        <v>0.250948</v>
      </c>
      <c r="CO2300" s="20">
        <v>0.184089</v>
      </c>
      <c r="CP2300" s="20">
        <v>0.2026</v>
      </c>
      <c r="CQ2300" s="20">
        <v>0.21146599999999999</v>
      </c>
      <c r="CR2300" s="20">
        <v>0.25283699999999998</v>
      </c>
      <c r="CS2300" s="20">
        <v>0.28294799999999998</v>
      </c>
      <c r="CT2300" s="20">
        <v>0.32439800000000002</v>
      </c>
      <c r="CU2300" s="20">
        <v>0.35964600000000002</v>
      </c>
      <c r="CV2300" s="20">
        <v>0.37726599999999999</v>
      </c>
      <c r="CW2300" s="20">
        <v>0.40490799999999999</v>
      </c>
      <c r="CX2300" s="20">
        <v>0.43062299999999998</v>
      </c>
      <c r="CY2300" s="6" t="s">
        <v>723</v>
      </c>
      <c r="CZ2300" s="6" t="s">
        <v>724</v>
      </c>
      <c r="DA2300" s="6" t="s">
        <v>133</v>
      </c>
      <c r="DB2300" s="6" t="s">
        <v>345</v>
      </c>
      <c r="DC2300" s="6"/>
      <c r="DD2300" s="6"/>
      <c r="DE2300" s="6"/>
      <c r="DF2300" s="6"/>
      <c r="DG2300" s="6"/>
      <c r="DH2300" s="6" t="s">
        <v>333</v>
      </c>
      <c r="DI2300" s="6"/>
      <c r="DJ2300" s="6"/>
      <c r="DK2300" s="6"/>
      <c r="DL2300" s="6">
        <v>9</v>
      </c>
      <c r="DM2300" s="6" t="s">
        <v>440</v>
      </c>
      <c r="DN2300" s="6">
        <v>9</v>
      </c>
      <c r="DO2300" s="6" t="s">
        <v>384</v>
      </c>
      <c r="DP2300" s="6"/>
      <c r="DQ2300" s="6"/>
    </row>
    <row r="2301" spans="1:121" x14ac:dyDescent="0.2">
      <c r="A2301" s="6" t="s">
        <v>320</v>
      </c>
      <c r="B2301" s="6" t="s">
        <v>320</v>
      </c>
      <c r="C2301" s="6" t="s">
        <v>189</v>
      </c>
      <c r="D2301" s="6" t="s">
        <v>133</v>
      </c>
      <c r="E2301" s="6" t="s">
        <v>274</v>
      </c>
      <c r="F2301" s="11">
        <v>12</v>
      </c>
      <c r="G2301" s="13">
        <v>0.31578947368400001</v>
      </c>
      <c r="H2301" s="11">
        <v>7.814145593100001</v>
      </c>
      <c r="I2301" s="13">
        <v>0.20504858374440507</v>
      </c>
      <c r="J2301" s="11">
        <v>38.863368243299995</v>
      </c>
      <c r="K2301" s="13">
        <v>0.84627430792550684</v>
      </c>
      <c r="L2301" s="11">
        <v>-34.906371382099998</v>
      </c>
      <c r="M2301" s="13">
        <v>-0.4116984172323766</v>
      </c>
      <c r="N2301" s="11">
        <v>3.9569968611999968</v>
      </c>
      <c r="O2301" s="13">
        <v>8.6166097575774162E-2</v>
      </c>
      <c r="P2301" s="7">
        <v>38.1087518402</v>
      </c>
      <c r="Q2301" s="7">
        <v>18.736151984199999</v>
      </c>
      <c r="R2301" s="7">
        <v>32.705927320500003</v>
      </c>
      <c r="S2301" s="7">
        <v>22.458207492700001</v>
      </c>
      <c r="T2301" s="7">
        <v>51.968041039200003</v>
      </c>
      <c r="U2301" s="7">
        <v>72.6356270295</v>
      </c>
      <c r="V2301" s="7">
        <v>45.922897433300001</v>
      </c>
      <c r="W2301" s="7">
        <v>110.637063016</v>
      </c>
      <c r="X2301" s="7">
        <v>77.386482069899998</v>
      </c>
      <c r="Y2301" s="7">
        <v>84.786265676599996</v>
      </c>
      <c r="Z2301" s="7">
        <v>91.783262196400003</v>
      </c>
      <c r="AA2301" s="7">
        <v>95.760606356599993</v>
      </c>
      <c r="AB2301" s="7">
        <v>80.222086607199998</v>
      </c>
      <c r="AC2301" s="7">
        <v>94.994643790699996</v>
      </c>
      <c r="AD2301" s="7">
        <v>51.927517395599999</v>
      </c>
      <c r="AE2301" s="7">
        <v>49.769201180499998</v>
      </c>
      <c r="AF2301" s="7">
        <v>49.879894294499998</v>
      </c>
      <c r="AG2301" s="9">
        <v>408.96219649999694</v>
      </c>
      <c r="AH2301" s="13">
        <v>1.757622490380897E-2</v>
      </c>
      <c r="AI2301" s="9">
        <v>12983.2661372</v>
      </c>
      <c r="AJ2301" s="13">
        <v>0.55798997454141475</v>
      </c>
      <c r="AK2301" s="9">
        <v>-10242.502082900002</v>
      </c>
      <c r="AL2301" s="13">
        <v>-0.28254253583430206</v>
      </c>
      <c r="AM2301" s="9">
        <v>-2331.801857800001</v>
      </c>
      <c r="AN2301" s="13">
        <v>-8.9654741666126747E-2</v>
      </c>
      <c r="AO2301" s="9">
        <v>-12574.303940700003</v>
      </c>
      <c r="AP2301" s="13">
        <v>-0.34686599944051205</v>
      </c>
      <c r="AQ2301" s="9">
        <v>23267.920087400002</v>
      </c>
      <c r="AR2301" s="9">
        <v>23883.8531109</v>
      </c>
      <c r="AS2301" s="9">
        <v>25308.821391500001</v>
      </c>
      <c r="AT2301" s="9">
        <v>26327.465771800002</v>
      </c>
      <c r="AU2301" s="9">
        <v>46690.613973599997</v>
      </c>
      <c r="AV2301" s="9">
        <v>45733.0655396</v>
      </c>
      <c r="AW2301" s="9">
        <v>36251.186224600002</v>
      </c>
      <c r="AX2301" s="9">
        <v>20500.644034600002</v>
      </c>
      <c r="AY2301" s="9">
        <v>29781.7652977</v>
      </c>
      <c r="AZ2301" s="9">
        <v>26008.6841417</v>
      </c>
      <c r="BA2301" s="9">
        <v>25442.777692700001</v>
      </c>
      <c r="BB2301" s="9">
        <v>30201.282742300002</v>
      </c>
      <c r="BC2301" s="9">
        <v>30119.268835399998</v>
      </c>
      <c r="BD2301" s="9">
        <v>25222.607123999998</v>
      </c>
      <c r="BE2301" s="9">
        <v>21071.550826999999</v>
      </c>
      <c r="BF2301" s="9">
        <v>23676.882283899999</v>
      </c>
      <c r="BG2301" s="11">
        <v>1</v>
      </c>
      <c r="BH2301" s="13">
        <v>0.5</v>
      </c>
      <c r="BI2301" s="6">
        <v>1</v>
      </c>
      <c r="BJ2301" s="13">
        <v>0.5</v>
      </c>
      <c r="BK2301" s="6">
        <v>1</v>
      </c>
      <c r="BL2301" s="13">
        <v>0.33333333333333331</v>
      </c>
      <c r="BM2301" s="11">
        <v>-1</v>
      </c>
      <c r="BN2301" s="13">
        <v>-0.25</v>
      </c>
      <c r="BO2301" s="11">
        <v>0</v>
      </c>
      <c r="BP2301" s="13">
        <v>0</v>
      </c>
      <c r="BQ2301" s="6">
        <v>2</v>
      </c>
      <c r="BR2301" s="6">
        <v>4</v>
      </c>
      <c r="BS2301" s="6">
        <v>4</v>
      </c>
      <c r="BT2301" s="6">
        <v>3</v>
      </c>
      <c r="BU2301" s="6">
        <v>3</v>
      </c>
      <c r="BV2301" s="6">
        <v>3</v>
      </c>
      <c r="BW2301" s="6">
        <v>4</v>
      </c>
      <c r="BX2301" s="6">
        <v>4</v>
      </c>
      <c r="BY2301" s="6">
        <v>4</v>
      </c>
      <c r="BZ2301" s="6">
        <v>4</v>
      </c>
      <c r="CA2301" s="6">
        <v>3</v>
      </c>
      <c r="CB2301" s="6">
        <v>3</v>
      </c>
      <c r="CC2301" s="11">
        <v>3</v>
      </c>
      <c r="CD2301" s="11">
        <v>-6.1939700000000002</v>
      </c>
      <c r="CE2301" s="11">
        <v>13.7994</v>
      </c>
      <c r="CF2301" s="11">
        <v>4.1657500000000001</v>
      </c>
      <c r="CG2301" s="11">
        <v>18</v>
      </c>
      <c r="CH2301" s="20">
        <v>0.26913599999999999</v>
      </c>
      <c r="CI2301" s="20">
        <v>0.13051199999999999</v>
      </c>
      <c r="CJ2301" s="20">
        <v>0.221193</v>
      </c>
      <c r="CK2301" s="20">
        <v>0.14688599999999999</v>
      </c>
      <c r="CL2301" s="20">
        <v>0.34206999999999999</v>
      </c>
      <c r="CM2301" s="20">
        <v>0.47055000000000002</v>
      </c>
      <c r="CN2301" s="20">
        <v>0.28644199999999997</v>
      </c>
      <c r="CO2301" s="20">
        <v>0.67113199999999995</v>
      </c>
      <c r="CP2301" s="20">
        <v>0.45405600000000002</v>
      </c>
      <c r="CQ2301" s="20">
        <v>0.47912399999999999</v>
      </c>
      <c r="CR2301" s="20">
        <v>0.51445600000000002</v>
      </c>
      <c r="CS2301" s="20">
        <v>0.53101699999999996</v>
      </c>
      <c r="CT2301" s="20">
        <v>0.44753199999999999</v>
      </c>
      <c r="CU2301" s="20">
        <v>0.54487399999999997</v>
      </c>
      <c r="CV2301" s="20">
        <v>0.29850599999999999</v>
      </c>
      <c r="CW2301" s="20">
        <v>0.28666599999999998</v>
      </c>
      <c r="CX2301" s="20">
        <v>0.28287600000000002</v>
      </c>
      <c r="CY2301" s="6" t="s">
        <v>723</v>
      </c>
      <c r="CZ2301" s="6" t="s">
        <v>724</v>
      </c>
      <c r="DA2301" s="6" t="s">
        <v>133</v>
      </c>
      <c r="DB2301" s="6" t="s">
        <v>345</v>
      </c>
      <c r="DC2301" s="6"/>
      <c r="DD2301" s="6"/>
      <c r="DE2301" s="6"/>
      <c r="DF2301" s="6"/>
      <c r="DG2301" s="6"/>
      <c r="DH2301" s="6" t="s">
        <v>333</v>
      </c>
      <c r="DI2301" s="6"/>
      <c r="DJ2301" s="6"/>
      <c r="DK2301" s="6"/>
      <c r="DL2301" s="6">
        <v>9</v>
      </c>
      <c r="DM2301" s="6" t="s">
        <v>440</v>
      </c>
      <c r="DN2301" s="6">
        <v>9</v>
      </c>
      <c r="DO2301" s="6" t="s">
        <v>384</v>
      </c>
      <c r="DP2301" s="6"/>
      <c r="DQ2301" s="6"/>
    </row>
    <row r="2302" spans="1:121" x14ac:dyDescent="0.2">
      <c r="A2302" s="6" t="s">
        <v>321</v>
      </c>
      <c r="B2302" s="6" t="s">
        <v>321</v>
      </c>
      <c r="C2302" s="6" t="s">
        <v>190</v>
      </c>
      <c r="D2302" s="6" t="s">
        <v>133</v>
      </c>
      <c r="E2302" s="6" t="s">
        <v>274</v>
      </c>
      <c r="F2302" s="11">
        <v>48</v>
      </c>
      <c r="G2302" s="13">
        <v>8.2758620689699997E-2</v>
      </c>
      <c r="H2302" s="11">
        <v>0.2805432299999211</v>
      </c>
      <c r="I2302" s="13">
        <v>4.8406723058067296E-4</v>
      </c>
      <c r="J2302" s="11">
        <v>-18.769990875999952</v>
      </c>
      <c r="K2302" s="13">
        <v>-3.237127277947667E-2</v>
      </c>
      <c r="L2302" s="11">
        <v>67.219493986999964</v>
      </c>
      <c r="M2302" s="13">
        <v>0.11980700165160024</v>
      </c>
      <c r="N2302" s="11">
        <v>48.449503111000013</v>
      </c>
      <c r="O2302" s="13">
        <v>8.3557423740768411E-2</v>
      </c>
      <c r="P2302" s="7">
        <v>579.55426907000003</v>
      </c>
      <c r="Q2302" s="7">
        <v>605.63754515799997</v>
      </c>
      <c r="R2302" s="7">
        <v>609.52545901999997</v>
      </c>
      <c r="S2302" s="7">
        <v>607.799956683</v>
      </c>
      <c r="T2302" s="7">
        <v>389.91007341</v>
      </c>
      <c r="U2302" s="7">
        <v>412.19753460200002</v>
      </c>
      <c r="V2302" s="7">
        <v>579.83481229999995</v>
      </c>
      <c r="W2302" s="7">
        <v>577.29528629399999</v>
      </c>
      <c r="X2302" s="7">
        <v>572.63864973499994</v>
      </c>
      <c r="Y2302" s="7">
        <v>561.064821424</v>
      </c>
      <c r="Z2302" s="7">
        <v>543.04342391399996</v>
      </c>
      <c r="AA2302" s="7">
        <v>550.39890093099996</v>
      </c>
      <c r="AB2302" s="7">
        <v>615.98593846699998</v>
      </c>
      <c r="AC2302" s="7">
        <v>607.02043893899997</v>
      </c>
      <c r="AD2302" s="7">
        <v>610.49247806799997</v>
      </c>
      <c r="AE2302" s="7">
        <v>615.32398023200005</v>
      </c>
      <c r="AF2302" s="7">
        <v>628.28431541099997</v>
      </c>
      <c r="AG2302" s="9">
        <v>5287.2019026999988</v>
      </c>
      <c r="AH2302" s="13">
        <v>0.27751869389122519</v>
      </c>
      <c r="AI2302" s="9">
        <v>2371.5074042999986</v>
      </c>
      <c r="AJ2302" s="13">
        <v>0.12447749291711677</v>
      </c>
      <c r="AK2302" s="9">
        <v>2492.2497119</v>
      </c>
      <c r="AL2302" s="13">
        <v>0.11633412696329416</v>
      </c>
      <c r="AM2302" s="9">
        <v>423.44478650000019</v>
      </c>
      <c r="AN2302" s="13">
        <v>1.770590660663849E-2</v>
      </c>
      <c r="AO2302" s="9">
        <v>2915.6944984000002</v>
      </c>
      <c r="AP2302" s="13">
        <v>0.13609983475710957</v>
      </c>
      <c r="AQ2302" s="9">
        <v>19051.696404900002</v>
      </c>
      <c r="AR2302" s="9">
        <v>20194.648417199998</v>
      </c>
      <c r="AS2302" s="9">
        <v>20426.035089100002</v>
      </c>
      <c r="AT2302" s="9">
        <v>21411.957600400001</v>
      </c>
      <c r="AU2302" s="9">
        <v>21535.979320499999</v>
      </c>
      <c r="AV2302" s="9">
        <v>21389.692446599998</v>
      </c>
      <c r="AW2302" s="9">
        <v>21423.2038092</v>
      </c>
      <c r="AX2302" s="9">
        <v>23264.720825699998</v>
      </c>
      <c r="AY2302" s="9">
        <v>23370.754739100001</v>
      </c>
      <c r="AZ2302" s="9">
        <v>23915.4535211</v>
      </c>
      <c r="BA2302" s="9">
        <v>24711.713886199999</v>
      </c>
      <c r="BB2302" s="9">
        <v>24837.622110299999</v>
      </c>
      <c r="BC2302" s="9">
        <v>24850.523201600001</v>
      </c>
      <c r="BD2302" s="9">
        <v>24102.259174499999</v>
      </c>
      <c r="BE2302" s="9">
        <v>24711.882159500001</v>
      </c>
      <c r="BF2302" s="9">
        <v>24338.8983076</v>
      </c>
      <c r="BG2302" s="11">
        <v>113.5</v>
      </c>
      <c r="BH2302" s="13">
        <v>2.63953488372093</v>
      </c>
      <c r="BI2302" s="6">
        <v>1</v>
      </c>
      <c r="BJ2302" s="13">
        <v>2.3255813953488372E-2</v>
      </c>
      <c r="BK2302" s="6">
        <v>1</v>
      </c>
      <c r="BL2302" s="13">
        <v>2.2727272727272728E-2</v>
      </c>
      <c r="BM2302" s="11">
        <v>111.5</v>
      </c>
      <c r="BN2302" s="13">
        <v>2.4777777777777779</v>
      </c>
      <c r="BO2302" s="11">
        <v>112.5</v>
      </c>
      <c r="BP2302" s="13">
        <v>2.5568181818181817</v>
      </c>
      <c r="BQ2302" s="6">
        <v>43</v>
      </c>
      <c r="BR2302" s="6">
        <v>40</v>
      </c>
      <c r="BS2302" s="6">
        <v>41</v>
      </c>
      <c r="BT2302" s="6">
        <v>44</v>
      </c>
      <c r="BU2302" s="6">
        <v>41</v>
      </c>
      <c r="BV2302" s="6">
        <v>43</v>
      </c>
      <c r="BW2302" s="6">
        <v>45</v>
      </c>
      <c r="BX2302" s="6">
        <v>45</v>
      </c>
      <c r="BY2302" s="6">
        <v>48</v>
      </c>
      <c r="BZ2302" s="6">
        <v>124</v>
      </c>
      <c r="CA2302" s="6">
        <v>135</v>
      </c>
      <c r="CB2302" s="6">
        <v>155</v>
      </c>
      <c r="CC2302" s="11">
        <v>156.5</v>
      </c>
      <c r="CD2302" s="11">
        <v>-225.67599999999999</v>
      </c>
      <c r="CE2302" s="11">
        <v>211.054</v>
      </c>
      <c r="CF2302" s="11">
        <v>63.3523</v>
      </c>
      <c r="CG2302" s="11">
        <v>274</v>
      </c>
      <c r="CH2302" s="20">
        <v>0.82875699999999997</v>
      </c>
      <c r="CI2302" s="20">
        <v>0.860429</v>
      </c>
      <c r="CJ2302" s="20">
        <v>0.83929699999999996</v>
      </c>
      <c r="CK2302" s="20">
        <v>0.82250699999999999</v>
      </c>
      <c r="CL2302" s="20">
        <v>0.52527999999999997</v>
      </c>
      <c r="CM2302" s="20">
        <v>0.54479299999999997</v>
      </c>
      <c r="CN2302" s="20">
        <v>0.73624299999999998</v>
      </c>
      <c r="CO2302" s="20">
        <v>0.715279</v>
      </c>
      <c r="CP2302" s="20">
        <v>0.69154300000000002</v>
      </c>
      <c r="CQ2302" s="20">
        <v>0.65668000000000004</v>
      </c>
      <c r="CR2302" s="20">
        <v>0.641683</v>
      </c>
      <c r="CS2302" s="20">
        <v>0.63283500000000004</v>
      </c>
      <c r="CT2302" s="20">
        <v>0.70876300000000003</v>
      </c>
      <c r="CU2302" s="20">
        <v>0.71959799999999996</v>
      </c>
      <c r="CV2302" s="20">
        <v>0.71808099999999997</v>
      </c>
      <c r="CW2302" s="20">
        <v>0.72083900000000001</v>
      </c>
      <c r="CX2302" s="20">
        <v>0.72045099999999995</v>
      </c>
      <c r="CY2302" s="6" t="s">
        <v>723</v>
      </c>
      <c r="CZ2302" s="6" t="s">
        <v>724</v>
      </c>
      <c r="DA2302" s="6" t="s">
        <v>133</v>
      </c>
      <c r="DB2302" s="6" t="s">
        <v>345</v>
      </c>
      <c r="DC2302" s="6"/>
      <c r="DD2302" s="6"/>
      <c r="DE2302" s="6"/>
      <c r="DF2302" s="6"/>
      <c r="DG2302" s="6"/>
      <c r="DH2302" s="6" t="s">
        <v>333</v>
      </c>
      <c r="DI2302" s="6"/>
      <c r="DJ2302" s="6"/>
      <c r="DK2302" s="6"/>
      <c r="DL2302" s="6">
        <v>9</v>
      </c>
      <c r="DM2302" s="6" t="s">
        <v>440</v>
      </c>
      <c r="DN2302" s="6">
        <v>9</v>
      </c>
      <c r="DO2302" s="6" t="s">
        <v>384</v>
      </c>
      <c r="DP2302" s="6"/>
      <c r="DQ2302" s="6"/>
    </row>
    <row r="2303" spans="1:121" x14ac:dyDescent="0.2">
      <c r="A2303" s="6" t="s">
        <v>322</v>
      </c>
      <c r="B2303" s="6" t="s">
        <v>322</v>
      </c>
      <c r="C2303" s="6" t="s">
        <v>191</v>
      </c>
      <c r="D2303" s="6" t="s">
        <v>133</v>
      </c>
      <c r="E2303" s="6" t="s">
        <v>274</v>
      </c>
      <c r="F2303" s="11">
        <v>1</v>
      </c>
      <c r="G2303" s="13">
        <v>1</v>
      </c>
      <c r="H2303" s="11">
        <v>6</v>
      </c>
      <c r="I2303" s="13">
        <v>0.35294117647058826</v>
      </c>
      <c r="J2303" s="11">
        <v>-7</v>
      </c>
      <c r="K2303" s="13">
        <v>-0.30434782608695654</v>
      </c>
      <c r="L2303" s="11">
        <v>-11</v>
      </c>
      <c r="M2303" s="13">
        <v>-0.6875</v>
      </c>
      <c r="N2303" s="11">
        <v>-18</v>
      </c>
      <c r="O2303" s="13">
        <v>-0.78260869565217395</v>
      </c>
      <c r="P2303" s="7">
        <v>17</v>
      </c>
      <c r="Q2303" s="7">
        <v>15</v>
      </c>
      <c r="R2303" s="7">
        <v>14</v>
      </c>
      <c r="S2303" s="7">
        <v>12</v>
      </c>
      <c r="T2303" s="7">
        <v>14</v>
      </c>
      <c r="U2303" s="7">
        <v>17</v>
      </c>
      <c r="V2303" s="7">
        <v>23</v>
      </c>
      <c r="W2303" s="7">
        <v>22</v>
      </c>
      <c r="X2303" s="7">
        <v>18</v>
      </c>
      <c r="Y2303" s="7">
        <v>16</v>
      </c>
      <c r="Z2303" s="7">
        <v>22</v>
      </c>
      <c r="AA2303" s="7">
        <v>26</v>
      </c>
      <c r="AB2303" s="7">
        <v>19</v>
      </c>
      <c r="AC2303" s="7">
        <v>14</v>
      </c>
      <c r="AD2303" s="7">
        <v>14</v>
      </c>
      <c r="AE2303" s="7">
        <v>10</v>
      </c>
      <c r="AF2303" s="7">
        <v>5</v>
      </c>
      <c r="AG2303" s="9">
        <v>6044</v>
      </c>
      <c r="AH2303" s="13">
        <v>0.46878150934615681</v>
      </c>
      <c r="AI2303" s="9">
        <v>1864</v>
      </c>
      <c r="AJ2303" s="13">
        <v>0.14457457535096563</v>
      </c>
      <c r="AK2303" s="9">
        <v>1588</v>
      </c>
      <c r="AL2303" s="13">
        <v>0.10760994782137293</v>
      </c>
      <c r="AM2303" s="9">
        <v>2592</v>
      </c>
      <c r="AN2303" s="13">
        <v>0.15858060568981339</v>
      </c>
      <c r="AO2303" s="9">
        <v>4180</v>
      </c>
      <c r="AP2303" s="13">
        <v>0.28325540421494882</v>
      </c>
      <c r="AQ2303" s="9">
        <v>12893</v>
      </c>
      <c r="AR2303" s="9">
        <v>15987</v>
      </c>
      <c r="AS2303" s="9">
        <v>16187</v>
      </c>
      <c r="AT2303" s="9">
        <v>14272</v>
      </c>
      <c r="AU2303" s="9">
        <v>15130</v>
      </c>
      <c r="AV2303" s="9">
        <v>14844</v>
      </c>
      <c r="AW2303" s="9">
        <v>14757</v>
      </c>
      <c r="AX2303" s="9">
        <v>18858</v>
      </c>
      <c r="AY2303" s="9">
        <v>14376</v>
      </c>
      <c r="AZ2303" s="9">
        <v>16345</v>
      </c>
      <c r="BA2303" s="9">
        <v>14815</v>
      </c>
      <c r="BB2303" s="9">
        <v>12258</v>
      </c>
      <c r="BC2303" s="9">
        <v>11025</v>
      </c>
      <c r="BD2303" s="9">
        <v>15249</v>
      </c>
      <c r="BE2303" s="9">
        <v>14451</v>
      </c>
      <c r="BF2303" s="9">
        <v>18937</v>
      </c>
      <c r="BG2303" s="11">
        <v>1</v>
      </c>
      <c r="BH2303" s="13">
        <v>0.5</v>
      </c>
      <c r="BI2303" s="6">
        <v>2</v>
      </c>
      <c r="BJ2303" s="13">
        <v>1</v>
      </c>
      <c r="BK2303" s="6">
        <v>-1</v>
      </c>
      <c r="BL2303" s="13">
        <v>-0.25</v>
      </c>
      <c r="BM2303" s="11">
        <v>0</v>
      </c>
      <c r="BN2303" s="13">
        <v>0</v>
      </c>
      <c r="BO2303" s="11">
        <v>-1</v>
      </c>
      <c r="BP2303" s="13">
        <v>-0.25</v>
      </c>
      <c r="BQ2303" s="6">
        <v>2</v>
      </c>
      <c r="BR2303" s="6">
        <v>2</v>
      </c>
      <c r="BS2303" s="6">
        <v>4</v>
      </c>
      <c r="BT2303" s="6">
        <v>4</v>
      </c>
      <c r="BU2303" s="6">
        <v>3</v>
      </c>
      <c r="BV2303" s="6">
        <v>3</v>
      </c>
      <c r="BW2303" s="6">
        <v>3</v>
      </c>
      <c r="BX2303" s="6">
        <v>2</v>
      </c>
      <c r="BY2303" s="6">
        <v>2</v>
      </c>
      <c r="BZ2303" s="6">
        <v>3</v>
      </c>
      <c r="CA2303" s="6">
        <v>3</v>
      </c>
      <c r="CB2303" s="6">
        <v>3</v>
      </c>
      <c r="CC2303" s="11">
        <v>3</v>
      </c>
      <c r="CD2303" s="11">
        <v>-12</v>
      </c>
      <c r="CE2303" s="11">
        <v>3</v>
      </c>
      <c r="CF2303" s="11">
        <v>2</v>
      </c>
      <c r="CG2303" s="11">
        <v>5</v>
      </c>
      <c r="CH2303" s="20">
        <v>0.16</v>
      </c>
      <c r="CI2303" s="20">
        <v>0.14000000000000001</v>
      </c>
      <c r="CJ2303" s="20">
        <v>0.13</v>
      </c>
      <c r="CK2303" s="20">
        <v>0.11</v>
      </c>
      <c r="CL2303" s="20">
        <v>0.12</v>
      </c>
      <c r="CM2303" s="20">
        <v>0.16</v>
      </c>
      <c r="CN2303" s="20">
        <v>0.2</v>
      </c>
      <c r="CO2303" s="20">
        <v>0.19</v>
      </c>
      <c r="CP2303" s="20">
        <v>0.16</v>
      </c>
      <c r="CQ2303" s="20">
        <v>0.14000000000000001</v>
      </c>
      <c r="CR2303" s="20">
        <v>0.2</v>
      </c>
      <c r="CS2303" s="20">
        <v>0.23</v>
      </c>
      <c r="CT2303" s="20">
        <v>0.17</v>
      </c>
      <c r="CU2303" s="20">
        <v>0.13</v>
      </c>
      <c r="CV2303" s="20">
        <v>0.12</v>
      </c>
      <c r="CW2303" s="20">
        <v>0.09</v>
      </c>
      <c r="CX2303" s="20">
        <v>0.08</v>
      </c>
      <c r="CY2303" s="6" t="s">
        <v>723</v>
      </c>
      <c r="CZ2303" s="6" t="s">
        <v>724</v>
      </c>
      <c r="DA2303" s="6" t="s">
        <v>133</v>
      </c>
      <c r="DB2303" s="6" t="s">
        <v>345</v>
      </c>
      <c r="DC2303" s="6"/>
      <c r="DD2303" s="6"/>
      <c r="DE2303" s="6"/>
      <c r="DF2303" s="6"/>
      <c r="DG2303" s="6"/>
      <c r="DH2303" s="6" t="s">
        <v>333</v>
      </c>
      <c r="DI2303" s="6"/>
      <c r="DJ2303" s="6"/>
      <c r="DK2303" s="6"/>
      <c r="DL2303" s="6">
        <v>9</v>
      </c>
      <c r="DM2303" s="6" t="s">
        <v>440</v>
      </c>
      <c r="DN2303" s="6">
        <v>9</v>
      </c>
      <c r="DO2303" s="6" t="s">
        <v>384</v>
      </c>
      <c r="DP2303" s="6"/>
      <c r="DQ2303" s="6"/>
    </row>
    <row r="2304" spans="1:121" x14ac:dyDescent="0.2">
      <c r="A2304" s="6" t="s">
        <v>323</v>
      </c>
      <c r="B2304" s="6" t="s">
        <v>323</v>
      </c>
      <c r="C2304" s="6" t="s">
        <v>192</v>
      </c>
      <c r="D2304" s="6" t="s">
        <v>133</v>
      </c>
      <c r="E2304" s="6" t="s">
        <v>274</v>
      </c>
      <c r="F2304" s="11">
        <v>120</v>
      </c>
      <c r="G2304" s="13">
        <v>0.39344262295100002</v>
      </c>
      <c r="H2304" s="11">
        <v>114.36321700999997</v>
      </c>
      <c r="I2304" s="13">
        <v>0.37545570831821162</v>
      </c>
      <c r="J2304" s="11">
        <v>-58.231141966999985</v>
      </c>
      <c r="K2304" s="13">
        <v>-0.13898919680587504</v>
      </c>
      <c r="L2304" s="11">
        <v>64.17807314800001</v>
      </c>
      <c r="M2304" s="13">
        <v>0.17791141400674246</v>
      </c>
      <c r="N2304" s="11">
        <v>5.9469311810000249</v>
      </c>
      <c r="O2304" s="13">
        <v>1.4194452665472788E-2</v>
      </c>
      <c r="P2304" s="7">
        <v>304.598423932</v>
      </c>
      <c r="Q2304" s="7">
        <v>304.81516094900002</v>
      </c>
      <c r="R2304" s="7">
        <v>344.37321630899999</v>
      </c>
      <c r="S2304" s="7">
        <v>373.06847337300002</v>
      </c>
      <c r="T2304" s="7">
        <v>419.84520402800001</v>
      </c>
      <c r="U2304" s="7">
        <v>408.01396426700001</v>
      </c>
      <c r="V2304" s="7">
        <v>418.96164094199997</v>
      </c>
      <c r="W2304" s="7">
        <v>377.50678360900002</v>
      </c>
      <c r="X2304" s="7">
        <v>381.41661262600002</v>
      </c>
      <c r="Y2304" s="7">
        <v>360.73049897499999</v>
      </c>
      <c r="Z2304" s="7">
        <v>372.17898429600001</v>
      </c>
      <c r="AA2304" s="7">
        <v>365.28272749899998</v>
      </c>
      <c r="AB2304" s="7">
        <v>393.87107879600001</v>
      </c>
      <c r="AC2304" s="7">
        <v>375.24632008100002</v>
      </c>
      <c r="AD2304" s="7">
        <v>384.80591843500002</v>
      </c>
      <c r="AE2304" s="7">
        <v>419.66153878099999</v>
      </c>
      <c r="AF2304" s="7">
        <v>424.908572123</v>
      </c>
      <c r="AG2304" s="9">
        <v>1714.0305538999983</v>
      </c>
      <c r="AH2304" s="13">
        <v>0.17049052332292283</v>
      </c>
      <c r="AI2304" s="9">
        <v>873.78700619999836</v>
      </c>
      <c r="AJ2304" s="13">
        <v>8.6913505491979251E-2</v>
      </c>
      <c r="AK2304" s="9">
        <v>1227.785542900001</v>
      </c>
      <c r="AL2304" s="13">
        <v>0.11235934911118492</v>
      </c>
      <c r="AM2304" s="9">
        <v>-387.54199520000111</v>
      </c>
      <c r="AN2304" s="13">
        <v>-3.1883086758815349E-2</v>
      </c>
      <c r="AO2304" s="9">
        <v>840.24354769999991</v>
      </c>
      <c r="AP2304" s="13">
        <v>7.6893899476493652E-2</v>
      </c>
      <c r="AQ2304" s="9">
        <v>10053.523917300001</v>
      </c>
      <c r="AR2304" s="9">
        <v>9515.9693333499999</v>
      </c>
      <c r="AS2304" s="9">
        <v>9738.3822665099997</v>
      </c>
      <c r="AT2304" s="9">
        <v>10894.9385545</v>
      </c>
      <c r="AU2304" s="9">
        <v>11279.0390365</v>
      </c>
      <c r="AV2304" s="9">
        <v>10306.670377599999</v>
      </c>
      <c r="AW2304" s="9">
        <v>10927.310923499999</v>
      </c>
      <c r="AX2304" s="9">
        <v>11938.6183244</v>
      </c>
      <c r="AY2304" s="9">
        <v>11798.960223100001</v>
      </c>
      <c r="AZ2304" s="9">
        <v>12155.0964664</v>
      </c>
      <c r="BA2304" s="9">
        <v>11992.5030659</v>
      </c>
      <c r="BB2304" s="9">
        <v>12160.643911200001</v>
      </c>
      <c r="BC2304" s="9">
        <v>11173.154630700001</v>
      </c>
      <c r="BD2304" s="9">
        <v>11347.9044629</v>
      </c>
      <c r="BE2304" s="9">
        <v>11662.3916298</v>
      </c>
      <c r="BF2304" s="9">
        <v>11767.554471199999</v>
      </c>
      <c r="BG2304" s="11">
        <v>-3.5</v>
      </c>
      <c r="BH2304" s="13">
        <v>-9.45945945945946E-2</v>
      </c>
      <c r="BI2304" s="6">
        <v>0</v>
      </c>
      <c r="BJ2304" s="13">
        <v>0</v>
      </c>
      <c r="BK2304" s="6">
        <v>-2</v>
      </c>
      <c r="BL2304" s="13">
        <v>-5.4054054054054057E-2</v>
      </c>
      <c r="BM2304" s="11">
        <v>-1.5</v>
      </c>
      <c r="BN2304" s="13">
        <v>-4.2857142857142858E-2</v>
      </c>
      <c r="BO2304" s="11">
        <v>-3.5</v>
      </c>
      <c r="BP2304" s="13">
        <v>-9.45945945945946E-2</v>
      </c>
      <c r="BQ2304" s="6">
        <v>37</v>
      </c>
      <c r="BR2304" s="6">
        <v>38</v>
      </c>
      <c r="BS2304" s="6">
        <v>37</v>
      </c>
      <c r="BT2304" s="6">
        <v>37</v>
      </c>
      <c r="BU2304" s="6">
        <v>35</v>
      </c>
      <c r="BV2304" s="6">
        <v>34</v>
      </c>
      <c r="BW2304" s="6">
        <v>35</v>
      </c>
      <c r="BX2304" s="6">
        <v>33</v>
      </c>
      <c r="BY2304" s="6">
        <v>35</v>
      </c>
      <c r="BZ2304" s="6">
        <v>36</v>
      </c>
      <c r="CA2304" s="6">
        <v>34</v>
      </c>
      <c r="CB2304" s="6">
        <v>34</v>
      </c>
      <c r="CC2304" s="11">
        <v>33.5</v>
      </c>
      <c r="CD2304" s="11">
        <v>17.746500000000001</v>
      </c>
      <c r="CE2304" s="11">
        <v>69.267399999999995</v>
      </c>
      <c r="CF2304" s="11">
        <v>33.296300000000002</v>
      </c>
      <c r="CG2304" s="11">
        <v>102</v>
      </c>
      <c r="CH2304" s="20">
        <v>0.58692800000000001</v>
      </c>
      <c r="CI2304" s="20">
        <v>0.59836999999999996</v>
      </c>
      <c r="CJ2304" s="20">
        <v>0.66323600000000005</v>
      </c>
      <c r="CK2304" s="20">
        <v>0.70243800000000001</v>
      </c>
      <c r="CL2304" s="20">
        <v>0.78637500000000005</v>
      </c>
      <c r="CM2304" s="20">
        <v>0.75271399999999999</v>
      </c>
      <c r="CN2304" s="20">
        <v>0.74670300000000001</v>
      </c>
      <c r="CO2304" s="20">
        <v>0.67157100000000003</v>
      </c>
      <c r="CP2304" s="20">
        <v>0.69412799999999997</v>
      </c>
      <c r="CQ2304" s="20">
        <v>0.64456999999999998</v>
      </c>
      <c r="CR2304" s="20">
        <v>0.66405499999999995</v>
      </c>
      <c r="CS2304" s="20">
        <v>0.63810500000000003</v>
      </c>
      <c r="CT2304" s="20">
        <v>0.68120099999999995</v>
      </c>
      <c r="CU2304" s="20">
        <v>0.66160099999999999</v>
      </c>
      <c r="CV2304" s="20">
        <v>0.66672699999999996</v>
      </c>
      <c r="CW2304" s="20">
        <v>0.72247700000000004</v>
      </c>
      <c r="CX2304" s="20">
        <v>0.72372300000000001</v>
      </c>
      <c r="CY2304" s="6" t="s">
        <v>723</v>
      </c>
      <c r="CZ2304" s="6" t="s">
        <v>724</v>
      </c>
      <c r="DA2304" s="6" t="s">
        <v>133</v>
      </c>
      <c r="DB2304" s="6" t="s">
        <v>345</v>
      </c>
      <c r="DC2304" s="6"/>
      <c r="DD2304" s="6"/>
      <c r="DE2304" s="6"/>
      <c r="DF2304" s="6"/>
      <c r="DG2304" s="6"/>
      <c r="DH2304" s="6" t="s">
        <v>333</v>
      </c>
      <c r="DI2304" s="6"/>
      <c r="DJ2304" s="6"/>
      <c r="DK2304" s="6"/>
      <c r="DL2304" s="6">
        <v>9</v>
      </c>
      <c r="DM2304" s="6" t="s">
        <v>440</v>
      </c>
      <c r="DN2304" s="6">
        <v>9</v>
      </c>
      <c r="DO2304" s="6" t="s">
        <v>384</v>
      </c>
      <c r="DP2304" s="6"/>
      <c r="DQ2304" s="6"/>
    </row>
    <row r="2305" spans="1:121" x14ac:dyDescent="0.2">
      <c r="A2305" s="6" t="s">
        <v>325</v>
      </c>
      <c r="B2305" s="6" t="s">
        <v>325</v>
      </c>
      <c r="C2305" s="6" t="s">
        <v>193</v>
      </c>
      <c r="D2305" s="6" t="s">
        <v>133</v>
      </c>
      <c r="E2305" s="6" t="s">
        <v>274</v>
      </c>
      <c r="F2305" s="11">
        <v>-11</v>
      </c>
      <c r="G2305" s="13">
        <v>-3.7542662115999999E-2</v>
      </c>
      <c r="H2305" s="11">
        <v>86.149227867999969</v>
      </c>
      <c r="I2305" s="13">
        <v>0.29418260319413614</v>
      </c>
      <c r="J2305" s="11">
        <v>36.445891359000029</v>
      </c>
      <c r="K2305" s="13">
        <v>9.6165349868661598E-2</v>
      </c>
      <c r="L2305" s="11">
        <v>-133.58341265900003</v>
      </c>
      <c r="M2305" s="13">
        <v>-0.32154851199340578</v>
      </c>
      <c r="N2305" s="11">
        <v>-97.137521300000003</v>
      </c>
      <c r="O2305" s="13">
        <v>-0.25630498728033757</v>
      </c>
      <c r="P2305" s="7">
        <v>292.84270018900003</v>
      </c>
      <c r="Q2305" s="7">
        <v>305.53275666100001</v>
      </c>
      <c r="R2305" s="7">
        <v>334.14600912200001</v>
      </c>
      <c r="S2305" s="7">
        <v>345.136325215</v>
      </c>
      <c r="T2305" s="7">
        <v>355.54326519900002</v>
      </c>
      <c r="U2305" s="7">
        <v>414.03783525099999</v>
      </c>
      <c r="V2305" s="7">
        <v>378.991928057</v>
      </c>
      <c r="W2305" s="7">
        <v>381.77193605899998</v>
      </c>
      <c r="X2305" s="7">
        <v>361.80972143899999</v>
      </c>
      <c r="Y2305" s="7">
        <v>415.43781941600002</v>
      </c>
      <c r="Z2305" s="7">
        <v>376.21753903899997</v>
      </c>
      <c r="AA2305" s="7">
        <v>374.13162658900001</v>
      </c>
      <c r="AB2305" s="7">
        <v>280.087584354</v>
      </c>
      <c r="AC2305" s="7">
        <v>283.75546157299999</v>
      </c>
      <c r="AD2305" s="7">
        <v>290.57801829599998</v>
      </c>
      <c r="AE2305" s="7">
        <v>285.34431401199998</v>
      </c>
      <c r="AF2305" s="7">
        <v>281.85440675699999</v>
      </c>
      <c r="AG2305" s="9">
        <v>1661.8729045999989</v>
      </c>
      <c r="AH2305" s="13">
        <v>0.11257447542178237</v>
      </c>
      <c r="AI2305" s="9">
        <v>-1047.9867747999997</v>
      </c>
      <c r="AJ2305" s="13">
        <v>-7.0990122707651732E-2</v>
      </c>
      <c r="AK2305" s="9">
        <v>-1401.0212554999998</v>
      </c>
      <c r="AL2305" s="13">
        <v>-0.10215662054619123</v>
      </c>
      <c r="AM2305" s="9">
        <v>4110.8809348999985</v>
      </c>
      <c r="AN2305" s="13">
        <v>0.33385363337340329</v>
      </c>
      <c r="AO2305" s="9">
        <v>2709.8596793999986</v>
      </c>
      <c r="AP2305" s="13">
        <v>0.19759165388471803</v>
      </c>
      <c r="AQ2305" s="9">
        <v>14762.4308119</v>
      </c>
      <c r="AR2305" s="9">
        <v>15646.905313499999</v>
      </c>
      <c r="AS2305" s="9">
        <v>14438.0671852</v>
      </c>
      <c r="AT2305" s="9">
        <v>14454.9920532</v>
      </c>
      <c r="AU2305" s="9">
        <v>14208.0794228</v>
      </c>
      <c r="AV2305" s="9">
        <v>12950.9142297</v>
      </c>
      <c r="AW2305" s="9">
        <v>13714.4440371</v>
      </c>
      <c r="AX2305" s="9">
        <v>13827.508632700001</v>
      </c>
      <c r="AY2305" s="9">
        <v>13976.2837937</v>
      </c>
      <c r="AZ2305" s="9">
        <v>12313.4227816</v>
      </c>
      <c r="BA2305" s="9">
        <v>13576.911021100001</v>
      </c>
      <c r="BB2305" s="9">
        <v>13803.3130098</v>
      </c>
      <c r="BC2305" s="9">
        <v>15849.3506449</v>
      </c>
      <c r="BD2305" s="9">
        <v>16354.948921499999</v>
      </c>
      <c r="BE2305" s="9">
        <v>16094.917661699999</v>
      </c>
      <c r="BF2305" s="9">
        <v>16424.303716499999</v>
      </c>
      <c r="BG2305" s="11">
        <v>-36.75</v>
      </c>
      <c r="BH2305" s="13">
        <v>-0.56538461538461537</v>
      </c>
      <c r="BI2305" s="6">
        <v>29</v>
      </c>
      <c r="BJ2305" s="13">
        <v>0.44615384615384618</v>
      </c>
      <c r="BK2305" s="6">
        <v>1</v>
      </c>
      <c r="BL2305" s="13">
        <v>1.0638297872340425E-2</v>
      </c>
      <c r="BM2305" s="11">
        <v>-66.75</v>
      </c>
      <c r="BN2305" s="13">
        <v>-0.70263157894736838</v>
      </c>
      <c r="BO2305" s="11">
        <v>-65.75</v>
      </c>
      <c r="BP2305" s="13">
        <v>-0.69946808510638303</v>
      </c>
      <c r="BQ2305" s="6">
        <v>65</v>
      </c>
      <c r="BR2305" s="6">
        <v>64</v>
      </c>
      <c r="BS2305" s="6">
        <v>79</v>
      </c>
      <c r="BT2305" s="6">
        <v>94</v>
      </c>
      <c r="BU2305" s="6">
        <v>94</v>
      </c>
      <c r="BV2305" s="6">
        <v>85</v>
      </c>
      <c r="BW2305" s="6">
        <v>95</v>
      </c>
      <c r="BX2305" s="6">
        <v>101</v>
      </c>
      <c r="BY2305" s="6">
        <v>98</v>
      </c>
      <c r="BZ2305" s="6">
        <v>28</v>
      </c>
      <c r="CA2305" s="6">
        <v>30</v>
      </c>
      <c r="CB2305" s="6">
        <v>34</v>
      </c>
      <c r="CC2305" s="11">
        <v>28.25</v>
      </c>
      <c r="CD2305" s="11">
        <v>-40.302700000000002</v>
      </c>
      <c r="CE2305" s="11">
        <v>-2.6968000000000001</v>
      </c>
      <c r="CF2305" s="11">
        <v>32.011200000000002</v>
      </c>
      <c r="CG2305" s="11">
        <v>29</v>
      </c>
      <c r="CH2305" s="20">
        <v>0.83072800000000002</v>
      </c>
      <c r="CI2305" s="20">
        <v>0.879332</v>
      </c>
      <c r="CJ2305" s="20">
        <v>0.94890699999999994</v>
      </c>
      <c r="CK2305" s="20">
        <v>0.97555400000000003</v>
      </c>
      <c r="CL2305" s="20">
        <v>1.0162899999999999</v>
      </c>
      <c r="CM2305" s="20">
        <v>1.17658</v>
      </c>
      <c r="CN2305" s="20">
        <v>1.04562</v>
      </c>
      <c r="CO2305" s="20">
        <v>1.05033</v>
      </c>
      <c r="CP2305" s="20">
        <v>0.99754500000000002</v>
      </c>
      <c r="CQ2305" s="20">
        <v>1.1329499999999999</v>
      </c>
      <c r="CR2305" s="20">
        <v>1.03945</v>
      </c>
      <c r="CS2305" s="20">
        <v>1.0198700000000001</v>
      </c>
      <c r="CT2305" s="20">
        <v>0.82457999999999998</v>
      </c>
      <c r="CU2305" s="20">
        <v>0.86067700000000003</v>
      </c>
      <c r="CV2305" s="20">
        <v>0.88327599999999995</v>
      </c>
      <c r="CW2305" s="20">
        <v>0.87098600000000004</v>
      </c>
      <c r="CX2305" s="20">
        <v>0.85876600000000003</v>
      </c>
      <c r="CY2305" s="6" t="s">
        <v>723</v>
      </c>
      <c r="CZ2305" s="6" t="s">
        <v>724</v>
      </c>
      <c r="DA2305" s="6" t="s">
        <v>133</v>
      </c>
      <c r="DB2305" s="6" t="s">
        <v>345</v>
      </c>
      <c r="DC2305" s="6"/>
      <c r="DD2305" s="6"/>
      <c r="DE2305" s="6"/>
      <c r="DF2305" s="6"/>
      <c r="DG2305" s="6"/>
      <c r="DH2305" s="6" t="s">
        <v>333</v>
      </c>
      <c r="DI2305" s="6"/>
      <c r="DJ2305" s="6"/>
      <c r="DK2305" s="6"/>
      <c r="DL2305" s="6">
        <v>9</v>
      </c>
      <c r="DM2305" s="6" t="s">
        <v>440</v>
      </c>
      <c r="DN2305" s="6">
        <v>9</v>
      </c>
      <c r="DO2305" s="6" t="s">
        <v>384</v>
      </c>
      <c r="DP2305" s="6"/>
      <c r="DQ2305" s="6"/>
    </row>
    <row r="2306" spans="1:121" x14ac:dyDescent="0.2">
      <c r="A2306" s="6" t="s">
        <v>327</v>
      </c>
      <c r="B2306" s="6" t="s">
        <v>327</v>
      </c>
      <c r="C2306" s="6" t="s">
        <v>194</v>
      </c>
      <c r="D2306" s="6" t="s">
        <v>133</v>
      </c>
      <c r="E2306" s="6" t="s">
        <v>274</v>
      </c>
      <c r="F2306" s="11">
        <v>7</v>
      </c>
      <c r="G2306" s="13">
        <v>3.4602076124600001E-3</v>
      </c>
      <c r="H2306" s="11">
        <v>8.9850800000001527</v>
      </c>
      <c r="I2306" s="13">
        <v>4.4424761349229833E-3</v>
      </c>
      <c r="J2306" s="11">
        <v>52.80061099999989</v>
      </c>
      <c r="K2306" s="13">
        <v>2.5990643562240939E-2</v>
      </c>
      <c r="L2306" s="11">
        <v>-53.983036639999909</v>
      </c>
      <c r="M2306" s="13">
        <v>-2.589953671760762E-2</v>
      </c>
      <c r="N2306" s="11">
        <v>-1.1824256400000195</v>
      </c>
      <c r="O2306" s="13">
        <v>-5.8203878262119333E-4</v>
      </c>
      <c r="P2306" s="7">
        <v>2022.5387209999999</v>
      </c>
      <c r="Q2306" s="7">
        <v>2003.8440909999999</v>
      </c>
      <c r="R2306" s="7">
        <v>1995.963174</v>
      </c>
      <c r="S2306" s="7">
        <v>1964.494158</v>
      </c>
      <c r="T2306" s="7">
        <v>1971.609764</v>
      </c>
      <c r="U2306" s="7">
        <v>2017.8988890000001</v>
      </c>
      <c r="V2306" s="7">
        <v>2031.523801</v>
      </c>
      <c r="W2306" s="7">
        <v>2049.8342109999999</v>
      </c>
      <c r="X2306" s="7">
        <v>2054.5860419999999</v>
      </c>
      <c r="Y2306" s="7">
        <v>2084.3244119999999</v>
      </c>
      <c r="Z2306" s="7">
        <v>2067.9774299999999</v>
      </c>
      <c r="AA2306" s="7">
        <v>2033.47001</v>
      </c>
      <c r="AB2306" s="7">
        <v>2053.0318980000002</v>
      </c>
      <c r="AC2306" s="7">
        <v>2009.8259370000001</v>
      </c>
      <c r="AD2306" s="7">
        <v>2020.497672</v>
      </c>
      <c r="AE2306" s="7">
        <v>2031.8233494999999</v>
      </c>
      <c r="AF2306" s="7">
        <v>2030.34137536</v>
      </c>
      <c r="AG2306" s="9">
        <v>12803.375069099995</v>
      </c>
      <c r="AH2306" s="13">
        <v>0.3905898098789175</v>
      </c>
      <c r="AI2306" s="9">
        <v>8277.7634828000009</v>
      </c>
      <c r="AJ2306" s="13">
        <v>0.25252795044430226</v>
      </c>
      <c r="AK2306" s="9">
        <v>1653.8944401999979</v>
      </c>
      <c r="AL2306" s="13">
        <v>4.0282535811512032E-2</v>
      </c>
      <c r="AM2306" s="9">
        <v>2871.7171460999962</v>
      </c>
      <c r="AN2306" s="13">
        <v>6.723561290677052E-2</v>
      </c>
      <c r="AO2306" s="9">
        <v>4525.6115862999941</v>
      </c>
      <c r="AP2306" s="13">
        <v>0.11022656970300852</v>
      </c>
      <c r="AQ2306" s="9">
        <v>32779.593182600001</v>
      </c>
      <c r="AR2306" s="9">
        <v>33473.4333787</v>
      </c>
      <c r="AS2306" s="9">
        <v>35311.083485399999</v>
      </c>
      <c r="AT2306" s="9">
        <v>36578.430102799997</v>
      </c>
      <c r="AU2306" s="9">
        <v>38038.241728499997</v>
      </c>
      <c r="AV2306" s="9">
        <v>40078.291534299999</v>
      </c>
      <c r="AW2306" s="9">
        <v>41057.356665400002</v>
      </c>
      <c r="AX2306" s="9">
        <v>42348.365953300003</v>
      </c>
      <c r="AY2306" s="9">
        <v>42506.938279399998</v>
      </c>
      <c r="AZ2306" s="9">
        <v>42711.2511056</v>
      </c>
      <c r="BA2306" s="9">
        <v>43252.552423399997</v>
      </c>
      <c r="BB2306" s="9">
        <v>44116.320867299997</v>
      </c>
      <c r="BC2306" s="9">
        <v>44503.053922500003</v>
      </c>
      <c r="BD2306" s="9">
        <v>44776.360281599998</v>
      </c>
      <c r="BE2306" s="9">
        <v>45715.478959599997</v>
      </c>
      <c r="BF2306" s="9">
        <v>45582.968251699996</v>
      </c>
      <c r="BG2306" s="11">
        <v>8</v>
      </c>
      <c r="BH2306" s="13">
        <v>0.11764705882352941</v>
      </c>
      <c r="BI2306" s="6">
        <v>8</v>
      </c>
      <c r="BJ2306" s="13">
        <v>0.11764705882352941</v>
      </c>
      <c r="BK2306" s="6">
        <v>4</v>
      </c>
      <c r="BL2306" s="13">
        <v>5.2631578947368418E-2</v>
      </c>
      <c r="BM2306" s="11">
        <v>-4</v>
      </c>
      <c r="BN2306" s="13">
        <v>-0.05</v>
      </c>
      <c r="BO2306" s="11">
        <v>0</v>
      </c>
      <c r="BP2306" s="13">
        <v>0</v>
      </c>
      <c r="BQ2306" s="6">
        <v>68</v>
      </c>
      <c r="BR2306" s="6">
        <v>68</v>
      </c>
      <c r="BS2306" s="6">
        <v>69</v>
      </c>
      <c r="BT2306" s="6">
        <v>76</v>
      </c>
      <c r="BU2306" s="6">
        <v>79</v>
      </c>
      <c r="BV2306" s="6">
        <v>79</v>
      </c>
      <c r="BW2306" s="6">
        <v>80</v>
      </c>
      <c r="BX2306" s="6">
        <v>80</v>
      </c>
      <c r="BY2306" s="6">
        <v>78</v>
      </c>
      <c r="BZ2306" s="6">
        <v>76</v>
      </c>
      <c r="CA2306" s="6">
        <v>76</v>
      </c>
      <c r="CB2306" s="6">
        <v>77</v>
      </c>
      <c r="CC2306" s="11">
        <v>76</v>
      </c>
      <c r="CD2306" s="11">
        <v>-94.714600000000004</v>
      </c>
      <c r="CE2306" s="11">
        <v>-118.571</v>
      </c>
      <c r="CF2306" s="11">
        <v>221.08799999999999</v>
      </c>
      <c r="CG2306" s="11">
        <v>102</v>
      </c>
      <c r="CH2306" s="20">
        <v>1.72722</v>
      </c>
      <c r="CI2306" s="20">
        <v>1.73272</v>
      </c>
      <c r="CJ2306" s="20">
        <v>1.7155400000000001</v>
      </c>
      <c r="CK2306" s="20">
        <v>1.6928099999999999</v>
      </c>
      <c r="CL2306" s="20">
        <v>1.7220299999999999</v>
      </c>
      <c r="CM2306" s="20">
        <v>1.7637400000000001</v>
      </c>
      <c r="CN2306" s="20">
        <v>1.7363</v>
      </c>
      <c r="CO2306" s="20">
        <v>1.7295499999999999</v>
      </c>
      <c r="CP2306" s="20">
        <v>1.71784</v>
      </c>
      <c r="CQ2306" s="20">
        <v>1.7138899999999999</v>
      </c>
      <c r="CR2306" s="20">
        <v>1.76319</v>
      </c>
      <c r="CS2306" s="20">
        <v>1.76861</v>
      </c>
      <c r="CT2306" s="20">
        <v>1.8317099999999999</v>
      </c>
      <c r="CU2306" s="20">
        <v>1.8824000000000001</v>
      </c>
      <c r="CV2306" s="20">
        <v>1.9127799999999999</v>
      </c>
      <c r="CW2306" s="20">
        <v>1.94129</v>
      </c>
      <c r="CX2306" s="20">
        <v>1.94987</v>
      </c>
      <c r="CY2306" s="6" t="s">
        <v>723</v>
      </c>
      <c r="CZ2306" s="6" t="s">
        <v>724</v>
      </c>
      <c r="DA2306" s="6" t="s">
        <v>133</v>
      </c>
      <c r="DB2306" s="6" t="s">
        <v>345</v>
      </c>
      <c r="DC2306" s="6"/>
      <c r="DD2306" s="6"/>
      <c r="DE2306" s="6"/>
      <c r="DF2306" s="6"/>
      <c r="DG2306" s="6"/>
      <c r="DH2306" s="6" t="s">
        <v>333</v>
      </c>
      <c r="DI2306" s="6"/>
      <c r="DJ2306" s="6"/>
      <c r="DK2306" s="6"/>
      <c r="DL2306" s="6">
        <v>9</v>
      </c>
      <c r="DM2306" s="6" t="s">
        <v>440</v>
      </c>
      <c r="DN2306" s="6">
        <v>9</v>
      </c>
      <c r="DO2306" s="6" t="s">
        <v>384</v>
      </c>
      <c r="DP2306" s="6"/>
      <c r="DQ2306" s="6"/>
    </row>
    <row r="2307" spans="1:121" x14ac:dyDescent="0.2">
      <c r="A2307" s="6" t="s">
        <v>1</v>
      </c>
      <c r="B2307" s="6" t="s">
        <v>1</v>
      </c>
      <c r="C2307" s="6" t="s">
        <v>2</v>
      </c>
      <c r="D2307" s="6" t="s">
        <v>154</v>
      </c>
      <c r="E2307" s="6" t="s">
        <v>295</v>
      </c>
      <c r="F2307" s="11">
        <v>-170</v>
      </c>
      <c r="G2307" s="13">
        <v>-0.20432692307700001</v>
      </c>
      <c r="H2307" s="11">
        <v>14.670195325999998</v>
      </c>
      <c r="I2307" s="13">
        <v>1.7624077418583066E-2</v>
      </c>
      <c r="J2307" s="11">
        <v>-101.61054941899999</v>
      </c>
      <c r="K2307" s="13">
        <v>-0.11995598500476536</v>
      </c>
      <c r="L2307" s="11">
        <v>-83.707236307000016</v>
      </c>
      <c r="M2307" s="13">
        <v>-0.11229016792169672</v>
      </c>
      <c r="N2307" s="11">
        <v>-185.31778572600001</v>
      </c>
      <c r="O2307" s="13">
        <v>-0.21877627522706444</v>
      </c>
      <c r="P2307" s="7">
        <v>832.39507961599998</v>
      </c>
      <c r="Q2307" s="7">
        <v>881.81915050800001</v>
      </c>
      <c r="R2307" s="7">
        <v>809.43888042900005</v>
      </c>
      <c r="S2307" s="7">
        <v>817.58332602899998</v>
      </c>
      <c r="T2307" s="7">
        <v>799.44694937300005</v>
      </c>
      <c r="U2307" s="7">
        <v>910.38440935899996</v>
      </c>
      <c r="V2307" s="7">
        <v>847.06527494199997</v>
      </c>
      <c r="W2307" s="7">
        <v>637.413969683</v>
      </c>
      <c r="X2307" s="7">
        <v>705.33320179099996</v>
      </c>
      <c r="Y2307" s="7">
        <v>745.45472552299998</v>
      </c>
      <c r="Z2307" s="7">
        <v>914.48566394700003</v>
      </c>
      <c r="AA2307" s="7">
        <v>940.25600170400003</v>
      </c>
      <c r="AB2307" s="7">
        <v>1019.3971994</v>
      </c>
      <c r="AC2307" s="7">
        <v>988.54680380699995</v>
      </c>
      <c r="AD2307" s="7">
        <v>650.79904355500003</v>
      </c>
      <c r="AE2307" s="7">
        <v>645.36422761100005</v>
      </c>
      <c r="AF2307" s="7">
        <v>661.74748921599996</v>
      </c>
      <c r="AG2307" s="9">
        <v>10090.984520400001</v>
      </c>
      <c r="AH2307" s="13">
        <v>0.49586965615665934</v>
      </c>
      <c r="AI2307" s="9">
        <v>3506.8208240000022</v>
      </c>
      <c r="AJ2307" s="13">
        <v>0.17232471546106026</v>
      </c>
      <c r="AK2307" s="9">
        <v>4663.2987936999998</v>
      </c>
      <c r="AL2307" s="13">
        <v>0.19546964098538375</v>
      </c>
      <c r="AM2307" s="9">
        <v>1920.8649026999992</v>
      </c>
      <c r="AN2307" s="13">
        <v>6.7351045527325556E-2</v>
      </c>
      <c r="AO2307" s="9">
        <v>6584.163696399999</v>
      </c>
      <c r="AP2307" s="13">
        <v>0.27598577120192591</v>
      </c>
      <c r="AQ2307" s="9">
        <v>20350.074651899999</v>
      </c>
      <c r="AR2307" s="9">
        <v>20992.401518800001</v>
      </c>
      <c r="AS2307" s="9">
        <v>21176.815018500001</v>
      </c>
      <c r="AT2307" s="9">
        <v>21412.5161524</v>
      </c>
      <c r="AU2307" s="9">
        <v>23525.209353599999</v>
      </c>
      <c r="AV2307" s="9">
        <v>23302.226944400001</v>
      </c>
      <c r="AW2307" s="9">
        <v>23856.895475900001</v>
      </c>
      <c r="AX2307" s="9">
        <v>26205.232196600002</v>
      </c>
      <c r="AY2307" s="9">
        <v>28133.4451142</v>
      </c>
      <c r="AZ2307" s="9">
        <v>28520.194269600001</v>
      </c>
      <c r="BA2307" s="9">
        <v>27717.3174913</v>
      </c>
      <c r="BB2307" s="9">
        <v>27954.093546600001</v>
      </c>
      <c r="BC2307" s="9">
        <v>29845.7922578</v>
      </c>
      <c r="BD2307" s="9">
        <v>28147.1508521</v>
      </c>
      <c r="BE2307" s="9">
        <v>29323.818855099998</v>
      </c>
      <c r="BF2307" s="9">
        <v>30441.0591723</v>
      </c>
      <c r="BG2307" s="11">
        <v>-3</v>
      </c>
      <c r="BH2307" s="13">
        <v>-0.15789473684210525</v>
      </c>
      <c r="BI2307" s="6">
        <v>5</v>
      </c>
      <c r="BJ2307" s="13">
        <v>0.26315789473684209</v>
      </c>
      <c r="BK2307" s="6">
        <v>-13</v>
      </c>
      <c r="BL2307" s="13">
        <v>-0.54166666666666663</v>
      </c>
      <c r="BM2307" s="11">
        <v>5</v>
      </c>
      <c r="BN2307" s="13">
        <v>0.45454545454545453</v>
      </c>
      <c r="BO2307" s="11">
        <v>-8</v>
      </c>
      <c r="BP2307" s="13">
        <v>-0.33333333333333331</v>
      </c>
      <c r="BQ2307" s="6">
        <v>19</v>
      </c>
      <c r="BR2307" s="6">
        <v>22</v>
      </c>
      <c r="BS2307" s="6">
        <v>22</v>
      </c>
      <c r="BT2307" s="6">
        <v>24</v>
      </c>
      <c r="BU2307" s="6">
        <v>15</v>
      </c>
      <c r="BV2307" s="6">
        <v>11</v>
      </c>
      <c r="BW2307" s="6">
        <v>11</v>
      </c>
      <c r="BX2307" s="6">
        <v>11</v>
      </c>
      <c r="BY2307" s="6">
        <v>13</v>
      </c>
      <c r="BZ2307" s="6">
        <v>13</v>
      </c>
      <c r="CA2307" s="6">
        <v>14</v>
      </c>
      <c r="CB2307" s="6">
        <v>13</v>
      </c>
      <c r="CC2307" s="11">
        <v>16</v>
      </c>
      <c r="CD2307" s="11">
        <v>-185.74600000000001</v>
      </c>
      <c r="CE2307" s="11">
        <v>-75.892499999999998</v>
      </c>
      <c r="CF2307" s="11">
        <v>90.990799999999993</v>
      </c>
      <c r="CG2307" s="11">
        <v>15</v>
      </c>
      <c r="CH2307" s="20">
        <v>6.8664899999999998</v>
      </c>
      <c r="CI2307" s="20">
        <v>7.3039800000000001</v>
      </c>
      <c r="CJ2307" s="20">
        <v>6.6982600000000003</v>
      </c>
      <c r="CK2307" s="20">
        <v>6.9187399999999997</v>
      </c>
      <c r="CL2307" s="20">
        <v>6.83317</v>
      </c>
      <c r="CM2307" s="20">
        <v>7.7659000000000002</v>
      </c>
      <c r="CN2307" s="20">
        <v>7.4509299999999996</v>
      </c>
      <c r="CO2307" s="20">
        <v>6.0670799999999998</v>
      </c>
      <c r="CP2307" s="20">
        <v>7.0220799999999999</v>
      </c>
      <c r="CQ2307" s="20">
        <v>7.0158899999999997</v>
      </c>
      <c r="CR2307" s="20">
        <v>8.4758899999999997</v>
      </c>
      <c r="CS2307" s="20">
        <v>8.6837900000000001</v>
      </c>
      <c r="CT2307" s="20">
        <v>9.3854399999999991</v>
      </c>
      <c r="CU2307" s="20">
        <v>9.2125400000000006</v>
      </c>
      <c r="CV2307" s="20">
        <v>6.3685099999999997</v>
      </c>
      <c r="CW2307" s="20">
        <v>6.5108199999999998</v>
      </c>
      <c r="CX2307" s="20">
        <v>6.5580600000000002</v>
      </c>
      <c r="CY2307" s="6" t="s">
        <v>725</v>
      </c>
      <c r="CZ2307" s="6" t="s">
        <v>726</v>
      </c>
      <c r="DA2307" s="6" t="s">
        <v>154</v>
      </c>
      <c r="DB2307" s="6" t="s">
        <v>345</v>
      </c>
      <c r="DC2307" s="6"/>
      <c r="DD2307" s="6"/>
      <c r="DE2307" s="6"/>
      <c r="DF2307" s="6"/>
      <c r="DG2307" s="6"/>
      <c r="DH2307" s="6" t="s">
        <v>333</v>
      </c>
      <c r="DI2307" s="6"/>
      <c r="DJ2307" s="6"/>
      <c r="DK2307" s="6"/>
      <c r="DL2307" s="6">
        <v>11</v>
      </c>
      <c r="DM2307" s="6" t="s">
        <v>520</v>
      </c>
      <c r="DN2307" s="6">
        <v>7</v>
      </c>
      <c r="DO2307" s="6" t="s">
        <v>369</v>
      </c>
      <c r="DP2307" s="6"/>
      <c r="DQ2307" s="6"/>
    </row>
    <row r="2308" spans="1:121" x14ac:dyDescent="0.2">
      <c r="A2308" s="6" t="s">
        <v>310</v>
      </c>
      <c r="B2308" s="6" t="s">
        <v>310</v>
      </c>
      <c r="C2308" s="6" t="s">
        <v>173</v>
      </c>
      <c r="D2308" s="6" t="s">
        <v>154</v>
      </c>
      <c r="E2308" s="6" t="s">
        <v>295</v>
      </c>
      <c r="F2308" s="11">
        <v>-8</v>
      </c>
      <c r="G2308" s="13">
        <v>-0.29629629629600002</v>
      </c>
      <c r="H2308" s="11">
        <v>-22.4516526136</v>
      </c>
      <c r="I2308" s="13">
        <v>-0.81786160307438405</v>
      </c>
      <c r="J2308" s="11">
        <v>35.836227000000001</v>
      </c>
      <c r="K2308" s="13">
        <v>7.1672454000000005</v>
      </c>
      <c r="L2308" s="11">
        <v>-21.4047903602</v>
      </c>
      <c r="M2308" s="13">
        <v>-0.52416180271012791</v>
      </c>
      <c r="N2308" s="11">
        <v>14.431436639800001</v>
      </c>
      <c r="O2308" s="13">
        <v>2.8862873279600003</v>
      </c>
      <c r="P2308" s="7">
        <v>27.4516526136</v>
      </c>
      <c r="Q2308" s="7">
        <v>12.713770999999999</v>
      </c>
      <c r="R2308" s="7">
        <v>14.462083</v>
      </c>
      <c r="S2308" s="7">
        <v>24.829096</v>
      </c>
      <c r="T2308" s="7">
        <v>24.520484</v>
      </c>
      <c r="U2308" s="7">
        <v>5</v>
      </c>
      <c r="V2308" s="7">
        <v>5</v>
      </c>
      <c r="W2308" s="7">
        <v>18.952971999999999</v>
      </c>
      <c r="X2308" s="7">
        <v>15.837771999999999</v>
      </c>
      <c r="Y2308" s="7">
        <v>40.836227000000001</v>
      </c>
      <c r="Z2308" s="7">
        <v>40.368026999999998</v>
      </c>
      <c r="AA2308" s="7">
        <v>32.791855696200003</v>
      </c>
      <c r="AB2308" s="7">
        <v>33.140107</v>
      </c>
      <c r="AC2308" s="7">
        <v>30.329998</v>
      </c>
      <c r="AD2308" s="7">
        <v>25.789014999999999</v>
      </c>
      <c r="AE2308" s="7">
        <v>18.081463249999999</v>
      </c>
      <c r="AF2308" s="7">
        <v>19.431436639800001</v>
      </c>
      <c r="AG2308" s="9">
        <v>39875.021746499995</v>
      </c>
      <c r="AH2308" s="13">
        <v>1.0470545353925629</v>
      </c>
      <c r="AI2308" s="9">
        <v>-38082.041903400001</v>
      </c>
      <c r="AJ2308" s="13">
        <v>-0.99997374159337027</v>
      </c>
      <c r="AK2308" s="9">
        <v>68614.9620536</v>
      </c>
      <c r="AL2308" s="13">
        <v>68614.9620536</v>
      </c>
      <c r="AM2308" s="9">
        <v>9342.1015962999954</v>
      </c>
      <c r="AN2308" s="13">
        <v>0.13615055909297497</v>
      </c>
      <c r="AO2308" s="9">
        <v>77957.063649899996</v>
      </c>
      <c r="AP2308" s="13">
        <v>77957.063649899996</v>
      </c>
      <c r="AQ2308" s="9">
        <v>38083.041903400001</v>
      </c>
      <c r="AR2308" s="9">
        <v>41253.192423</v>
      </c>
      <c r="AS2308" s="9">
        <v>47634.744317500001</v>
      </c>
      <c r="AT2308" s="9">
        <v>51127.920074000001</v>
      </c>
      <c r="AU2308" s="9">
        <v>49218.885077600004</v>
      </c>
      <c r="AV2308" s="9">
        <v>1</v>
      </c>
      <c r="AW2308" s="9">
        <v>1</v>
      </c>
      <c r="AX2308" s="9">
        <v>49813.295038800003</v>
      </c>
      <c r="AY2308" s="9">
        <v>53223.085680999997</v>
      </c>
      <c r="AZ2308" s="9">
        <v>68615.9620536</v>
      </c>
      <c r="BA2308" s="9">
        <v>73746.989766800005</v>
      </c>
      <c r="BB2308" s="9">
        <v>82548.463242099999</v>
      </c>
      <c r="BC2308" s="9">
        <v>87690.902846900004</v>
      </c>
      <c r="BD2308" s="9">
        <v>94494.018551000001</v>
      </c>
      <c r="BE2308" s="9">
        <v>78366.610293999998</v>
      </c>
      <c r="BF2308" s="9">
        <v>77958.063649899996</v>
      </c>
      <c r="BG2308" s="11">
        <v>1</v>
      </c>
      <c r="BH2308" s="13">
        <v>0.2</v>
      </c>
      <c r="BI2308" s="6">
        <v>-1</v>
      </c>
      <c r="BJ2308" s="13">
        <v>-0.2</v>
      </c>
      <c r="BK2308" s="6">
        <v>1</v>
      </c>
      <c r="BL2308" s="13">
        <v>0.25</v>
      </c>
      <c r="BM2308" s="11">
        <v>1</v>
      </c>
      <c r="BN2308" s="13">
        <v>0.2</v>
      </c>
      <c r="BO2308" s="11">
        <v>2</v>
      </c>
      <c r="BP2308" s="13">
        <v>0.5</v>
      </c>
      <c r="BQ2308" s="6">
        <v>5</v>
      </c>
      <c r="BR2308" s="6">
        <v>5</v>
      </c>
      <c r="BS2308" s="6">
        <v>4</v>
      </c>
      <c r="BT2308" s="6">
        <v>4</v>
      </c>
      <c r="BU2308" s="6">
        <v>5</v>
      </c>
      <c r="BV2308" s="6">
        <v>5</v>
      </c>
      <c r="BW2308" s="6">
        <v>5</v>
      </c>
      <c r="BX2308" s="6">
        <v>5</v>
      </c>
      <c r="BY2308" s="6">
        <v>6</v>
      </c>
      <c r="BZ2308" s="6">
        <v>7</v>
      </c>
      <c r="CA2308" s="6">
        <v>6</v>
      </c>
      <c r="CB2308" s="6">
        <v>6</v>
      </c>
      <c r="CC2308" s="11">
        <v>6</v>
      </c>
      <c r="CD2308" s="11">
        <v>-13.8691</v>
      </c>
      <c r="CE2308" s="11">
        <v>2.8480500000000002</v>
      </c>
      <c r="CF2308" s="11">
        <v>3.0007999999999999</v>
      </c>
      <c r="CG2308" s="11">
        <v>6</v>
      </c>
      <c r="CH2308" s="20">
        <v>0.79814300000000005</v>
      </c>
      <c r="CI2308" s="20">
        <v>0.38770700000000002</v>
      </c>
      <c r="CJ2308" s="20">
        <v>0.44685599999999998</v>
      </c>
      <c r="CK2308" s="20">
        <v>0.75912999999999997</v>
      </c>
      <c r="CL2308" s="20">
        <v>0.70647700000000002</v>
      </c>
      <c r="CM2308" s="20">
        <v>0.25943300000000002</v>
      </c>
      <c r="CN2308" s="20">
        <v>0.23702200000000001</v>
      </c>
      <c r="CO2308" s="20">
        <v>0.46216400000000002</v>
      </c>
      <c r="CP2308" s="20">
        <v>0.44374400000000003</v>
      </c>
      <c r="CQ2308" s="20">
        <v>1.06067</v>
      </c>
      <c r="CR2308" s="20">
        <v>0.92952599999999996</v>
      </c>
      <c r="CS2308" s="20">
        <v>0.69821800000000001</v>
      </c>
      <c r="CT2308" s="20">
        <v>0.69812099999999999</v>
      </c>
      <c r="CU2308" s="20">
        <v>0.63467099999999999</v>
      </c>
      <c r="CV2308" s="20">
        <v>0.64049800000000001</v>
      </c>
      <c r="CW2308" s="20">
        <v>0.54496100000000003</v>
      </c>
      <c r="CX2308" s="20">
        <v>0.56966499999999998</v>
      </c>
      <c r="CY2308" s="6" t="s">
        <v>725</v>
      </c>
      <c r="CZ2308" s="6" t="s">
        <v>726</v>
      </c>
      <c r="DA2308" s="6" t="s">
        <v>154</v>
      </c>
      <c r="DB2308" s="6" t="s">
        <v>345</v>
      </c>
      <c r="DC2308" s="6"/>
      <c r="DD2308" s="6"/>
      <c r="DE2308" s="6"/>
      <c r="DF2308" s="6"/>
      <c r="DG2308" s="6"/>
      <c r="DH2308" s="6" t="s">
        <v>333</v>
      </c>
      <c r="DI2308" s="6"/>
      <c r="DJ2308" s="6"/>
      <c r="DK2308" s="6"/>
      <c r="DL2308" s="6">
        <v>11</v>
      </c>
      <c r="DM2308" s="6" t="s">
        <v>520</v>
      </c>
      <c r="DN2308" s="6">
        <v>7</v>
      </c>
      <c r="DO2308" s="6" t="s">
        <v>369</v>
      </c>
      <c r="DP2308" s="6"/>
      <c r="DQ2308" s="6"/>
    </row>
    <row r="2309" spans="1:121" x14ac:dyDescent="0.2">
      <c r="A2309" s="6" t="s">
        <v>311</v>
      </c>
      <c r="B2309" s="6" t="s">
        <v>311</v>
      </c>
      <c r="C2309" s="6" t="s">
        <v>174</v>
      </c>
      <c r="D2309" s="6" t="s">
        <v>154</v>
      </c>
      <c r="E2309" s="6" t="s">
        <v>295</v>
      </c>
      <c r="F2309" s="11">
        <v>-12</v>
      </c>
      <c r="G2309" s="13">
        <v>-0.26666666666700001</v>
      </c>
      <c r="H2309" s="11">
        <v>-10.863455999999999</v>
      </c>
      <c r="I2309" s="13">
        <v>-0.24361714769372103</v>
      </c>
      <c r="J2309" s="11">
        <v>-15.239153000000002</v>
      </c>
      <c r="K2309" s="13">
        <v>-0.45181328768381918</v>
      </c>
      <c r="L2309" s="11">
        <v>15.003507087000003</v>
      </c>
      <c r="M2309" s="13">
        <v>0.8114512868231647</v>
      </c>
      <c r="N2309" s="11">
        <v>-0.23564591299999904</v>
      </c>
      <c r="O2309" s="13">
        <v>-6.9864745554943106E-3</v>
      </c>
      <c r="P2309" s="7">
        <v>44.592328999999999</v>
      </c>
      <c r="Q2309" s="7">
        <v>36.912512999999997</v>
      </c>
      <c r="R2309" s="7">
        <v>24.997350000000001</v>
      </c>
      <c r="S2309" s="7">
        <v>44.423713999999997</v>
      </c>
      <c r="T2309" s="7">
        <v>46.449432999999999</v>
      </c>
      <c r="U2309" s="7">
        <v>33.154144000000002</v>
      </c>
      <c r="V2309" s="7">
        <v>33.728873</v>
      </c>
      <c r="W2309" s="7">
        <v>26.624479999999998</v>
      </c>
      <c r="X2309" s="7">
        <v>18.036812999999999</v>
      </c>
      <c r="Y2309" s="7">
        <v>18.489719999999998</v>
      </c>
      <c r="Z2309" s="7">
        <v>33.925057000000002</v>
      </c>
      <c r="AA2309" s="7">
        <v>36.049909999999997</v>
      </c>
      <c r="AB2309" s="7">
        <v>35.253787000000003</v>
      </c>
      <c r="AC2309" s="7">
        <v>35.00994</v>
      </c>
      <c r="AD2309" s="7">
        <v>33.928477000000001</v>
      </c>
      <c r="AE2309" s="7">
        <v>33.8502565</v>
      </c>
      <c r="AF2309" s="7">
        <v>33.493227087000001</v>
      </c>
      <c r="AG2309" s="9">
        <v>36836.977080700002</v>
      </c>
      <c r="AH2309" s="13">
        <v>0.88195370988404043</v>
      </c>
      <c r="AI2309" s="9">
        <v>7286.9317736000012</v>
      </c>
      <c r="AJ2309" s="13">
        <v>0.17446427532094028</v>
      </c>
      <c r="AK2309" s="9">
        <v>43576.631560300004</v>
      </c>
      <c r="AL2309" s="13">
        <v>0.88833270835714373</v>
      </c>
      <c r="AM2309" s="9">
        <v>-14026.586253200003</v>
      </c>
      <c r="AN2309" s="13">
        <v>-0.15142426259919237</v>
      </c>
      <c r="AO2309" s="9">
        <v>29550.045307100001</v>
      </c>
      <c r="AP2309" s="13">
        <v>0.60239332045222738</v>
      </c>
      <c r="AQ2309" s="9">
        <v>41767.4722243</v>
      </c>
      <c r="AR2309" s="9">
        <v>59716.817751800001</v>
      </c>
      <c r="AS2309" s="9">
        <v>56469.497489100002</v>
      </c>
      <c r="AT2309" s="9">
        <v>35415.912848499996</v>
      </c>
      <c r="AU2309" s="9">
        <v>42825.600361800003</v>
      </c>
      <c r="AV2309" s="9">
        <v>48044.719539099999</v>
      </c>
      <c r="AW2309" s="9">
        <v>49054.403997900001</v>
      </c>
      <c r="AX2309" s="9">
        <v>54880.410695400002</v>
      </c>
      <c r="AY2309" s="9">
        <v>75519.753572000001</v>
      </c>
      <c r="AZ2309" s="9">
        <v>92631.035558200005</v>
      </c>
      <c r="BA2309" s="9">
        <v>76635.021498100003</v>
      </c>
      <c r="BB2309" s="9">
        <v>70769.3424829</v>
      </c>
      <c r="BC2309" s="9">
        <v>73483.469708400007</v>
      </c>
      <c r="BD2309" s="9">
        <v>75990.349306999997</v>
      </c>
      <c r="BE2309" s="9">
        <v>79061.349203299993</v>
      </c>
      <c r="BF2309" s="9">
        <v>78604.449305000002</v>
      </c>
      <c r="BG2309" s="11">
        <v>2</v>
      </c>
      <c r="BH2309" s="13">
        <v>1</v>
      </c>
      <c r="BI2309" s="6">
        <v>0</v>
      </c>
      <c r="BJ2309" s="13">
        <v>0</v>
      </c>
      <c r="BK2309" s="6">
        <v>1</v>
      </c>
      <c r="BL2309" s="13">
        <v>0.5</v>
      </c>
      <c r="BM2309" s="11">
        <v>1</v>
      </c>
      <c r="BN2309" s="13">
        <v>0.33333333333333331</v>
      </c>
      <c r="BO2309" s="11">
        <v>2</v>
      </c>
      <c r="BP2309" s="13">
        <v>1</v>
      </c>
      <c r="BQ2309" s="6">
        <v>2</v>
      </c>
      <c r="BR2309" s="6">
        <v>2</v>
      </c>
      <c r="BS2309" s="6">
        <v>2</v>
      </c>
      <c r="BT2309" s="6">
        <v>2</v>
      </c>
      <c r="BU2309" s="6">
        <v>2</v>
      </c>
      <c r="BV2309" s="6">
        <v>3</v>
      </c>
      <c r="BW2309" s="6">
        <v>3</v>
      </c>
      <c r="BX2309" s="6">
        <v>4</v>
      </c>
      <c r="BY2309" s="6">
        <v>4</v>
      </c>
      <c r="BZ2309" s="6">
        <v>4</v>
      </c>
      <c r="CA2309" s="6">
        <v>4</v>
      </c>
      <c r="CB2309" s="6">
        <v>4</v>
      </c>
      <c r="CC2309" s="11">
        <v>4</v>
      </c>
      <c r="CD2309" s="11">
        <v>-8.7119999999999997</v>
      </c>
      <c r="CE2309" s="11">
        <v>-7.2615800000000004</v>
      </c>
      <c r="CF2309" s="11">
        <v>4.8744800000000001</v>
      </c>
      <c r="CG2309" s="11">
        <v>-2</v>
      </c>
      <c r="CH2309" s="20">
        <v>1.1833199999999999</v>
      </c>
      <c r="CI2309" s="20">
        <v>0.98681600000000003</v>
      </c>
      <c r="CJ2309" s="20">
        <v>0.68941699999999995</v>
      </c>
      <c r="CK2309" s="20">
        <v>1.2869999999999999</v>
      </c>
      <c r="CL2309" s="20">
        <v>1.4008799999999999</v>
      </c>
      <c r="CM2309" s="20">
        <v>1.0031399999999999</v>
      </c>
      <c r="CN2309" s="20">
        <v>1.0381499999999999</v>
      </c>
      <c r="CO2309" s="20">
        <v>0.84923000000000004</v>
      </c>
      <c r="CP2309" s="20">
        <v>0.59348500000000004</v>
      </c>
      <c r="CQ2309" s="20">
        <v>0.58117600000000003</v>
      </c>
      <c r="CR2309" s="20">
        <v>1.05914</v>
      </c>
      <c r="CS2309" s="20">
        <v>1.13622</v>
      </c>
      <c r="CT2309" s="20">
        <v>1.1214</v>
      </c>
      <c r="CU2309" s="20">
        <v>1.13567</v>
      </c>
      <c r="CV2309" s="20">
        <v>1.1573800000000001</v>
      </c>
      <c r="CW2309" s="20">
        <v>1.18893</v>
      </c>
      <c r="CX2309" s="20">
        <v>1.14862</v>
      </c>
      <c r="CY2309" s="6" t="s">
        <v>725</v>
      </c>
      <c r="CZ2309" s="6" t="s">
        <v>726</v>
      </c>
      <c r="DA2309" s="6" t="s">
        <v>154</v>
      </c>
      <c r="DB2309" s="6" t="s">
        <v>345</v>
      </c>
      <c r="DC2309" s="6"/>
      <c r="DD2309" s="6"/>
      <c r="DE2309" s="6"/>
      <c r="DF2309" s="6"/>
      <c r="DG2309" s="6"/>
      <c r="DH2309" s="6" t="s">
        <v>333</v>
      </c>
      <c r="DI2309" s="6"/>
      <c r="DJ2309" s="6"/>
      <c r="DK2309" s="6"/>
      <c r="DL2309" s="6">
        <v>11</v>
      </c>
      <c r="DM2309" s="6" t="s">
        <v>520</v>
      </c>
      <c r="DN2309" s="6">
        <v>7</v>
      </c>
      <c r="DO2309" s="6" t="s">
        <v>369</v>
      </c>
      <c r="DP2309" s="6"/>
      <c r="DQ2309" s="6"/>
    </row>
    <row r="2310" spans="1:121" x14ac:dyDescent="0.2">
      <c r="A2310" s="6" t="s">
        <v>312</v>
      </c>
      <c r="B2310" s="6" t="s">
        <v>312</v>
      </c>
      <c r="C2310" s="6" t="s">
        <v>175</v>
      </c>
      <c r="D2310" s="6" t="s">
        <v>154</v>
      </c>
      <c r="E2310" s="6" t="s">
        <v>295</v>
      </c>
      <c r="F2310" s="11">
        <v>-105</v>
      </c>
      <c r="G2310" s="13">
        <v>-0.25862068965500001</v>
      </c>
      <c r="H2310" s="11">
        <v>-46.141555428000004</v>
      </c>
      <c r="I2310" s="13">
        <v>-0.1137070383446664</v>
      </c>
      <c r="J2310" s="11">
        <v>-39.582971907000001</v>
      </c>
      <c r="K2310" s="13">
        <v>-0.11005916538695068</v>
      </c>
      <c r="L2310" s="11">
        <v>-19.22701355800001</v>
      </c>
      <c r="M2310" s="13">
        <v>-6.0071505302421821E-2</v>
      </c>
      <c r="N2310" s="11">
        <v>-58.809985465000011</v>
      </c>
      <c r="O2310" s="13">
        <v>-0.16351925095225017</v>
      </c>
      <c r="P2310" s="7">
        <v>405.793309717</v>
      </c>
      <c r="Q2310" s="7">
        <v>361.50540174700001</v>
      </c>
      <c r="R2310" s="7">
        <v>380.35391838599998</v>
      </c>
      <c r="S2310" s="7">
        <v>392.97205582700002</v>
      </c>
      <c r="T2310" s="7">
        <v>397.51054477000002</v>
      </c>
      <c r="U2310" s="7">
        <v>382.02705435899998</v>
      </c>
      <c r="V2310" s="7">
        <v>359.651754289</v>
      </c>
      <c r="W2310" s="7">
        <v>371.121988004</v>
      </c>
      <c r="X2310" s="7">
        <v>317.08415797100002</v>
      </c>
      <c r="Y2310" s="7">
        <v>320.06878238199999</v>
      </c>
      <c r="Z2310" s="7">
        <v>293.01818941800002</v>
      </c>
      <c r="AA2310" s="7">
        <v>306.86232982299998</v>
      </c>
      <c r="AB2310" s="7">
        <v>298.85849192799998</v>
      </c>
      <c r="AC2310" s="7">
        <v>316.64177299200003</v>
      </c>
      <c r="AD2310" s="7">
        <v>306.83245505399998</v>
      </c>
      <c r="AE2310" s="7">
        <v>301.09479343499999</v>
      </c>
      <c r="AF2310" s="7">
        <v>300.84176882399998</v>
      </c>
      <c r="AG2310" s="9">
        <v>9731.2257893999995</v>
      </c>
      <c r="AH2310" s="13">
        <v>0.41341192176095864</v>
      </c>
      <c r="AI2310" s="9">
        <v>5490.4514030999999</v>
      </c>
      <c r="AJ2310" s="13">
        <v>0.23325099170581201</v>
      </c>
      <c r="AK2310" s="9">
        <v>-470.66696579999916</v>
      </c>
      <c r="AL2310" s="13">
        <v>-1.6213534188111126E-2</v>
      </c>
      <c r="AM2310" s="9">
        <v>4711.4413520999988</v>
      </c>
      <c r="AN2310" s="13">
        <v>0.16497453748850807</v>
      </c>
      <c r="AO2310" s="9">
        <v>4240.7743862999996</v>
      </c>
      <c r="AP2310" s="13">
        <v>0.14608618299665921</v>
      </c>
      <c r="AQ2310" s="9">
        <v>23538.8126882</v>
      </c>
      <c r="AR2310" s="9">
        <v>23481.455387499998</v>
      </c>
      <c r="AS2310" s="9">
        <v>26250.345829400001</v>
      </c>
      <c r="AT2310" s="9">
        <v>25867.610356000001</v>
      </c>
      <c r="AU2310" s="9">
        <v>27391.827020500001</v>
      </c>
      <c r="AV2310" s="9">
        <v>29232.7066443</v>
      </c>
      <c r="AW2310" s="9">
        <v>29029.2640913</v>
      </c>
      <c r="AX2310" s="9">
        <v>29885.9694881</v>
      </c>
      <c r="AY2310" s="9">
        <v>27980.013890900002</v>
      </c>
      <c r="AZ2310" s="9">
        <v>28558.5971255</v>
      </c>
      <c r="BA2310" s="9">
        <v>29658.879169600001</v>
      </c>
      <c r="BB2310" s="9">
        <v>30569.0077179</v>
      </c>
      <c r="BC2310" s="9">
        <v>31500.583337700002</v>
      </c>
      <c r="BD2310" s="9">
        <v>30078.014433299999</v>
      </c>
      <c r="BE2310" s="9">
        <v>31095.062010900001</v>
      </c>
      <c r="BF2310" s="9">
        <v>33270.038477599999</v>
      </c>
      <c r="BG2310" s="11">
        <v>-11.25</v>
      </c>
      <c r="BH2310" s="13">
        <v>-0.23936170212765959</v>
      </c>
      <c r="BI2310" s="6">
        <v>3</v>
      </c>
      <c r="BJ2310" s="13">
        <v>6.3829787234042548E-2</v>
      </c>
      <c r="BK2310" s="6">
        <v>-4</v>
      </c>
      <c r="BL2310" s="13">
        <v>-0.08</v>
      </c>
      <c r="BM2310" s="11">
        <v>-10.25</v>
      </c>
      <c r="BN2310" s="13">
        <v>-0.22282608695652173</v>
      </c>
      <c r="BO2310" s="11">
        <v>-14.25</v>
      </c>
      <c r="BP2310" s="13">
        <v>-0.28499999999999998</v>
      </c>
      <c r="BQ2310" s="6">
        <v>47</v>
      </c>
      <c r="BR2310" s="6">
        <v>48</v>
      </c>
      <c r="BS2310" s="6">
        <v>48</v>
      </c>
      <c r="BT2310" s="6">
        <v>50</v>
      </c>
      <c r="BU2310" s="6">
        <v>54</v>
      </c>
      <c r="BV2310" s="6">
        <v>47</v>
      </c>
      <c r="BW2310" s="6">
        <v>46</v>
      </c>
      <c r="BX2310" s="6">
        <v>37</v>
      </c>
      <c r="BY2310" s="6">
        <v>34</v>
      </c>
      <c r="BZ2310" s="6">
        <v>32</v>
      </c>
      <c r="CA2310" s="6">
        <v>34</v>
      </c>
      <c r="CB2310" s="6">
        <v>37</v>
      </c>
      <c r="CC2310" s="11">
        <v>35.75</v>
      </c>
      <c r="CD2310" s="11">
        <v>-100.158</v>
      </c>
      <c r="CE2310" s="11">
        <v>-49.151899999999998</v>
      </c>
      <c r="CF2310" s="11">
        <v>44.3581</v>
      </c>
      <c r="CG2310" s="11">
        <v>-5</v>
      </c>
      <c r="CH2310" s="20">
        <v>0.74241699999999999</v>
      </c>
      <c r="CI2310" s="20">
        <v>0.66170799999999996</v>
      </c>
      <c r="CJ2310" s="20">
        <v>0.68635800000000002</v>
      </c>
      <c r="CK2310" s="20">
        <v>0.69842300000000002</v>
      </c>
      <c r="CL2310" s="20">
        <v>0.68567999999999996</v>
      </c>
      <c r="CM2310" s="20">
        <v>0.62961800000000001</v>
      </c>
      <c r="CN2310" s="20">
        <v>0.61109100000000005</v>
      </c>
      <c r="CO2310" s="20">
        <v>0.70131699999999997</v>
      </c>
      <c r="CP2310" s="20">
        <v>0.71300200000000002</v>
      </c>
      <c r="CQ2310" s="20">
        <v>0.735541</v>
      </c>
      <c r="CR2310" s="20">
        <v>0.67586599999999997</v>
      </c>
      <c r="CS2310" s="20">
        <v>0.70782599999999996</v>
      </c>
      <c r="CT2310" s="20">
        <v>0.67888700000000002</v>
      </c>
      <c r="CU2310" s="20">
        <v>0.711252</v>
      </c>
      <c r="CV2310" s="20">
        <v>0.70470600000000005</v>
      </c>
      <c r="CW2310" s="20">
        <v>0.69733900000000004</v>
      </c>
      <c r="CX2310" s="20">
        <v>0.68128299999999997</v>
      </c>
      <c r="CY2310" s="6" t="s">
        <v>725</v>
      </c>
      <c r="CZ2310" s="6" t="s">
        <v>726</v>
      </c>
      <c r="DA2310" s="6" t="s">
        <v>154</v>
      </c>
      <c r="DB2310" s="6" t="s">
        <v>345</v>
      </c>
      <c r="DC2310" s="6"/>
      <c r="DD2310" s="6"/>
      <c r="DE2310" s="6"/>
      <c r="DF2310" s="6"/>
      <c r="DG2310" s="6"/>
      <c r="DH2310" s="6" t="s">
        <v>333</v>
      </c>
      <c r="DI2310" s="6"/>
      <c r="DJ2310" s="6"/>
      <c r="DK2310" s="6"/>
      <c r="DL2310" s="6">
        <v>11</v>
      </c>
      <c r="DM2310" s="6" t="s">
        <v>520</v>
      </c>
      <c r="DN2310" s="6">
        <v>7</v>
      </c>
      <c r="DO2310" s="6" t="s">
        <v>369</v>
      </c>
      <c r="DP2310" s="6"/>
      <c r="DQ2310" s="6"/>
    </row>
    <row r="2311" spans="1:121" x14ac:dyDescent="0.2">
      <c r="A2311" s="6" t="s">
        <v>792</v>
      </c>
      <c r="B2311" s="6" t="s">
        <v>176</v>
      </c>
      <c r="C2311" s="6" t="s">
        <v>177</v>
      </c>
      <c r="D2311" s="6" t="s">
        <v>154</v>
      </c>
      <c r="E2311" s="6" t="s">
        <v>295</v>
      </c>
      <c r="F2311" s="11">
        <v>-317</v>
      </c>
      <c r="G2311" s="13">
        <v>-0.226105563481</v>
      </c>
      <c r="H2311" s="11">
        <v>-189.91972630000009</v>
      </c>
      <c r="I2311" s="13">
        <v>-0.13547858234248997</v>
      </c>
      <c r="J2311" s="11">
        <v>-171.65178124999989</v>
      </c>
      <c r="K2311" s="13">
        <v>-0.14163582785421902</v>
      </c>
      <c r="L2311" s="11">
        <v>45.212521550000019</v>
      </c>
      <c r="M2311" s="13">
        <v>4.3462225179657171E-2</v>
      </c>
      <c r="N2311" s="11">
        <v>-126.43925969999987</v>
      </c>
      <c r="O2311" s="13">
        <v>-0.10432941091826908</v>
      </c>
      <c r="P2311" s="7">
        <v>1401.8431771</v>
      </c>
      <c r="Q2311" s="7">
        <v>1268.8531771999999</v>
      </c>
      <c r="R2311" s="7">
        <v>1211.1950232500001</v>
      </c>
      <c r="S2311" s="7">
        <v>1181.7385333899999</v>
      </c>
      <c r="T2311" s="7">
        <v>1126.30023237</v>
      </c>
      <c r="U2311" s="7">
        <v>1157.8642021000001</v>
      </c>
      <c r="V2311" s="7">
        <v>1211.9234508</v>
      </c>
      <c r="W2311" s="7">
        <v>1038.1421255400001</v>
      </c>
      <c r="X2311" s="7">
        <v>419.92462279699998</v>
      </c>
      <c r="Y2311" s="7">
        <v>1040.2716695500001</v>
      </c>
      <c r="Z2311" s="7">
        <v>1062.77637536</v>
      </c>
      <c r="AA2311" s="7">
        <v>1079.4902734899999</v>
      </c>
      <c r="AB2311" s="7">
        <v>1097.4116971200001</v>
      </c>
      <c r="AC2311" s="7">
        <v>1114.34744989</v>
      </c>
      <c r="AD2311" s="7">
        <v>1060.30488373</v>
      </c>
      <c r="AE2311" s="7">
        <v>989.67354920800005</v>
      </c>
      <c r="AF2311" s="7">
        <v>1085.4841911000001</v>
      </c>
      <c r="AG2311" s="9">
        <v>46548.753872500005</v>
      </c>
      <c r="AH2311" s="13">
        <v>1.2013885883562987</v>
      </c>
      <c r="AI2311" s="9">
        <v>16387.237524800003</v>
      </c>
      <c r="AJ2311" s="13">
        <v>0.42294236728450335</v>
      </c>
      <c r="AK2311" s="9">
        <v>12912.929986999996</v>
      </c>
      <c r="AL2311" s="13">
        <v>0.23421404197410989</v>
      </c>
      <c r="AM2311" s="9">
        <v>17248.586360700006</v>
      </c>
      <c r="AN2311" s="13">
        <v>0.25348435328712721</v>
      </c>
      <c r="AO2311" s="9">
        <v>30161.516347700002</v>
      </c>
      <c r="AP2311" s="13">
        <v>0.54706799022180841</v>
      </c>
      <c r="AQ2311" s="9">
        <v>38745.793262599997</v>
      </c>
      <c r="AR2311" s="9">
        <v>43645.085971799999</v>
      </c>
      <c r="AS2311" s="9">
        <v>47718.895368999998</v>
      </c>
      <c r="AT2311" s="9">
        <v>51317.991767400003</v>
      </c>
      <c r="AU2311" s="9">
        <v>50823.1961428</v>
      </c>
      <c r="AV2311" s="9">
        <v>53673.369618500001</v>
      </c>
      <c r="AW2311" s="9">
        <v>55133.030787399999</v>
      </c>
      <c r="AX2311" s="9">
        <v>54677.964435399997</v>
      </c>
      <c r="AY2311" s="9">
        <v>48109.998115900002</v>
      </c>
      <c r="AZ2311" s="9">
        <v>68045.960774399995</v>
      </c>
      <c r="BA2311" s="9">
        <v>73154.774995500004</v>
      </c>
      <c r="BB2311" s="9">
        <v>74213.581796500002</v>
      </c>
      <c r="BC2311" s="9">
        <v>73755.784305099995</v>
      </c>
      <c r="BD2311" s="9">
        <v>75702.071074699998</v>
      </c>
      <c r="BE2311" s="9">
        <v>80334.326476699993</v>
      </c>
      <c r="BF2311" s="9">
        <v>85294.547135100001</v>
      </c>
      <c r="BG2311" s="11">
        <v>-0.75</v>
      </c>
      <c r="BH2311" s="13">
        <v>-3.2608695652173912E-2</v>
      </c>
      <c r="BI2311" s="6">
        <v>2</v>
      </c>
      <c r="BJ2311" s="13">
        <v>8.6956521739130432E-2</v>
      </c>
      <c r="BK2311" s="6">
        <v>-3</v>
      </c>
      <c r="BL2311" s="13">
        <v>-0.12</v>
      </c>
      <c r="BM2311" s="11">
        <v>0.25</v>
      </c>
      <c r="BN2311" s="13">
        <v>1.1363636363636364E-2</v>
      </c>
      <c r="BO2311" s="11">
        <v>-2.75</v>
      </c>
      <c r="BP2311" s="13">
        <v>-0.11</v>
      </c>
      <c r="BQ2311" s="6">
        <v>23</v>
      </c>
      <c r="BR2311" s="6">
        <v>24</v>
      </c>
      <c r="BS2311" s="6">
        <v>23</v>
      </c>
      <c r="BT2311" s="6">
        <v>25</v>
      </c>
      <c r="BU2311" s="6">
        <v>26</v>
      </c>
      <c r="BV2311" s="6">
        <v>23</v>
      </c>
      <c r="BW2311" s="6">
        <v>22</v>
      </c>
      <c r="BX2311" s="6">
        <v>21</v>
      </c>
      <c r="BY2311" s="6">
        <v>19</v>
      </c>
      <c r="BZ2311" s="6">
        <v>20</v>
      </c>
      <c r="CA2311" s="6">
        <v>21</v>
      </c>
      <c r="CB2311" s="6">
        <v>22</v>
      </c>
      <c r="CC2311" s="11">
        <v>22.25</v>
      </c>
      <c r="CD2311" s="11">
        <v>25.222100000000001</v>
      </c>
      <c r="CE2311" s="11">
        <v>-494.81900000000002</v>
      </c>
      <c r="CF2311" s="11">
        <v>153.238</v>
      </c>
      <c r="CG2311" s="11">
        <v>-342</v>
      </c>
      <c r="CH2311" s="20">
        <v>1.3396699999999999</v>
      </c>
      <c r="CI2311" s="20">
        <v>1.29644</v>
      </c>
      <c r="CJ2311" s="20">
        <v>1.3041400000000001</v>
      </c>
      <c r="CK2311" s="20">
        <v>1.3273699999999999</v>
      </c>
      <c r="CL2311" s="20">
        <v>1.29294</v>
      </c>
      <c r="CM2311" s="20">
        <v>1.3311200000000001</v>
      </c>
      <c r="CN2311" s="20">
        <v>1.4542299999999999</v>
      </c>
      <c r="CO2311" s="20">
        <v>1.35551</v>
      </c>
      <c r="CP2311" s="20">
        <v>0.64280099999999996</v>
      </c>
      <c r="CQ2311" s="20">
        <v>1.5395399999999999</v>
      </c>
      <c r="CR2311" s="20">
        <v>1.53165</v>
      </c>
      <c r="CS2311" s="20">
        <v>1.5446299999999999</v>
      </c>
      <c r="CT2311" s="20">
        <v>1.5707599999999999</v>
      </c>
      <c r="CU2311" s="20">
        <v>1.6158399999999999</v>
      </c>
      <c r="CV2311" s="20">
        <v>1.6160699999999999</v>
      </c>
      <c r="CW2311" s="20">
        <v>1.55427</v>
      </c>
      <c r="CX2311" s="20">
        <v>1.6776199999999999</v>
      </c>
      <c r="CY2311" s="6" t="s">
        <v>725</v>
      </c>
      <c r="CZ2311" s="6" t="s">
        <v>726</v>
      </c>
      <c r="DA2311" s="6" t="s">
        <v>154</v>
      </c>
      <c r="DB2311" s="6" t="s">
        <v>345</v>
      </c>
      <c r="DC2311" s="6"/>
      <c r="DD2311" s="6"/>
      <c r="DE2311" s="6"/>
      <c r="DF2311" s="6"/>
      <c r="DG2311" s="6"/>
      <c r="DH2311" s="6" t="s">
        <v>333</v>
      </c>
      <c r="DI2311" s="6"/>
      <c r="DJ2311" s="6"/>
      <c r="DK2311" s="6"/>
      <c r="DL2311" s="6">
        <v>11</v>
      </c>
      <c r="DM2311" s="6" t="s">
        <v>520</v>
      </c>
      <c r="DN2311" s="6">
        <v>7</v>
      </c>
      <c r="DO2311" s="6" t="s">
        <v>369</v>
      </c>
      <c r="DP2311" s="6"/>
      <c r="DQ2311" s="6"/>
    </row>
    <row r="2312" spans="1:121" x14ac:dyDescent="0.2">
      <c r="A2312" s="6" t="s">
        <v>313</v>
      </c>
      <c r="B2312" s="6" t="s">
        <v>313</v>
      </c>
      <c r="C2312" s="6" t="s">
        <v>178</v>
      </c>
      <c r="D2312" s="6" t="s">
        <v>154</v>
      </c>
      <c r="E2312" s="6" t="s">
        <v>295</v>
      </c>
      <c r="F2312" s="11">
        <v>12</v>
      </c>
      <c r="G2312" s="13">
        <v>5.2631578947399997E-2</v>
      </c>
      <c r="H2312" s="11">
        <v>23.965499488999995</v>
      </c>
      <c r="I2312" s="13">
        <v>0.10513254367488274</v>
      </c>
      <c r="J2312" s="11">
        <v>-29.215442201999991</v>
      </c>
      <c r="K2312" s="13">
        <v>-0.11597083478184868</v>
      </c>
      <c r="L2312" s="11">
        <v>17.489209526999986</v>
      </c>
      <c r="M2312" s="13">
        <v>7.8530779229574924E-2</v>
      </c>
      <c r="N2312" s="11">
        <v>-11.726232675000006</v>
      </c>
      <c r="O2312" s="13">
        <v>-4.6547335575596621E-2</v>
      </c>
      <c r="P2312" s="7">
        <v>227.955099832</v>
      </c>
      <c r="Q2312" s="7">
        <v>231.752413539</v>
      </c>
      <c r="R2312" s="7">
        <v>232.34317698300001</v>
      </c>
      <c r="S2312" s="7">
        <v>244.06630307500001</v>
      </c>
      <c r="T2312" s="7">
        <v>233.720712048</v>
      </c>
      <c r="U2312" s="7">
        <v>251.47113707099999</v>
      </c>
      <c r="V2312" s="7">
        <v>251.920599321</v>
      </c>
      <c r="W2312" s="7">
        <v>233.819142231</v>
      </c>
      <c r="X2312" s="7">
        <v>229.51026665000001</v>
      </c>
      <c r="Y2312" s="7">
        <v>222.70515711900001</v>
      </c>
      <c r="Z2312" s="7">
        <v>226.229914611</v>
      </c>
      <c r="AA2312" s="7">
        <v>222.169183473</v>
      </c>
      <c r="AB2312" s="7">
        <v>230.87384470699999</v>
      </c>
      <c r="AC2312" s="7">
        <v>253.85001196799999</v>
      </c>
      <c r="AD2312" s="7">
        <v>245.98193144999999</v>
      </c>
      <c r="AE2312" s="7">
        <v>233.58364911300001</v>
      </c>
      <c r="AF2312" s="7">
        <v>240.19436664599999</v>
      </c>
      <c r="AG2312" s="9">
        <v>15474.464429299998</v>
      </c>
      <c r="AH2312" s="13">
        <v>0.54615944836699726</v>
      </c>
      <c r="AI2312" s="9">
        <v>6013.4617590000016</v>
      </c>
      <c r="AJ2312" s="13">
        <v>0.21224055747304735</v>
      </c>
      <c r="AK2312" s="9">
        <v>4514.1203418000005</v>
      </c>
      <c r="AL2312" s="13">
        <v>0.1314280750110719</v>
      </c>
      <c r="AM2312" s="9">
        <v>4946.8823284999962</v>
      </c>
      <c r="AN2312" s="13">
        <v>0.12729743214493824</v>
      </c>
      <c r="AO2312" s="9">
        <v>9461.0026702999967</v>
      </c>
      <c r="AP2312" s="13">
        <v>0.27545596361667191</v>
      </c>
      <c r="AQ2312" s="9">
        <v>28333.235789599999</v>
      </c>
      <c r="AR2312" s="9">
        <v>28068.0642023</v>
      </c>
      <c r="AS2312" s="9">
        <v>29275.292142900002</v>
      </c>
      <c r="AT2312" s="9">
        <v>30775.991557599998</v>
      </c>
      <c r="AU2312" s="9">
        <v>32741.867003399999</v>
      </c>
      <c r="AV2312" s="9">
        <v>32600.8933836</v>
      </c>
      <c r="AW2312" s="9">
        <v>34346.697548600001</v>
      </c>
      <c r="AX2312" s="9">
        <v>34686.185820600003</v>
      </c>
      <c r="AY2312" s="9">
        <v>37155.183219899998</v>
      </c>
      <c r="AZ2312" s="9">
        <v>38860.817890400001</v>
      </c>
      <c r="BA2312" s="9">
        <v>40005.696844400001</v>
      </c>
      <c r="BB2312" s="9">
        <v>42257.992224000001</v>
      </c>
      <c r="BC2312" s="9">
        <v>41308.613303500002</v>
      </c>
      <c r="BD2312" s="9">
        <v>41375.387349299999</v>
      </c>
      <c r="BE2312" s="9">
        <v>44110.548362200003</v>
      </c>
      <c r="BF2312" s="9">
        <v>43807.700218899998</v>
      </c>
      <c r="BG2312" s="11">
        <v>0.5</v>
      </c>
      <c r="BH2312" s="13">
        <v>1.6129032258064516E-2</v>
      </c>
      <c r="BI2312" s="6">
        <v>-1</v>
      </c>
      <c r="BJ2312" s="13">
        <v>-3.2258064516129031E-2</v>
      </c>
      <c r="BK2312" s="6">
        <v>-2</v>
      </c>
      <c r="BL2312" s="13">
        <v>-6.6666666666666666E-2</v>
      </c>
      <c r="BM2312" s="11">
        <v>3.5</v>
      </c>
      <c r="BN2312" s="13">
        <v>0.125</v>
      </c>
      <c r="BO2312" s="11">
        <v>1.5</v>
      </c>
      <c r="BP2312" s="13">
        <v>0.05</v>
      </c>
      <c r="BQ2312" s="6">
        <v>31</v>
      </c>
      <c r="BR2312" s="6">
        <v>31</v>
      </c>
      <c r="BS2312" s="6">
        <v>32</v>
      </c>
      <c r="BT2312" s="6">
        <v>30</v>
      </c>
      <c r="BU2312" s="6">
        <v>30</v>
      </c>
      <c r="BV2312" s="6">
        <v>31</v>
      </c>
      <c r="BW2312" s="6">
        <v>28</v>
      </c>
      <c r="BX2312" s="6">
        <v>25</v>
      </c>
      <c r="BY2312" s="6">
        <v>26</v>
      </c>
      <c r="BZ2312" s="6">
        <v>30</v>
      </c>
      <c r="CA2312" s="6">
        <v>33</v>
      </c>
      <c r="CB2312" s="6">
        <v>33</v>
      </c>
      <c r="CC2312" s="11">
        <v>31.5</v>
      </c>
      <c r="CD2312" s="11">
        <v>5.96035</v>
      </c>
      <c r="CE2312" s="11">
        <v>-18.639299999999999</v>
      </c>
      <c r="CF2312" s="11">
        <v>24.918199999999999</v>
      </c>
      <c r="CG2312" s="11">
        <v>6</v>
      </c>
      <c r="CH2312" s="20">
        <v>0.611788</v>
      </c>
      <c r="CI2312" s="20">
        <v>0.63158199999999998</v>
      </c>
      <c r="CJ2312" s="20">
        <v>0.63786200000000004</v>
      </c>
      <c r="CK2312" s="20">
        <v>0.68243600000000004</v>
      </c>
      <c r="CL2312" s="20">
        <v>0.65204700000000004</v>
      </c>
      <c r="CM2312" s="20">
        <v>0.68360200000000004</v>
      </c>
      <c r="CN2312" s="20">
        <v>0.68948200000000004</v>
      </c>
      <c r="CO2312" s="20">
        <v>0.678508</v>
      </c>
      <c r="CP2312" s="20">
        <v>0.73807599999999995</v>
      </c>
      <c r="CQ2312" s="20">
        <v>0.68552000000000002</v>
      </c>
      <c r="CR2312" s="20">
        <v>0.68110499999999996</v>
      </c>
      <c r="CS2312" s="20">
        <v>0.66332800000000003</v>
      </c>
      <c r="CT2312" s="20">
        <v>0.68562100000000004</v>
      </c>
      <c r="CU2312" s="20">
        <v>0.76466100000000004</v>
      </c>
      <c r="CV2312" s="20">
        <v>0.77934199999999998</v>
      </c>
      <c r="CW2312" s="20">
        <v>0.76452699999999996</v>
      </c>
      <c r="CX2312" s="20">
        <v>0.76736000000000004</v>
      </c>
      <c r="CY2312" s="6" t="s">
        <v>725</v>
      </c>
      <c r="CZ2312" s="6" t="s">
        <v>726</v>
      </c>
      <c r="DA2312" s="6" t="s">
        <v>154</v>
      </c>
      <c r="DB2312" s="6" t="s">
        <v>345</v>
      </c>
      <c r="DC2312" s="6"/>
      <c r="DD2312" s="6"/>
      <c r="DE2312" s="6"/>
      <c r="DF2312" s="6"/>
      <c r="DG2312" s="6"/>
      <c r="DH2312" s="6" t="s">
        <v>333</v>
      </c>
      <c r="DI2312" s="6"/>
      <c r="DJ2312" s="6"/>
      <c r="DK2312" s="6"/>
      <c r="DL2312" s="6">
        <v>11</v>
      </c>
      <c r="DM2312" s="6" t="s">
        <v>520</v>
      </c>
      <c r="DN2312" s="6">
        <v>7</v>
      </c>
      <c r="DO2312" s="6" t="s">
        <v>369</v>
      </c>
      <c r="DP2312" s="6"/>
      <c r="DQ2312" s="6"/>
    </row>
    <row r="2313" spans="1:121" x14ac:dyDescent="0.2">
      <c r="A2313" s="6" t="s">
        <v>793</v>
      </c>
      <c r="B2313" s="6" t="s">
        <v>179</v>
      </c>
      <c r="C2313" s="6" t="s">
        <v>180</v>
      </c>
      <c r="D2313" s="6" t="s">
        <v>154</v>
      </c>
      <c r="E2313" s="6" t="s">
        <v>295</v>
      </c>
      <c r="F2313" s="11">
        <v>99</v>
      </c>
      <c r="G2313" s="13">
        <v>0.12</v>
      </c>
      <c r="H2313" s="11">
        <v>63</v>
      </c>
      <c r="I2313" s="13">
        <v>7.3684210526315783E-2</v>
      </c>
      <c r="J2313" s="11">
        <v>-43</v>
      </c>
      <c r="K2313" s="13">
        <v>-4.6840958605664486E-2</v>
      </c>
      <c r="L2313" s="11">
        <v>79</v>
      </c>
      <c r="M2313" s="13">
        <v>9.0285714285714289E-2</v>
      </c>
      <c r="N2313" s="11">
        <v>36</v>
      </c>
      <c r="O2313" s="13">
        <v>3.9215686274509803E-2</v>
      </c>
      <c r="P2313" s="7">
        <v>855</v>
      </c>
      <c r="Q2313" s="7">
        <v>868</v>
      </c>
      <c r="R2313" s="7">
        <v>996</v>
      </c>
      <c r="S2313" s="7">
        <v>983</v>
      </c>
      <c r="T2313" s="7">
        <v>962</v>
      </c>
      <c r="U2313" s="7">
        <v>951</v>
      </c>
      <c r="V2313" s="7">
        <v>918</v>
      </c>
      <c r="W2313" s="7">
        <v>909</v>
      </c>
      <c r="X2313" s="7">
        <v>861</v>
      </c>
      <c r="Y2313" s="7">
        <v>875</v>
      </c>
      <c r="Z2313" s="7">
        <v>872</v>
      </c>
      <c r="AA2313" s="7">
        <v>910</v>
      </c>
      <c r="AB2313" s="7">
        <v>914</v>
      </c>
      <c r="AC2313" s="7">
        <v>880</v>
      </c>
      <c r="AD2313" s="7">
        <v>896</v>
      </c>
      <c r="AE2313" s="7">
        <v>902</v>
      </c>
      <c r="AF2313" s="7">
        <v>954</v>
      </c>
      <c r="AG2313" s="9">
        <v>6616</v>
      </c>
      <c r="AH2313" s="13">
        <v>0.33269636930503871</v>
      </c>
      <c r="AI2313" s="9">
        <v>3286</v>
      </c>
      <c r="AJ2313" s="13">
        <v>0.16524187870863924</v>
      </c>
      <c r="AK2313" s="9">
        <v>2180</v>
      </c>
      <c r="AL2313" s="13">
        <v>9.4079060935611941E-2</v>
      </c>
      <c r="AM2313" s="9">
        <v>1150</v>
      </c>
      <c r="AN2313" s="13">
        <v>4.5361312716945407E-2</v>
      </c>
      <c r="AO2313" s="9">
        <v>3330</v>
      </c>
      <c r="AP2313" s="13">
        <v>0.1437079233557742</v>
      </c>
      <c r="AQ2313" s="9">
        <v>19886</v>
      </c>
      <c r="AR2313" s="9">
        <v>20586</v>
      </c>
      <c r="AS2313" s="9">
        <v>20343</v>
      </c>
      <c r="AT2313" s="9">
        <v>20803</v>
      </c>
      <c r="AU2313" s="9">
        <v>21588</v>
      </c>
      <c r="AV2313" s="9">
        <v>22392</v>
      </c>
      <c r="AW2313" s="9">
        <v>23172</v>
      </c>
      <c r="AX2313" s="9">
        <v>24366</v>
      </c>
      <c r="AY2313" s="9">
        <v>24760</v>
      </c>
      <c r="AZ2313" s="9">
        <v>25352</v>
      </c>
      <c r="BA2313" s="9">
        <v>24919</v>
      </c>
      <c r="BB2313" s="9">
        <v>24680</v>
      </c>
      <c r="BC2313" s="9">
        <v>26015</v>
      </c>
      <c r="BD2313" s="9">
        <v>26181</v>
      </c>
      <c r="BE2313" s="9">
        <v>26546</v>
      </c>
      <c r="BF2313" s="9">
        <v>26502</v>
      </c>
      <c r="BG2313" s="11">
        <v>-11</v>
      </c>
      <c r="BH2313" s="13">
        <v>-0.13924050632911392</v>
      </c>
      <c r="BI2313" s="6">
        <v>-9</v>
      </c>
      <c r="BJ2313" s="13">
        <v>-0.11392405063291139</v>
      </c>
      <c r="BK2313" s="6">
        <v>2</v>
      </c>
      <c r="BL2313" s="13">
        <v>2.8571428571428571E-2</v>
      </c>
      <c r="BM2313" s="11">
        <v>-4</v>
      </c>
      <c r="BN2313" s="13">
        <v>-5.5555555555555552E-2</v>
      </c>
      <c r="BO2313" s="11">
        <v>-2</v>
      </c>
      <c r="BP2313" s="13">
        <v>-2.8571428571428571E-2</v>
      </c>
      <c r="BQ2313" s="6">
        <v>79</v>
      </c>
      <c r="BR2313" s="6">
        <v>72</v>
      </c>
      <c r="BS2313" s="6">
        <v>69</v>
      </c>
      <c r="BT2313" s="6">
        <v>70</v>
      </c>
      <c r="BU2313" s="6">
        <v>72</v>
      </c>
      <c r="BV2313" s="6">
        <v>69</v>
      </c>
      <c r="BW2313" s="6">
        <v>72</v>
      </c>
      <c r="BX2313" s="6">
        <v>72</v>
      </c>
      <c r="BY2313" s="6">
        <v>71</v>
      </c>
      <c r="BZ2313" s="6">
        <v>70</v>
      </c>
      <c r="CA2313" s="6">
        <v>70</v>
      </c>
      <c r="CB2313" s="6">
        <v>70</v>
      </c>
      <c r="CC2313" s="11">
        <v>68</v>
      </c>
      <c r="CD2313" s="11">
        <v>61</v>
      </c>
      <c r="CE2313" s="11">
        <v>-55</v>
      </c>
      <c r="CF2313" s="11">
        <v>93</v>
      </c>
      <c r="CG2313" s="11">
        <v>38</v>
      </c>
      <c r="CH2313" s="20">
        <v>0.85</v>
      </c>
      <c r="CI2313" s="20">
        <v>0.87</v>
      </c>
      <c r="CJ2313" s="20">
        <v>1.01</v>
      </c>
      <c r="CK2313" s="20">
        <v>1.01</v>
      </c>
      <c r="CL2313" s="20">
        <v>1</v>
      </c>
      <c r="CM2313" s="20">
        <v>0.97</v>
      </c>
      <c r="CN2313" s="20">
        <v>0.95</v>
      </c>
      <c r="CO2313" s="20">
        <v>1.01</v>
      </c>
      <c r="CP2313" s="20">
        <v>1.04</v>
      </c>
      <c r="CQ2313" s="20">
        <v>1</v>
      </c>
      <c r="CR2313" s="20">
        <v>0.98</v>
      </c>
      <c r="CS2313" s="20">
        <v>1.02</v>
      </c>
      <c r="CT2313" s="20">
        <v>1.02</v>
      </c>
      <c r="CU2313" s="20">
        <v>0.99</v>
      </c>
      <c r="CV2313" s="20">
        <v>1.05</v>
      </c>
      <c r="CW2313" s="20">
        <v>1.08</v>
      </c>
      <c r="CX2313" s="20">
        <v>1.1200000000000001</v>
      </c>
      <c r="CY2313" s="6" t="s">
        <v>725</v>
      </c>
      <c r="CZ2313" s="6" t="s">
        <v>726</v>
      </c>
      <c r="DA2313" s="6" t="s">
        <v>154</v>
      </c>
      <c r="DB2313" s="6" t="s">
        <v>345</v>
      </c>
      <c r="DC2313" s="6"/>
      <c r="DD2313" s="6"/>
      <c r="DE2313" s="6"/>
      <c r="DF2313" s="6"/>
      <c r="DG2313" s="6"/>
      <c r="DH2313" s="6" t="s">
        <v>333</v>
      </c>
      <c r="DI2313" s="6"/>
      <c r="DJ2313" s="6"/>
      <c r="DK2313" s="6"/>
      <c r="DL2313" s="6">
        <v>11</v>
      </c>
      <c r="DM2313" s="6" t="s">
        <v>520</v>
      </c>
      <c r="DN2313" s="6">
        <v>7</v>
      </c>
      <c r="DO2313" s="6" t="s">
        <v>369</v>
      </c>
      <c r="DP2313" s="6"/>
      <c r="DQ2313" s="6"/>
    </row>
    <row r="2314" spans="1:121" x14ac:dyDescent="0.2">
      <c r="A2314" s="6" t="s">
        <v>794</v>
      </c>
      <c r="B2314" s="6" t="s">
        <v>181</v>
      </c>
      <c r="C2314" s="6" t="s">
        <v>182</v>
      </c>
      <c r="D2314" s="6" t="s">
        <v>154</v>
      </c>
      <c r="E2314" s="6" t="s">
        <v>295</v>
      </c>
      <c r="F2314" s="11">
        <v>12</v>
      </c>
      <c r="G2314" s="13">
        <v>7.1428571428599999E-2</v>
      </c>
      <c r="H2314" s="11">
        <v>99.50921741800002</v>
      </c>
      <c r="I2314" s="13">
        <v>0.59074266485553562</v>
      </c>
      <c r="J2314" s="11">
        <v>14.529983261999973</v>
      </c>
      <c r="K2314" s="13">
        <v>5.4225081283071186E-2</v>
      </c>
      <c r="L2314" s="11">
        <v>-102.94089795899998</v>
      </c>
      <c r="M2314" s="13">
        <v>-0.3644095128202719</v>
      </c>
      <c r="N2314" s="11">
        <v>-88.41091469700001</v>
      </c>
      <c r="O2314" s="13">
        <v>-0.32994456699020436</v>
      </c>
      <c r="P2314" s="7">
        <v>168.44765637899999</v>
      </c>
      <c r="Q2314" s="7">
        <v>192.79703901299999</v>
      </c>
      <c r="R2314" s="7">
        <v>206.58498336299999</v>
      </c>
      <c r="S2314" s="7">
        <v>207.355112805</v>
      </c>
      <c r="T2314" s="7">
        <v>232.73371204700001</v>
      </c>
      <c r="U2314" s="7">
        <v>250.635006758</v>
      </c>
      <c r="V2314" s="7">
        <v>267.95687379700001</v>
      </c>
      <c r="W2314" s="7">
        <v>265.01509331400001</v>
      </c>
      <c r="X2314" s="7">
        <v>291.75922368599998</v>
      </c>
      <c r="Y2314" s="7">
        <v>282.48685705899999</v>
      </c>
      <c r="Z2314" s="7">
        <v>242.29793631699999</v>
      </c>
      <c r="AA2314" s="7">
        <v>200.932028664</v>
      </c>
      <c r="AB2314" s="7">
        <v>218.13651517100001</v>
      </c>
      <c r="AC2314" s="7">
        <v>198.627674009</v>
      </c>
      <c r="AD2314" s="7">
        <v>192.87133240899999</v>
      </c>
      <c r="AE2314" s="7">
        <v>176.518599268</v>
      </c>
      <c r="AF2314" s="7">
        <v>179.5459591</v>
      </c>
      <c r="AG2314" s="9">
        <v>15633.703339500003</v>
      </c>
      <c r="AH2314" s="13">
        <v>0.44588026777107254</v>
      </c>
      <c r="AI2314" s="9">
        <v>3832.3203533000051</v>
      </c>
      <c r="AJ2314" s="13">
        <v>0.10929950429573566</v>
      </c>
      <c r="AK2314" s="9">
        <v>3100.9701511999956</v>
      </c>
      <c r="AL2314" s="13">
        <v>7.972695061765199E-2</v>
      </c>
      <c r="AM2314" s="9">
        <v>8700.4128350000028</v>
      </c>
      <c r="AN2314" s="13">
        <v>0.2071731580815781</v>
      </c>
      <c r="AO2314" s="9">
        <v>11801.382986199998</v>
      </c>
      <c r="AP2314" s="13">
        <v>0.30341739284290309</v>
      </c>
      <c r="AQ2314" s="9">
        <v>35062.559322599998</v>
      </c>
      <c r="AR2314" s="9">
        <v>33295.819937799999</v>
      </c>
      <c r="AS2314" s="9">
        <v>33298.466461800002</v>
      </c>
      <c r="AT2314" s="9">
        <v>36978.408220700003</v>
      </c>
      <c r="AU2314" s="9">
        <v>37563.849657699997</v>
      </c>
      <c r="AV2314" s="9">
        <v>39416.162789599999</v>
      </c>
      <c r="AW2314" s="9">
        <v>38894.879675900003</v>
      </c>
      <c r="AX2314" s="9">
        <v>41044.808023799997</v>
      </c>
      <c r="AY2314" s="9">
        <v>41279.780042999999</v>
      </c>
      <c r="AZ2314" s="9">
        <v>41995.849827099999</v>
      </c>
      <c r="BA2314" s="9">
        <v>43485.855806500003</v>
      </c>
      <c r="BB2314" s="9">
        <v>43852.055470899999</v>
      </c>
      <c r="BC2314" s="9">
        <v>47950.720289199999</v>
      </c>
      <c r="BD2314" s="9">
        <v>48804.097956500002</v>
      </c>
      <c r="BE2314" s="9">
        <v>50892.162838700002</v>
      </c>
      <c r="BF2314" s="9">
        <v>50696.262662100002</v>
      </c>
      <c r="BG2314" s="11">
        <v>-7.5</v>
      </c>
      <c r="BH2314" s="13">
        <v>-0.25</v>
      </c>
      <c r="BI2314" s="6">
        <v>2</v>
      </c>
      <c r="BJ2314" s="13">
        <v>6.6666666666666666E-2</v>
      </c>
      <c r="BK2314" s="6">
        <v>0</v>
      </c>
      <c r="BL2314" s="13">
        <v>0</v>
      </c>
      <c r="BM2314" s="11">
        <v>-9.5</v>
      </c>
      <c r="BN2314" s="13">
        <v>-0.296875</v>
      </c>
      <c r="BO2314" s="11">
        <v>-9.5</v>
      </c>
      <c r="BP2314" s="13">
        <v>-0.296875</v>
      </c>
      <c r="BQ2314" s="6">
        <v>30</v>
      </c>
      <c r="BR2314" s="6">
        <v>28</v>
      </c>
      <c r="BS2314" s="6">
        <v>29</v>
      </c>
      <c r="BT2314" s="6">
        <v>32</v>
      </c>
      <c r="BU2314" s="6">
        <v>30</v>
      </c>
      <c r="BV2314" s="6">
        <v>30</v>
      </c>
      <c r="BW2314" s="6">
        <v>32</v>
      </c>
      <c r="BX2314" s="6">
        <v>29</v>
      </c>
      <c r="BY2314" s="6">
        <v>25</v>
      </c>
      <c r="BZ2314" s="6">
        <v>25</v>
      </c>
      <c r="CA2314" s="6">
        <v>22</v>
      </c>
      <c r="CB2314" s="6">
        <v>22</v>
      </c>
      <c r="CC2314" s="11">
        <v>22.5</v>
      </c>
      <c r="CD2314" s="11">
        <v>-17.932400000000001</v>
      </c>
      <c r="CE2314" s="11">
        <v>10.6173</v>
      </c>
      <c r="CF2314" s="11">
        <v>18.413399999999999</v>
      </c>
      <c r="CG2314" s="11">
        <v>29</v>
      </c>
      <c r="CH2314" s="20">
        <v>0.57109500000000002</v>
      </c>
      <c r="CI2314" s="20">
        <v>0.66937100000000005</v>
      </c>
      <c r="CJ2314" s="20">
        <v>0.724051</v>
      </c>
      <c r="CK2314" s="20">
        <v>0.73306000000000004</v>
      </c>
      <c r="CL2314" s="20">
        <v>0.81602300000000005</v>
      </c>
      <c r="CM2314" s="20">
        <v>0.85382199999999997</v>
      </c>
      <c r="CN2314" s="20">
        <v>0.91706399999999999</v>
      </c>
      <c r="CO2314" s="20">
        <v>0.96176300000000003</v>
      </c>
      <c r="CP2314" s="20">
        <v>1.16998</v>
      </c>
      <c r="CQ2314" s="20">
        <v>1.0777399999999999</v>
      </c>
      <c r="CR2314" s="20">
        <v>0.89242999999999995</v>
      </c>
      <c r="CS2314" s="20">
        <v>0.73106400000000005</v>
      </c>
      <c r="CT2314" s="20">
        <v>0.78466800000000003</v>
      </c>
      <c r="CU2314" s="20">
        <v>0.70858600000000005</v>
      </c>
      <c r="CV2314" s="20">
        <v>0.69891400000000004</v>
      </c>
      <c r="CW2314" s="20">
        <v>0.64390999999999998</v>
      </c>
      <c r="CX2314" s="20">
        <v>0.63511099999999998</v>
      </c>
      <c r="CY2314" s="6" t="s">
        <v>725</v>
      </c>
      <c r="CZ2314" s="6" t="s">
        <v>726</v>
      </c>
      <c r="DA2314" s="6" t="s">
        <v>154</v>
      </c>
      <c r="DB2314" s="6" t="s">
        <v>345</v>
      </c>
      <c r="DC2314" s="6"/>
      <c r="DD2314" s="6"/>
      <c r="DE2314" s="6"/>
      <c r="DF2314" s="6"/>
      <c r="DG2314" s="6"/>
      <c r="DH2314" s="6" t="s">
        <v>333</v>
      </c>
      <c r="DI2314" s="6"/>
      <c r="DJ2314" s="6"/>
      <c r="DK2314" s="6"/>
      <c r="DL2314" s="6">
        <v>11</v>
      </c>
      <c r="DM2314" s="6" t="s">
        <v>520</v>
      </c>
      <c r="DN2314" s="6">
        <v>7</v>
      </c>
      <c r="DO2314" s="6" t="s">
        <v>369</v>
      </c>
      <c r="DP2314" s="6"/>
      <c r="DQ2314" s="6"/>
    </row>
    <row r="2315" spans="1:121" x14ac:dyDescent="0.2">
      <c r="A2315" s="6" t="s">
        <v>314</v>
      </c>
      <c r="B2315" s="6" t="s">
        <v>314</v>
      </c>
      <c r="C2315" s="6" t="s">
        <v>183</v>
      </c>
      <c r="D2315" s="6" t="s">
        <v>154</v>
      </c>
      <c r="E2315" s="6" t="s">
        <v>295</v>
      </c>
      <c r="F2315" s="11">
        <v>-16</v>
      </c>
      <c r="G2315" s="13">
        <v>-0.14814814814800001</v>
      </c>
      <c r="H2315" s="11">
        <v>-22.765960344099994</v>
      </c>
      <c r="I2315" s="13">
        <v>-0.21164795983557799</v>
      </c>
      <c r="J2315" s="11">
        <v>-13.522022013699996</v>
      </c>
      <c r="K2315" s="13">
        <v>-0.1594591901962201</v>
      </c>
      <c r="L2315" s="11">
        <v>20.5151730531</v>
      </c>
      <c r="M2315" s="13">
        <v>0.28782220518807944</v>
      </c>
      <c r="N2315" s="11">
        <v>6.9931510394000043</v>
      </c>
      <c r="O2315" s="13">
        <v>8.2467119232077904E-2</v>
      </c>
      <c r="P2315" s="7">
        <v>107.56522463899999</v>
      </c>
      <c r="Q2315" s="7">
        <v>102.191897111</v>
      </c>
      <c r="R2315" s="7">
        <v>94.558787441800007</v>
      </c>
      <c r="S2315" s="7">
        <v>91.955136607900002</v>
      </c>
      <c r="T2315" s="7">
        <v>90.939453785400005</v>
      </c>
      <c r="U2315" s="7">
        <v>84.831562229900001</v>
      </c>
      <c r="V2315" s="7">
        <v>84.799264294899999</v>
      </c>
      <c r="W2315" s="7">
        <v>86.057589451699997</v>
      </c>
      <c r="X2315" s="7">
        <v>63.378392117399997</v>
      </c>
      <c r="Y2315" s="7">
        <v>71.277242281200003</v>
      </c>
      <c r="Z2315" s="7">
        <v>75.015464578299998</v>
      </c>
      <c r="AA2315" s="7">
        <v>68.191932770199998</v>
      </c>
      <c r="AB2315" s="7">
        <v>67.711284892099997</v>
      </c>
      <c r="AC2315" s="7">
        <v>78.998749000000004</v>
      </c>
      <c r="AD2315" s="7">
        <v>86.725505999999996</v>
      </c>
      <c r="AE2315" s="7">
        <v>86.697579000000005</v>
      </c>
      <c r="AF2315" s="7">
        <v>91.792415334300003</v>
      </c>
      <c r="AG2315" s="9">
        <v>3872.3143159000028</v>
      </c>
      <c r="AH2315" s="13">
        <v>0.1631660298860228</v>
      </c>
      <c r="AI2315" s="9">
        <v>907.20139990000098</v>
      </c>
      <c r="AJ2315" s="13">
        <v>3.8226352163853582E-2</v>
      </c>
      <c r="AK2315" s="9">
        <v>690.63080239999908</v>
      </c>
      <c r="AL2315" s="13">
        <v>2.8029350929324973E-2</v>
      </c>
      <c r="AM2315" s="9">
        <v>2274.4821136000028</v>
      </c>
      <c r="AN2315" s="13">
        <v>8.9793336365539766E-2</v>
      </c>
      <c r="AO2315" s="9">
        <v>2965.1129160000019</v>
      </c>
      <c r="AP2315" s="13">
        <v>0.12033953623096937</v>
      </c>
      <c r="AQ2315" s="9">
        <v>23732.356046199999</v>
      </c>
      <c r="AR2315" s="9">
        <v>25114.732594900001</v>
      </c>
      <c r="AS2315" s="9">
        <v>25731.174360699999</v>
      </c>
      <c r="AT2315" s="9">
        <v>25627.309985299999</v>
      </c>
      <c r="AU2315" s="9">
        <v>24289.6125737</v>
      </c>
      <c r="AV2315" s="9">
        <v>24900.115433300001</v>
      </c>
      <c r="AW2315" s="9">
        <v>24639.5574461</v>
      </c>
      <c r="AX2315" s="9">
        <v>25784.8078332</v>
      </c>
      <c r="AY2315" s="9">
        <v>25321.420796800001</v>
      </c>
      <c r="AZ2315" s="9">
        <v>25330.188248499999</v>
      </c>
      <c r="BA2315" s="9">
        <v>23899.866310900001</v>
      </c>
      <c r="BB2315" s="9">
        <v>27883.127931499999</v>
      </c>
      <c r="BC2315" s="9">
        <v>27239.259189</v>
      </c>
      <c r="BD2315" s="9">
        <v>29673.464532599999</v>
      </c>
      <c r="BE2315" s="9">
        <v>27819.533297000002</v>
      </c>
      <c r="BF2315" s="9">
        <v>27604.670362100002</v>
      </c>
      <c r="BG2315" s="11">
        <v>-1.75</v>
      </c>
      <c r="BH2315" s="13">
        <v>-0.19444444444444445</v>
      </c>
      <c r="BI2315" s="6">
        <v>-1</v>
      </c>
      <c r="BJ2315" s="13">
        <v>-0.1111111111111111</v>
      </c>
      <c r="BK2315" s="6">
        <v>-2</v>
      </c>
      <c r="BL2315" s="13">
        <v>-0.25</v>
      </c>
      <c r="BM2315" s="11">
        <v>1.25</v>
      </c>
      <c r="BN2315" s="13">
        <v>0.20833333333333334</v>
      </c>
      <c r="BO2315" s="11">
        <v>-0.75</v>
      </c>
      <c r="BP2315" s="13">
        <v>-9.375E-2</v>
      </c>
      <c r="BQ2315" s="6">
        <v>9</v>
      </c>
      <c r="BR2315" s="6">
        <v>10</v>
      </c>
      <c r="BS2315" s="6">
        <v>9</v>
      </c>
      <c r="BT2315" s="6">
        <v>8</v>
      </c>
      <c r="BU2315" s="6">
        <v>9</v>
      </c>
      <c r="BV2315" s="6">
        <v>8</v>
      </c>
      <c r="BW2315" s="6">
        <v>6</v>
      </c>
      <c r="BX2315" s="6">
        <v>5</v>
      </c>
      <c r="BY2315" s="6">
        <v>5</v>
      </c>
      <c r="BZ2315" s="6">
        <v>6</v>
      </c>
      <c r="CA2315" s="6">
        <v>7</v>
      </c>
      <c r="CB2315" s="6">
        <v>8</v>
      </c>
      <c r="CC2315" s="11">
        <v>7.25</v>
      </c>
      <c r="CD2315" s="11">
        <v>5.4152199999999997</v>
      </c>
      <c r="CE2315" s="11">
        <v>-32.946199999999997</v>
      </c>
      <c r="CF2315" s="11">
        <v>11.7582</v>
      </c>
      <c r="CG2315" s="11">
        <v>-21</v>
      </c>
      <c r="CH2315" s="20">
        <v>0.46310099999999998</v>
      </c>
      <c r="CI2315" s="20">
        <v>0.46326099999999998</v>
      </c>
      <c r="CJ2315" s="20">
        <v>0.45183899999999999</v>
      </c>
      <c r="CK2315" s="20">
        <v>0.46196100000000001</v>
      </c>
      <c r="CL2315" s="20">
        <v>0.47028599999999998</v>
      </c>
      <c r="CM2315" s="20">
        <v>0.43893799999999999</v>
      </c>
      <c r="CN2315" s="20">
        <v>0.45089899999999999</v>
      </c>
      <c r="CO2315" s="20">
        <v>0.48943900000000001</v>
      </c>
      <c r="CP2315" s="20">
        <v>0.39640999999999998</v>
      </c>
      <c r="CQ2315" s="20">
        <v>0.43506099999999998</v>
      </c>
      <c r="CR2315" s="20">
        <v>0.45849000000000001</v>
      </c>
      <c r="CS2315" s="20">
        <v>0.42002899999999999</v>
      </c>
      <c r="CT2315" s="20">
        <v>0.41662199999999999</v>
      </c>
      <c r="CU2315" s="20">
        <v>0.49240299999999998</v>
      </c>
      <c r="CV2315" s="20">
        <v>0.56915099999999996</v>
      </c>
      <c r="CW2315" s="20">
        <v>0.57899500000000004</v>
      </c>
      <c r="CX2315" s="20">
        <v>0.60196099999999997</v>
      </c>
      <c r="CY2315" s="6" t="s">
        <v>725</v>
      </c>
      <c r="CZ2315" s="6" t="s">
        <v>726</v>
      </c>
      <c r="DA2315" s="6" t="s">
        <v>154</v>
      </c>
      <c r="DB2315" s="6" t="s">
        <v>345</v>
      </c>
      <c r="DC2315" s="6"/>
      <c r="DD2315" s="6"/>
      <c r="DE2315" s="6"/>
      <c r="DF2315" s="6"/>
      <c r="DG2315" s="6"/>
      <c r="DH2315" s="6" t="s">
        <v>333</v>
      </c>
      <c r="DI2315" s="6"/>
      <c r="DJ2315" s="6"/>
      <c r="DK2315" s="6"/>
      <c r="DL2315" s="6">
        <v>11</v>
      </c>
      <c r="DM2315" s="6" t="s">
        <v>520</v>
      </c>
      <c r="DN2315" s="6">
        <v>7</v>
      </c>
      <c r="DO2315" s="6" t="s">
        <v>369</v>
      </c>
      <c r="DP2315" s="6"/>
      <c r="DQ2315" s="6"/>
    </row>
    <row r="2316" spans="1:121" x14ac:dyDescent="0.2">
      <c r="A2316" s="6" t="s">
        <v>315</v>
      </c>
      <c r="B2316" s="6" t="s">
        <v>315</v>
      </c>
      <c r="C2316" s="6" t="s">
        <v>184</v>
      </c>
      <c r="D2316" s="6" t="s">
        <v>154</v>
      </c>
      <c r="E2316" s="6" t="s">
        <v>295</v>
      </c>
      <c r="F2316" s="11">
        <v>122</v>
      </c>
      <c r="G2316" s="13">
        <v>0.36</v>
      </c>
      <c r="H2316" s="11">
        <v>-15</v>
      </c>
      <c r="I2316" s="13">
        <v>-4.4117647058823539E-2</v>
      </c>
      <c r="J2316" s="11">
        <v>50</v>
      </c>
      <c r="K2316" s="13">
        <v>0.15384615384615383</v>
      </c>
      <c r="L2316" s="11">
        <v>87</v>
      </c>
      <c r="M2316" s="13">
        <v>0.23200000000000001</v>
      </c>
      <c r="N2316" s="11">
        <v>137</v>
      </c>
      <c r="O2316" s="13">
        <v>0.42153846153846153</v>
      </c>
      <c r="P2316" s="7">
        <v>340</v>
      </c>
      <c r="Q2316" s="7">
        <v>336</v>
      </c>
      <c r="R2316" s="7">
        <v>349</v>
      </c>
      <c r="S2316" s="7">
        <v>344</v>
      </c>
      <c r="T2316" s="7">
        <v>325</v>
      </c>
      <c r="U2316" s="7">
        <v>321</v>
      </c>
      <c r="V2316" s="7">
        <v>325</v>
      </c>
      <c r="W2316" s="7">
        <v>327</v>
      </c>
      <c r="X2316" s="7">
        <v>361</v>
      </c>
      <c r="Y2316" s="7">
        <v>375</v>
      </c>
      <c r="Z2316" s="7">
        <v>385</v>
      </c>
      <c r="AA2316" s="7">
        <v>396</v>
      </c>
      <c r="AB2316" s="7">
        <v>445</v>
      </c>
      <c r="AC2316" s="7">
        <v>441</v>
      </c>
      <c r="AD2316" s="7">
        <v>452</v>
      </c>
      <c r="AE2316" s="7">
        <v>445</v>
      </c>
      <c r="AF2316" s="7">
        <v>462</v>
      </c>
      <c r="AG2316" s="9">
        <v>14554</v>
      </c>
      <c r="AH2316" s="13">
        <v>0.44415283203125</v>
      </c>
      <c r="AI2316" s="9">
        <v>7726</v>
      </c>
      <c r="AJ2316" s="13">
        <v>0.23577880859375</v>
      </c>
      <c r="AK2316" s="9">
        <v>2879</v>
      </c>
      <c r="AL2316" s="13">
        <v>7.1096952634958271E-2</v>
      </c>
      <c r="AM2316" s="9">
        <v>3949</v>
      </c>
      <c r="AN2316" s="13">
        <v>9.1047425817905148E-2</v>
      </c>
      <c r="AO2316" s="9">
        <v>6828</v>
      </c>
      <c r="AP2316" s="13">
        <v>0.16861757297377389</v>
      </c>
      <c r="AQ2316" s="9">
        <v>32768</v>
      </c>
      <c r="AR2316" s="9">
        <v>34853</v>
      </c>
      <c r="AS2316" s="9">
        <v>33560</v>
      </c>
      <c r="AT2316" s="9">
        <v>35814</v>
      </c>
      <c r="AU2316" s="9">
        <v>37647</v>
      </c>
      <c r="AV2316" s="9">
        <v>39239</v>
      </c>
      <c r="AW2316" s="9">
        <v>40494</v>
      </c>
      <c r="AX2316" s="9">
        <v>44500</v>
      </c>
      <c r="AY2316" s="9">
        <v>43397</v>
      </c>
      <c r="AZ2316" s="9">
        <v>43373</v>
      </c>
      <c r="BA2316" s="9">
        <v>42651</v>
      </c>
      <c r="BB2316" s="9">
        <v>45245</v>
      </c>
      <c r="BC2316" s="9">
        <v>43383</v>
      </c>
      <c r="BD2316" s="9">
        <v>44823</v>
      </c>
      <c r="BE2316" s="9">
        <v>45746</v>
      </c>
      <c r="BF2316" s="9">
        <v>47322</v>
      </c>
      <c r="BG2316" s="11">
        <v>-8</v>
      </c>
      <c r="BH2316" s="13">
        <v>-0.18181818181818182</v>
      </c>
      <c r="BI2316" s="6">
        <v>-8</v>
      </c>
      <c r="BJ2316" s="13">
        <v>-0.18181818181818182</v>
      </c>
      <c r="BK2316" s="6">
        <v>-1</v>
      </c>
      <c r="BL2316" s="13">
        <v>-2.7777777777777776E-2</v>
      </c>
      <c r="BM2316" s="11">
        <v>1</v>
      </c>
      <c r="BN2316" s="13">
        <v>2.8571428571428571E-2</v>
      </c>
      <c r="BO2316" s="11">
        <v>0</v>
      </c>
      <c r="BP2316" s="13">
        <v>0</v>
      </c>
      <c r="BQ2316" s="6">
        <v>44</v>
      </c>
      <c r="BR2316" s="6">
        <v>39</v>
      </c>
      <c r="BS2316" s="6">
        <v>35</v>
      </c>
      <c r="BT2316" s="6">
        <v>36</v>
      </c>
      <c r="BU2316" s="6">
        <v>34</v>
      </c>
      <c r="BV2316" s="6">
        <v>34</v>
      </c>
      <c r="BW2316" s="6">
        <v>35</v>
      </c>
      <c r="BX2316" s="6">
        <v>34</v>
      </c>
      <c r="BY2316" s="6">
        <v>34</v>
      </c>
      <c r="BZ2316" s="6">
        <v>35</v>
      </c>
      <c r="CA2316" s="6">
        <v>36</v>
      </c>
      <c r="CB2316" s="6">
        <v>36</v>
      </c>
      <c r="CC2316" s="11">
        <v>36</v>
      </c>
      <c r="CD2316" s="11">
        <v>112</v>
      </c>
      <c r="CE2316" s="11">
        <v>-27</v>
      </c>
      <c r="CF2316" s="11">
        <v>37</v>
      </c>
      <c r="CG2316" s="11">
        <v>10</v>
      </c>
      <c r="CH2316" s="20">
        <v>0.9</v>
      </c>
      <c r="CI2316" s="20">
        <v>0.89</v>
      </c>
      <c r="CJ2316" s="20">
        <v>0.9</v>
      </c>
      <c r="CK2316" s="20">
        <v>0.91</v>
      </c>
      <c r="CL2316" s="20">
        <v>0.86</v>
      </c>
      <c r="CM2316" s="20">
        <v>0.83</v>
      </c>
      <c r="CN2316" s="20">
        <v>0.86</v>
      </c>
      <c r="CO2316" s="20">
        <v>0.94</v>
      </c>
      <c r="CP2316" s="20">
        <v>1.1200000000000001</v>
      </c>
      <c r="CQ2316" s="20">
        <v>1.1200000000000001</v>
      </c>
      <c r="CR2316" s="20">
        <v>1.1299999999999999</v>
      </c>
      <c r="CS2316" s="20">
        <v>1.1599999999999999</v>
      </c>
      <c r="CT2316" s="20">
        <v>1.31</v>
      </c>
      <c r="CU2316" s="20">
        <v>1.33</v>
      </c>
      <c r="CV2316" s="20">
        <v>1.42</v>
      </c>
      <c r="CW2316" s="20">
        <v>1.43</v>
      </c>
      <c r="CX2316" s="20">
        <v>1.45</v>
      </c>
      <c r="CY2316" s="6" t="s">
        <v>725</v>
      </c>
      <c r="CZ2316" s="6" t="s">
        <v>726</v>
      </c>
      <c r="DA2316" s="6" t="s">
        <v>154</v>
      </c>
      <c r="DB2316" s="6" t="s">
        <v>345</v>
      </c>
      <c r="DC2316" s="6"/>
      <c r="DD2316" s="6"/>
      <c r="DE2316" s="6"/>
      <c r="DF2316" s="6"/>
      <c r="DG2316" s="6"/>
      <c r="DH2316" s="6" t="s">
        <v>333</v>
      </c>
      <c r="DI2316" s="6"/>
      <c r="DJ2316" s="6"/>
      <c r="DK2316" s="6"/>
      <c r="DL2316" s="6">
        <v>11</v>
      </c>
      <c r="DM2316" s="6" t="s">
        <v>520</v>
      </c>
      <c r="DN2316" s="6">
        <v>7</v>
      </c>
      <c r="DO2316" s="6" t="s">
        <v>369</v>
      </c>
      <c r="DP2316" s="6"/>
      <c r="DQ2316" s="6"/>
    </row>
    <row r="2317" spans="1:121" x14ac:dyDescent="0.2">
      <c r="A2317" s="6" t="s">
        <v>316</v>
      </c>
      <c r="B2317" s="6" t="s">
        <v>316</v>
      </c>
      <c r="C2317" s="6" t="s">
        <v>185</v>
      </c>
      <c r="D2317" s="6" t="s">
        <v>154</v>
      </c>
      <c r="E2317" s="6" t="s">
        <v>295</v>
      </c>
      <c r="F2317" s="11">
        <v>-33</v>
      </c>
      <c r="G2317" s="13">
        <v>-0.41</v>
      </c>
      <c r="H2317" s="11">
        <v>-30</v>
      </c>
      <c r="I2317" s="13">
        <v>-0.375</v>
      </c>
      <c r="J2317" s="11">
        <v>-14</v>
      </c>
      <c r="K2317" s="13">
        <v>-0.28000000000000003</v>
      </c>
      <c r="L2317" s="11">
        <v>11</v>
      </c>
      <c r="M2317" s="13">
        <v>0.30555555555555558</v>
      </c>
      <c r="N2317" s="11">
        <v>-3</v>
      </c>
      <c r="O2317" s="13">
        <v>-0.06</v>
      </c>
      <c r="P2317" s="7">
        <v>80</v>
      </c>
      <c r="Q2317" s="7">
        <v>62</v>
      </c>
      <c r="R2317" s="7">
        <v>50</v>
      </c>
      <c r="S2317" s="7">
        <v>62</v>
      </c>
      <c r="T2317" s="7">
        <v>57</v>
      </c>
      <c r="U2317" s="7">
        <v>49</v>
      </c>
      <c r="V2317" s="7">
        <v>50</v>
      </c>
      <c r="W2317" s="7">
        <v>50</v>
      </c>
      <c r="X2317" s="7">
        <v>41</v>
      </c>
      <c r="Y2317" s="7">
        <v>36</v>
      </c>
      <c r="Z2317" s="7">
        <v>33</v>
      </c>
      <c r="AA2317" s="7">
        <v>37</v>
      </c>
      <c r="AB2317" s="7">
        <v>35</v>
      </c>
      <c r="AC2317" s="7">
        <v>36</v>
      </c>
      <c r="AD2317" s="7">
        <v>42</v>
      </c>
      <c r="AE2317" s="7">
        <v>45</v>
      </c>
      <c r="AF2317" s="7">
        <v>47</v>
      </c>
      <c r="AG2317" s="9">
        <v>10837</v>
      </c>
      <c r="AH2317" s="13">
        <v>0.58160253314012778</v>
      </c>
      <c r="AI2317" s="9">
        <v>2585</v>
      </c>
      <c r="AJ2317" s="13">
        <v>0.1387323565716739</v>
      </c>
      <c r="AK2317" s="9">
        <v>4503</v>
      </c>
      <c r="AL2317" s="13">
        <v>0.2122254689414648</v>
      </c>
      <c r="AM2317" s="9">
        <v>3749</v>
      </c>
      <c r="AN2317" s="13">
        <v>0.14575638583258815</v>
      </c>
      <c r="AO2317" s="9">
        <v>8252</v>
      </c>
      <c r="AP2317" s="13">
        <v>0.38891507210858706</v>
      </c>
      <c r="AQ2317" s="9">
        <v>18633</v>
      </c>
      <c r="AR2317" s="9">
        <v>19775</v>
      </c>
      <c r="AS2317" s="9">
        <v>20585</v>
      </c>
      <c r="AT2317" s="9">
        <v>18607</v>
      </c>
      <c r="AU2317" s="9">
        <v>20806</v>
      </c>
      <c r="AV2317" s="9">
        <v>21933</v>
      </c>
      <c r="AW2317" s="9">
        <v>21218</v>
      </c>
      <c r="AX2317" s="9">
        <v>23299</v>
      </c>
      <c r="AY2317" s="9">
        <v>23079</v>
      </c>
      <c r="AZ2317" s="9">
        <v>25721</v>
      </c>
      <c r="BA2317" s="9">
        <v>26687</v>
      </c>
      <c r="BB2317" s="9">
        <v>25889</v>
      </c>
      <c r="BC2317" s="9">
        <v>27587</v>
      </c>
      <c r="BD2317" s="9">
        <v>27803</v>
      </c>
      <c r="BE2317" s="9">
        <v>29152</v>
      </c>
      <c r="BF2317" s="9">
        <v>29470</v>
      </c>
      <c r="BG2317" s="11">
        <v>-8</v>
      </c>
      <c r="BH2317" s="13">
        <v>-0.44444444444444442</v>
      </c>
      <c r="BI2317" s="6">
        <v>-2</v>
      </c>
      <c r="BJ2317" s="13">
        <v>-0.1111111111111111</v>
      </c>
      <c r="BK2317" s="6">
        <v>-8</v>
      </c>
      <c r="BL2317" s="13">
        <v>-0.5</v>
      </c>
      <c r="BM2317" s="11">
        <v>2</v>
      </c>
      <c r="BN2317" s="13">
        <v>0.25</v>
      </c>
      <c r="BO2317" s="11">
        <v>-6</v>
      </c>
      <c r="BP2317" s="13">
        <v>-0.375</v>
      </c>
      <c r="BQ2317" s="6">
        <v>18</v>
      </c>
      <c r="BR2317" s="6">
        <v>16</v>
      </c>
      <c r="BS2317" s="6">
        <v>15</v>
      </c>
      <c r="BT2317" s="6">
        <v>16</v>
      </c>
      <c r="BU2317" s="6">
        <v>14</v>
      </c>
      <c r="BV2317" s="6">
        <v>11</v>
      </c>
      <c r="BW2317" s="6">
        <v>8</v>
      </c>
      <c r="BX2317" s="6">
        <v>8</v>
      </c>
      <c r="BY2317" s="6">
        <v>9</v>
      </c>
      <c r="BZ2317" s="6">
        <v>8</v>
      </c>
      <c r="CA2317" s="6">
        <v>8</v>
      </c>
      <c r="CB2317" s="6">
        <v>10</v>
      </c>
      <c r="CC2317" s="11">
        <v>10</v>
      </c>
      <c r="CD2317" s="11">
        <v>-38</v>
      </c>
      <c r="CE2317" s="11">
        <v>-4</v>
      </c>
      <c r="CF2317" s="11">
        <v>9</v>
      </c>
      <c r="CG2317" s="11">
        <v>5</v>
      </c>
      <c r="CH2317" s="20">
        <v>0.52</v>
      </c>
      <c r="CI2317" s="20">
        <v>0.4</v>
      </c>
      <c r="CJ2317" s="20">
        <v>0.31</v>
      </c>
      <c r="CK2317" s="20">
        <v>0.39</v>
      </c>
      <c r="CL2317" s="20">
        <v>0.35</v>
      </c>
      <c r="CM2317" s="20">
        <v>0.3</v>
      </c>
      <c r="CN2317" s="20">
        <v>0.31</v>
      </c>
      <c r="CO2317" s="20">
        <v>0.34</v>
      </c>
      <c r="CP2317" s="20">
        <v>0.3</v>
      </c>
      <c r="CQ2317" s="20">
        <v>0.26</v>
      </c>
      <c r="CR2317" s="20">
        <v>0.24</v>
      </c>
      <c r="CS2317" s="20">
        <v>0.27</v>
      </c>
      <c r="CT2317" s="20">
        <v>0.25</v>
      </c>
      <c r="CU2317" s="20">
        <v>0.26</v>
      </c>
      <c r="CV2317" s="20">
        <v>0.31</v>
      </c>
      <c r="CW2317" s="20">
        <v>0.34</v>
      </c>
      <c r="CX2317" s="20">
        <v>0.35</v>
      </c>
      <c r="CY2317" s="6" t="s">
        <v>725</v>
      </c>
      <c r="CZ2317" s="6" t="s">
        <v>726</v>
      </c>
      <c r="DA2317" s="6" t="s">
        <v>154</v>
      </c>
      <c r="DB2317" s="6" t="s">
        <v>345</v>
      </c>
      <c r="DC2317" s="6"/>
      <c r="DD2317" s="6"/>
      <c r="DE2317" s="6"/>
      <c r="DF2317" s="6"/>
      <c r="DG2317" s="6"/>
      <c r="DH2317" s="6" t="s">
        <v>333</v>
      </c>
      <c r="DI2317" s="6"/>
      <c r="DJ2317" s="6"/>
      <c r="DK2317" s="6"/>
      <c r="DL2317" s="6">
        <v>11</v>
      </c>
      <c r="DM2317" s="6" t="s">
        <v>520</v>
      </c>
      <c r="DN2317" s="6">
        <v>7</v>
      </c>
      <c r="DO2317" s="6" t="s">
        <v>369</v>
      </c>
      <c r="DP2317" s="6"/>
      <c r="DQ2317" s="6"/>
    </row>
    <row r="2318" spans="1:121" x14ac:dyDescent="0.2">
      <c r="A2318" s="6" t="s">
        <v>317</v>
      </c>
      <c r="B2318" s="6" t="s">
        <v>317</v>
      </c>
      <c r="C2318" s="6" t="s">
        <v>186</v>
      </c>
      <c r="D2318" s="6" t="s">
        <v>154</v>
      </c>
      <c r="E2318" s="6" t="s">
        <v>295</v>
      </c>
      <c r="F2318" s="11">
        <v>44</v>
      </c>
      <c r="G2318" s="13">
        <v>0.37</v>
      </c>
      <c r="H2318" s="11">
        <v>124</v>
      </c>
      <c r="I2318" s="13">
        <v>1.0333333333333334</v>
      </c>
      <c r="J2318" s="11">
        <v>-68</v>
      </c>
      <c r="K2318" s="13">
        <v>-0.27868852459016391</v>
      </c>
      <c r="L2318" s="11">
        <v>-12</v>
      </c>
      <c r="M2318" s="13">
        <v>-6.8181818181818177E-2</v>
      </c>
      <c r="N2318" s="11">
        <v>-80</v>
      </c>
      <c r="O2318" s="13">
        <v>-0.32786885245901637</v>
      </c>
      <c r="P2318" s="7">
        <v>120</v>
      </c>
      <c r="Q2318" s="7">
        <v>122</v>
      </c>
      <c r="R2318" s="7">
        <v>125</v>
      </c>
      <c r="S2318" s="7">
        <v>165</v>
      </c>
      <c r="T2318" s="7">
        <v>224</v>
      </c>
      <c r="U2318" s="7">
        <v>253</v>
      </c>
      <c r="V2318" s="7">
        <v>244</v>
      </c>
      <c r="W2318" s="7">
        <v>223</v>
      </c>
      <c r="X2318" s="7">
        <v>193</v>
      </c>
      <c r="Y2318" s="7">
        <v>176</v>
      </c>
      <c r="Z2318" s="7">
        <v>187</v>
      </c>
      <c r="AA2318" s="7">
        <v>145</v>
      </c>
      <c r="AB2318" s="7">
        <v>142</v>
      </c>
      <c r="AC2318" s="7">
        <v>151</v>
      </c>
      <c r="AD2318" s="7">
        <v>162</v>
      </c>
      <c r="AE2318" s="7">
        <v>160</v>
      </c>
      <c r="AF2318" s="7">
        <v>164</v>
      </c>
      <c r="AG2318" s="9">
        <v>11383</v>
      </c>
      <c r="AH2318" s="13">
        <v>0.39479069122186383</v>
      </c>
      <c r="AI2318" s="9">
        <v>-567</v>
      </c>
      <c r="AJ2318" s="13">
        <v>-1.9664967225054623E-2</v>
      </c>
      <c r="AK2318" s="9">
        <v>3642</v>
      </c>
      <c r="AL2318" s="13">
        <v>0.12884737847590744</v>
      </c>
      <c r="AM2318" s="9">
        <v>8308</v>
      </c>
      <c r="AN2318" s="13">
        <v>0.2603735740253228</v>
      </c>
      <c r="AO2318" s="9">
        <v>11950</v>
      </c>
      <c r="AP2318" s="13">
        <v>0.42276940493879567</v>
      </c>
      <c r="AQ2318" s="9">
        <v>28833</v>
      </c>
      <c r="AR2318" s="9">
        <v>29011</v>
      </c>
      <c r="AS2318" s="9">
        <v>31437</v>
      </c>
      <c r="AT2318" s="9">
        <v>30703</v>
      </c>
      <c r="AU2318" s="9">
        <v>26549</v>
      </c>
      <c r="AV2318" s="9">
        <v>25738</v>
      </c>
      <c r="AW2318" s="9">
        <v>28266</v>
      </c>
      <c r="AX2318" s="9">
        <v>30407</v>
      </c>
      <c r="AY2318" s="9">
        <v>31485</v>
      </c>
      <c r="AZ2318" s="9">
        <v>31908</v>
      </c>
      <c r="BA2318" s="9">
        <v>32102</v>
      </c>
      <c r="BB2318" s="9">
        <v>35073</v>
      </c>
      <c r="BC2318" s="9">
        <v>39663</v>
      </c>
      <c r="BD2318" s="9">
        <v>41472</v>
      </c>
      <c r="BE2318" s="9">
        <v>38923</v>
      </c>
      <c r="BF2318" s="9">
        <v>40216</v>
      </c>
      <c r="BG2318" s="11">
        <v>0</v>
      </c>
      <c r="BH2318" s="13">
        <v>0</v>
      </c>
      <c r="BI2318" s="6">
        <v>-2</v>
      </c>
      <c r="BJ2318" s="13">
        <v>-5.7142857142857141E-2</v>
      </c>
      <c r="BK2318" s="6">
        <v>1</v>
      </c>
      <c r="BL2318" s="13">
        <v>3.0303030303030304E-2</v>
      </c>
      <c r="BM2318" s="11">
        <v>1</v>
      </c>
      <c r="BN2318" s="13">
        <v>2.9411764705882353E-2</v>
      </c>
      <c r="BO2318" s="11">
        <v>2</v>
      </c>
      <c r="BP2318" s="13">
        <v>6.0606060606060608E-2</v>
      </c>
      <c r="BQ2318" s="6">
        <v>35</v>
      </c>
      <c r="BR2318" s="6">
        <v>35</v>
      </c>
      <c r="BS2318" s="6">
        <v>34</v>
      </c>
      <c r="BT2318" s="6">
        <v>33</v>
      </c>
      <c r="BU2318" s="6">
        <v>35</v>
      </c>
      <c r="BV2318" s="6">
        <v>34</v>
      </c>
      <c r="BW2318" s="6">
        <v>34</v>
      </c>
      <c r="BX2318" s="6">
        <v>33</v>
      </c>
      <c r="BY2318" s="6">
        <v>32</v>
      </c>
      <c r="BZ2318" s="6">
        <v>32</v>
      </c>
      <c r="CA2318" s="6">
        <v>35</v>
      </c>
      <c r="CB2318" s="6">
        <v>36</v>
      </c>
      <c r="CC2318" s="11">
        <v>35</v>
      </c>
      <c r="CD2318" s="11">
        <v>8</v>
      </c>
      <c r="CE2318" s="11">
        <v>24</v>
      </c>
      <c r="CF2318" s="11">
        <v>13</v>
      </c>
      <c r="CG2318" s="11">
        <v>37</v>
      </c>
      <c r="CH2318" s="20">
        <v>0.24</v>
      </c>
      <c r="CI2318" s="20">
        <v>0.25</v>
      </c>
      <c r="CJ2318" s="20">
        <v>0.26</v>
      </c>
      <c r="CK2318" s="20">
        <v>0.34</v>
      </c>
      <c r="CL2318" s="20">
        <v>0.45</v>
      </c>
      <c r="CM2318" s="20">
        <v>0.49</v>
      </c>
      <c r="CN2318" s="20">
        <v>0.47</v>
      </c>
      <c r="CO2318" s="20">
        <v>0.44</v>
      </c>
      <c r="CP2318" s="20">
        <v>0.41</v>
      </c>
      <c r="CQ2318" s="20">
        <v>0.35</v>
      </c>
      <c r="CR2318" s="20">
        <v>0.36</v>
      </c>
      <c r="CS2318" s="20">
        <v>0.28000000000000003</v>
      </c>
      <c r="CT2318" s="20">
        <v>0.27</v>
      </c>
      <c r="CU2318" s="20">
        <v>0.28000000000000003</v>
      </c>
      <c r="CV2318" s="20">
        <v>0.31</v>
      </c>
      <c r="CW2318" s="20">
        <v>0.31</v>
      </c>
      <c r="CX2318" s="20">
        <v>0.31</v>
      </c>
      <c r="CY2318" s="6" t="s">
        <v>725</v>
      </c>
      <c r="CZ2318" s="6" t="s">
        <v>726</v>
      </c>
      <c r="DA2318" s="6" t="s">
        <v>154</v>
      </c>
      <c r="DB2318" s="6" t="s">
        <v>345</v>
      </c>
      <c r="DC2318" s="6"/>
      <c r="DD2318" s="6"/>
      <c r="DE2318" s="6"/>
      <c r="DF2318" s="6"/>
      <c r="DG2318" s="6"/>
      <c r="DH2318" s="6" t="s">
        <v>333</v>
      </c>
      <c r="DI2318" s="6"/>
      <c r="DJ2318" s="6"/>
      <c r="DK2318" s="6"/>
      <c r="DL2318" s="6">
        <v>11</v>
      </c>
      <c r="DM2318" s="6" t="s">
        <v>520</v>
      </c>
      <c r="DN2318" s="6">
        <v>7</v>
      </c>
      <c r="DO2318" s="6" t="s">
        <v>369</v>
      </c>
      <c r="DP2318" s="6"/>
      <c r="DQ2318" s="6"/>
    </row>
    <row r="2319" spans="1:121" x14ac:dyDescent="0.2">
      <c r="A2319" s="6" t="s">
        <v>318</v>
      </c>
      <c r="B2319" s="6" t="s">
        <v>318</v>
      </c>
      <c r="C2319" s="6" t="s">
        <v>187</v>
      </c>
      <c r="D2319" s="6" t="s">
        <v>154</v>
      </c>
      <c r="E2319" s="6" t="s">
        <v>295</v>
      </c>
      <c r="F2319" s="11">
        <v>-60</v>
      </c>
      <c r="G2319" s="13">
        <v>-0.8</v>
      </c>
      <c r="H2319" s="11">
        <v>-54.939689999999999</v>
      </c>
      <c r="I2319" s="13">
        <v>-0.73243719612233771</v>
      </c>
      <c r="J2319" s="11">
        <v>33.727720000000005</v>
      </c>
      <c r="K2319" s="13">
        <v>1.6805267594269202</v>
      </c>
      <c r="L2319" s="11">
        <v>-38.4671134763</v>
      </c>
      <c r="M2319" s="13">
        <v>-0.71503598704518545</v>
      </c>
      <c r="N2319" s="11">
        <v>-4.7393934763000001</v>
      </c>
      <c r="O2319" s="13">
        <v>-0.23614633780094013</v>
      </c>
      <c r="P2319" s="7">
        <v>75.009421000000003</v>
      </c>
      <c r="Q2319" s="7">
        <v>59.579391000000001</v>
      </c>
      <c r="R2319" s="7">
        <v>56.767386999999999</v>
      </c>
      <c r="S2319" s="7">
        <v>28.875544000000001</v>
      </c>
      <c r="T2319" s="7">
        <v>17.977934000000001</v>
      </c>
      <c r="U2319" s="7">
        <v>24.116101</v>
      </c>
      <c r="V2319" s="7">
        <v>20.069731000000001</v>
      </c>
      <c r="W2319" s="7">
        <v>44.127847000000003</v>
      </c>
      <c r="X2319" s="7">
        <v>50.667126000000003</v>
      </c>
      <c r="Y2319" s="7">
        <v>53.797451000000002</v>
      </c>
      <c r="Z2319" s="7">
        <v>45.872674000000004</v>
      </c>
      <c r="AA2319" s="7">
        <v>53.023907000000001</v>
      </c>
      <c r="AB2319" s="7">
        <v>26.942775999999999</v>
      </c>
      <c r="AC2319" s="7">
        <v>21.157008000000001</v>
      </c>
      <c r="AD2319" s="7">
        <v>18.367128999999998</v>
      </c>
      <c r="AE2319" s="7">
        <v>18.26094325</v>
      </c>
      <c r="AF2319" s="7">
        <v>15.330337523700001</v>
      </c>
      <c r="AG2319" s="9">
        <v>-3996.6035921000002</v>
      </c>
      <c r="AH2319" s="13">
        <v>-7.1965926828224377E-2</v>
      </c>
      <c r="AI2319" s="9">
        <v>21173.669958300001</v>
      </c>
      <c r="AJ2319" s="13">
        <v>0.38126943235401656</v>
      </c>
      <c r="AK2319" s="9">
        <v>-26723.5042158</v>
      </c>
      <c r="AL2319" s="13">
        <v>-0.34837810586883389</v>
      </c>
      <c r="AM2319" s="9">
        <v>1553.2306653999985</v>
      </c>
      <c r="AN2319" s="13">
        <v>3.1074041105448619E-2</v>
      </c>
      <c r="AO2319" s="9">
        <v>-25170.273550400001</v>
      </c>
      <c r="AP2319" s="13">
        <v>-0.32812958034539175</v>
      </c>
      <c r="AQ2319" s="9">
        <v>55534.664364700002</v>
      </c>
      <c r="AR2319" s="9">
        <v>49280.827871599999</v>
      </c>
      <c r="AS2319" s="9">
        <v>50650.4777426</v>
      </c>
      <c r="AT2319" s="9">
        <v>47994.649568399996</v>
      </c>
      <c r="AU2319" s="9">
        <v>66208.500419499993</v>
      </c>
      <c r="AV2319" s="9">
        <v>56705.081023400002</v>
      </c>
      <c r="AW2319" s="9">
        <v>76708.334323000003</v>
      </c>
      <c r="AX2319" s="9">
        <v>54504.0886847</v>
      </c>
      <c r="AY2319" s="9">
        <v>49756.467164200003</v>
      </c>
      <c r="AZ2319" s="9">
        <v>49984.830107200003</v>
      </c>
      <c r="BA2319" s="9">
        <v>56652.192500700003</v>
      </c>
      <c r="BB2319" s="9">
        <v>51155.530665300001</v>
      </c>
      <c r="BC2319" s="9">
        <v>37769.784503700001</v>
      </c>
      <c r="BD2319" s="9">
        <v>53986.785572799999</v>
      </c>
      <c r="BE2319" s="9">
        <v>49973.813740799997</v>
      </c>
      <c r="BF2319" s="9">
        <v>51538.060772600002</v>
      </c>
      <c r="BG2319" s="11">
        <v>-2</v>
      </c>
      <c r="BH2319" s="13">
        <v>-0.5</v>
      </c>
      <c r="BI2319" s="6">
        <v>-1</v>
      </c>
      <c r="BJ2319" s="13">
        <v>-0.25</v>
      </c>
      <c r="BK2319" s="6">
        <v>-1</v>
      </c>
      <c r="BL2319" s="13">
        <v>-0.33333333333333331</v>
      </c>
      <c r="BM2319" s="11">
        <v>0</v>
      </c>
      <c r="BN2319" s="13">
        <v>0</v>
      </c>
      <c r="BO2319" s="11">
        <v>-1</v>
      </c>
      <c r="BP2319" s="13">
        <v>-0.33333333333333331</v>
      </c>
      <c r="BQ2319" s="6">
        <v>4</v>
      </c>
      <c r="BR2319" s="6">
        <v>4</v>
      </c>
      <c r="BS2319" s="6">
        <v>3</v>
      </c>
      <c r="BT2319" s="6">
        <v>3</v>
      </c>
      <c r="BU2319" s="6">
        <v>3</v>
      </c>
      <c r="BV2319" s="6">
        <v>2</v>
      </c>
      <c r="BW2319" s="6">
        <v>2</v>
      </c>
      <c r="BX2319" s="6">
        <v>2</v>
      </c>
      <c r="BY2319" s="6">
        <v>3</v>
      </c>
      <c r="BZ2319" s="6">
        <v>2</v>
      </c>
      <c r="CA2319" s="6">
        <v>2</v>
      </c>
      <c r="CB2319" s="6">
        <v>2</v>
      </c>
      <c r="CC2319" s="11">
        <v>2</v>
      </c>
      <c r="CD2319" s="11">
        <v>-83.938599999999994</v>
      </c>
      <c r="CE2319" s="11">
        <v>16.060099999999998</v>
      </c>
      <c r="CF2319" s="11">
        <v>8.1994299999999996</v>
      </c>
      <c r="CG2319" s="11">
        <v>24</v>
      </c>
      <c r="CH2319" s="20">
        <v>0.69580299999999995</v>
      </c>
      <c r="CI2319" s="20">
        <v>0.55626200000000003</v>
      </c>
      <c r="CJ2319" s="20">
        <v>0.54309099999999999</v>
      </c>
      <c r="CK2319" s="20">
        <v>0.27807100000000001</v>
      </c>
      <c r="CL2319" s="20">
        <v>0.17125399999999999</v>
      </c>
      <c r="CM2319" s="20">
        <v>0.22337699999999999</v>
      </c>
      <c r="CN2319" s="20">
        <v>0.184531</v>
      </c>
      <c r="CO2319" s="20">
        <v>0.414356</v>
      </c>
      <c r="CP2319" s="20">
        <v>0.50389600000000001</v>
      </c>
      <c r="CQ2319" s="20">
        <v>0.50277799999999995</v>
      </c>
      <c r="CR2319" s="20">
        <v>0.41164600000000001</v>
      </c>
      <c r="CS2319" s="20">
        <v>0.45926800000000001</v>
      </c>
      <c r="CT2319" s="20">
        <v>0.22567100000000001</v>
      </c>
      <c r="CU2319" s="20">
        <v>0.17630999999999999</v>
      </c>
      <c r="CV2319" s="20">
        <v>0.15937999999999999</v>
      </c>
      <c r="CW2319" s="20">
        <v>0.16164700000000001</v>
      </c>
      <c r="CX2319" s="20">
        <v>0.131434</v>
      </c>
      <c r="CY2319" s="6" t="s">
        <v>725</v>
      </c>
      <c r="CZ2319" s="6" t="s">
        <v>726</v>
      </c>
      <c r="DA2319" s="6" t="s">
        <v>154</v>
      </c>
      <c r="DB2319" s="6" t="s">
        <v>345</v>
      </c>
      <c r="DC2319" s="6"/>
      <c r="DD2319" s="6"/>
      <c r="DE2319" s="6"/>
      <c r="DF2319" s="6"/>
      <c r="DG2319" s="6"/>
      <c r="DH2319" s="6" t="s">
        <v>333</v>
      </c>
      <c r="DI2319" s="6"/>
      <c r="DJ2319" s="6"/>
      <c r="DK2319" s="6"/>
      <c r="DL2319" s="6">
        <v>11</v>
      </c>
      <c r="DM2319" s="6" t="s">
        <v>520</v>
      </c>
      <c r="DN2319" s="6">
        <v>7</v>
      </c>
      <c r="DO2319" s="6" t="s">
        <v>369</v>
      </c>
      <c r="DP2319" s="6"/>
      <c r="DQ2319" s="6"/>
    </row>
    <row r="2320" spans="1:121" x14ac:dyDescent="0.2">
      <c r="A2320" s="6" t="s">
        <v>319</v>
      </c>
      <c r="B2320" s="6" t="s">
        <v>319</v>
      </c>
      <c r="C2320" s="6" t="s">
        <v>188</v>
      </c>
      <c r="D2320" s="6" t="s">
        <v>154</v>
      </c>
      <c r="E2320" s="6" t="s">
        <v>295</v>
      </c>
      <c r="F2320" s="11">
        <v>31</v>
      </c>
      <c r="G2320" s="13">
        <v>0.32291666666699997</v>
      </c>
      <c r="H2320" s="11">
        <v>61.11588008939998</v>
      </c>
      <c r="I2320" s="13">
        <v>0.63402201720944684</v>
      </c>
      <c r="J2320" s="11">
        <v>-36.15288225099998</v>
      </c>
      <c r="K2320" s="13">
        <v>-0.22952779897466777</v>
      </c>
      <c r="L2320" s="11">
        <v>5.9241485489999945</v>
      </c>
      <c r="M2320" s="13">
        <v>4.8815903479636942E-2</v>
      </c>
      <c r="N2320" s="11">
        <v>-30.228733701999985</v>
      </c>
      <c r="O2320" s="13">
        <v>-0.19191650237567168</v>
      </c>
      <c r="P2320" s="7">
        <v>96.393939690600007</v>
      </c>
      <c r="Q2320" s="7">
        <v>102.685395767</v>
      </c>
      <c r="R2320" s="7">
        <v>94.708681676400005</v>
      </c>
      <c r="S2320" s="7">
        <v>110.031580421</v>
      </c>
      <c r="T2320" s="7">
        <v>125.358913554</v>
      </c>
      <c r="U2320" s="7">
        <v>144.22168759100001</v>
      </c>
      <c r="V2320" s="7">
        <v>157.50981977999999</v>
      </c>
      <c r="W2320" s="7">
        <v>131.89027947899999</v>
      </c>
      <c r="X2320" s="7">
        <v>132.50934753000001</v>
      </c>
      <c r="Y2320" s="7">
        <v>121.35693752900001</v>
      </c>
      <c r="Z2320" s="7">
        <v>128.50825949200001</v>
      </c>
      <c r="AA2320" s="7">
        <v>246.43293913700001</v>
      </c>
      <c r="AB2320" s="7">
        <v>214.344819062</v>
      </c>
      <c r="AC2320" s="7">
        <v>176.44866403099999</v>
      </c>
      <c r="AD2320" s="7">
        <v>150.917394954</v>
      </c>
      <c r="AE2320" s="7">
        <v>131.64311219199999</v>
      </c>
      <c r="AF2320" s="7">
        <v>127.281086078</v>
      </c>
      <c r="AG2320" s="9">
        <v>4622.8396274000006</v>
      </c>
      <c r="AH2320" s="13">
        <v>0.2355975738506994</v>
      </c>
      <c r="AI2320" s="9">
        <v>-5043.5071710000011</v>
      </c>
      <c r="AJ2320" s="13">
        <v>-0.25703639947693779</v>
      </c>
      <c r="AK2320" s="9">
        <v>4155.0521479000017</v>
      </c>
      <c r="AL2320" s="13">
        <v>0.28501710725863727</v>
      </c>
      <c r="AM2320" s="9">
        <v>5511.2946505</v>
      </c>
      <c r="AN2320" s="13">
        <v>0.29419763021685635</v>
      </c>
      <c r="AO2320" s="9">
        <v>9666.3467984000017</v>
      </c>
      <c r="AP2320" s="13">
        <v>0.66306609500224822</v>
      </c>
      <c r="AQ2320" s="9">
        <v>19621.762447900001</v>
      </c>
      <c r="AR2320" s="9">
        <v>19467.485192100001</v>
      </c>
      <c r="AS2320" s="9">
        <v>19353.961652900001</v>
      </c>
      <c r="AT2320" s="9">
        <v>27098.0573945</v>
      </c>
      <c r="AU2320" s="9">
        <v>19439.589613100001</v>
      </c>
      <c r="AV2320" s="9">
        <v>14456.620427399999</v>
      </c>
      <c r="AW2320" s="9">
        <v>14578.255276899999</v>
      </c>
      <c r="AX2320" s="9">
        <v>16378.88992</v>
      </c>
      <c r="AY2320" s="9">
        <v>16657.128100900001</v>
      </c>
      <c r="AZ2320" s="9">
        <v>18733.307424800001</v>
      </c>
      <c r="BA2320" s="9">
        <v>18048.0361873</v>
      </c>
      <c r="BB2320" s="9">
        <v>23413.1774377</v>
      </c>
      <c r="BC2320" s="9">
        <v>24589.766599999999</v>
      </c>
      <c r="BD2320" s="9">
        <v>24314.868042099999</v>
      </c>
      <c r="BE2320" s="9">
        <v>24945.190801100001</v>
      </c>
      <c r="BF2320" s="9">
        <v>24244.602075300001</v>
      </c>
      <c r="BG2320" s="11">
        <v>1.25</v>
      </c>
      <c r="BH2320" s="13">
        <v>7.3529411764705885E-2</v>
      </c>
      <c r="BI2320" s="6">
        <v>-1</v>
      </c>
      <c r="BJ2320" s="13">
        <v>-5.8823529411764705E-2</v>
      </c>
      <c r="BK2320" s="6">
        <v>0</v>
      </c>
      <c r="BL2320" s="13">
        <v>0</v>
      </c>
      <c r="BM2320" s="11">
        <v>2.25</v>
      </c>
      <c r="BN2320" s="13">
        <v>0.140625</v>
      </c>
      <c r="BO2320" s="11">
        <v>2.25</v>
      </c>
      <c r="BP2320" s="13">
        <v>0.140625</v>
      </c>
      <c r="BQ2320" s="6">
        <v>17</v>
      </c>
      <c r="BR2320" s="6">
        <v>17</v>
      </c>
      <c r="BS2320" s="6">
        <v>15</v>
      </c>
      <c r="BT2320" s="6">
        <v>16</v>
      </c>
      <c r="BU2320" s="6">
        <v>16</v>
      </c>
      <c r="BV2320" s="6">
        <v>17</v>
      </c>
      <c r="BW2320" s="6">
        <v>16</v>
      </c>
      <c r="BX2320" s="6">
        <v>15</v>
      </c>
      <c r="BY2320" s="6">
        <v>15</v>
      </c>
      <c r="BZ2320" s="6">
        <v>16</v>
      </c>
      <c r="CA2320" s="6">
        <v>17</v>
      </c>
      <c r="CB2320" s="6">
        <v>19</v>
      </c>
      <c r="CC2320" s="11">
        <v>18.25</v>
      </c>
      <c r="CD2320" s="11">
        <v>11.677300000000001</v>
      </c>
      <c r="CE2320" s="11">
        <v>8.6728100000000001</v>
      </c>
      <c r="CF2320" s="11">
        <v>10.537000000000001</v>
      </c>
      <c r="CG2320" s="11">
        <v>20</v>
      </c>
      <c r="CH2320" s="20">
        <v>0.18228900000000001</v>
      </c>
      <c r="CI2320" s="20">
        <v>0.19354199999999999</v>
      </c>
      <c r="CJ2320" s="20">
        <v>0.17966399999999999</v>
      </c>
      <c r="CK2320" s="20">
        <v>0.20765</v>
      </c>
      <c r="CL2320" s="20">
        <v>0.23236599999999999</v>
      </c>
      <c r="CM2320" s="20">
        <v>0.25875799999999999</v>
      </c>
      <c r="CN2320" s="20">
        <v>0.286412</v>
      </c>
      <c r="CO2320" s="20">
        <v>0.26391700000000001</v>
      </c>
      <c r="CP2320" s="20">
        <v>0.30232700000000001</v>
      </c>
      <c r="CQ2320" s="20">
        <v>0.252913</v>
      </c>
      <c r="CR2320" s="20">
        <v>0.25574799999999998</v>
      </c>
      <c r="CS2320" s="20">
        <v>0.47945900000000002</v>
      </c>
      <c r="CT2320" s="20">
        <v>0.40787499999999999</v>
      </c>
      <c r="CU2320" s="20">
        <v>0.33363399999999999</v>
      </c>
      <c r="CV2320" s="20">
        <v>0.29632999999999998</v>
      </c>
      <c r="CW2320" s="20">
        <v>0.26249800000000001</v>
      </c>
      <c r="CX2320" s="20">
        <v>0.24549199999999999</v>
      </c>
      <c r="CY2320" s="6" t="s">
        <v>725</v>
      </c>
      <c r="CZ2320" s="6" t="s">
        <v>726</v>
      </c>
      <c r="DA2320" s="6" t="s">
        <v>154</v>
      </c>
      <c r="DB2320" s="6" t="s">
        <v>345</v>
      </c>
      <c r="DC2320" s="6"/>
      <c r="DD2320" s="6"/>
      <c r="DE2320" s="6"/>
      <c r="DF2320" s="6"/>
      <c r="DG2320" s="6"/>
      <c r="DH2320" s="6" t="s">
        <v>333</v>
      </c>
      <c r="DI2320" s="6"/>
      <c r="DJ2320" s="6"/>
      <c r="DK2320" s="6"/>
      <c r="DL2320" s="6">
        <v>11</v>
      </c>
      <c r="DM2320" s="6" t="s">
        <v>520</v>
      </c>
      <c r="DN2320" s="6">
        <v>7</v>
      </c>
      <c r="DO2320" s="6" t="s">
        <v>369</v>
      </c>
      <c r="DP2320" s="6"/>
      <c r="DQ2320" s="6"/>
    </row>
    <row r="2321" spans="1:121" x14ac:dyDescent="0.2">
      <c r="A2321" s="6" t="s">
        <v>320</v>
      </c>
      <c r="B2321" s="6" t="s">
        <v>320</v>
      </c>
      <c r="C2321" s="6" t="s">
        <v>189</v>
      </c>
      <c r="D2321" s="6" t="s">
        <v>154</v>
      </c>
      <c r="E2321" s="6" t="s">
        <v>295</v>
      </c>
      <c r="F2321" s="11">
        <v>-57</v>
      </c>
      <c r="G2321" s="13">
        <v>-0.15921787709499999</v>
      </c>
      <c r="H2321" s="11">
        <v>-22.83808121200002</v>
      </c>
      <c r="I2321" s="13">
        <v>-6.3728193339375044E-2</v>
      </c>
      <c r="J2321" s="11">
        <v>27.953811142000006</v>
      </c>
      <c r="K2321" s="13">
        <v>8.3312674121782934E-2</v>
      </c>
      <c r="L2321" s="11">
        <v>-62.813036076000003</v>
      </c>
      <c r="M2321" s="13">
        <v>-0.1728088615578392</v>
      </c>
      <c r="N2321" s="11">
        <v>-34.859224933999997</v>
      </c>
      <c r="O2321" s="13">
        <v>-0.10389335580438085</v>
      </c>
      <c r="P2321" s="7">
        <v>358.36699607000003</v>
      </c>
      <c r="Q2321" s="7">
        <v>383.13072495599999</v>
      </c>
      <c r="R2321" s="7">
        <v>354.81643609700001</v>
      </c>
      <c r="S2321" s="7">
        <v>337.59511959899999</v>
      </c>
      <c r="T2321" s="7">
        <v>333.46975707399997</v>
      </c>
      <c r="U2321" s="7">
        <v>352.15234755300003</v>
      </c>
      <c r="V2321" s="7">
        <v>335.52891485800001</v>
      </c>
      <c r="W2321" s="7">
        <v>361.162441</v>
      </c>
      <c r="X2321" s="7">
        <v>349.68485559300001</v>
      </c>
      <c r="Y2321" s="7">
        <v>363.48272600000001</v>
      </c>
      <c r="Z2321" s="7">
        <v>375.10864030300002</v>
      </c>
      <c r="AA2321" s="7">
        <v>323.266197906</v>
      </c>
      <c r="AB2321" s="7">
        <v>330.35994587800002</v>
      </c>
      <c r="AC2321" s="7">
        <v>300.21018193899999</v>
      </c>
      <c r="AD2321" s="7">
        <v>278.00546328600001</v>
      </c>
      <c r="AE2321" s="7">
        <v>281.625269473</v>
      </c>
      <c r="AF2321" s="7">
        <v>300.66968992400001</v>
      </c>
      <c r="AG2321" s="9">
        <v>18889.922366799998</v>
      </c>
      <c r="AH2321" s="13">
        <v>0.77001270235266062</v>
      </c>
      <c r="AI2321" s="9">
        <v>-970.26363449999917</v>
      </c>
      <c r="AJ2321" s="13">
        <v>-3.9551000194100946E-2</v>
      </c>
      <c r="AK2321" s="9">
        <v>813.14445060000071</v>
      </c>
      <c r="AL2321" s="13">
        <v>3.4511283414123364E-2</v>
      </c>
      <c r="AM2321" s="9">
        <v>19047.041550699996</v>
      </c>
      <c r="AN2321" s="13">
        <v>0.78142212776678011</v>
      </c>
      <c r="AO2321" s="9">
        <v>19860.186001299997</v>
      </c>
      <c r="AP2321" s="13">
        <v>0.84290129169833028</v>
      </c>
      <c r="AQ2321" s="9">
        <v>24531.962017099999</v>
      </c>
      <c r="AR2321" s="9">
        <v>18500.0267876</v>
      </c>
      <c r="AS2321" s="9">
        <v>15643.7318225</v>
      </c>
      <c r="AT2321" s="9">
        <v>18071.977174</v>
      </c>
      <c r="AU2321" s="9">
        <v>21261.0448215</v>
      </c>
      <c r="AV2321" s="9">
        <v>19413.517883600001</v>
      </c>
      <c r="AW2321" s="9">
        <v>23561.6983826</v>
      </c>
      <c r="AX2321" s="9">
        <v>23797.289497900001</v>
      </c>
      <c r="AY2321" s="9">
        <v>22855.7575961</v>
      </c>
      <c r="AZ2321" s="9">
        <v>24374.8428332</v>
      </c>
      <c r="BA2321" s="9">
        <v>32808.128314399997</v>
      </c>
      <c r="BB2321" s="9">
        <v>33293.297099399999</v>
      </c>
      <c r="BC2321" s="9">
        <v>30628.2825687</v>
      </c>
      <c r="BD2321" s="9">
        <v>41023.873301799998</v>
      </c>
      <c r="BE2321" s="9">
        <v>43238.487106400004</v>
      </c>
      <c r="BF2321" s="9">
        <v>43421.884383899996</v>
      </c>
      <c r="BG2321" s="11">
        <v>-1</v>
      </c>
      <c r="BH2321" s="13">
        <v>-0.25</v>
      </c>
      <c r="BI2321" s="6">
        <v>-1</v>
      </c>
      <c r="BJ2321" s="13">
        <v>-0.25</v>
      </c>
      <c r="BK2321" s="6">
        <v>-1</v>
      </c>
      <c r="BL2321" s="13">
        <v>-0.33333333333333331</v>
      </c>
      <c r="BM2321" s="11">
        <v>1</v>
      </c>
      <c r="BN2321" s="13">
        <v>0.5</v>
      </c>
      <c r="BO2321" s="11">
        <v>0</v>
      </c>
      <c r="BP2321" s="13">
        <v>0</v>
      </c>
      <c r="BQ2321" s="6">
        <v>4</v>
      </c>
      <c r="BR2321" s="6">
        <v>3</v>
      </c>
      <c r="BS2321" s="6">
        <v>3</v>
      </c>
      <c r="BT2321" s="6">
        <v>3</v>
      </c>
      <c r="BU2321" s="6">
        <v>2</v>
      </c>
      <c r="BV2321" s="6">
        <v>2</v>
      </c>
      <c r="BW2321" s="6">
        <v>2</v>
      </c>
      <c r="BX2321" s="6">
        <v>2</v>
      </c>
      <c r="BY2321" s="6">
        <v>3</v>
      </c>
      <c r="BZ2321" s="6">
        <v>3</v>
      </c>
      <c r="CA2321" s="6">
        <v>3</v>
      </c>
      <c r="CB2321" s="6">
        <v>3</v>
      </c>
      <c r="CC2321" s="11">
        <v>3</v>
      </c>
      <c r="CD2321" s="11">
        <v>-226.63800000000001</v>
      </c>
      <c r="CE2321" s="11">
        <v>129.76599999999999</v>
      </c>
      <c r="CF2321" s="11">
        <v>39.1738</v>
      </c>
      <c r="CG2321" s="11">
        <v>169</v>
      </c>
      <c r="CH2321" s="20">
        <v>2.0313099999999999</v>
      </c>
      <c r="CI2321" s="20">
        <v>2.0684100000000001</v>
      </c>
      <c r="CJ2321" s="20">
        <v>1.8723099999999999</v>
      </c>
      <c r="CK2321" s="20">
        <v>1.7654399999999999</v>
      </c>
      <c r="CL2321" s="20">
        <v>1.75119</v>
      </c>
      <c r="CM2321" s="20">
        <v>1.7987899999999999</v>
      </c>
      <c r="CN2321" s="20">
        <v>1.7099</v>
      </c>
      <c r="CO2321" s="20">
        <v>1.88246</v>
      </c>
      <c r="CP2321" s="20">
        <v>1.8398000000000001</v>
      </c>
      <c r="CQ2321" s="20">
        <v>1.7599499999999999</v>
      </c>
      <c r="CR2321" s="20">
        <v>1.7471000000000001</v>
      </c>
      <c r="CS2321" s="20">
        <v>1.48614</v>
      </c>
      <c r="CT2321" s="20">
        <v>1.5048299999999999</v>
      </c>
      <c r="CU2321" s="20">
        <v>1.3751100000000001</v>
      </c>
      <c r="CV2321" s="20">
        <v>1.33666</v>
      </c>
      <c r="CW2321" s="20">
        <v>1.37687</v>
      </c>
      <c r="CX2321" s="20">
        <v>1.41673</v>
      </c>
      <c r="CY2321" s="6" t="s">
        <v>725</v>
      </c>
      <c r="CZ2321" s="6" t="s">
        <v>726</v>
      </c>
      <c r="DA2321" s="6" t="s">
        <v>154</v>
      </c>
      <c r="DB2321" s="6" t="s">
        <v>345</v>
      </c>
      <c r="DC2321" s="6"/>
      <c r="DD2321" s="6"/>
      <c r="DE2321" s="6"/>
      <c r="DF2321" s="6"/>
      <c r="DG2321" s="6"/>
      <c r="DH2321" s="6" t="s">
        <v>333</v>
      </c>
      <c r="DI2321" s="6"/>
      <c r="DJ2321" s="6"/>
      <c r="DK2321" s="6"/>
      <c r="DL2321" s="6">
        <v>11</v>
      </c>
      <c r="DM2321" s="6" t="s">
        <v>520</v>
      </c>
      <c r="DN2321" s="6">
        <v>7</v>
      </c>
      <c r="DO2321" s="6" t="s">
        <v>369</v>
      </c>
      <c r="DP2321" s="6"/>
      <c r="DQ2321" s="6"/>
    </row>
    <row r="2322" spans="1:121" x14ac:dyDescent="0.2">
      <c r="A2322" s="6" t="s">
        <v>321</v>
      </c>
      <c r="B2322" s="6" t="s">
        <v>321</v>
      </c>
      <c r="C2322" s="6" t="s">
        <v>190</v>
      </c>
      <c r="D2322" s="6" t="s">
        <v>154</v>
      </c>
      <c r="E2322" s="6" t="s">
        <v>295</v>
      </c>
      <c r="F2322" s="11">
        <v>276</v>
      </c>
      <c r="G2322" s="13">
        <v>0.305986696231</v>
      </c>
      <c r="H2322" s="11">
        <v>-10.038421168999889</v>
      </c>
      <c r="I2322" s="13">
        <v>-1.1128901513104956E-2</v>
      </c>
      <c r="J2322" s="11">
        <v>109.61355153199997</v>
      </c>
      <c r="K2322" s="13">
        <v>0.12288855894601886</v>
      </c>
      <c r="L2322" s="11">
        <v>176.10584475000007</v>
      </c>
      <c r="M2322" s="13">
        <v>0.17582649357395863</v>
      </c>
      <c r="N2322" s="11">
        <v>285.71939628200005</v>
      </c>
      <c r="O2322" s="13">
        <v>0.32032211693981272</v>
      </c>
      <c r="P2322" s="7">
        <v>902.01365850699995</v>
      </c>
      <c r="Q2322" s="7">
        <v>944.296338171</v>
      </c>
      <c r="R2322" s="7">
        <v>968.15582116899998</v>
      </c>
      <c r="S2322" s="7">
        <v>929.55922095899996</v>
      </c>
      <c r="T2322" s="7">
        <v>903.211273323</v>
      </c>
      <c r="U2322" s="7">
        <v>902.97168071299996</v>
      </c>
      <c r="V2322" s="7">
        <v>891.97523733800006</v>
      </c>
      <c r="W2322" s="7">
        <v>887.73776705299997</v>
      </c>
      <c r="X2322" s="7">
        <v>948.82542443800003</v>
      </c>
      <c r="Y2322" s="7">
        <v>1001.58878887</v>
      </c>
      <c r="Z2322" s="7">
        <v>1026.9320979500001</v>
      </c>
      <c r="AA2322" s="7">
        <v>1055.4787635499999</v>
      </c>
      <c r="AB2322" s="7">
        <v>1087.3401471699999</v>
      </c>
      <c r="AC2322" s="7">
        <v>1080.8518008000001</v>
      </c>
      <c r="AD2322" s="7">
        <v>1135.3612454700001</v>
      </c>
      <c r="AE2322" s="7">
        <v>1144.29019429</v>
      </c>
      <c r="AF2322" s="7">
        <v>1177.6946336200001</v>
      </c>
      <c r="AG2322" s="9">
        <v>12386.621931500002</v>
      </c>
      <c r="AH2322" s="13">
        <v>0.60930826604064914</v>
      </c>
      <c r="AI2322" s="9">
        <v>8966.4451733999995</v>
      </c>
      <c r="AJ2322" s="13">
        <v>0.44106691811262055</v>
      </c>
      <c r="AK2322" s="9">
        <v>2363.4561200999997</v>
      </c>
      <c r="AL2322" s="13">
        <v>8.0676599220153036E-2</v>
      </c>
      <c r="AM2322" s="9">
        <v>1056.7206380000025</v>
      </c>
      <c r="AN2322" s="13">
        <v>3.3378320568224547E-2</v>
      </c>
      <c r="AO2322" s="9">
        <v>3420.1767581000022</v>
      </c>
      <c r="AP2322" s="13">
        <v>0.11674776917950204</v>
      </c>
      <c r="AQ2322" s="9">
        <v>20328.990466499999</v>
      </c>
      <c r="AR2322" s="9">
        <v>25046.5597514</v>
      </c>
      <c r="AS2322" s="9">
        <v>25110.037882500001</v>
      </c>
      <c r="AT2322" s="9">
        <v>26216.413654399999</v>
      </c>
      <c r="AU2322" s="9">
        <v>30697.330110499999</v>
      </c>
      <c r="AV2322" s="9">
        <v>31467.043435399999</v>
      </c>
      <c r="AW2322" s="9">
        <v>29295.435639899999</v>
      </c>
      <c r="AX2322" s="9">
        <v>32886.233357099998</v>
      </c>
      <c r="AY2322" s="9">
        <v>33792.8207033</v>
      </c>
      <c r="AZ2322" s="9">
        <v>31658.891759999999</v>
      </c>
      <c r="BA2322" s="9">
        <v>29196.702081399999</v>
      </c>
      <c r="BB2322" s="9">
        <v>28991.072977600001</v>
      </c>
      <c r="BC2322" s="9">
        <v>28954.767085799998</v>
      </c>
      <c r="BD2322" s="9">
        <v>31119.0148916</v>
      </c>
      <c r="BE2322" s="9">
        <v>31864.304494600001</v>
      </c>
      <c r="BF2322" s="9">
        <v>32715.612398000001</v>
      </c>
      <c r="BG2322" s="11">
        <v>84.75</v>
      </c>
      <c r="BH2322" s="13">
        <v>1.193661971830986</v>
      </c>
      <c r="BI2322" s="6">
        <v>-9</v>
      </c>
      <c r="BJ2322" s="13">
        <v>-0.12676056338028169</v>
      </c>
      <c r="BK2322" s="6">
        <v>3</v>
      </c>
      <c r="BL2322" s="13">
        <v>4.8387096774193547E-2</v>
      </c>
      <c r="BM2322" s="11">
        <v>90.75</v>
      </c>
      <c r="BN2322" s="13">
        <v>1.3961538461538461</v>
      </c>
      <c r="BO2322" s="11">
        <v>93.75</v>
      </c>
      <c r="BP2322" s="13">
        <v>1.5120967741935485</v>
      </c>
      <c r="BQ2322" s="6">
        <v>71</v>
      </c>
      <c r="BR2322" s="6">
        <v>68</v>
      </c>
      <c r="BS2322" s="6">
        <v>64</v>
      </c>
      <c r="BT2322" s="6">
        <v>62</v>
      </c>
      <c r="BU2322" s="6">
        <v>64</v>
      </c>
      <c r="BV2322" s="6">
        <v>63</v>
      </c>
      <c r="BW2322" s="6">
        <v>65</v>
      </c>
      <c r="BX2322" s="6">
        <v>62</v>
      </c>
      <c r="BY2322" s="6">
        <v>62</v>
      </c>
      <c r="BZ2322" s="6">
        <v>144</v>
      </c>
      <c r="CA2322" s="6">
        <v>153</v>
      </c>
      <c r="CB2322" s="6">
        <v>161</v>
      </c>
      <c r="CC2322" s="11">
        <v>155.75</v>
      </c>
      <c r="CD2322" s="11">
        <v>-151.40299999999999</v>
      </c>
      <c r="CE2322" s="11">
        <v>328.483</v>
      </c>
      <c r="CF2322" s="11">
        <v>98.600999999999999</v>
      </c>
      <c r="CG2322" s="11">
        <v>427</v>
      </c>
      <c r="CH2322" s="20">
        <v>1.03525</v>
      </c>
      <c r="CI2322" s="20">
        <v>1.03975</v>
      </c>
      <c r="CJ2322" s="20">
        <v>1.04016</v>
      </c>
      <c r="CK2322" s="20">
        <v>1.00579</v>
      </c>
      <c r="CL2322" s="20">
        <v>0.97076799999999996</v>
      </c>
      <c r="CM2322" s="20">
        <v>0.94100799999999996</v>
      </c>
      <c r="CN2322" s="20">
        <v>0.92534499999999997</v>
      </c>
      <c r="CO2322" s="20">
        <v>0.945102</v>
      </c>
      <c r="CP2322" s="20">
        <v>1.0274799999999999</v>
      </c>
      <c r="CQ2322" s="20">
        <v>1.00444</v>
      </c>
      <c r="CR2322" s="20">
        <v>1.0083299999999999</v>
      </c>
      <c r="CS2322" s="20">
        <v>1.0061</v>
      </c>
      <c r="CT2322" s="20">
        <v>1.02156</v>
      </c>
      <c r="CU2322" s="20">
        <v>1.02322</v>
      </c>
      <c r="CV2322" s="20">
        <v>1.11696</v>
      </c>
      <c r="CW2322" s="20">
        <v>1.1378299999999999</v>
      </c>
      <c r="CX2322" s="20">
        <v>1.1220399999999999</v>
      </c>
      <c r="CY2322" s="6" t="s">
        <v>725</v>
      </c>
      <c r="CZ2322" s="6" t="s">
        <v>726</v>
      </c>
      <c r="DA2322" s="6" t="s">
        <v>154</v>
      </c>
      <c r="DB2322" s="6" t="s">
        <v>345</v>
      </c>
      <c r="DC2322" s="6"/>
      <c r="DD2322" s="6"/>
      <c r="DE2322" s="6"/>
      <c r="DF2322" s="6"/>
      <c r="DG2322" s="6"/>
      <c r="DH2322" s="6" t="s">
        <v>333</v>
      </c>
      <c r="DI2322" s="6"/>
      <c r="DJ2322" s="6"/>
      <c r="DK2322" s="6"/>
      <c r="DL2322" s="6">
        <v>11</v>
      </c>
      <c r="DM2322" s="6" t="s">
        <v>520</v>
      </c>
      <c r="DN2322" s="6">
        <v>7</v>
      </c>
      <c r="DO2322" s="6" t="s">
        <v>369</v>
      </c>
      <c r="DP2322" s="6"/>
      <c r="DQ2322" s="6"/>
    </row>
    <row r="2323" spans="1:121" x14ac:dyDescent="0.2">
      <c r="A2323" s="6" t="s">
        <v>322</v>
      </c>
      <c r="B2323" s="6" t="s">
        <v>322</v>
      </c>
      <c r="C2323" s="6" t="s">
        <v>191</v>
      </c>
      <c r="D2323" s="6" t="s">
        <v>154</v>
      </c>
      <c r="E2323" s="6" t="s">
        <v>295</v>
      </c>
      <c r="F2323" s="11">
        <v>-23</v>
      </c>
      <c r="G2323" s="13">
        <v>-0.51</v>
      </c>
      <c r="H2323" s="11">
        <v>-4</v>
      </c>
      <c r="I2323" s="13">
        <v>-8.8888888888888892E-2</v>
      </c>
      <c r="J2323" s="11">
        <v>-6</v>
      </c>
      <c r="K2323" s="13">
        <v>-0.14634146341463414</v>
      </c>
      <c r="L2323" s="11">
        <v>-13</v>
      </c>
      <c r="M2323" s="13">
        <v>-0.37142857142857144</v>
      </c>
      <c r="N2323" s="11">
        <v>-19</v>
      </c>
      <c r="O2323" s="13">
        <v>-0.46341463414634154</v>
      </c>
      <c r="P2323" s="7">
        <v>45</v>
      </c>
      <c r="Q2323" s="7">
        <v>44</v>
      </c>
      <c r="R2323" s="7">
        <v>44</v>
      </c>
      <c r="S2323" s="7">
        <v>40</v>
      </c>
      <c r="T2323" s="7">
        <v>38</v>
      </c>
      <c r="U2323" s="7">
        <v>45</v>
      </c>
      <c r="V2323" s="7">
        <v>41</v>
      </c>
      <c r="W2323" s="7">
        <v>46</v>
      </c>
      <c r="X2323" s="7">
        <v>46</v>
      </c>
      <c r="Y2323" s="7">
        <v>35</v>
      </c>
      <c r="Z2323" s="7">
        <v>31</v>
      </c>
      <c r="AA2323" s="7">
        <v>29</v>
      </c>
      <c r="AB2323" s="7">
        <v>21</v>
      </c>
      <c r="AC2323" s="7">
        <v>28</v>
      </c>
      <c r="AD2323" s="7">
        <v>26</v>
      </c>
      <c r="AE2323" s="7">
        <v>23</v>
      </c>
      <c r="AF2323" s="7">
        <v>22</v>
      </c>
      <c r="AG2323" s="9">
        <v>17671</v>
      </c>
      <c r="AH2323" s="13">
        <v>1.4043550822538344</v>
      </c>
      <c r="AI2323" s="9">
        <v>1215</v>
      </c>
      <c r="AJ2323" s="13">
        <v>9.6558849241039482E-2</v>
      </c>
      <c r="AK2323" s="9">
        <v>3518</v>
      </c>
      <c r="AL2323" s="13">
        <v>0.25496448760689955</v>
      </c>
      <c r="AM2323" s="9">
        <v>12938</v>
      </c>
      <c r="AN2323" s="13">
        <v>0.74717024717024716</v>
      </c>
      <c r="AO2323" s="9">
        <v>16456</v>
      </c>
      <c r="AP2323" s="13">
        <v>1.1926366140020292</v>
      </c>
      <c r="AQ2323" s="9">
        <v>12583</v>
      </c>
      <c r="AR2323" s="9">
        <v>11829</v>
      </c>
      <c r="AS2323" s="9">
        <v>12828</v>
      </c>
      <c r="AT2323" s="9">
        <v>14789</v>
      </c>
      <c r="AU2323" s="9">
        <v>14832</v>
      </c>
      <c r="AV2323" s="9">
        <v>14239</v>
      </c>
      <c r="AW2323" s="9">
        <v>13798</v>
      </c>
      <c r="AX2323" s="9">
        <v>14252</v>
      </c>
      <c r="AY2323" s="9">
        <v>14668</v>
      </c>
      <c r="AZ2323" s="9">
        <v>17316</v>
      </c>
      <c r="BA2323" s="9">
        <v>18165</v>
      </c>
      <c r="BB2323" s="9">
        <v>17835</v>
      </c>
      <c r="BC2323" s="9">
        <v>36398</v>
      </c>
      <c r="BD2323" s="9">
        <v>30852</v>
      </c>
      <c r="BE2323" s="9">
        <v>16898</v>
      </c>
      <c r="BF2323" s="9">
        <v>30254</v>
      </c>
      <c r="BG2323" s="11">
        <v>-4</v>
      </c>
      <c r="BH2323" s="13">
        <v>-0.8</v>
      </c>
      <c r="BI2323" s="6">
        <v>-2</v>
      </c>
      <c r="BJ2323" s="13">
        <v>-0.4</v>
      </c>
      <c r="BK2323" s="6">
        <v>-1</v>
      </c>
      <c r="BL2323" s="13">
        <v>-0.33333333333333331</v>
      </c>
      <c r="BM2323" s="11">
        <v>-1</v>
      </c>
      <c r="BN2323" s="13">
        <v>-0.5</v>
      </c>
      <c r="BO2323" s="11">
        <v>-2</v>
      </c>
      <c r="BP2323" s="13">
        <v>-0.66666666666666663</v>
      </c>
      <c r="BQ2323" s="6">
        <v>5</v>
      </c>
      <c r="BR2323" s="6">
        <v>5</v>
      </c>
      <c r="BS2323" s="6">
        <v>4</v>
      </c>
      <c r="BT2323" s="6">
        <v>3</v>
      </c>
      <c r="BU2323" s="6">
        <v>3</v>
      </c>
      <c r="BV2323" s="6">
        <v>3</v>
      </c>
      <c r="BW2323" s="6">
        <v>2</v>
      </c>
      <c r="BX2323" s="6">
        <v>1</v>
      </c>
      <c r="BY2323" s="6">
        <v>1</v>
      </c>
      <c r="BZ2323" s="6">
        <v>1</v>
      </c>
      <c r="CA2323" s="6">
        <v>1</v>
      </c>
      <c r="CB2323" s="6">
        <v>1</v>
      </c>
      <c r="CC2323" s="11">
        <v>1</v>
      </c>
      <c r="CD2323" s="11">
        <v>-35</v>
      </c>
      <c r="CE2323" s="11">
        <v>8</v>
      </c>
      <c r="CF2323" s="11">
        <v>5</v>
      </c>
      <c r="CG2323" s="11">
        <v>13</v>
      </c>
      <c r="CH2323" s="20">
        <v>0.33</v>
      </c>
      <c r="CI2323" s="20">
        <v>0.32</v>
      </c>
      <c r="CJ2323" s="20">
        <v>0.32</v>
      </c>
      <c r="CK2323" s="20">
        <v>0.28999999999999998</v>
      </c>
      <c r="CL2323" s="20">
        <v>0.28000000000000003</v>
      </c>
      <c r="CM2323" s="20">
        <v>0.32</v>
      </c>
      <c r="CN2323" s="20">
        <v>0.28999999999999998</v>
      </c>
      <c r="CO2323" s="20">
        <v>0.34</v>
      </c>
      <c r="CP2323" s="20">
        <v>0.36</v>
      </c>
      <c r="CQ2323" s="20">
        <v>0.26</v>
      </c>
      <c r="CR2323" s="20">
        <v>0.23</v>
      </c>
      <c r="CS2323" s="20">
        <v>0.21</v>
      </c>
      <c r="CT2323" s="20">
        <v>0.15</v>
      </c>
      <c r="CU2323" s="20">
        <v>0.2</v>
      </c>
      <c r="CV2323" s="20">
        <v>0.19</v>
      </c>
      <c r="CW2323" s="20">
        <v>0.17</v>
      </c>
      <c r="CX2323" s="20">
        <v>0.16</v>
      </c>
      <c r="CY2323" s="6" t="s">
        <v>725</v>
      </c>
      <c r="CZ2323" s="6" t="s">
        <v>726</v>
      </c>
      <c r="DA2323" s="6" t="s">
        <v>154</v>
      </c>
      <c r="DB2323" s="6" t="s">
        <v>345</v>
      </c>
      <c r="DC2323" s="6"/>
      <c r="DD2323" s="6"/>
      <c r="DE2323" s="6"/>
      <c r="DF2323" s="6"/>
      <c r="DG2323" s="6"/>
      <c r="DH2323" s="6" t="s">
        <v>333</v>
      </c>
      <c r="DI2323" s="6"/>
      <c r="DJ2323" s="6"/>
      <c r="DK2323" s="6"/>
      <c r="DL2323" s="6">
        <v>11</v>
      </c>
      <c r="DM2323" s="6" t="s">
        <v>520</v>
      </c>
      <c r="DN2323" s="6">
        <v>7</v>
      </c>
      <c r="DO2323" s="6" t="s">
        <v>369</v>
      </c>
      <c r="DP2323" s="6"/>
      <c r="DQ2323" s="6"/>
    </row>
    <row r="2324" spans="1:121" x14ac:dyDescent="0.2">
      <c r="A2324" s="6" t="s">
        <v>323</v>
      </c>
      <c r="B2324" s="6" t="s">
        <v>323</v>
      </c>
      <c r="C2324" s="6" t="s">
        <v>192</v>
      </c>
      <c r="D2324" s="6" t="s">
        <v>154</v>
      </c>
      <c r="E2324" s="6" t="s">
        <v>295</v>
      </c>
      <c r="F2324" s="11">
        <v>-98</v>
      </c>
      <c r="G2324" s="13">
        <v>-0.165820642978</v>
      </c>
      <c r="H2324" s="11">
        <v>-81.798898697999959</v>
      </c>
      <c r="I2324" s="13">
        <v>-0.13841382446359793</v>
      </c>
      <c r="J2324" s="11">
        <v>-61.015296094000007</v>
      </c>
      <c r="K2324" s="13">
        <v>-0.11983178078633842</v>
      </c>
      <c r="L2324" s="11">
        <v>44.409118331000002</v>
      </c>
      <c r="M2324" s="13">
        <v>9.9092265602119547E-2</v>
      </c>
      <c r="N2324" s="11">
        <v>-16.606177763000005</v>
      </c>
      <c r="O2324" s="13">
        <v>-3.2613917833473692E-2</v>
      </c>
      <c r="P2324" s="7">
        <v>590.97347403699996</v>
      </c>
      <c r="Q2324" s="7">
        <v>614.15346472500005</v>
      </c>
      <c r="R2324" s="7">
        <v>561.24688631699996</v>
      </c>
      <c r="S2324" s="7">
        <v>488.99477440300001</v>
      </c>
      <c r="T2324" s="7">
        <v>499.231247774</v>
      </c>
      <c r="U2324" s="7">
        <v>528.36230776000002</v>
      </c>
      <c r="V2324" s="7">
        <v>509.174575339</v>
      </c>
      <c r="W2324" s="7">
        <v>479.01806465999999</v>
      </c>
      <c r="X2324" s="7">
        <v>444.43215464100001</v>
      </c>
      <c r="Y2324" s="7">
        <v>448.15927924499999</v>
      </c>
      <c r="Z2324" s="7">
        <v>459.15069041700002</v>
      </c>
      <c r="AA2324" s="7">
        <v>419.87878715900001</v>
      </c>
      <c r="AB2324" s="7">
        <v>438.65904315500001</v>
      </c>
      <c r="AC2324" s="7">
        <v>449.700745138</v>
      </c>
      <c r="AD2324" s="7">
        <v>485.66854274899998</v>
      </c>
      <c r="AE2324" s="7">
        <v>490.175288948</v>
      </c>
      <c r="AF2324" s="7">
        <v>492.568397576</v>
      </c>
      <c r="AG2324" s="9">
        <v>4387.4976585000004</v>
      </c>
      <c r="AH2324" s="13">
        <v>0.41649659297671521</v>
      </c>
      <c r="AI2324" s="9">
        <v>1087.7707799</v>
      </c>
      <c r="AJ2324" s="13">
        <v>0.10325995796037968</v>
      </c>
      <c r="AK2324" s="9">
        <v>1500.7773030999997</v>
      </c>
      <c r="AL2324" s="13">
        <v>0.12913172496551784</v>
      </c>
      <c r="AM2324" s="9">
        <v>1798.9495755000007</v>
      </c>
      <c r="AN2324" s="13">
        <v>0.13708536091787993</v>
      </c>
      <c r="AO2324" s="9">
        <v>3299.7268786000004</v>
      </c>
      <c r="AP2324" s="13">
        <v>0.28391915500624421</v>
      </c>
      <c r="AQ2324" s="9">
        <v>10534.2942355</v>
      </c>
      <c r="AR2324" s="9">
        <v>10590.3702607</v>
      </c>
      <c r="AS2324" s="9">
        <v>10357.506094099999</v>
      </c>
      <c r="AT2324" s="9">
        <v>10877.194412999999</v>
      </c>
      <c r="AU2324" s="9">
        <v>10582.9553808</v>
      </c>
      <c r="AV2324" s="9">
        <v>10444.747097699999</v>
      </c>
      <c r="AW2324" s="9">
        <v>11622.0650154</v>
      </c>
      <c r="AX2324" s="9">
        <v>12447.4703505</v>
      </c>
      <c r="AY2324" s="9">
        <v>12896.9698075</v>
      </c>
      <c r="AZ2324" s="9">
        <v>13122.842318499999</v>
      </c>
      <c r="BA2324" s="9">
        <v>12969.360346199999</v>
      </c>
      <c r="BB2324" s="9">
        <v>14320.332710799999</v>
      </c>
      <c r="BC2324" s="9">
        <v>13478.2131018</v>
      </c>
      <c r="BD2324" s="9">
        <v>13491.6137953</v>
      </c>
      <c r="BE2324" s="9">
        <v>15376.1520616</v>
      </c>
      <c r="BF2324" s="9">
        <v>14921.791894</v>
      </c>
      <c r="BG2324" s="11">
        <v>-4.5</v>
      </c>
      <c r="BH2324" s="13">
        <v>-0.10714285714285714</v>
      </c>
      <c r="BI2324" s="6">
        <v>-3</v>
      </c>
      <c r="BJ2324" s="13">
        <v>-7.1428571428571425E-2</v>
      </c>
      <c r="BK2324" s="6">
        <v>-5</v>
      </c>
      <c r="BL2324" s="13">
        <v>-0.12820512820512819</v>
      </c>
      <c r="BM2324" s="11">
        <v>3.5</v>
      </c>
      <c r="BN2324" s="13">
        <v>0.10294117647058823</v>
      </c>
      <c r="BO2324" s="11">
        <v>-1.5</v>
      </c>
      <c r="BP2324" s="13">
        <v>-3.8461538461538464E-2</v>
      </c>
      <c r="BQ2324" s="6">
        <v>42</v>
      </c>
      <c r="BR2324" s="6">
        <v>39</v>
      </c>
      <c r="BS2324" s="6">
        <v>40</v>
      </c>
      <c r="BT2324" s="6">
        <v>39</v>
      </c>
      <c r="BU2324" s="6">
        <v>38</v>
      </c>
      <c r="BV2324" s="6">
        <v>34</v>
      </c>
      <c r="BW2324" s="6">
        <v>34</v>
      </c>
      <c r="BX2324" s="6">
        <v>34</v>
      </c>
      <c r="BY2324" s="6">
        <v>32</v>
      </c>
      <c r="BZ2324" s="6">
        <v>29</v>
      </c>
      <c r="CA2324" s="6">
        <v>32</v>
      </c>
      <c r="CB2324" s="6">
        <v>36</v>
      </c>
      <c r="CC2324" s="11">
        <v>37.5</v>
      </c>
      <c r="CD2324" s="11">
        <v>-297.39600000000002</v>
      </c>
      <c r="CE2324" s="11">
        <v>134.39099999999999</v>
      </c>
      <c r="CF2324" s="11">
        <v>64.600499999999997</v>
      </c>
      <c r="CG2324" s="11">
        <v>199</v>
      </c>
      <c r="CH2324" s="20">
        <v>0.91395700000000002</v>
      </c>
      <c r="CI2324" s="20">
        <v>0.93439099999999997</v>
      </c>
      <c r="CJ2324" s="20">
        <v>0.84337700000000004</v>
      </c>
      <c r="CK2324" s="20">
        <v>0.73616700000000002</v>
      </c>
      <c r="CL2324" s="20">
        <v>0.74600500000000003</v>
      </c>
      <c r="CM2324" s="20">
        <v>0.76856400000000002</v>
      </c>
      <c r="CN2324" s="20">
        <v>0.74143800000000004</v>
      </c>
      <c r="CO2324" s="20">
        <v>0.73221000000000003</v>
      </c>
      <c r="CP2324" s="20">
        <v>0.72526299999999999</v>
      </c>
      <c r="CQ2324" s="20">
        <v>0.686141</v>
      </c>
      <c r="CR2324" s="20">
        <v>0.68074199999999996</v>
      </c>
      <c r="CS2324" s="20">
        <v>0.60808700000000004</v>
      </c>
      <c r="CT2324" s="20">
        <v>0.61946599999999996</v>
      </c>
      <c r="CU2324" s="20">
        <v>0.63316700000000004</v>
      </c>
      <c r="CV2324" s="20">
        <v>0.70381300000000002</v>
      </c>
      <c r="CW2324" s="20">
        <v>0.71628199999999997</v>
      </c>
      <c r="CX2324" s="20">
        <v>0.69705899999999998</v>
      </c>
      <c r="CY2324" s="6" t="s">
        <v>725</v>
      </c>
      <c r="CZ2324" s="6" t="s">
        <v>726</v>
      </c>
      <c r="DA2324" s="6" t="s">
        <v>154</v>
      </c>
      <c r="DB2324" s="6" t="s">
        <v>345</v>
      </c>
      <c r="DC2324" s="6"/>
      <c r="DD2324" s="6"/>
      <c r="DE2324" s="6"/>
      <c r="DF2324" s="6"/>
      <c r="DG2324" s="6"/>
      <c r="DH2324" s="6" t="s">
        <v>333</v>
      </c>
      <c r="DI2324" s="6"/>
      <c r="DJ2324" s="6"/>
      <c r="DK2324" s="6"/>
      <c r="DL2324" s="6">
        <v>11</v>
      </c>
      <c r="DM2324" s="6" t="s">
        <v>520</v>
      </c>
      <c r="DN2324" s="6">
        <v>7</v>
      </c>
      <c r="DO2324" s="6" t="s">
        <v>369</v>
      </c>
      <c r="DP2324" s="6"/>
      <c r="DQ2324" s="6"/>
    </row>
    <row r="2325" spans="1:121" x14ac:dyDescent="0.2">
      <c r="A2325" s="6" t="s">
        <v>325</v>
      </c>
      <c r="B2325" s="6" t="s">
        <v>325</v>
      </c>
      <c r="C2325" s="6" t="s">
        <v>193</v>
      </c>
      <c r="D2325" s="6" t="s">
        <v>154</v>
      </c>
      <c r="E2325" s="6" t="s">
        <v>295</v>
      </c>
      <c r="F2325" s="11">
        <v>-67</v>
      </c>
      <c r="G2325" s="13">
        <v>-0.17048346055999999</v>
      </c>
      <c r="H2325" s="11">
        <v>204.655253657</v>
      </c>
      <c r="I2325" s="13">
        <v>0.52115424217804307</v>
      </c>
      <c r="J2325" s="11">
        <v>-104.66437576300001</v>
      </c>
      <c r="K2325" s="13">
        <v>-0.17521408463105576</v>
      </c>
      <c r="L2325" s="11">
        <v>-166.39785302299998</v>
      </c>
      <c r="M2325" s="13">
        <v>-0.33773541945045832</v>
      </c>
      <c r="N2325" s="11">
        <v>-271.06222878599999</v>
      </c>
      <c r="O2325" s="13">
        <v>-0.4537735017150164</v>
      </c>
      <c r="P2325" s="7">
        <v>392.69612927200001</v>
      </c>
      <c r="Q2325" s="7">
        <v>444.75955497299998</v>
      </c>
      <c r="R2325" s="7">
        <v>480.15994399900001</v>
      </c>
      <c r="S2325" s="7">
        <v>495.95738077300001</v>
      </c>
      <c r="T2325" s="7">
        <v>592.77189449100001</v>
      </c>
      <c r="U2325" s="7">
        <v>602.43643264000002</v>
      </c>
      <c r="V2325" s="7">
        <v>597.35138292900001</v>
      </c>
      <c r="W2325" s="7">
        <v>500.34919977599998</v>
      </c>
      <c r="X2325" s="7">
        <v>484.29037396400003</v>
      </c>
      <c r="Y2325" s="7">
        <v>492.687007166</v>
      </c>
      <c r="Z2325" s="7">
        <v>484.021697604</v>
      </c>
      <c r="AA2325" s="7">
        <v>465.40168870700001</v>
      </c>
      <c r="AB2325" s="7">
        <v>335.30584696</v>
      </c>
      <c r="AC2325" s="7">
        <v>338.54240333000001</v>
      </c>
      <c r="AD2325" s="7">
        <v>346.38605832000002</v>
      </c>
      <c r="AE2325" s="7">
        <v>338.248288172</v>
      </c>
      <c r="AF2325" s="7">
        <v>326.28915414300002</v>
      </c>
      <c r="AG2325" s="9">
        <v>2845.1147397999976</v>
      </c>
      <c r="AH2325" s="13">
        <v>0.19624604919188104</v>
      </c>
      <c r="AI2325" s="9">
        <v>753.96791630000007</v>
      </c>
      <c r="AJ2325" s="13">
        <v>5.2006065949280915E-2</v>
      </c>
      <c r="AK2325" s="9">
        <v>-2800.8511185000007</v>
      </c>
      <c r="AL2325" s="13">
        <v>-0.18364238181658576</v>
      </c>
      <c r="AM2325" s="9">
        <v>4891.9979419999981</v>
      </c>
      <c r="AN2325" s="13">
        <v>0.39290604303113136</v>
      </c>
      <c r="AO2325" s="9">
        <v>2091.1468234999975</v>
      </c>
      <c r="AP2325" s="13">
        <v>0.13710945964217872</v>
      </c>
      <c r="AQ2325" s="9">
        <v>14497.691808400001</v>
      </c>
      <c r="AR2325" s="9">
        <v>13446.4946425</v>
      </c>
      <c r="AS2325" s="9">
        <v>12818.491794400001</v>
      </c>
      <c r="AT2325" s="9">
        <v>12361.8183534</v>
      </c>
      <c r="AU2325" s="9">
        <v>13397.6626805</v>
      </c>
      <c r="AV2325" s="9">
        <v>15127.2166757</v>
      </c>
      <c r="AW2325" s="9">
        <v>15251.659724700001</v>
      </c>
      <c r="AX2325" s="9">
        <v>12876.235510799999</v>
      </c>
      <c r="AY2325" s="9">
        <v>12577.243256600001</v>
      </c>
      <c r="AZ2325" s="9">
        <v>12450.8086062</v>
      </c>
      <c r="BA2325" s="9">
        <v>13088.107578700001</v>
      </c>
      <c r="BB2325" s="9">
        <v>12992.0742004</v>
      </c>
      <c r="BC2325" s="9">
        <v>16790.3478412</v>
      </c>
      <c r="BD2325" s="9">
        <v>16949.0933052</v>
      </c>
      <c r="BE2325" s="9">
        <v>16995.604573799999</v>
      </c>
      <c r="BF2325" s="9">
        <v>17342.806548199998</v>
      </c>
      <c r="BG2325" s="11">
        <v>-91.25</v>
      </c>
      <c r="BH2325" s="13">
        <v>-0.73588709677419351</v>
      </c>
      <c r="BI2325" s="6">
        <v>8</v>
      </c>
      <c r="BJ2325" s="13">
        <v>6.4516129032258063E-2</v>
      </c>
      <c r="BK2325" s="6">
        <v>-7</v>
      </c>
      <c r="BL2325" s="13">
        <v>-5.3030303030303032E-2</v>
      </c>
      <c r="BM2325" s="11">
        <v>-92.25</v>
      </c>
      <c r="BN2325" s="13">
        <v>-0.73799999999999999</v>
      </c>
      <c r="BO2325" s="11">
        <v>-99.25</v>
      </c>
      <c r="BP2325" s="13">
        <v>-0.75189393939393945</v>
      </c>
      <c r="BQ2325" s="6">
        <v>124</v>
      </c>
      <c r="BR2325" s="6">
        <v>151</v>
      </c>
      <c r="BS2325" s="6">
        <v>140</v>
      </c>
      <c r="BT2325" s="6">
        <v>132</v>
      </c>
      <c r="BU2325" s="6">
        <v>133</v>
      </c>
      <c r="BV2325" s="6">
        <v>118</v>
      </c>
      <c r="BW2325" s="6">
        <v>125</v>
      </c>
      <c r="BX2325" s="6">
        <v>123</v>
      </c>
      <c r="BY2325" s="6">
        <v>114</v>
      </c>
      <c r="BZ2325" s="6">
        <v>33</v>
      </c>
      <c r="CA2325" s="6">
        <v>37</v>
      </c>
      <c r="CB2325" s="6">
        <v>37</v>
      </c>
      <c r="CC2325" s="11">
        <v>32.75</v>
      </c>
      <c r="CD2325" s="11">
        <v>-105.717</v>
      </c>
      <c r="CE2325" s="11">
        <v>-3.6163599999999998</v>
      </c>
      <c r="CF2325" s="11">
        <v>42.926400000000001</v>
      </c>
      <c r="CG2325" s="11">
        <v>39</v>
      </c>
      <c r="CH2325" s="20">
        <v>0.89409099999999997</v>
      </c>
      <c r="CI2325" s="20">
        <v>0.99206300000000003</v>
      </c>
      <c r="CJ2325" s="20">
        <v>1.0639000000000001</v>
      </c>
      <c r="CK2325" s="20">
        <v>1.1208800000000001</v>
      </c>
      <c r="CL2325" s="20">
        <v>1.35179</v>
      </c>
      <c r="CM2325" s="20">
        <v>1.34985</v>
      </c>
      <c r="CN2325" s="20">
        <v>1.3465</v>
      </c>
      <c r="CO2325" s="20">
        <v>1.1828000000000001</v>
      </c>
      <c r="CP2325" s="20">
        <v>1.1973100000000001</v>
      </c>
      <c r="CQ2325" s="20">
        <v>1.1512500000000001</v>
      </c>
      <c r="CR2325" s="20">
        <v>1.1112299999999999</v>
      </c>
      <c r="CS2325" s="20">
        <v>1.0517799999999999</v>
      </c>
      <c r="CT2325" s="20">
        <v>0.80602700000000005</v>
      </c>
      <c r="CU2325" s="20">
        <v>0.82001900000000005</v>
      </c>
      <c r="CV2325" s="20">
        <v>0.88065400000000005</v>
      </c>
      <c r="CW2325" s="20">
        <v>0.87636499999999995</v>
      </c>
      <c r="CX2325" s="20">
        <v>0.82599900000000004</v>
      </c>
      <c r="CY2325" s="6" t="s">
        <v>725</v>
      </c>
      <c r="CZ2325" s="6" t="s">
        <v>726</v>
      </c>
      <c r="DA2325" s="6" t="s">
        <v>154</v>
      </c>
      <c r="DB2325" s="6" t="s">
        <v>345</v>
      </c>
      <c r="DC2325" s="6"/>
      <c r="DD2325" s="6"/>
      <c r="DE2325" s="6"/>
      <c r="DF2325" s="6"/>
      <c r="DG2325" s="6"/>
      <c r="DH2325" s="6" t="s">
        <v>333</v>
      </c>
      <c r="DI2325" s="6"/>
      <c r="DJ2325" s="6"/>
      <c r="DK2325" s="6"/>
      <c r="DL2325" s="6">
        <v>11</v>
      </c>
      <c r="DM2325" s="6" t="s">
        <v>520</v>
      </c>
      <c r="DN2325" s="6">
        <v>7</v>
      </c>
      <c r="DO2325" s="6" t="s">
        <v>369</v>
      </c>
      <c r="DP2325" s="6"/>
      <c r="DQ2325" s="6"/>
    </row>
    <row r="2326" spans="1:121" x14ac:dyDescent="0.2">
      <c r="A2326" s="6" t="s">
        <v>327</v>
      </c>
      <c r="B2326" s="6" t="s">
        <v>327</v>
      </c>
      <c r="C2326" s="6" t="s">
        <v>194</v>
      </c>
      <c r="D2326" s="6" t="s">
        <v>154</v>
      </c>
      <c r="E2326" s="6" t="s">
        <v>295</v>
      </c>
      <c r="F2326" s="11">
        <v>-479</v>
      </c>
      <c r="G2326" s="13">
        <v>-0.236543209877</v>
      </c>
      <c r="H2326" s="11">
        <v>-167.735862</v>
      </c>
      <c r="I2326" s="13">
        <v>-8.2836556887126767E-2</v>
      </c>
      <c r="J2326" s="11">
        <v>-258.23650699999985</v>
      </c>
      <c r="K2326" s="13">
        <v>-0.13904872687920317</v>
      </c>
      <c r="L2326" s="11">
        <v>-52.587521720000041</v>
      </c>
      <c r="M2326" s="13">
        <v>-3.2889215162832872E-2</v>
      </c>
      <c r="N2326" s="11">
        <v>-310.82402871999989</v>
      </c>
      <c r="O2326" s="13">
        <v>-0.16736473854558795</v>
      </c>
      <c r="P2326" s="7">
        <v>2024.9014239999999</v>
      </c>
      <c r="Q2326" s="7">
        <v>2027.6750159999999</v>
      </c>
      <c r="R2326" s="7">
        <v>2013.740395</v>
      </c>
      <c r="S2326" s="7">
        <v>1940.143073</v>
      </c>
      <c r="T2326" s="7">
        <v>1908.6356760000001</v>
      </c>
      <c r="U2326" s="7">
        <v>1876.6636269999999</v>
      </c>
      <c r="V2326" s="7">
        <v>1857.1655619999999</v>
      </c>
      <c r="W2326" s="7">
        <v>1877.377119</v>
      </c>
      <c r="X2326" s="7">
        <v>1908.549765</v>
      </c>
      <c r="Y2326" s="7">
        <v>1598.9290550000001</v>
      </c>
      <c r="Z2326" s="7">
        <v>1564.51063</v>
      </c>
      <c r="AA2326" s="7">
        <v>1587.9329399999999</v>
      </c>
      <c r="AB2326" s="7">
        <v>1602.146338</v>
      </c>
      <c r="AC2326" s="7">
        <v>1608.6039370000001</v>
      </c>
      <c r="AD2326" s="7">
        <v>1580.913213</v>
      </c>
      <c r="AE2326" s="7">
        <v>1564.90566225</v>
      </c>
      <c r="AF2326" s="7">
        <v>1546.34153328</v>
      </c>
      <c r="AG2326" s="9">
        <v>15422.625059599995</v>
      </c>
      <c r="AH2326" s="13">
        <v>0.46398323024847499</v>
      </c>
      <c r="AI2326" s="9">
        <v>8267.3832580000017</v>
      </c>
      <c r="AJ2326" s="13">
        <v>0.24872077061623721</v>
      </c>
      <c r="AK2326" s="9">
        <v>7216.0892563999951</v>
      </c>
      <c r="AL2326" s="13">
        <v>0.17385234152577403</v>
      </c>
      <c r="AM2326" s="9">
        <v>-60.847454800001287</v>
      </c>
      <c r="AN2326" s="13">
        <v>-1.2488422817686126E-3</v>
      </c>
      <c r="AO2326" s="9">
        <v>7155.2418015999938</v>
      </c>
      <c r="AP2326" s="13">
        <v>0.17238638508912357</v>
      </c>
      <c r="AQ2326" s="9">
        <v>33239.617413200001</v>
      </c>
      <c r="AR2326" s="9">
        <v>34081.442229200002</v>
      </c>
      <c r="AS2326" s="9">
        <v>35350.940460899998</v>
      </c>
      <c r="AT2326" s="9">
        <v>37569.714437900002</v>
      </c>
      <c r="AU2326" s="9">
        <v>39050.899313100002</v>
      </c>
      <c r="AV2326" s="9">
        <v>40692.627775000001</v>
      </c>
      <c r="AW2326" s="9">
        <v>41507.000671200003</v>
      </c>
      <c r="AX2326" s="9">
        <v>43158.167307900003</v>
      </c>
      <c r="AY2326" s="9">
        <v>44429.324885100003</v>
      </c>
      <c r="AZ2326" s="9">
        <v>48723.089927599998</v>
      </c>
      <c r="BA2326" s="9">
        <v>47433.857472900003</v>
      </c>
      <c r="BB2326" s="9">
        <v>46269.334378400003</v>
      </c>
      <c r="BC2326" s="9">
        <v>46333.736607899998</v>
      </c>
      <c r="BD2326" s="9">
        <v>45218.666670999999</v>
      </c>
      <c r="BE2326" s="9">
        <v>46926.799110499996</v>
      </c>
      <c r="BF2326" s="9">
        <v>48662.242472799997</v>
      </c>
      <c r="BG2326" s="11">
        <v>14</v>
      </c>
      <c r="BH2326" s="13">
        <v>0.18181818181818182</v>
      </c>
      <c r="BI2326" s="6">
        <v>10</v>
      </c>
      <c r="BJ2326" s="13">
        <v>0.12987012987012986</v>
      </c>
      <c r="BK2326" s="6">
        <v>7</v>
      </c>
      <c r="BL2326" s="13">
        <v>8.0459770114942528E-2</v>
      </c>
      <c r="BM2326" s="11">
        <v>-3</v>
      </c>
      <c r="BN2326" s="13">
        <v>-3.1914893617021274E-2</v>
      </c>
      <c r="BO2326" s="11">
        <v>4</v>
      </c>
      <c r="BP2326" s="13">
        <v>4.5977011494252873E-2</v>
      </c>
      <c r="BQ2326" s="6">
        <v>77</v>
      </c>
      <c r="BR2326" s="6">
        <v>76</v>
      </c>
      <c r="BS2326" s="6">
        <v>78</v>
      </c>
      <c r="BT2326" s="6">
        <v>87</v>
      </c>
      <c r="BU2326" s="6">
        <v>87</v>
      </c>
      <c r="BV2326" s="6">
        <v>89</v>
      </c>
      <c r="BW2326" s="6">
        <v>94</v>
      </c>
      <c r="BX2326" s="6">
        <v>94</v>
      </c>
      <c r="BY2326" s="6">
        <v>89</v>
      </c>
      <c r="BZ2326" s="6">
        <v>91</v>
      </c>
      <c r="CA2326" s="6">
        <v>91</v>
      </c>
      <c r="CB2326" s="6">
        <v>92</v>
      </c>
      <c r="CC2326" s="11">
        <v>91</v>
      </c>
      <c r="CD2326" s="11">
        <v>-581.197</v>
      </c>
      <c r="CE2326" s="11">
        <v>-118.709</v>
      </c>
      <c r="CF2326" s="11">
        <v>221.346</v>
      </c>
      <c r="CG2326" s="11">
        <v>102</v>
      </c>
      <c r="CH2326" s="20">
        <v>1.3878900000000001</v>
      </c>
      <c r="CI2326" s="20">
        <v>1.3588800000000001</v>
      </c>
      <c r="CJ2326" s="20">
        <v>1.35046</v>
      </c>
      <c r="CK2326" s="20">
        <v>1.33673</v>
      </c>
      <c r="CL2326" s="20">
        <v>1.3299700000000001</v>
      </c>
      <c r="CM2326" s="20">
        <v>1.2933399999999999</v>
      </c>
      <c r="CN2326" s="20">
        <v>1.29684</v>
      </c>
      <c r="CO2326" s="20">
        <v>1.36107</v>
      </c>
      <c r="CP2326" s="20">
        <v>1.4309099999999999</v>
      </c>
      <c r="CQ2326" s="20">
        <v>1.12652</v>
      </c>
      <c r="CR2326" s="20">
        <v>1.10842</v>
      </c>
      <c r="CS2326" s="20">
        <v>1.145</v>
      </c>
      <c r="CT2326" s="20">
        <v>1.16717</v>
      </c>
      <c r="CU2326" s="20">
        <v>1.2031400000000001</v>
      </c>
      <c r="CV2326" s="20">
        <v>1.2517799999999999</v>
      </c>
      <c r="CW2326" s="20">
        <v>1.26911</v>
      </c>
      <c r="CX2326" s="20">
        <v>1.23387</v>
      </c>
      <c r="CY2326" s="6" t="s">
        <v>725</v>
      </c>
      <c r="CZ2326" s="6" t="s">
        <v>726</v>
      </c>
      <c r="DA2326" s="6" t="s">
        <v>154</v>
      </c>
      <c r="DB2326" s="6" t="s">
        <v>345</v>
      </c>
      <c r="DC2326" s="6"/>
      <c r="DD2326" s="6"/>
      <c r="DE2326" s="6"/>
      <c r="DF2326" s="6"/>
      <c r="DG2326" s="6"/>
      <c r="DH2326" s="6" t="s">
        <v>333</v>
      </c>
      <c r="DI2326" s="6"/>
      <c r="DJ2326" s="6"/>
      <c r="DK2326" s="6"/>
      <c r="DL2326" s="6">
        <v>11</v>
      </c>
      <c r="DM2326" s="6" t="s">
        <v>520</v>
      </c>
      <c r="DN2326" s="6">
        <v>7</v>
      </c>
      <c r="DO2326" s="6" t="s">
        <v>369</v>
      </c>
      <c r="DP2326" s="6"/>
      <c r="DQ2326" s="6"/>
    </row>
    <row r="2327" spans="1:121" x14ac:dyDescent="0.2">
      <c r="A2327" s="6" t="s">
        <v>1</v>
      </c>
      <c r="B2327" s="6" t="s">
        <v>1</v>
      </c>
      <c r="C2327" s="6" t="s">
        <v>2</v>
      </c>
      <c r="D2327" s="6" t="s">
        <v>85</v>
      </c>
      <c r="E2327" s="6" t="s">
        <v>226</v>
      </c>
      <c r="F2327" s="11">
        <v>56</v>
      </c>
      <c r="G2327" s="13">
        <v>0.70886075949399996</v>
      </c>
      <c r="H2327" s="11">
        <v>55.196769564999997</v>
      </c>
      <c r="I2327" s="13">
        <v>0.69907105399392799</v>
      </c>
      <c r="J2327" s="11">
        <v>-56.80169324149999</v>
      </c>
      <c r="K2327" s="13">
        <v>-0.42340638199033848</v>
      </c>
      <c r="L2327" s="11">
        <v>57.986125083499999</v>
      </c>
      <c r="M2327" s="13">
        <v>0.74963589648103068</v>
      </c>
      <c r="N2327" s="11">
        <v>1.1844318420000093</v>
      </c>
      <c r="O2327" s="13">
        <v>8.828891751575061E-3</v>
      </c>
      <c r="P2327" s="7">
        <v>78.957309488999996</v>
      </c>
      <c r="Q2327" s="7">
        <v>82.270781528399993</v>
      </c>
      <c r="R2327" s="7">
        <v>114.46800342</v>
      </c>
      <c r="S2327" s="7">
        <v>151.41171082299999</v>
      </c>
      <c r="T2327" s="7">
        <v>184.59034737600001</v>
      </c>
      <c r="U2327" s="7">
        <v>125.737824999</v>
      </c>
      <c r="V2327" s="7">
        <v>134.15407905399999</v>
      </c>
      <c r="W2327" s="7">
        <v>99.771684500700005</v>
      </c>
      <c r="X2327" s="7">
        <v>127.814512545</v>
      </c>
      <c r="Y2327" s="7">
        <v>77.352385812500003</v>
      </c>
      <c r="Z2327" s="7">
        <v>72.970210012699994</v>
      </c>
      <c r="AA2327" s="7">
        <v>65.423838179800001</v>
      </c>
      <c r="AB2327" s="7">
        <v>85.254159959299997</v>
      </c>
      <c r="AC2327" s="7">
        <v>103.1433985</v>
      </c>
      <c r="AD2327" s="7">
        <v>113.093893247</v>
      </c>
      <c r="AE2327" s="7">
        <v>130.80817035300001</v>
      </c>
      <c r="AF2327" s="7">
        <v>135.338510896</v>
      </c>
      <c r="AG2327" s="9">
        <v>5496.7045752000013</v>
      </c>
      <c r="AH2327" s="13">
        <v>0.26977770814670876</v>
      </c>
      <c r="AI2327" s="9">
        <v>-1118.6463807</v>
      </c>
      <c r="AJ2327" s="13">
        <v>-5.4903051943786883E-2</v>
      </c>
      <c r="AK2327" s="9">
        <v>3679.2285048000012</v>
      </c>
      <c r="AL2327" s="13">
        <v>0.1910662875743622</v>
      </c>
      <c r="AM2327" s="9">
        <v>2936.1224511</v>
      </c>
      <c r="AN2327" s="13">
        <v>0.12801637804302404</v>
      </c>
      <c r="AO2327" s="9">
        <v>6615.3509559000013</v>
      </c>
      <c r="AP2327" s="13">
        <v>0.34354227971878293</v>
      </c>
      <c r="AQ2327" s="9">
        <v>20374.939845699999</v>
      </c>
      <c r="AR2327" s="9">
        <v>21477.423699899999</v>
      </c>
      <c r="AS2327" s="9">
        <v>17028.8988737</v>
      </c>
      <c r="AT2327" s="9">
        <v>16846.48834</v>
      </c>
      <c r="AU2327" s="9">
        <v>22138.183220499999</v>
      </c>
      <c r="AV2327" s="9">
        <v>27600.5281125</v>
      </c>
      <c r="AW2327" s="9">
        <v>19256.293464999999</v>
      </c>
      <c r="AX2327" s="9">
        <v>22254.177179300001</v>
      </c>
      <c r="AY2327" s="9">
        <v>22338.518528299999</v>
      </c>
      <c r="AZ2327" s="9">
        <v>22935.5219698</v>
      </c>
      <c r="BA2327" s="9">
        <v>21894.373856599999</v>
      </c>
      <c r="BB2327" s="9">
        <v>25513.911657500001</v>
      </c>
      <c r="BC2327" s="9">
        <v>26067.955099700001</v>
      </c>
      <c r="BD2327" s="9">
        <v>24116.836268700001</v>
      </c>
      <c r="BE2327" s="9">
        <v>25369.296119999999</v>
      </c>
      <c r="BF2327" s="9">
        <v>25871.6444209</v>
      </c>
      <c r="BG2327" s="11">
        <v>3.75</v>
      </c>
      <c r="BH2327" s="13">
        <v>0.625</v>
      </c>
      <c r="BI2327" s="6">
        <v>-1</v>
      </c>
      <c r="BJ2327" s="13">
        <v>-0.16666666666666666</v>
      </c>
      <c r="BK2327" s="6">
        <v>1</v>
      </c>
      <c r="BL2327" s="13">
        <v>0.2</v>
      </c>
      <c r="BM2327" s="11">
        <v>3.75</v>
      </c>
      <c r="BN2327" s="13">
        <v>0.625</v>
      </c>
      <c r="BO2327" s="11">
        <v>4.75</v>
      </c>
      <c r="BP2327" s="13">
        <v>0.95</v>
      </c>
      <c r="BQ2327" s="6">
        <v>6</v>
      </c>
      <c r="BR2327" s="6">
        <v>6</v>
      </c>
      <c r="BS2327" s="6">
        <v>5</v>
      </c>
      <c r="BT2327" s="6">
        <v>5</v>
      </c>
      <c r="BU2327" s="6">
        <v>6</v>
      </c>
      <c r="BV2327" s="6">
        <v>6</v>
      </c>
      <c r="BW2327" s="6">
        <v>6</v>
      </c>
      <c r="BX2327" s="6">
        <v>6</v>
      </c>
      <c r="BY2327" s="6">
        <v>6</v>
      </c>
      <c r="BZ2327" s="6">
        <v>7</v>
      </c>
      <c r="CA2327" s="6">
        <v>8</v>
      </c>
      <c r="CB2327" s="6">
        <v>9</v>
      </c>
      <c r="CC2327" s="11">
        <v>9.75</v>
      </c>
      <c r="CD2327" s="11">
        <v>54.948999999999998</v>
      </c>
      <c r="CE2327" s="11">
        <v>-7.1988300000000001</v>
      </c>
      <c r="CF2327" s="11">
        <v>8.6309799999999992</v>
      </c>
      <c r="CG2327" s="11">
        <v>2</v>
      </c>
      <c r="CH2327" s="20">
        <v>0.75578199999999995</v>
      </c>
      <c r="CI2327" s="20">
        <v>0.79812499999999997</v>
      </c>
      <c r="CJ2327" s="20">
        <v>1.1170899999999999</v>
      </c>
      <c r="CK2327" s="20">
        <v>1.3819699999999999</v>
      </c>
      <c r="CL2327" s="20">
        <v>1.6572199999999999</v>
      </c>
      <c r="CM2327" s="20">
        <v>1.15859</v>
      </c>
      <c r="CN2327" s="20">
        <v>1.25528</v>
      </c>
      <c r="CO2327" s="20">
        <v>0.96774199999999999</v>
      </c>
      <c r="CP2327" s="20">
        <v>1.23122</v>
      </c>
      <c r="CQ2327" s="20">
        <v>0.76974299999999996</v>
      </c>
      <c r="CR2327" s="20">
        <v>0.71804900000000005</v>
      </c>
      <c r="CS2327" s="20">
        <v>0.64923200000000003</v>
      </c>
      <c r="CT2327" s="20">
        <v>0.82264300000000001</v>
      </c>
      <c r="CU2327" s="20">
        <v>0.98395100000000002</v>
      </c>
      <c r="CV2327" s="20">
        <v>1.06063</v>
      </c>
      <c r="CW2327" s="20">
        <v>1.22977</v>
      </c>
      <c r="CX2327" s="20">
        <v>1.2477100000000001</v>
      </c>
      <c r="CY2327" s="6" t="s">
        <v>727</v>
      </c>
      <c r="CZ2327" s="6" t="s">
        <v>728</v>
      </c>
      <c r="DA2327" s="6" t="s">
        <v>85</v>
      </c>
      <c r="DB2327" s="6"/>
      <c r="DC2327" s="6">
        <v>41180</v>
      </c>
      <c r="DD2327" s="6">
        <v>476</v>
      </c>
      <c r="DE2327" s="6" t="s">
        <v>508</v>
      </c>
      <c r="DF2327" s="6" t="s">
        <v>375</v>
      </c>
      <c r="DG2327" s="6" t="s">
        <v>376</v>
      </c>
      <c r="DH2327" s="6" t="s">
        <v>328</v>
      </c>
      <c r="DI2327" s="6" t="s">
        <v>509</v>
      </c>
      <c r="DJ2327" s="6">
        <v>29</v>
      </c>
      <c r="DK2327" s="6">
        <v>219</v>
      </c>
      <c r="DL2327" s="6">
        <v>1</v>
      </c>
      <c r="DM2327" s="6" t="s">
        <v>404</v>
      </c>
      <c r="DN2327" s="6">
        <v>1</v>
      </c>
      <c r="DO2327" s="6" t="s">
        <v>405</v>
      </c>
      <c r="DP2327" s="6"/>
      <c r="DQ2327" s="6"/>
    </row>
    <row r="2328" spans="1:121" x14ac:dyDescent="0.2">
      <c r="A2328" s="6" t="s">
        <v>310</v>
      </c>
      <c r="B2328" s="6" t="s">
        <v>310</v>
      </c>
      <c r="C2328" s="6" t="s">
        <v>173</v>
      </c>
      <c r="D2328" s="6" t="s">
        <v>85</v>
      </c>
      <c r="E2328" s="6" t="s">
        <v>226</v>
      </c>
      <c r="F2328" s="11">
        <v>1</v>
      </c>
      <c r="G2328" s="13">
        <v>1</v>
      </c>
      <c r="H2328" s="11">
        <v>-20.855986000000001</v>
      </c>
      <c r="I2328" s="13">
        <v>-0.56791028100740215</v>
      </c>
      <c r="J2328" s="11">
        <v>-10.8681</v>
      </c>
      <c r="K2328" s="13">
        <v>-0.68490241427770182</v>
      </c>
      <c r="L2328" s="11">
        <v>0</v>
      </c>
      <c r="M2328" s="13">
        <v>0</v>
      </c>
      <c r="N2328" s="11">
        <v>-10.8681</v>
      </c>
      <c r="O2328" s="13">
        <v>-0.68490241427770182</v>
      </c>
      <c r="P2328" s="7">
        <v>36.724086</v>
      </c>
      <c r="Q2328" s="7">
        <v>39.793402</v>
      </c>
      <c r="R2328" s="7">
        <v>34.782223999999999</v>
      </c>
      <c r="S2328" s="7">
        <v>32.967275000000001</v>
      </c>
      <c r="T2328" s="7">
        <v>25.666602000000001</v>
      </c>
      <c r="U2328" s="7">
        <v>27.828056</v>
      </c>
      <c r="V2328" s="7">
        <v>15.8681</v>
      </c>
      <c r="W2328" s="7">
        <v>12.117367</v>
      </c>
      <c r="X2328" s="7">
        <v>5</v>
      </c>
      <c r="Y2328" s="7">
        <v>5</v>
      </c>
      <c r="Z2328" s="7">
        <v>5</v>
      </c>
      <c r="AA2328" s="7">
        <v>5</v>
      </c>
      <c r="AB2328" s="7">
        <v>5</v>
      </c>
      <c r="AC2328" s="7">
        <v>5</v>
      </c>
      <c r="AD2328" s="7">
        <v>5</v>
      </c>
      <c r="AE2328" s="7">
        <v>5</v>
      </c>
      <c r="AF2328" s="7">
        <v>5</v>
      </c>
      <c r="AG2328" s="9">
        <v>-66988.383503499994</v>
      </c>
      <c r="AH2328" s="13">
        <v>-0.99998507226148836</v>
      </c>
      <c r="AI2328" s="9">
        <v>17603.677485500011</v>
      </c>
      <c r="AJ2328" s="13">
        <v>0.2627830943477823</v>
      </c>
      <c r="AK2328" s="9">
        <v>-84592.060989000005</v>
      </c>
      <c r="AL2328" s="13">
        <v>-0.99998817869943102</v>
      </c>
      <c r="AM2328" s="9">
        <v>0</v>
      </c>
      <c r="AN2328" s="13">
        <v>0</v>
      </c>
      <c r="AO2328" s="9">
        <v>-84592.060989000005</v>
      </c>
      <c r="AP2328" s="13">
        <v>-0.99998817869943102</v>
      </c>
      <c r="AQ2328" s="9">
        <v>66989.383503499994</v>
      </c>
      <c r="AR2328" s="9">
        <v>58806.538623</v>
      </c>
      <c r="AS2328" s="9">
        <v>74955.3580506</v>
      </c>
      <c r="AT2328" s="9">
        <v>82622.872058699999</v>
      </c>
      <c r="AU2328" s="9">
        <v>77841.0765446</v>
      </c>
      <c r="AV2328" s="9">
        <v>97040.733764000004</v>
      </c>
      <c r="AW2328" s="9">
        <v>84593.060989000005</v>
      </c>
      <c r="AX2328" s="9">
        <v>40299.386503499998</v>
      </c>
      <c r="AY2328" s="9">
        <v>1</v>
      </c>
      <c r="AZ2328" s="9">
        <v>1</v>
      </c>
      <c r="BA2328" s="9">
        <v>1</v>
      </c>
      <c r="BB2328" s="9">
        <v>1</v>
      </c>
      <c r="BC2328" s="9">
        <v>1</v>
      </c>
      <c r="BD2328" s="9">
        <v>1</v>
      </c>
      <c r="BE2328" s="9">
        <v>1</v>
      </c>
      <c r="BF2328" s="9">
        <v>1</v>
      </c>
      <c r="BG2328" s="11">
        <v>-1</v>
      </c>
      <c r="BH2328" s="13">
        <v>-0.5</v>
      </c>
      <c r="BI2328" s="6">
        <v>-1</v>
      </c>
      <c r="BJ2328" s="13">
        <v>-0.5</v>
      </c>
      <c r="BK2328" s="6">
        <v>0</v>
      </c>
      <c r="BL2328" s="13">
        <v>0</v>
      </c>
      <c r="BM2328" s="11">
        <v>0</v>
      </c>
      <c r="BN2328" s="13">
        <v>0</v>
      </c>
      <c r="BO2328" s="11">
        <v>0</v>
      </c>
      <c r="BP2328" s="13">
        <v>0</v>
      </c>
      <c r="BQ2328" s="6">
        <v>2</v>
      </c>
      <c r="BR2328" s="6">
        <v>2</v>
      </c>
      <c r="BS2328" s="6">
        <v>2</v>
      </c>
      <c r="BT2328" s="6">
        <v>1</v>
      </c>
      <c r="BU2328" s="6">
        <v>1</v>
      </c>
      <c r="BV2328" s="6">
        <v>1</v>
      </c>
      <c r="BW2328" s="6">
        <v>1</v>
      </c>
      <c r="BX2328" s="6">
        <v>1</v>
      </c>
      <c r="BY2328" s="6">
        <v>2</v>
      </c>
      <c r="BZ2328" s="6">
        <v>2</v>
      </c>
      <c r="CA2328" s="6">
        <v>2</v>
      </c>
      <c r="CB2328" s="6">
        <v>1</v>
      </c>
      <c r="CC2328" s="11">
        <v>1</v>
      </c>
      <c r="CD2328" s="11">
        <v>-40.029800000000002</v>
      </c>
      <c r="CE2328" s="11">
        <v>3.8100499999999999</v>
      </c>
      <c r="CF2328" s="11">
        <v>4.0143800000000001</v>
      </c>
      <c r="CG2328" s="11">
        <v>8</v>
      </c>
      <c r="CH2328" s="20">
        <v>1.2389699999999999</v>
      </c>
      <c r="CI2328" s="20">
        <v>1.4213</v>
      </c>
      <c r="CJ2328" s="20">
        <v>1.2674099999999999</v>
      </c>
      <c r="CK2328" s="20">
        <v>1.0871299999999999</v>
      </c>
      <c r="CL2328" s="20">
        <v>0.77674299999999996</v>
      </c>
      <c r="CM2328" s="20">
        <v>0.784609</v>
      </c>
      <c r="CN2328" s="20">
        <v>0.42160199999999998</v>
      </c>
      <c r="CO2328" s="20">
        <v>0.30110799999999999</v>
      </c>
      <c r="CP2328" s="20">
        <v>0.102464</v>
      </c>
      <c r="CQ2328" s="20">
        <v>0.109988</v>
      </c>
      <c r="CR2328" s="20">
        <v>0.13753099999999999</v>
      </c>
      <c r="CS2328" s="20">
        <v>0.15234300000000001</v>
      </c>
      <c r="CT2328" s="20">
        <v>0.14418600000000001</v>
      </c>
      <c r="CU2328" s="20">
        <v>0.112738</v>
      </c>
      <c r="CV2328" s="20">
        <v>0.10234500000000001</v>
      </c>
      <c r="CW2328" s="20">
        <v>0.149815</v>
      </c>
      <c r="CX2328" s="20">
        <v>0.123237</v>
      </c>
      <c r="CY2328" s="6" t="s">
        <v>727</v>
      </c>
      <c r="CZ2328" s="6" t="s">
        <v>728</v>
      </c>
      <c r="DA2328" s="6" t="s">
        <v>85</v>
      </c>
      <c r="DB2328" s="6"/>
      <c r="DC2328" s="6">
        <v>41180</v>
      </c>
      <c r="DD2328" s="6">
        <v>476</v>
      </c>
      <c r="DE2328" s="6" t="s">
        <v>508</v>
      </c>
      <c r="DF2328" s="6" t="s">
        <v>375</v>
      </c>
      <c r="DG2328" s="6" t="s">
        <v>376</v>
      </c>
      <c r="DH2328" s="6" t="s">
        <v>328</v>
      </c>
      <c r="DI2328" s="6" t="s">
        <v>509</v>
      </c>
      <c r="DJ2328" s="6">
        <v>29</v>
      </c>
      <c r="DK2328" s="6">
        <v>219</v>
      </c>
      <c r="DL2328" s="6">
        <v>1</v>
      </c>
      <c r="DM2328" s="6" t="s">
        <v>404</v>
      </c>
      <c r="DN2328" s="6">
        <v>1</v>
      </c>
      <c r="DO2328" s="6" t="s">
        <v>405</v>
      </c>
      <c r="DP2328" s="6"/>
      <c r="DQ2328" s="6"/>
    </row>
    <row r="2329" spans="1:121" x14ac:dyDescent="0.2">
      <c r="A2329" s="6" t="s">
        <v>311</v>
      </c>
      <c r="B2329" s="6" t="s">
        <v>311</v>
      </c>
      <c r="C2329" s="6" t="s">
        <v>174</v>
      </c>
      <c r="D2329" s="6" t="s">
        <v>85</v>
      </c>
      <c r="E2329" s="6" t="s">
        <v>226</v>
      </c>
      <c r="F2329" s="11">
        <v>-12</v>
      </c>
      <c r="G2329" s="13">
        <v>-0.27906976744200002</v>
      </c>
      <c r="H2329" s="11">
        <v>-11.346195000000002</v>
      </c>
      <c r="I2329" s="13">
        <v>-0.26522369162826903</v>
      </c>
      <c r="J2329" s="11">
        <v>13.765718</v>
      </c>
      <c r="K2329" s="13">
        <v>0.4379311082015494</v>
      </c>
      <c r="L2329" s="11">
        <v>-13.858358725499997</v>
      </c>
      <c r="M2329" s="13">
        <v>-0.30660599851431131</v>
      </c>
      <c r="N2329" s="11">
        <v>-9.2640725499997245E-2</v>
      </c>
      <c r="O2329" s="13">
        <v>-2.9471950233768652E-3</v>
      </c>
      <c r="P2329" s="7">
        <v>42.779719</v>
      </c>
      <c r="Q2329" s="7">
        <v>67.818496999999994</v>
      </c>
      <c r="R2329" s="7">
        <v>39.696845000000003</v>
      </c>
      <c r="S2329" s="7">
        <v>62.318468000000003</v>
      </c>
      <c r="T2329" s="7">
        <v>48.202221999999999</v>
      </c>
      <c r="U2329" s="7">
        <v>25.863073</v>
      </c>
      <c r="V2329" s="7">
        <v>31.433523999999998</v>
      </c>
      <c r="W2329" s="7">
        <v>19.467168000000001</v>
      </c>
      <c r="X2329" s="7">
        <v>17.308678</v>
      </c>
      <c r="Y2329" s="7">
        <v>45.199241999999998</v>
      </c>
      <c r="Z2329" s="7">
        <v>28.978116492400002</v>
      </c>
      <c r="AA2329" s="7">
        <v>27.659451752399999</v>
      </c>
      <c r="AB2329" s="7">
        <v>30.253400140099998</v>
      </c>
      <c r="AC2329" s="7">
        <v>29.7420121038</v>
      </c>
      <c r="AD2329" s="7">
        <v>29.673112591399999</v>
      </c>
      <c r="AE2329" s="7">
        <v>31.4233272757</v>
      </c>
      <c r="AF2329" s="7">
        <v>31.340883274500001</v>
      </c>
      <c r="AG2329" s="9">
        <v>11630.732227100001</v>
      </c>
      <c r="AH2329" s="13">
        <v>0.30748064784224871</v>
      </c>
      <c r="AI2329" s="9">
        <v>12077.031959500004</v>
      </c>
      <c r="AJ2329" s="13">
        <v>0.31927943472605536</v>
      </c>
      <c r="AK2329" s="9">
        <v>34790.465883100005</v>
      </c>
      <c r="AL2329" s="13">
        <v>0.69716276258620935</v>
      </c>
      <c r="AM2329" s="9">
        <v>-35236.765615500008</v>
      </c>
      <c r="AN2329" s="13">
        <v>-0.41605091455504595</v>
      </c>
      <c r="AO2329" s="9">
        <v>-446.29973240000254</v>
      </c>
      <c r="AP2329" s="13">
        <v>-8.9433569365512423E-3</v>
      </c>
      <c r="AQ2329" s="9">
        <v>37825.899967099998</v>
      </c>
      <c r="AR2329" s="9">
        <v>51555.5350416</v>
      </c>
      <c r="AS2329" s="9">
        <v>76606.274345500002</v>
      </c>
      <c r="AT2329" s="9">
        <v>68432.559497900002</v>
      </c>
      <c r="AU2329" s="9">
        <v>47108.914616100003</v>
      </c>
      <c r="AV2329" s="9">
        <v>58919.105902000003</v>
      </c>
      <c r="AW2329" s="9">
        <v>49902.931926600002</v>
      </c>
      <c r="AX2329" s="9">
        <v>121946.537081</v>
      </c>
      <c r="AY2329" s="9">
        <v>102170.71436899999</v>
      </c>
      <c r="AZ2329" s="9">
        <v>84693.397809700007</v>
      </c>
      <c r="BA2329" s="9">
        <v>71412.274598699994</v>
      </c>
      <c r="BB2329" s="9">
        <v>82276.805613200006</v>
      </c>
      <c r="BC2329" s="9">
        <v>61726.285061100003</v>
      </c>
      <c r="BD2329" s="9">
        <v>66449.897528600006</v>
      </c>
      <c r="BE2329" s="9">
        <v>70601.713437800005</v>
      </c>
      <c r="BF2329" s="9">
        <v>49456.6321942</v>
      </c>
      <c r="BG2329" s="11">
        <v>-0.5</v>
      </c>
      <c r="BH2329" s="13">
        <v>-0.25</v>
      </c>
      <c r="BI2329" s="6">
        <v>0</v>
      </c>
      <c r="BJ2329" s="13">
        <v>0</v>
      </c>
      <c r="BK2329" s="6">
        <v>1</v>
      </c>
      <c r="BL2329" s="13">
        <v>0.5</v>
      </c>
      <c r="BM2329" s="11">
        <v>-1.5</v>
      </c>
      <c r="BN2329" s="13">
        <v>-0.5</v>
      </c>
      <c r="BO2329" s="11">
        <v>-0.5</v>
      </c>
      <c r="BP2329" s="13">
        <v>-0.25</v>
      </c>
      <c r="BQ2329" s="6">
        <v>2</v>
      </c>
      <c r="BR2329" s="6">
        <v>2</v>
      </c>
      <c r="BS2329" s="6">
        <v>2</v>
      </c>
      <c r="BT2329" s="6">
        <v>2</v>
      </c>
      <c r="BU2329" s="6">
        <v>2</v>
      </c>
      <c r="BV2329" s="6">
        <v>3</v>
      </c>
      <c r="BW2329" s="6">
        <v>3</v>
      </c>
      <c r="BX2329" s="6">
        <v>2</v>
      </c>
      <c r="BY2329" s="6">
        <v>2</v>
      </c>
      <c r="BZ2329" s="6">
        <v>2</v>
      </c>
      <c r="CA2329" s="6">
        <v>2</v>
      </c>
      <c r="CB2329" s="6">
        <v>2</v>
      </c>
      <c r="CC2329" s="11">
        <v>1.5</v>
      </c>
      <c r="CD2329" s="11">
        <v>-9.1487599999999993</v>
      </c>
      <c r="CE2329" s="11">
        <v>-6.9664099999999998</v>
      </c>
      <c r="CF2329" s="11">
        <v>4.6763399999999997</v>
      </c>
      <c r="CG2329" s="11">
        <v>-2</v>
      </c>
      <c r="CH2329" s="20">
        <v>1.31728</v>
      </c>
      <c r="CI2329" s="20">
        <v>2.1235200000000001</v>
      </c>
      <c r="CJ2329" s="20">
        <v>1.2911300000000001</v>
      </c>
      <c r="CK2329" s="20">
        <v>1.94726</v>
      </c>
      <c r="CL2329" s="20">
        <v>1.5269600000000001</v>
      </c>
      <c r="CM2329" s="20">
        <v>0.84528199999999998</v>
      </c>
      <c r="CN2329" s="20">
        <v>1.02919</v>
      </c>
      <c r="CO2329" s="20">
        <v>0.63276299999999996</v>
      </c>
      <c r="CP2329" s="20">
        <v>0.55105999999999999</v>
      </c>
      <c r="CQ2329" s="20">
        <v>1.50217</v>
      </c>
      <c r="CR2329" s="20">
        <v>0.96051600000000004</v>
      </c>
      <c r="CS2329" s="20">
        <v>0.93670799999999999</v>
      </c>
      <c r="CT2329" s="20">
        <v>1.00858</v>
      </c>
      <c r="CU2329" s="20">
        <v>0.98760199999999998</v>
      </c>
      <c r="CV2329" s="20">
        <v>0.97007500000000002</v>
      </c>
      <c r="CW2329" s="20">
        <v>1.02851</v>
      </c>
      <c r="CX2329" s="20">
        <v>0.999861</v>
      </c>
      <c r="CY2329" s="6" t="s">
        <v>727</v>
      </c>
      <c r="CZ2329" s="6" t="s">
        <v>728</v>
      </c>
      <c r="DA2329" s="6" t="s">
        <v>85</v>
      </c>
      <c r="DB2329" s="6"/>
      <c r="DC2329" s="6">
        <v>41180</v>
      </c>
      <c r="DD2329" s="6">
        <v>476</v>
      </c>
      <c r="DE2329" s="6" t="s">
        <v>508</v>
      </c>
      <c r="DF2329" s="6" t="s">
        <v>375</v>
      </c>
      <c r="DG2329" s="6" t="s">
        <v>376</v>
      </c>
      <c r="DH2329" s="6" t="s">
        <v>328</v>
      </c>
      <c r="DI2329" s="6" t="s">
        <v>509</v>
      </c>
      <c r="DJ2329" s="6">
        <v>29</v>
      </c>
      <c r="DK2329" s="6">
        <v>219</v>
      </c>
      <c r="DL2329" s="6">
        <v>1</v>
      </c>
      <c r="DM2329" s="6" t="s">
        <v>404</v>
      </c>
      <c r="DN2329" s="6">
        <v>1</v>
      </c>
      <c r="DO2329" s="6" t="s">
        <v>405</v>
      </c>
      <c r="DP2329" s="6"/>
      <c r="DQ2329" s="6"/>
    </row>
    <row r="2330" spans="1:121" x14ac:dyDescent="0.2">
      <c r="A2330" s="6" t="s">
        <v>312</v>
      </c>
      <c r="B2330" s="6" t="s">
        <v>312</v>
      </c>
      <c r="C2330" s="6" t="s">
        <v>175</v>
      </c>
      <c r="D2330" s="6" t="s">
        <v>85</v>
      </c>
      <c r="E2330" s="6" t="s">
        <v>226</v>
      </c>
      <c r="F2330" s="11">
        <v>103</v>
      </c>
      <c r="G2330" s="13">
        <v>0.12530413625299999</v>
      </c>
      <c r="H2330" s="11">
        <v>157.45201906800003</v>
      </c>
      <c r="I2330" s="13">
        <v>0.19154367325095312</v>
      </c>
      <c r="J2330" s="11">
        <v>-265.04715509000005</v>
      </c>
      <c r="K2330" s="13">
        <v>-0.27060309503708402</v>
      </c>
      <c r="L2330" s="11">
        <v>210.14531545700004</v>
      </c>
      <c r="M2330" s="13">
        <v>0.29414766793232816</v>
      </c>
      <c r="N2330" s="11">
        <v>-54.901839633000009</v>
      </c>
      <c r="O2330" s="13">
        <v>-5.6052696445184264E-2</v>
      </c>
      <c r="P2330" s="7">
        <v>822.01628691600001</v>
      </c>
      <c r="Q2330" s="7">
        <v>773.33796912699995</v>
      </c>
      <c r="R2330" s="7">
        <v>837.48416873799999</v>
      </c>
      <c r="S2330" s="7">
        <v>900.90098163899995</v>
      </c>
      <c r="T2330" s="7">
        <v>1002.22474362</v>
      </c>
      <c r="U2330" s="7">
        <v>1036.05469296</v>
      </c>
      <c r="V2330" s="7">
        <v>979.46830598400004</v>
      </c>
      <c r="W2330" s="7">
        <v>895.05748107099998</v>
      </c>
      <c r="X2330" s="7">
        <v>803.66818970999998</v>
      </c>
      <c r="Y2330" s="7">
        <v>714.42115089399999</v>
      </c>
      <c r="Z2330" s="7">
        <v>758.12251720100005</v>
      </c>
      <c r="AA2330" s="7">
        <v>726.25693279699999</v>
      </c>
      <c r="AB2330" s="7">
        <v>747.965450788</v>
      </c>
      <c r="AC2330" s="7">
        <v>762.39696813</v>
      </c>
      <c r="AD2330" s="7">
        <v>863.11548725700004</v>
      </c>
      <c r="AE2330" s="7">
        <v>902.15617545099997</v>
      </c>
      <c r="AF2330" s="7">
        <v>924.56646635100003</v>
      </c>
      <c r="AG2330" s="9">
        <v>11736.391014099998</v>
      </c>
      <c r="AH2330" s="13">
        <v>0.38317054818910518</v>
      </c>
      <c r="AI2330" s="9">
        <v>4618.2755700000016</v>
      </c>
      <c r="AJ2330" s="13">
        <v>0.15077779700073782</v>
      </c>
      <c r="AK2330" s="9">
        <v>-2755.487861200003</v>
      </c>
      <c r="AL2330" s="13">
        <v>-7.8174403881490634E-2</v>
      </c>
      <c r="AM2330" s="9">
        <v>9873.6033052999992</v>
      </c>
      <c r="AN2330" s="13">
        <v>0.303873611627478</v>
      </c>
      <c r="AO2330" s="9">
        <v>7118.1154440999962</v>
      </c>
      <c r="AP2330" s="13">
        <v>0.2019440693016937</v>
      </c>
      <c r="AQ2330" s="9">
        <v>30629.6793153</v>
      </c>
      <c r="AR2330" s="9">
        <v>31691.0292931</v>
      </c>
      <c r="AS2330" s="9">
        <v>32584.850622800001</v>
      </c>
      <c r="AT2330" s="9">
        <v>32748.006857</v>
      </c>
      <c r="AU2330" s="9">
        <v>35941.878678399997</v>
      </c>
      <c r="AV2330" s="9">
        <v>36011.636326</v>
      </c>
      <c r="AW2330" s="9">
        <v>35247.954885300001</v>
      </c>
      <c r="AX2330" s="9">
        <v>35554.130351899999</v>
      </c>
      <c r="AY2330" s="9">
        <v>31570.007549400001</v>
      </c>
      <c r="AZ2330" s="9">
        <v>32492.467024099999</v>
      </c>
      <c r="BA2330" s="9">
        <v>32482.805892100001</v>
      </c>
      <c r="BB2330" s="9">
        <v>33149.363747000003</v>
      </c>
      <c r="BC2330" s="9">
        <v>34839.168695200002</v>
      </c>
      <c r="BD2330" s="9">
        <v>36659.003839899997</v>
      </c>
      <c r="BE2330" s="9">
        <v>40188.764479700003</v>
      </c>
      <c r="BF2330" s="9">
        <v>42366.070329399998</v>
      </c>
      <c r="BG2330" s="11">
        <v>-4.25</v>
      </c>
      <c r="BH2330" s="13">
        <v>-3.8990825688073397E-2</v>
      </c>
      <c r="BI2330" s="6">
        <v>21</v>
      </c>
      <c r="BJ2330" s="13">
        <v>0.19266055045871561</v>
      </c>
      <c r="BK2330" s="6">
        <v>-36</v>
      </c>
      <c r="BL2330" s="13">
        <v>-0.27692307692307694</v>
      </c>
      <c r="BM2330" s="11">
        <v>10.75</v>
      </c>
      <c r="BN2330" s="13">
        <v>0.11436170212765957</v>
      </c>
      <c r="BO2330" s="11">
        <v>-25.25</v>
      </c>
      <c r="BP2330" s="13">
        <v>-0.19423076923076923</v>
      </c>
      <c r="BQ2330" s="6">
        <v>109</v>
      </c>
      <c r="BR2330" s="6">
        <v>117</v>
      </c>
      <c r="BS2330" s="6">
        <v>125</v>
      </c>
      <c r="BT2330" s="6">
        <v>130</v>
      </c>
      <c r="BU2330" s="6">
        <v>118</v>
      </c>
      <c r="BV2330" s="6">
        <v>112</v>
      </c>
      <c r="BW2330" s="6">
        <v>94</v>
      </c>
      <c r="BX2330" s="6">
        <v>96</v>
      </c>
      <c r="BY2330" s="6">
        <v>93</v>
      </c>
      <c r="BZ2330" s="6">
        <v>97</v>
      </c>
      <c r="CA2330" s="6">
        <v>98</v>
      </c>
      <c r="CB2330" s="6">
        <v>105</v>
      </c>
      <c r="CC2330" s="11">
        <v>104.75</v>
      </c>
      <c r="CD2330" s="11">
        <v>112.261</v>
      </c>
      <c r="CE2330" s="11">
        <v>-99.567099999999996</v>
      </c>
      <c r="CF2330" s="11">
        <v>89.856300000000005</v>
      </c>
      <c r="CG2330" s="11">
        <v>-10</v>
      </c>
      <c r="CH2330" s="20">
        <v>1.7451099999999999</v>
      </c>
      <c r="CI2330" s="20">
        <v>1.6579299999999999</v>
      </c>
      <c r="CJ2330" s="20">
        <v>1.78223</v>
      </c>
      <c r="CK2330" s="20">
        <v>1.7269399999999999</v>
      </c>
      <c r="CL2330" s="20">
        <v>1.8158399999999999</v>
      </c>
      <c r="CM2330" s="20">
        <v>1.84443</v>
      </c>
      <c r="CN2330" s="20">
        <v>1.7703500000000001</v>
      </c>
      <c r="CO2330" s="20">
        <v>1.72363</v>
      </c>
      <c r="CP2330" s="20">
        <v>1.74855</v>
      </c>
      <c r="CQ2330" s="20">
        <v>1.7359100000000001</v>
      </c>
      <c r="CR2330" s="20">
        <v>1.8565499999999999</v>
      </c>
      <c r="CS2330" s="20">
        <v>1.8000100000000001</v>
      </c>
      <c r="CT2330" s="20">
        <v>1.7807299999999999</v>
      </c>
      <c r="CU2330" s="20">
        <v>1.75302</v>
      </c>
      <c r="CV2330" s="20">
        <v>1.8997999999999999</v>
      </c>
      <c r="CW2330" s="20">
        <v>1.9470700000000001</v>
      </c>
      <c r="CX2330" s="20">
        <v>1.9477599999999999</v>
      </c>
      <c r="CY2330" s="6" t="s">
        <v>727</v>
      </c>
      <c r="CZ2330" s="6" t="s">
        <v>728</v>
      </c>
      <c r="DA2330" s="6" t="s">
        <v>85</v>
      </c>
      <c r="DB2330" s="6"/>
      <c r="DC2330" s="6">
        <v>41180</v>
      </c>
      <c r="DD2330" s="6">
        <v>476</v>
      </c>
      <c r="DE2330" s="6" t="s">
        <v>508</v>
      </c>
      <c r="DF2330" s="6" t="s">
        <v>375</v>
      </c>
      <c r="DG2330" s="6" t="s">
        <v>376</v>
      </c>
      <c r="DH2330" s="6" t="s">
        <v>328</v>
      </c>
      <c r="DI2330" s="6" t="s">
        <v>509</v>
      </c>
      <c r="DJ2330" s="6">
        <v>29</v>
      </c>
      <c r="DK2330" s="6">
        <v>219</v>
      </c>
      <c r="DL2330" s="6">
        <v>1</v>
      </c>
      <c r="DM2330" s="6" t="s">
        <v>404</v>
      </c>
      <c r="DN2330" s="6">
        <v>1</v>
      </c>
      <c r="DO2330" s="6" t="s">
        <v>405</v>
      </c>
      <c r="DP2330" s="6"/>
      <c r="DQ2330" s="6"/>
    </row>
    <row r="2331" spans="1:121" x14ac:dyDescent="0.2">
      <c r="A2331" s="6" t="s">
        <v>792</v>
      </c>
      <c r="B2331" s="6" t="s">
        <v>176</v>
      </c>
      <c r="C2331" s="6" t="s">
        <v>177</v>
      </c>
      <c r="D2331" s="6" t="s">
        <v>85</v>
      </c>
      <c r="E2331" s="6" t="s">
        <v>226</v>
      </c>
      <c r="F2331" s="11">
        <v>-151</v>
      </c>
      <c r="G2331" s="13">
        <v>-8.3517699114999996E-2</v>
      </c>
      <c r="H2331" s="11">
        <v>-601.1694646200001</v>
      </c>
      <c r="I2331" s="13">
        <v>-0.33253664892025225</v>
      </c>
      <c r="J2331" s="11">
        <v>50.241917009999952</v>
      </c>
      <c r="K2331" s="13">
        <v>4.1637186903453909E-2</v>
      </c>
      <c r="L2331" s="11">
        <v>399.91380734000018</v>
      </c>
      <c r="M2331" s="13">
        <v>0.31817430263937713</v>
      </c>
      <c r="N2331" s="11">
        <v>450.15572435000013</v>
      </c>
      <c r="O2331" s="13">
        <v>0.37305937244970289</v>
      </c>
      <c r="P2331" s="7">
        <v>1807.8292019</v>
      </c>
      <c r="Q2331" s="7">
        <v>1680.2169764299999</v>
      </c>
      <c r="R2331" s="7">
        <v>1455.64374226</v>
      </c>
      <c r="S2331" s="7">
        <v>1580.6769677100001</v>
      </c>
      <c r="T2331" s="7">
        <v>1481.69199585</v>
      </c>
      <c r="U2331" s="7">
        <v>1365.60677908</v>
      </c>
      <c r="V2331" s="7">
        <v>1206.6597372799999</v>
      </c>
      <c r="W2331" s="7">
        <v>1231.0804183299999</v>
      </c>
      <c r="X2331" s="7">
        <v>1212.38999158</v>
      </c>
      <c r="Y2331" s="7">
        <v>1256.9016542899999</v>
      </c>
      <c r="Z2331" s="7">
        <v>1469.6699732300001</v>
      </c>
      <c r="AA2331" s="7">
        <v>1427.06345932</v>
      </c>
      <c r="AB2331" s="7">
        <v>1511.66506882</v>
      </c>
      <c r="AC2331" s="7">
        <v>1538.7601196000001</v>
      </c>
      <c r="AD2331" s="7">
        <v>1578.43054919</v>
      </c>
      <c r="AE2331" s="7">
        <v>1578.4392077699999</v>
      </c>
      <c r="AF2331" s="7">
        <v>1656.8154616300001</v>
      </c>
      <c r="AG2331" s="9">
        <v>25633.009622699996</v>
      </c>
      <c r="AH2331" s="13">
        <v>0.70815972543107686</v>
      </c>
      <c r="AI2331" s="9">
        <v>14524.081873800002</v>
      </c>
      <c r="AJ2331" s="13">
        <v>0.401254865631549</v>
      </c>
      <c r="AK2331" s="9">
        <v>7307.3188913999984</v>
      </c>
      <c r="AL2331" s="13">
        <v>0.14406966623629378</v>
      </c>
      <c r="AM2331" s="9">
        <v>3801.6088574999958</v>
      </c>
      <c r="AN2331" s="13">
        <v>6.5513296016008679E-2</v>
      </c>
      <c r="AO2331" s="9">
        <v>11108.927748899994</v>
      </c>
      <c r="AP2331" s="13">
        <v>0.21902144094336831</v>
      </c>
      <c r="AQ2331" s="9">
        <v>36196.649854800002</v>
      </c>
      <c r="AR2331" s="9">
        <v>38073.528218799998</v>
      </c>
      <c r="AS2331" s="9">
        <v>42043.527901000001</v>
      </c>
      <c r="AT2331" s="9">
        <v>40952.9182201</v>
      </c>
      <c r="AU2331" s="9">
        <v>45396.891822400001</v>
      </c>
      <c r="AV2331" s="9">
        <v>50273.664210399998</v>
      </c>
      <c r="AW2331" s="9">
        <v>50720.731728600003</v>
      </c>
      <c r="AX2331" s="9">
        <v>52735.471649200001</v>
      </c>
      <c r="AY2331" s="9">
        <v>57097.652756900003</v>
      </c>
      <c r="AZ2331" s="9">
        <v>58028.050620000002</v>
      </c>
      <c r="BA2331" s="9">
        <v>57139.3871784</v>
      </c>
      <c r="BB2331" s="9">
        <v>54606.571750100004</v>
      </c>
      <c r="BC2331" s="9">
        <v>56200.091408400003</v>
      </c>
      <c r="BD2331" s="9">
        <v>57213.5943625</v>
      </c>
      <c r="BE2331" s="9">
        <v>58154.9336291</v>
      </c>
      <c r="BF2331" s="9">
        <v>61829.659477499998</v>
      </c>
      <c r="BG2331" s="11">
        <v>-5.75</v>
      </c>
      <c r="BH2331" s="13">
        <v>-0.14374999999999999</v>
      </c>
      <c r="BI2331" s="6">
        <v>3</v>
      </c>
      <c r="BJ2331" s="13">
        <v>7.4999999999999997E-2</v>
      </c>
      <c r="BK2331" s="6">
        <v>-9</v>
      </c>
      <c r="BL2331" s="13">
        <v>-0.20930232558139536</v>
      </c>
      <c r="BM2331" s="11">
        <v>0.25</v>
      </c>
      <c r="BN2331" s="13">
        <v>7.3529411764705881E-3</v>
      </c>
      <c r="BO2331" s="11">
        <v>-8.75</v>
      </c>
      <c r="BP2331" s="13">
        <v>-0.20348837209302326</v>
      </c>
      <c r="BQ2331" s="6">
        <v>40</v>
      </c>
      <c r="BR2331" s="6">
        <v>41</v>
      </c>
      <c r="BS2331" s="6">
        <v>44</v>
      </c>
      <c r="BT2331" s="6">
        <v>43</v>
      </c>
      <c r="BU2331" s="6">
        <v>43</v>
      </c>
      <c r="BV2331" s="6">
        <v>38</v>
      </c>
      <c r="BW2331" s="6">
        <v>34</v>
      </c>
      <c r="BX2331" s="6">
        <v>36</v>
      </c>
      <c r="BY2331" s="6">
        <v>36</v>
      </c>
      <c r="BZ2331" s="6">
        <v>36</v>
      </c>
      <c r="CA2331" s="6">
        <v>35</v>
      </c>
      <c r="CB2331" s="6">
        <v>37</v>
      </c>
      <c r="CC2331" s="11">
        <v>34.25</v>
      </c>
      <c r="CD2331" s="11">
        <v>289.49200000000002</v>
      </c>
      <c r="CE2331" s="11">
        <v>-638.12300000000005</v>
      </c>
      <c r="CF2331" s="11">
        <v>197.61799999999999</v>
      </c>
      <c r="CG2331" s="11">
        <v>-440</v>
      </c>
      <c r="CH2331" s="20">
        <v>2.0047299999999999</v>
      </c>
      <c r="CI2331" s="20">
        <v>2.0107200000000001</v>
      </c>
      <c r="CJ2331" s="20">
        <v>1.8483799999999999</v>
      </c>
      <c r="CK2331" s="20">
        <v>1.9149499999999999</v>
      </c>
      <c r="CL2331" s="20">
        <v>1.78657</v>
      </c>
      <c r="CM2331" s="20">
        <v>1.6958299999999999</v>
      </c>
      <c r="CN2331" s="20">
        <v>1.54023</v>
      </c>
      <c r="CO2331" s="20">
        <v>1.6380399999999999</v>
      </c>
      <c r="CP2331" s="20">
        <v>1.79569</v>
      </c>
      <c r="CQ2331" s="20">
        <v>1.96678</v>
      </c>
      <c r="CR2331" s="20">
        <v>2.2487300000000001</v>
      </c>
      <c r="CS2331" s="20">
        <v>2.19407</v>
      </c>
      <c r="CT2331" s="20">
        <v>2.2676699999999999</v>
      </c>
      <c r="CU2331" s="20">
        <v>2.2840199999999999</v>
      </c>
      <c r="CV2331" s="20">
        <v>2.3056199999999998</v>
      </c>
      <c r="CW2331" s="20">
        <v>2.31006</v>
      </c>
      <c r="CX2331" s="20">
        <v>2.38205</v>
      </c>
      <c r="CY2331" s="6" t="s">
        <v>727</v>
      </c>
      <c r="CZ2331" s="6" t="s">
        <v>728</v>
      </c>
      <c r="DA2331" s="6" t="s">
        <v>85</v>
      </c>
      <c r="DB2331" s="6"/>
      <c r="DC2331" s="6">
        <v>41180</v>
      </c>
      <c r="DD2331" s="6">
        <v>476</v>
      </c>
      <c r="DE2331" s="6" t="s">
        <v>508</v>
      </c>
      <c r="DF2331" s="6" t="s">
        <v>375</v>
      </c>
      <c r="DG2331" s="6" t="s">
        <v>376</v>
      </c>
      <c r="DH2331" s="6" t="s">
        <v>328</v>
      </c>
      <c r="DI2331" s="6" t="s">
        <v>509</v>
      </c>
      <c r="DJ2331" s="6">
        <v>29</v>
      </c>
      <c r="DK2331" s="6">
        <v>219</v>
      </c>
      <c r="DL2331" s="6">
        <v>1</v>
      </c>
      <c r="DM2331" s="6" t="s">
        <v>404</v>
      </c>
      <c r="DN2331" s="6">
        <v>1</v>
      </c>
      <c r="DO2331" s="6" t="s">
        <v>405</v>
      </c>
      <c r="DP2331" s="6"/>
      <c r="DQ2331" s="6"/>
    </row>
    <row r="2332" spans="1:121" x14ac:dyDescent="0.2">
      <c r="A2332" s="6" t="s">
        <v>313</v>
      </c>
      <c r="B2332" s="6" t="s">
        <v>313</v>
      </c>
      <c r="C2332" s="6" t="s">
        <v>178</v>
      </c>
      <c r="D2332" s="6" t="s">
        <v>85</v>
      </c>
      <c r="E2332" s="6" t="s">
        <v>226</v>
      </c>
      <c r="F2332" s="11">
        <v>-63</v>
      </c>
      <c r="G2332" s="13">
        <v>-0.23076923076899999</v>
      </c>
      <c r="H2332" s="11">
        <v>-77.587132882999981</v>
      </c>
      <c r="I2332" s="13">
        <v>-0.28379079129355111</v>
      </c>
      <c r="J2332" s="11">
        <v>-34.978066930000011</v>
      </c>
      <c r="K2332" s="13">
        <v>-0.17863415470916374</v>
      </c>
      <c r="L2332" s="11">
        <v>49.45219636600001</v>
      </c>
      <c r="M2332" s="13">
        <v>0.30748054360415811</v>
      </c>
      <c r="N2332" s="11">
        <v>14.474129435999998</v>
      </c>
      <c r="O2332" s="13">
        <v>7.391986189875141E-2</v>
      </c>
      <c r="P2332" s="7">
        <v>273.39552678699999</v>
      </c>
      <c r="Q2332" s="7">
        <v>216.54166370199999</v>
      </c>
      <c r="R2332" s="7">
        <v>225.73617514</v>
      </c>
      <c r="S2332" s="7">
        <v>194.223591336</v>
      </c>
      <c r="T2332" s="7">
        <v>173.26079047900001</v>
      </c>
      <c r="U2332" s="7">
        <v>185.23375007600001</v>
      </c>
      <c r="V2332" s="7">
        <v>195.80839390400001</v>
      </c>
      <c r="W2332" s="7">
        <v>237.627216753</v>
      </c>
      <c r="X2332" s="7">
        <v>235.72614878900001</v>
      </c>
      <c r="Y2332" s="7">
        <v>160.830326974</v>
      </c>
      <c r="Z2332" s="7">
        <v>195.37124666</v>
      </c>
      <c r="AA2332" s="7">
        <v>214.19266916800001</v>
      </c>
      <c r="AB2332" s="7">
        <v>201.10930336000001</v>
      </c>
      <c r="AC2332" s="7">
        <v>213.719177801</v>
      </c>
      <c r="AD2332" s="7">
        <v>194.44102826400001</v>
      </c>
      <c r="AE2332" s="7">
        <v>204.96366323999999</v>
      </c>
      <c r="AF2332" s="7">
        <v>210.28252334000001</v>
      </c>
      <c r="AG2332" s="9">
        <v>23613.161613000004</v>
      </c>
      <c r="AH2332" s="13">
        <v>0.66503462768164912</v>
      </c>
      <c r="AI2332" s="9">
        <v>9156.8290454000016</v>
      </c>
      <c r="AJ2332" s="13">
        <v>0.25789042969999931</v>
      </c>
      <c r="AK2332" s="9">
        <v>1564.7813108000046</v>
      </c>
      <c r="AL2332" s="13">
        <v>3.5034906042516661E-2</v>
      </c>
      <c r="AM2332" s="9">
        <v>12891.551256799998</v>
      </c>
      <c r="AN2332" s="13">
        <v>0.27886723461106294</v>
      </c>
      <c r="AO2332" s="9">
        <v>14456.332567600002</v>
      </c>
      <c r="AP2332" s="13">
        <v>0.32367222801651463</v>
      </c>
      <c r="AQ2332" s="9">
        <v>35506.664811299997</v>
      </c>
      <c r="AR2332" s="9">
        <v>35833.352486600001</v>
      </c>
      <c r="AS2332" s="9">
        <v>43668.773727200001</v>
      </c>
      <c r="AT2332" s="9">
        <v>36942.681077599998</v>
      </c>
      <c r="AU2332" s="9">
        <v>44417.906190200003</v>
      </c>
      <c r="AV2332" s="9">
        <v>49304.726315</v>
      </c>
      <c r="AW2332" s="9">
        <v>44663.493856699999</v>
      </c>
      <c r="AX2332" s="9">
        <v>41698.169180999997</v>
      </c>
      <c r="AY2332" s="9">
        <v>43843.181762400003</v>
      </c>
      <c r="AZ2332" s="9">
        <v>46228.275167500004</v>
      </c>
      <c r="BA2332" s="9">
        <v>50453.024621500001</v>
      </c>
      <c r="BB2332" s="9">
        <v>52246.2498844</v>
      </c>
      <c r="BC2332" s="9">
        <v>53331.461061100003</v>
      </c>
      <c r="BD2332" s="9">
        <v>54333.729531099998</v>
      </c>
      <c r="BE2332" s="9">
        <v>58810.380136500004</v>
      </c>
      <c r="BF2332" s="9">
        <v>59119.826424300001</v>
      </c>
      <c r="BG2332" s="11">
        <v>-1</v>
      </c>
      <c r="BH2332" s="13">
        <v>-2.7027027027027029E-2</v>
      </c>
      <c r="BI2332" s="6">
        <v>3</v>
      </c>
      <c r="BJ2332" s="13">
        <v>8.1081081081081086E-2</v>
      </c>
      <c r="BK2332" s="6">
        <v>-7</v>
      </c>
      <c r="BL2332" s="13">
        <v>-0.17499999999999999</v>
      </c>
      <c r="BM2332" s="11">
        <v>3</v>
      </c>
      <c r="BN2332" s="13">
        <v>9.0909090909090912E-2</v>
      </c>
      <c r="BO2332" s="11">
        <v>-4</v>
      </c>
      <c r="BP2332" s="13">
        <v>-0.1</v>
      </c>
      <c r="BQ2332" s="6">
        <v>37</v>
      </c>
      <c r="BR2332" s="6">
        <v>35</v>
      </c>
      <c r="BS2332" s="6">
        <v>37</v>
      </c>
      <c r="BT2332" s="6">
        <v>40</v>
      </c>
      <c r="BU2332" s="6">
        <v>40</v>
      </c>
      <c r="BV2332" s="6">
        <v>35</v>
      </c>
      <c r="BW2332" s="6">
        <v>33</v>
      </c>
      <c r="BX2332" s="6">
        <v>33</v>
      </c>
      <c r="BY2332" s="6">
        <v>39</v>
      </c>
      <c r="BZ2332" s="6">
        <v>39</v>
      </c>
      <c r="CA2332" s="6">
        <v>40</v>
      </c>
      <c r="CB2332" s="6">
        <v>37</v>
      </c>
      <c r="CC2332" s="11">
        <v>36</v>
      </c>
      <c r="CD2332" s="11">
        <v>-70.643600000000006</v>
      </c>
      <c r="CE2332" s="11">
        <v>-22.354900000000001</v>
      </c>
      <c r="CF2332" s="11">
        <v>29.885400000000001</v>
      </c>
      <c r="CG2332" s="11">
        <v>8</v>
      </c>
      <c r="CH2332" s="20">
        <v>0.85141699999999998</v>
      </c>
      <c r="CI2332" s="20">
        <v>0.69118199999999996</v>
      </c>
      <c r="CJ2332" s="20">
        <v>0.73084000000000005</v>
      </c>
      <c r="CK2332" s="20">
        <v>0.58573299999999995</v>
      </c>
      <c r="CL2332" s="20">
        <v>0.50771699999999997</v>
      </c>
      <c r="CM2332" s="20">
        <v>0.54391599999999996</v>
      </c>
      <c r="CN2332" s="20">
        <v>0.570079</v>
      </c>
      <c r="CO2332" s="20">
        <v>0.70269199999999998</v>
      </c>
      <c r="CP2332" s="20">
        <v>0.73348599999999997</v>
      </c>
      <c r="CQ2332" s="20">
        <v>0.52344100000000005</v>
      </c>
      <c r="CR2332" s="20">
        <v>0.62448999999999999</v>
      </c>
      <c r="CS2332" s="20">
        <v>0.68714799999999998</v>
      </c>
      <c r="CT2332" s="20">
        <v>0.62592999999999999</v>
      </c>
      <c r="CU2332" s="20">
        <v>0.65900000000000003</v>
      </c>
      <c r="CV2332" s="20">
        <v>0.59039900000000001</v>
      </c>
      <c r="CW2332" s="20">
        <v>0.62515399999999999</v>
      </c>
      <c r="CX2332" s="20">
        <v>0.62495199999999995</v>
      </c>
      <c r="CY2332" s="6" t="s">
        <v>727</v>
      </c>
      <c r="CZ2332" s="6" t="s">
        <v>728</v>
      </c>
      <c r="DA2332" s="6" t="s">
        <v>85</v>
      </c>
      <c r="DB2332" s="6"/>
      <c r="DC2332" s="6">
        <v>41180</v>
      </c>
      <c r="DD2332" s="6">
        <v>476</v>
      </c>
      <c r="DE2332" s="6" t="s">
        <v>508</v>
      </c>
      <c r="DF2332" s="6" t="s">
        <v>375</v>
      </c>
      <c r="DG2332" s="6" t="s">
        <v>376</v>
      </c>
      <c r="DH2332" s="6" t="s">
        <v>328</v>
      </c>
      <c r="DI2332" s="6" t="s">
        <v>509</v>
      </c>
      <c r="DJ2332" s="6">
        <v>29</v>
      </c>
      <c r="DK2332" s="6">
        <v>219</v>
      </c>
      <c r="DL2332" s="6">
        <v>1</v>
      </c>
      <c r="DM2332" s="6" t="s">
        <v>404</v>
      </c>
      <c r="DN2332" s="6">
        <v>1</v>
      </c>
      <c r="DO2332" s="6" t="s">
        <v>405</v>
      </c>
      <c r="DP2332" s="6"/>
      <c r="DQ2332" s="6"/>
    </row>
    <row r="2333" spans="1:121" x14ac:dyDescent="0.2">
      <c r="A2333" s="6" t="s">
        <v>793</v>
      </c>
      <c r="B2333" s="6" t="s">
        <v>179</v>
      </c>
      <c r="C2333" s="6" t="s">
        <v>180</v>
      </c>
      <c r="D2333" s="6" t="s">
        <v>85</v>
      </c>
      <c r="E2333" s="6" t="s">
        <v>226</v>
      </c>
      <c r="F2333" s="11">
        <v>-81</v>
      </c>
      <c r="G2333" s="13">
        <v>-0.08</v>
      </c>
      <c r="H2333" s="11">
        <v>195</v>
      </c>
      <c r="I2333" s="13">
        <v>0.19192913385826771</v>
      </c>
      <c r="J2333" s="11">
        <v>-98</v>
      </c>
      <c r="K2333" s="13">
        <v>-8.0924855491329495E-2</v>
      </c>
      <c r="L2333" s="11">
        <v>-178</v>
      </c>
      <c r="M2333" s="13">
        <v>-0.15992812219227315</v>
      </c>
      <c r="N2333" s="11">
        <v>-276</v>
      </c>
      <c r="O2333" s="13">
        <v>-0.22791081750619324</v>
      </c>
      <c r="P2333" s="7">
        <v>1016</v>
      </c>
      <c r="Q2333" s="7">
        <v>1039</v>
      </c>
      <c r="R2333" s="7">
        <v>1010</v>
      </c>
      <c r="S2333" s="7">
        <v>1164</v>
      </c>
      <c r="T2333" s="7">
        <v>1223</v>
      </c>
      <c r="U2333" s="7">
        <v>1226</v>
      </c>
      <c r="V2333" s="7">
        <v>1211</v>
      </c>
      <c r="W2333" s="7">
        <v>1186</v>
      </c>
      <c r="X2333" s="7">
        <v>1119</v>
      </c>
      <c r="Y2333" s="7">
        <v>1113</v>
      </c>
      <c r="Z2333" s="7">
        <v>1079</v>
      </c>
      <c r="AA2333" s="7">
        <v>966</v>
      </c>
      <c r="AB2333" s="7">
        <v>967</v>
      </c>
      <c r="AC2333" s="7">
        <v>882</v>
      </c>
      <c r="AD2333" s="7">
        <v>892</v>
      </c>
      <c r="AE2333" s="7">
        <v>900</v>
      </c>
      <c r="AF2333" s="7">
        <v>935</v>
      </c>
      <c r="AG2333" s="9">
        <v>8076</v>
      </c>
      <c r="AH2333" s="13">
        <v>0.4089735149642984</v>
      </c>
      <c r="AI2333" s="9">
        <v>5711</v>
      </c>
      <c r="AJ2333" s="13">
        <v>0.28920848736516941</v>
      </c>
      <c r="AK2333" s="9">
        <v>-2135</v>
      </c>
      <c r="AL2333" s="13">
        <v>-8.3863618508916646E-2</v>
      </c>
      <c r="AM2333" s="9">
        <v>4500</v>
      </c>
      <c r="AN2333" s="13">
        <v>0.19294258886078119</v>
      </c>
      <c r="AO2333" s="9">
        <v>2365</v>
      </c>
      <c r="AP2333" s="13">
        <v>9.2898106685521245E-2</v>
      </c>
      <c r="AQ2333" s="9">
        <v>19747</v>
      </c>
      <c r="AR2333" s="9">
        <v>20510</v>
      </c>
      <c r="AS2333" s="9">
        <v>21830</v>
      </c>
      <c r="AT2333" s="9">
        <v>22745</v>
      </c>
      <c r="AU2333" s="9">
        <v>23291</v>
      </c>
      <c r="AV2333" s="9">
        <v>24408</v>
      </c>
      <c r="AW2333" s="9">
        <v>25458</v>
      </c>
      <c r="AX2333" s="9">
        <v>26939</v>
      </c>
      <c r="AY2333" s="9">
        <v>26304</v>
      </c>
      <c r="AZ2333" s="9">
        <v>23323</v>
      </c>
      <c r="BA2333" s="9">
        <v>24048</v>
      </c>
      <c r="BB2333" s="9">
        <v>24842</v>
      </c>
      <c r="BC2333" s="9">
        <v>25644</v>
      </c>
      <c r="BD2333" s="9">
        <v>26905</v>
      </c>
      <c r="BE2333" s="9">
        <v>27653</v>
      </c>
      <c r="BF2333" s="9">
        <v>27823</v>
      </c>
      <c r="BG2333" s="11">
        <v>-27</v>
      </c>
      <c r="BH2333" s="13">
        <v>-0.27835051546391754</v>
      </c>
      <c r="BI2333" s="6">
        <v>-2</v>
      </c>
      <c r="BJ2333" s="13">
        <v>-2.0618556701030927E-2</v>
      </c>
      <c r="BK2333" s="6">
        <v>-15</v>
      </c>
      <c r="BL2333" s="13">
        <v>-0.15789473684210525</v>
      </c>
      <c r="BM2333" s="11">
        <v>-10</v>
      </c>
      <c r="BN2333" s="13">
        <v>-0.125</v>
      </c>
      <c r="BO2333" s="11">
        <v>-25</v>
      </c>
      <c r="BP2333" s="13">
        <v>-0.26315789473684209</v>
      </c>
      <c r="BQ2333" s="6">
        <v>97</v>
      </c>
      <c r="BR2333" s="6">
        <v>97</v>
      </c>
      <c r="BS2333" s="6">
        <v>97</v>
      </c>
      <c r="BT2333" s="6">
        <v>95</v>
      </c>
      <c r="BU2333" s="6">
        <v>94</v>
      </c>
      <c r="BV2333" s="6">
        <v>82</v>
      </c>
      <c r="BW2333" s="6">
        <v>80</v>
      </c>
      <c r="BX2333" s="6">
        <v>75</v>
      </c>
      <c r="BY2333" s="6">
        <v>81</v>
      </c>
      <c r="BZ2333" s="6">
        <v>80</v>
      </c>
      <c r="CA2333" s="6">
        <v>72</v>
      </c>
      <c r="CB2333" s="6">
        <v>72</v>
      </c>
      <c r="CC2333" s="11">
        <v>70</v>
      </c>
      <c r="CD2333" s="11">
        <v>-127</v>
      </c>
      <c r="CE2333" s="11">
        <v>-65</v>
      </c>
      <c r="CF2333" s="11">
        <v>111</v>
      </c>
      <c r="CG2333" s="11">
        <v>46</v>
      </c>
      <c r="CH2333" s="20">
        <v>1.18</v>
      </c>
      <c r="CI2333" s="20">
        <v>1.21</v>
      </c>
      <c r="CJ2333" s="20">
        <v>1.2</v>
      </c>
      <c r="CK2333" s="20">
        <v>1.29</v>
      </c>
      <c r="CL2333" s="20">
        <v>1.33</v>
      </c>
      <c r="CM2333" s="20">
        <v>1.36</v>
      </c>
      <c r="CN2333" s="20">
        <v>1.34</v>
      </c>
      <c r="CO2333" s="20">
        <v>1.34</v>
      </c>
      <c r="CP2333" s="20">
        <v>1.31</v>
      </c>
      <c r="CQ2333" s="20">
        <v>1.35</v>
      </c>
      <c r="CR2333" s="20">
        <v>1.28</v>
      </c>
      <c r="CS2333" s="20">
        <v>1.1599999999999999</v>
      </c>
      <c r="CT2333" s="20">
        <v>1.1299999999999999</v>
      </c>
      <c r="CU2333" s="20">
        <v>1.01</v>
      </c>
      <c r="CV2333" s="20">
        <v>1</v>
      </c>
      <c r="CW2333" s="20">
        <v>1</v>
      </c>
      <c r="CX2333" s="20">
        <v>1.02</v>
      </c>
      <c r="CY2333" s="6" t="s">
        <v>727</v>
      </c>
      <c r="CZ2333" s="6" t="s">
        <v>728</v>
      </c>
      <c r="DA2333" s="6" t="s">
        <v>85</v>
      </c>
      <c r="DB2333" s="6"/>
      <c r="DC2333" s="6">
        <v>41180</v>
      </c>
      <c r="DD2333" s="6">
        <v>476</v>
      </c>
      <c r="DE2333" s="6" t="s">
        <v>508</v>
      </c>
      <c r="DF2333" s="6" t="s">
        <v>375</v>
      </c>
      <c r="DG2333" s="6" t="s">
        <v>376</v>
      </c>
      <c r="DH2333" s="6" t="s">
        <v>328</v>
      </c>
      <c r="DI2333" s="6" t="s">
        <v>509</v>
      </c>
      <c r="DJ2333" s="6">
        <v>29</v>
      </c>
      <c r="DK2333" s="6">
        <v>219</v>
      </c>
      <c r="DL2333" s="6">
        <v>1</v>
      </c>
      <c r="DM2333" s="6" t="s">
        <v>404</v>
      </c>
      <c r="DN2333" s="6">
        <v>1</v>
      </c>
      <c r="DO2333" s="6" t="s">
        <v>405</v>
      </c>
      <c r="DP2333" s="6"/>
      <c r="DQ2333" s="6"/>
    </row>
    <row r="2334" spans="1:121" x14ac:dyDescent="0.2">
      <c r="A2334" s="6" t="s">
        <v>794</v>
      </c>
      <c r="B2334" s="6" t="s">
        <v>181</v>
      </c>
      <c r="C2334" s="6" t="s">
        <v>182</v>
      </c>
      <c r="D2334" s="6" t="s">
        <v>85</v>
      </c>
      <c r="E2334" s="6" t="s">
        <v>226</v>
      </c>
      <c r="F2334" s="11">
        <v>124</v>
      </c>
      <c r="G2334" s="13">
        <v>0.52542372881400001</v>
      </c>
      <c r="H2334" s="11">
        <v>183.55222721899997</v>
      </c>
      <c r="I2334" s="13">
        <v>0.77759412481799139</v>
      </c>
      <c r="J2334" s="11">
        <v>-141.08109959299998</v>
      </c>
      <c r="K2334" s="13">
        <v>-0.33622464345015785</v>
      </c>
      <c r="L2334" s="11">
        <v>81.780807739000011</v>
      </c>
      <c r="M2334" s="13">
        <v>0.29362361200634485</v>
      </c>
      <c r="N2334" s="11">
        <v>-59.300291853999965</v>
      </c>
      <c r="O2334" s="13">
        <v>-0.14132452569919374</v>
      </c>
      <c r="P2334" s="7">
        <v>236.051458416</v>
      </c>
      <c r="Q2334" s="7">
        <v>301.59491374300001</v>
      </c>
      <c r="R2334" s="7">
        <v>363.53096827799999</v>
      </c>
      <c r="S2334" s="7">
        <v>423.34716387600002</v>
      </c>
      <c r="T2334" s="7">
        <v>390.80260829399998</v>
      </c>
      <c r="U2334" s="7">
        <v>422.96895823699998</v>
      </c>
      <c r="V2334" s="7">
        <v>419.60368563499998</v>
      </c>
      <c r="W2334" s="7">
        <v>393.70078967900002</v>
      </c>
      <c r="X2334" s="7">
        <v>415.06903491999998</v>
      </c>
      <c r="Y2334" s="7">
        <v>278.522586042</v>
      </c>
      <c r="Z2334" s="7">
        <v>286.44597266400001</v>
      </c>
      <c r="AA2334" s="7">
        <v>296.62248530599999</v>
      </c>
      <c r="AB2334" s="7">
        <v>313.34183577599998</v>
      </c>
      <c r="AC2334" s="7">
        <v>317.52587467299998</v>
      </c>
      <c r="AD2334" s="7">
        <v>334.49814250899999</v>
      </c>
      <c r="AE2334" s="7">
        <v>355.21455300100001</v>
      </c>
      <c r="AF2334" s="7">
        <v>360.30339378100001</v>
      </c>
      <c r="AG2334" s="9">
        <v>14088.675151000003</v>
      </c>
      <c r="AH2334" s="13">
        <v>0.41507202547347527</v>
      </c>
      <c r="AI2334" s="9">
        <v>9274.9775081000043</v>
      </c>
      <c r="AJ2334" s="13">
        <v>0.2732537771825011</v>
      </c>
      <c r="AK2334" s="9">
        <v>1626.7057984999992</v>
      </c>
      <c r="AL2334" s="13">
        <v>3.7639803743568574E-2</v>
      </c>
      <c r="AM2334" s="9">
        <v>3186.9918443999995</v>
      </c>
      <c r="AN2334" s="13">
        <v>7.1067766179440106E-2</v>
      </c>
      <c r="AO2334" s="9">
        <v>4813.6976428999988</v>
      </c>
      <c r="AP2334" s="13">
        <v>0.11138254669449664</v>
      </c>
      <c r="AQ2334" s="9">
        <v>33942.723880099998</v>
      </c>
      <c r="AR2334" s="9">
        <v>34811.8432311</v>
      </c>
      <c r="AS2334" s="9">
        <v>35804.718431300003</v>
      </c>
      <c r="AT2334" s="9">
        <v>35821.840213399999</v>
      </c>
      <c r="AU2334" s="9">
        <v>39363.731116700001</v>
      </c>
      <c r="AV2334" s="9">
        <v>40200.785279199998</v>
      </c>
      <c r="AW2334" s="9">
        <v>43217.701388200003</v>
      </c>
      <c r="AX2334" s="9">
        <v>45400.179642900002</v>
      </c>
      <c r="AY2334" s="9">
        <v>48073.661472</v>
      </c>
      <c r="AZ2334" s="9">
        <v>44844.407186700002</v>
      </c>
      <c r="BA2334" s="9">
        <v>45629.796521199998</v>
      </c>
      <c r="BB2334" s="9">
        <v>45176.490580799997</v>
      </c>
      <c r="BC2334" s="9">
        <v>47384.412006699997</v>
      </c>
      <c r="BD2334" s="9">
        <v>47411.853660100001</v>
      </c>
      <c r="BE2334" s="9">
        <v>49469.009548299997</v>
      </c>
      <c r="BF2334" s="9">
        <v>48031.399031100002</v>
      </c>
      <c r="BG2334" s="11">
        <v>-8.5</v>
      </c>
      <c r="BH2334" s="13">
        <v>-0.25757575757575757</v>
      </c>
      <c r="BI2334" s="6">
        <v>2</v>
      </c>
      <c r="BJ2334" s="13">
        <v>6.0606060606060608E-2</v>
      </c>
      <c r="BK2334" s="6">
        <v>-5</v>
      </c>
      <c r="BL2334" s="13">
        <v>-0.14285714285714285</v>
      </c>
      <c r="BM2334" s="11">
        <v>-5.5</v>
      </c>
      <c r="BN2334" s="13">
        <v>-0.18333333333333332</v>
      </c>
      <c r="BO2334" s="11">
        <v>-10.5</v>
      </c>
      <c r="BP2334" s="13">
        <v>-0.3</v>
      </c>
      <c r="BQ2334" s="6">
        <v>33</v>
      </c>
      <c r="BR2334" s="6">
        <v>32</v>
      </c>
      <c r="BS2334" s="6">
        <v>32</v>
      </c>
      <c r="BT2334" s="6">
        <v>35</v>
      </c>
      <c r="BU2334" s="6">
        <v>35</v>
      </c>
      <c r="BV2334" s="6">
        <v>34</v>
      </c>
      <c r="BW2334" s="6">
        <v>30</v>
      </c>
      <c r="BX2334" s="6">
        <v>27</v>
      </c>
      <c r="BY2334" s="6">
        <v>25</v>
      </c>
      <c r="BZ2334" s="6">
        <v>25</v>
      </c>
      <c r="CA2334" s="6">
        <v>26</v>
      </c>
      <c r="CB2334" s="6">
        <v>26</v>
      </c>
      <c r="CC2334" s="11">
        <v>24.5</v>
      </c>
      <c r="CD2334" s="11">
        <v>83.570300000000003</v>
      </c>
      <c r="CE2334" s="11">
        <v>14.878399999999999</v>
      </c>
      <c r="CF2334" s="11">
        <v>25.8033</v>
      </c>
      <c r="CG2334" s="11">
        <v>41</v>
      </c>
      <c r="CH2334" s="20">
        <v>0.92864500000000005</v>
      </c>
      <c r="CI2334" s="20">
        <v>1.22641</v>
      </c>
      <c r="CJ2334" s="20">
        <v>1.50257</v>
      </c>
      <c r="CK2334" s="20">
        <v>1.6142300000000001</v>
      </c>
      <c r="CL2334" s="20">
        <v>1.43926</v>
      </c>
      <c r="CM2334" s="20">
        <v>1.55643</v>
      </c>
      <c r="CN2334" s="20">
        <v>1.52763</v>
      </c>
      <c r="CO2334" s="20">
        <v>1.4559899999999999</v>
      </c>
      <c r="CP2334" s="20">
        <v>1.61049</v>
      </c>
      <c r="CQ2334" s="20">
        <v>1.1235299999999999</v>
      </c>
      <c r="CR2334" s="20">
        <v>1.1201300000000001</v>
      </c>
      <c r="CS2334" s="20">
        <v>1.15961</v>
      </c>
      <c r="CT2334" s="20">
        <v>1.1813</v>
      </c>
      <c r="CU2334" s="20">
        <v>1.1595299999999999</v>
      </c>
      <c r="CV2334" s="20">
        <v>1.16167</v>
      </c>
      <c r="CW2334" s="20">
        <v>1.20749</v>
      </c>
      <c r="CX2334" s="20">
        <v>1.18563</v>
      </c>
      <c r="CY2334" s="6" t="s">
        <v>727</v>
      </c>
      <c r="CZ2334" s="6" t="s">
        <v>728</v>
      </c>
      <c r="DA2334" s="6" t="s">
        <v>85</v>
      </c>
      <c r="DB2334" s="6"/>
      <c r="DC2334" s="6">
        <v>41180</v>
      </c>
      <c r="DD2334" s="6">
        <v>476</v>
      </c>
      <c r="DE2334" s="6" t="s">
        <v>508</v>
      </c>
      <c r="DF2334" s="6" t="s">
        <v>375</v>
      </c>
      <c r="DG2334" s="6" t="s">
        <v>376</v>
      </c>
      <c r="DH2334" s="6" t="s">
        <v>328</v>
      </c>
      <c r="DI2334" s="6" t="s">
        <v>509</v>
      </c>
      <c r="DJ2334" s="6">
        <v>29</v>
      </c>
      <c r="DK2334" s="6">
        <v>219</v>
      </c>
      <c r="DL2334" s="6">
        <v>1</v>
      </c>
      <c r="DM2334" s="6" t="s">
        <v>404</v>
      </c>
      <c r="DN2334" s="6">
        <v>1</v>
      </c>
      <c r="DO2334" s="6" t="s">
        <v>405</v>
      </c>
      <c r="DP2334" s="6"/>
      <c r="DQ2334" s="6"/>
    </row>
    <row r="2335" spans="1:121" x14ac:dyDescent="0.2">
      <c r="A2335" s="6" t="s">
        <v>314</v>
      </c>
      <c r="B2335" s="6" t="s">
        <v>314</v>
      </c>
      <c r="C2335" s="6" t="s">
        <v>183</v>
      </c>
      <c r="D2335" s="6" t="s">
        <v>85</v>
      </c>
      <c r="E2335" s="6" t="s">
        <v>226</v>
      </c>
      <c r="F2335" s="11">
        <v>7</v>
      </c>
      <c r="G2335" s="13">
        <v>0.15555555555600001</v>
      </c>
      <c r="H2335" s="11">
        <v>5.0296239269000012</v>
      </c>
      <c r="I2335" s="13">
        <v>0.1118186599906746</v>
      </c>
      <c r="J2335" s="11">
        <v>-10.779081379099999</v>
      </c>
      <c r="K2335" s="13">
        <v>-0.21553934670092248</v>
      </c>
      <c r="L2335" s="11">
        <v>12.332609250799997</v>
      </c>
      <c r="M2335" s="13">
        <v>0.31436096813040104</v>
      </c>
      <c r="N2335" s="11">
        <v>1.5535278716999983</v>
      </c>
      <c r="O2335" s="13">
        <v>3.106446373038239E-2</v>
      </c>
      <c r="P2335" s="7">
        <v>44.980184231499997</v>
      </c>
      <c r="Q2335" s="7">
        <v>52.7531278895</v>
      </c>
      <c r="R2335" s="7">
        <v>50.110683123800001</v>
      </c>
      <c r="S2335" s="7">
        <v>59.410540114900002</v>
      </c>
      <c r="T2335" s="7">
        <v>51.651997976300002</v>
      </c>
      <c r="U2335" s="7">
        <v>51.024397266999998</v>
      </c>
      <c r="V2335" s="7">
        <v>50.009808158399998</v>
      </c>
      <c r="W2335" s="7">
        <v>51.662610924600003</v>
      </c>
      <c r="X2335" s="7">
        <v>44.516762502600002</v>
      </c>
      <c r="Y2335" s="7">
        <v>39.230726779299999</v>
      </c>
      <c r="Z2335" s="7">
        <v>42.104677380299997</v>
      </c>
      <c r="AA2335" s="7">
        <v>48.8745799764</v>
      </c>
      <c r="AB2335" s="7">
        <v>42.4166806283</v>
      </c>
      <c r="AC2335" s="7">
        <v>48.075038533499999</v>
      </c>
      <c r="AD2335" s="7">
        <v>53.682770978299999</v>
      </c>
      <c r="AE2335" s="7">
        <v>49.8355085317</v>
      </c>
      <c r="AF2335" s="7">
        <v>51.563336030099997</v>
      </c>
      <c r="AG2335" s="9">
        <v>12222.405127599995</v>
      </c>
      <c r="AH2335" s="13">
        <v>0.44614919478481518</v>
      </c>
      <c r="AI2335" s="9">
        <v>6684.6713519999976</v>
      </c>
      <c r="AJ2335" s="13">
        <v>0.24400768179098481</v>
      </c>
      <c r="AK2335" s="9">
        <v>3945.6979482000024</v>
      </c>
      <c r="AL2335" s="13">
        <v>0.11577751197588892</v>
      </c>
      <c r="AM2335" s="9">
        <v>1592.0358273999955</v>
      </c>
      <c r="AN2335" s="13">
        <v>4.1867363134160111E-2</v>
      </c>
      <c r="AO2335" s="9">
        <v>5537.7337755999979</v>
      </c>
      <c r="AP2335" s="13">
        <v>0.16249217424671314</v>
      </c>
      <c r="AQ2335" s="9">
        <v>27395.331585200001</v>
      </c>
      <c r="AR2335" s="9">
        <v>24660.5271847</v>
      </c>
      <c r="AS2335" s="9">
        <v>25068.787494200002</v>
      </c>
      <c r="AT2335" s="9">
        <v>24125.050343800001</v>
      </c>
      <c r="AU2335" s="9">
        <v>31047.7403256</v>
      </c>
      <c r="AV2335" s="9">
        <v>33864.299355900002</v>
      </c>
      <c r="AW2335" s="9">
        <v>34080.002937199999</v>
      </c>
      <c r="AX2335" s="9">
        <v>35719.322874899997</v>
      </c>
      <c r="AY2335" s="9">
        <v>37591.1633248</v>
      </c>
      <c r="AZ2335" s="9">
        <v>38025.700885400001</v>
      </c>
      <c r="BA2335" s="9">
        <v>37530.789215199999</v>
      </c>
      <c r="BB2335" s="9">
        <v>37763.399427800003</v>
      </c>
      <c r="BC2335" s="9">
        <v>30077.648697799999</v>
      </c>
      <c r="BD2335" s="9">
        <v>34321.851887500001</v>
      </c>
      <c r="BE2335" s="9">
        <v>35507.823363900003</v>
      </c>
      <c r="BF2335" s="9">
        <v>39617.736712799997</v>
      </c>
      <c r="BG2335" s="11">
        <v>3</v>
      </c>
      <c r="BH2335" s="13">
        <v>0.75</v>
      </c>
      <c r="BI2335" s="6">
        <v>0</v>
      </c>
      <c r="BJ2335" s="13">
        <v>0</v>
      </c>
      <c r="BK2335" s="6">
        <v>0</v>
      </c>
      <c r="BL2335" s="13">
        <v>0</v>
      </c>
      <c r="BM2335" s="11">
        <v>3</v>
      </c>
      <c r="BN2335" s="13">
        <v>0.75</v>
      </c>
      <c r="BO2335" s="11">
        <v>3</v>
      </c>
      <c r="BP2335" s="13">
        <v>0.75</v>
      </c>
      <c r="BQ2335" s="6">
        <v>4</v>
      </c>
      <c r="BR2335" s="6">
        <v>4</v>
      </c>
      <c r="BS2335" s="6">
        <v>4</v>
      </c>
      <c r="BT2335" s="6">
        <v>4</v>
      </c>
      <c r="BU2335" s="6">
        <v>4</v>
      </c>
      <c r="BV2335" s="6">
        <v>3</v>
      </c>
      <c r="BW2335" s="6">
        <v>4</v>
      </c>
      <c r="BX2335" s="6">
        <v>4</v>
      </c>
      <c r="BY2335" s="6">
        <v>6</v>
      </c>
      <c r="BZ2335" s="6">
        <v>5</v>
      </c>
      <c r="CA2335" s="6">
        <v>7</v>
      </c>
      <c r="CB2335" s="6">
        <v>7</v>
      </c>
      <c r="CC2335" s="11">
        <v>7</v>
      </c>
      <c r="CD2335" s="11">
        <v>15.443300000000001</v>
      </c>
      <c r="CE2335" s="11">
        <v>-13.776999999999999</v>
      </c>
      <c r="CF2335" s="11">
        <v>4.9168799999999999</v>
      </c>
      <c r="CG2335" s="11">
        <v>-9</v>
      </c>
      <c r="CH2335" s="20">
        <v>0.22471099999999999</v>
      </c>
      <c r="CI2335" s="20">
        <v>0.28009299999999998</v>
      </c>
      <c r="CJ2335" s="20">
        <v>0.28238200000000002</v>
      </c>
      <c r="CK2335" s="20">
        <v>0.321911</v>
      </c>
      <c r="CL2335" s="20">
        <v>0.28056700000000001</v>
      </c>
      <c r="CM2335" s="20">
        <v>0.28518100000000002</v>
      </c>
      <c r="CN2335" s="20">
        <v>0.28287000000000001</v>
      </c>
      <c r="CO2335" s="20">
        <v>0.29941899999999999</v>
      </c>
      <c r="CP2335" s="20">
        <v>0.26940900000000001</v>
      </c>
      <c r="CQ2335" s="20">
        <v>0.25318400000000002</v>
      </c>
      <c r="CR2335" s="20">
        <v>0.27321800000000002</v>
      </c>
      <c r="CS2335" s="20">
        <v>0.323467</v>
      </c>
      <c r="CT2335" s="20">
        <v>0.27352799999999999</v>
      </c>
      <c r="CU2335" s="20">
        <v>0.30673899999999998</v>
      </c>
      <c r="CV2335" s="20">
        <v>0.33763599999999999</v>
      </c>
      <c r="CW2335" s="20">
        <v>0.31014599999999998</v>
      </c>
      <c r="CX2335" s="20">
        <v>0.31456499999999998</v>
      </c>
      <c r="CY2335" s="6" t="s">
        <v>727</v>
      </c>
      <c r="CZ2335" s="6" t="s">
        <v>728</v>
      </c>
      <c r="DA2335" s="6" t="s">
        <v>85</v>
      </c>
      <c r="DB2335" s="6"/>
      <c r="DC2335" s="6">
        <v>41180</v>
      </c>
      <c r="DD2335" s="6">
        <v>476</v>
      </c>
      <c r="DE2335" s="6" t="s">
        <v>508</v>
      </c>
      <c r="DF2335" s="6" t="s">
        <v>375</v>
      </c>
      <c r="DG2335" s="6" t="s">
        <v>376</v>
      </c>
      <c r="DH2335" s="6" t="s">
        <v>328</v>
      </c>
      <c r="DI2335" s="6" t="s">
        <v>509</v>
      </c>
      <c r="DJ2335" s="6">
        <v>29</v>
      </c>
      <c r="DK2335" s="6">
        <v>219</v>
      </c>
      <c r="DL2335" s="6">
        <v>1</v>
      </c>
      <c r="DM2335" s="6" t="s">
        <v>404</v>
      </c>
      <c r="DN2335" s="6">
        <v>1</v>
      </c>
      <c r="DO2335" s="6" t="s">
        <v>405</v>
      </c>
      <c r="DP2335" s="6"/>
      <c r="DQ2335" s="6"/>
    </row>
    <row r="2336" spans="1:121" x14ac:dyDescent="0.2">
      <c r="A2336" s="6" t="s">
        <v>315</v>
      </c>
      <c r="B2336" s="6" t="s">
        <v>315</v>
      </c>
      <c r="C2336" s="6" t="s">
        <v>184</v>
      </c>
      <c r="D2336" s="6" t="s">
        <v>85</v>
      </c>
      <c r="E2336" s="6" t="s">
        <v>226</v>
      </c>
      <c r="F2336" s="11">
        <v>92</v>
      </c>
      <c r="G2336" s="13">
        <v>0.6</v>
      </c>
      <c r="H2336" s="11">
        <v>55</v>
      </c>
      <c r="I2336" s="13">
        <v>0.35714285714285715</v>
      </c>
      <c r="J2336" s="11">
        <v>-11</v>
      </c>
      <c r="K2336" s="13">
        <v>-5.2631578947368418E-2</v>
      </c>
      <c r="L2336" s="11">
        <v>48</v>
      </c>
      <c r="M2336" s="13">
        <v>0.24242424242424243</v>
      </c>
      <c r="N2336" s="11">
        <v>37</v>
      </c>
      <c r="O2336" s="13">
        <v>0.17703349282296652</v>
      </c>
      <c r="P2336" s="7">
        <v>154</v>
      </c>
      <c r="Q2336" s="7">
        <v>155</v>
      </c>
      <c r="R2336" s="7">
        <v>156</v>
      </c>
      <c r="S2336" s="7">
        <v>168</v>
      </c>
      <c r="T2336" s="7">
        <v>175</v>
      </c>
      <c r="U2336" s="7">
        <v>195</v>
      </c>
      <c r="V2336" s="7">
        <v>209</v>
      </c>
      <c r="W2336" s="7">
        <v>196</v>
      </c>
      <c r="X2336" s="7">
        <v>197</v>
      </c>
      <c r="Y2336" s="7">
        <v>198</v>
      </c>
      <c r="Z2336" s="7">
        <v>196</v>
      </c>
      <c r="AA2336" s="7">
        <v>215</v>
      </c>
      <c r="AB2336" s="7">
        <v>215</v>
      </c>
      <c r="AC2336" s="7">
        <v>224</v>
      </c>
      <c r="AD2336" s="7">
        <v>226</v>
      </c>
      <c r="AE2336" s="7">
        <v>237</v>
      </c>
      <c r="AF2336" s="7">
        <v>246</v>
      </c>
      <c r="AG2336" s="9">
        <v>15345</v>
      </c>
      <c r="AH2336" s="13">
        <v>0.44944642961747994</v>
      </c>
      <c r="AI2336" s="9">
        <v>5091</v>
      </c>
      <c r="AJ2336" s="13">
        <v>0.14911253002167418</v>
      </c>
      <c r="AK2336" s="9">
        <v>527</v>
      </c>
      <c r="AL2336" s="13">
        <v>1.3432569520556674E-2</v>
      </c>
      <c r="AM2336" s="9">
        <v>9727</v>
      </c>
      <c r="AN2336" s="13">
        <v>0.24464285714285711</v>
      </c>
      <c r="AO2336" s="9">
        <v>10254</v>
      </c>
      <c r="AP2336" s="13">
        <v>0.26136160884969284</v>
      </c>
      <c r="AQ2336" s="9">
        <v>34142</v>
      </c>
      <c r="AR2336" s="9">
        <v>34063</v>
      </c>
      <c r="AS2336" s="9">
        <v>35149</v>
      </c>
      <c r="AT2336" s="9">
        <v>34158</v>
      </c>
      <c r="AU2336" s="9">
        <v>35724</v>
      </c>
      <c r="AV2336" s="9">
        <v>37304</v>
      </c>
      <c r="AW2336" s="9">
        <v>39233</v>
      </c>
      <c r="AX2336" s="9">
        <v>38760</v>
      </c>
      <c r="AY2336" s="9">
        <v>38064</v>
      </c>
      <c r="AZ2336" s="9">
        <v>39760</v>
      </c>
      <c r="BA2336" s="9">
        <v>39567</v>
      </c>
      <c r="BB2336" s="9">
        <v>40453</v>
      </c>
      <c r="BC2336" s="9">
        <v>42477</v>
      </c>
      <c r="BD2336" s="9">
        <v>43511</v>
      </c>
      <c r="BE2336" s="9">
        <v>47714</v>
      </c>
      <c r="BF2336" s="9">
        <v>49487</v>
      </c>
      <c r="BG2336" s="11">
        <v>8</v>
      </c>
      <c r="BH2336" s="13">
        <v>0.30769230769230771</v>
      </c>
      <c r="BI2336" s="6">
        <v>5</v>
      </c>
      <c r="BJ2336" s="13">
        <v>0.19230769230769232</v>
      </c>
      <c r="BK2336" s="6">
        <v>1</v>
      </c>
      <c r="BL2336" s="13">
        <v>3.2258064516129031E-2</v>
      </c>
      <c r="BM2336" s="11">
        <v>2</v>
      </c>
      <c r="BN2336" s="13">
        <v>6.25E-2</v>
      </c>
      <c r="BO2336" s="11">
        <v>3</v>
      </c>
      <c r="BP2336" s="13">
        <v>9.6774193548387094E-2</v>
      </c>
      <c r="BQ2336" s="6">
        <v>26</v>
      </c>
      <c r="BR2336" s="6">
        <v>26</v>
      </c>
      <c r="BS2336" s="6">
        <v>26</v>
      </c>
      <c r="BT2336" s="6">
        <v>31</v>
      </c>
      <c r="BU2336" s="6">
        <v>31</v>
      </c>
      <c r="BV2336" s="6">
        <v>31</v>
      </c>
      <c r="BW2336" s="6">
        <v>32</v>
      </c>
      <c r="BX2336" s="6">
        <v>32</v>
      </c>
      <c r="BY2336" s="6">
        <v>36</v>
      </c>
      <c r="BZ2336" s="6">
        <v>33</v>
      </c>
      <c r="CA2336" s="6">
        <v>33</v>
      </c>
      <c r="CB2336" s="6">
        <v>34</v>
      </c>
      <c r="CC2336" s="11">
        <v>34</v>
      </c>
      <c r="CD2336" s="11">
        <v>87</v>
      </c>
      <c r="CE2336" s="11">
        <v>-12</v>
      </c>
      <c r="CF2336" s="11">
        <v>17</v>
      </c>
      <c r="CG2336" s="11">
        <v>5</v>
      </c>
      <c r="CH2336" s="20">
        <v>0.47</v>
      </c>
      <c r="CI2336" s="20">
        <v>0.48</v>
      </c>
      <c r="CJ2336" s="20">
        <v>0.48</v>
      </c>
      <c r="CK2336" s="20">
        <v>0.48</v>
      </c>
      <c r="CL2336" s="20">
        <v>0.49</v>
      </c>
      <c r="CM2336" s="20">
        <v>0.54</v>
      </c>
      <c r="CN2336" s="20">
        <v>0.59</v>
      </c>
      <c r="CO2336" s="20">
        <v>0.56999999999999995</v>
      </c>
      <c r="CP2336" s="20">
        <v>0.59</v>
      </c>
      <c r="CQ2336" s="20">
        <v>0.62</v>
      </c>
      <c r="CR2336" s="20">
        <v>0.61</v>
      </c>
      <c r="CS2336" s="20">
        <v>0.68</v>
      </c>
      <c r="CT2336" s="20">
        <v>0.66</v>
      </c>
      <c r="CU2336" s="20">
        <v>0.69</v>
      </c>
      <c r="CV2336" s="20">
        <v>0.68</v>
      </c>
      <c r="CW2336" s="20">
        <v>0.71</v>
      </c>
      <c r="CX2336" s="20">
        <v>0.72</v>
      </c>
      <c r="CY2336" s="6" t="s">
        <v>727</v>
      </c>
      <c r="CZ2336" s="6" t="s">
        <v>728</v>
      </c>
      <c r="DA2336" s="6" t="s">
        <v>85</v>
      </c>
      <c r="DB2336" s="6"/>
      <c r="DC2336" s="6">
        <v>41180</v>
      </c>
      <c r="DD2336" s="6">
        <v>476</v>
      </c>
      <c r="DE2336" s="6" t="s">
        <v>508</v>
      </c>
      <c r="DF2336" s="6" t="s">
        <v>375</v>
      </c>
      <c r="DG2336" s="6" t="s">
        <v>376</v>
      </c>
      <c r="DH2336" s="6" t="s">
        <v>328</v>
      </c>
      <c r="DI2336" s="6" t="s">
        <v>509</v>
      </c>
      <c r="DJ2336" s="6">
        <v>29</v>
      </c>
      <c r="DK2336" s="6">
        <v>219</v>
      </c>
      <c r="DL2336" s="6">
        <v>1</v>
      </c>
      <c r="DM2336" s="6" t="s">
        <v>404</v>
      </c>
      <c r="DN2336" s="6">
        <v>1</v>
      </c>
      <c r="DO2336" s="6" t="s">
        <v>405</v>
      </c>
      <c r="DP2336" s="6"/>
      <c r="DQ2336" s="6"/>
    </row>
    <row r="2337" spans="1:121" x14ac:dyDescent="0.2">
      <c r="A2337" s="6" t="s">
        <v>316</v>
      </c>
      <c r="B2337" s="6" t="s">
        <v>316</v>
      </c>
      <c r="C2337" s="6" t="s">
        <v>185</v>
      </c>
      <c r="D2337" s="6" t="s">
        <v>85</v>
      </c>
      <c r="E2337" s="6" t="s">
        <v>226</v>
      </c>
      <c r="F2337" s="11">
        <v>-23</v>
      </c>
      <c r="G2337" s="13">
        <v>-0.22</v>
      </c>
      <c r="H2337" s="11">
        <v>50</v>
      </c>
      <c r="I2337" s="13">
        <v>0.47619047619047616</v>
      </c>
      <c r="J2337" s="11">
        <v>-54</v>
      </c>
      <c r="K2337" s="13">
        <v>-0.34838709677419355</v>
      </c>
      <c r="L2337" s="11">
        <v>-19</v>
      </c>
      <c r="M2337" s="13">
        <v>-0.18811881188118812</v>
      </c>
      <c r="N2337" s="11">
        <v>-73</v>
      </c>
      <c r="O2337" s="13">
        <v>-0.47096774193548385</v>
      </c>
      <c r="P2337" s="7">
        <v>105</v>
      </c>
      <c r="Q2337" s="7">
        <v>98</v>
      </c>
      <c r="R2337" s="7">
        <v>110</v>
      </c>
      <c r="S2337" s="7">
        <v>122</v>
      </c>
      <c r="T2337" s="7">
        <v>121</v>
      </c>
      <c r="U2337" s="7">
        <v>146</v>
      </c>
      <c r="V2337" s="7">
        <v>155</v>
      </c>
      <c r="W2337" s="7">
        <v>151</v>
      </c>
      <c r="X2337" s="7">
        <v>116</v>
      </c>
      <c r="Y2337" s="7">
        <v>101</v>
      </c>
      <c r="Z2337" s="7">
        <v>91</v>
      </c>
      <c r="AA2337" s="7">
        <v>98</v>
      </c>
      <c r="AB2337" s="7">
        <v>98</v>
      </c>
      <c r="AC2337" s="7">
        <v>92</v>
      </c>
      <c r="AD2337" s="7">
        <v>88</v>
      </c>
      <c r="AE2337" s="7">
        <v>83</v>
      </c>
      <c r="AF2337" s="7">
        <v>82</v>
      </c>
      <c r="AG2337" s="9">
        <v>11227</v>
      </c>
      <c r="AH2337" s="13">
        <v>0.50943824303475815</v>
      </c>
      <c r="AI2337" s="9">
        <v>3833</v>
      </c>
      <c r="AJ2337" s="13">
        <v>0.17392685361648064</v>
      </c>
      <c r="AK2337" s="9">
        <v>2404</v>
      </c>
      <c r="AL2337" s="13">
        <v>9.2922577403270076E-2</v>
      </c>
      <c r="AM2337" s="9">
        <v>4990</v>
      </c>
      <c r="AN2337" s="13">
        <v>0.17648099027409372</v>
      </c>
      <c r="AO2337" s="9">
        <v>7394</v>
      </c>
      <c r="AP2337" s="13">
        <v>0.28580263615631402</v>
      </c>
      <c r="AQ2337" s="9">
        <v>22038</v>
      </c>
      <c r="AR2337" s="9">
        <v>24120</v>
      </c>
      <c r="AS2337" s="9">
        <v>24080</v>
      </c>
      <c r="AT2337" s="9">
        <v>26150</v>
      </c>
      <c r="AU2337" s="9">
        <v>29553</v>
      </c>
      <c r="AV2337" s="9">
        <v>25614</v>
      </c>
      <c r="AW2337" s="9">
        <v>25871</v>
      </c>
      <c r="AX2337" s="9">
        <v>26310</v>
      </c>
      <c r="AY2337" s="9">
        <v>28673</v>
      </c>
      <c r="AZ2337" s="9">
        <v>28275</v>
      </c>
      <c r="BA2337" s="9">
        <v>25341</v>
      </c>
      <c r="BB2337" s="9">
        <v>26978</v>
      </c>
      <c r="BC2337" s="9">
        <v>30232</v>
      </c>
      <c r="BD2337" s="9">
        <v>33285</v>
      </c>
      <c r="BE2337" s="9">
        <v>33175</v>
      </c>
      <c r="BF2337" s="9">
        <v>33265</v>
      </c>
      <c r="BG2337" s="11">
        <v>-11</v>
      </c>
      <c r="BH2337" s="13">
        <v>-0.39285714285714285</v>
      </c>
      <c r="BI2337" s="6">
        <v>-2</v>
      </c>
      <c r="BJ2337" s="13">
        <v>-7.1428571428571425E-2</v>
      </c>
      <c r="BK2337" s="6">
        <v>-7</v>
      </c>
      <c r="BL2337" s="13">
        <v>-0.26923076923076922</v>
      </c>
      <c r="BM2337" s="11">
        <v>-2</v>
      </c>
      <c r="BN2337" s="13">
        <v>-0.10526315789473684</v>
      </c>
      <c r="BO2337" s="11">
        <v>-9</v>
      </c>
      <c r="BP2337" s="13">
        <v>-0.34615384615384615</v>
      </c>
      <c r="BQ2337" s="6">
        <v>28</v>
      </c>
      <c r="BR2337" s="6">
        <v>27</v>
      </c>
      <c r="BS2337" s="6">
        <v>26</v>
      </c>
      <c r="BT2337" s="6">
        <v>26</v>
      </c>
      <c r="BU2337" s="6">
        <v>25</v>
      </c>
      <c r="BV2337" s="6">
        <v>22</v>
      </c>
      <c r="BW2337" s="6">
        <v>19</v>
      </c>
      <c r="BX2337" s="6">
        <v>18</v>
      </c>
      <c r="BY2337" s="6">
        <v>19</v>
      </c>
      <c r="BZ2337" s="6">
        <v>18</v>
      </c>
      <c r="CA2337" s="6">
        <v>17</v>
      </c>
      <c r="CB2337" s="6">
        <v>17</v>
      </c>
      <c r="CC2337" s="11">
        <v>17</v>
      </c>
      <c r="CD2337" s="11">
        <v>-29</v>
      </c>
      <c r="CE2337" s="11">
        <v>-5</v>
      </c>
      <c r="CF2337" s="11">
        <v>11</v>
      </c>
      <c r="CG2337" s="11">
        <v>6</v>
      </c>
      <c r="CH2337" s="20">
        <v>0.78</v>
      </c>
      <c r="CI2337" s="20">
        <v>0.73</v>
      </c>
      <c r="CJ2337" s="20">
        <v>0.81</v>
      </c>
      <c r="CK2337" s="20">
        <v>0.82</v>
      </c>
      <c r="CL2337" s="20">
        <v>0.77</v>
      </c>
      <c r="CM2337" s="20">
        <v>0.94</v>
      </c>
      <c r="CN2337" s="20">
        <v>1.02</v>
      </c>
      <c r="CO2337" s="20">
        <v>1.03</v>
      </c>
      <c r="CP2337" s="20">
        <v>0.83</v>
      </c>
      <c r="CQ2337" s="20">
        <v>0.77</v>
      </c>
      <c r="CR2337" s="20">
        <v>0.69</v>
      </c>
      <c r="CS2337" s="20">
        <v>0.76</v>
      </c>
      <c r="CT2337" s="20">
        <v>0.73</v>
      </c>
      <c r="CU2337" s="20">
        <v>0.67</v>
      </c>
      <c r="CV2337" s="20">
        <v>0.63</v>
      </c>
      <c r="CW2337" s="20">
        <v>0.57999999999999996</v>
      </c>
      <c r="CX2337" s="20">
        <v>0.56000000000000005</v>
      </c>
      <c r="CY2337" s="6" t="s">
        <v>727</v>
      </c>
      <c r="CZ2337" s="6" t="s">
        <v>728</v>
      </c>
      <c r="DA2337" s="6" t="s">
        <v>85</v>
      </c>
      <c r="DB2337" s="6"/>
      <c r="DC2337" s="6">
        <v>41180</v>
      </c>
      <c r="DD2337" s="6">
        <v>476</v>
      </c>
      <c r="DE2337" s="6" t="s">
        <v>508</v>
      </c>
      <c r="DF2337" s="6" t="s">
        <v>375</v>
      </c>
      <c r="DG2337" s="6" t="s">
        <v>376</v>
      </c>
      <c r="DH2337" s="6" t="s">
        <v>328</v>
      </c>
      <c r="DI2337" s="6" t="s">
        <v>509</v>
      </c>
      <c r="DJ2337" s="6">
        <v>29</v>
      </c>
      <c r="DK2337" s="6">
        <v>219</v>
      </c>
      <c r="DL2337" s="6">
        <v>1</v>
      </c>
      <c r="DM2337" s="6" t="s">
        <v>404</v>
      </c>
      <c r="DN2337" s="6">
        <v>1</v>
      </c>
      <c r="DO2337" s="6" t="s">
        <v>405</v>
      </c>
      <c r="DP2337" s="6"/>
      <c r="DQ2337" s="6"/>
    </row>
    <row r="2338" spans="1:121" x14ac:dyDescent="0.2">
      <c r="A2338" s="6" t="s">
        <v>317</v>
      </c>
      <c r="B2338" s="6" t="s">
        <v>317</v>
      </c>
      <c r="C2338" s="6" t="s">
        <v>186</v>
      </c>
      <c r="D2338" s="6" t="s">
        <v>85</v>
      </c>
      <c r="E2338" s="6" t="s">
        <v>226</v>
      </c>
      <c r="F2338" s="11">
        <v>167</v>
      </c>
      <c r="G2338" s="13">
        <v>2.57</v>
      </c>
      <c r="H2338" s="11">
        <v>99</v>
      </c>
      <c r="I2338" s="13">
        <v>1.523076923076923</v>
      </c>
      <c r="J2338" s="11">
        <v>21</v>
      </c>
      <c r="K2338" s="13">
        <v>0.12804878048780488</v>
      </c>
      <c r="L2338" s="11">
        <v>47</v>
      </c>
      <c r="M2338" s="13">
        <v>0.25405405405405407</v>
      </c>
      <c r="N2338" s="11">
        <v>68</v>
      </c>
      <c r="O2338" s="13">
        <v>0.41463414634146334</v>
      </c>
      <c r="P2338" s="7">
        <v>65</v>
      </c>
      <c r="Q2338" s="7">
        <v>69</v>
      </c>
      <c r="R2338" s="7">
        <v>83</v>
      </c>
      <c r="S2338" s="7">
        <v>94</v>
      </c>
      <c r="T2338" s="7">
        <v>108</v>
      </c>
      <c r="U2338" s="7">
        <v>125</v>
      </c>
      <c r="V2338" s="7">
        <v>164</v>
      </c>
      <c r="W2338" s="7">
        <v>153</v>
      </c>
      <c r="X2338" s="7">
        <v>195</v>
      </c>
      <c r="Y2338" s="7">
        <v>185</v>
      </c>
      <c r="Z2338" s="7">
        <v>110</v>
      </c>
      <c r="AA2338" s="7">
        <v>138</v>
      </c>
      <c r="AB2338" s="7">
        <v>167</v>
      </c>
      <c r="AC2338" s="7">
        <v>195</v>
      </c>
      <c r="AD2338" s="7">
        <v>213</v>
      </c>
      <c r="AE2338" s="7">
        <v>215</v>
      </c>
      <c r="AF2338" s="7">
        <v>232</v>
      </c>
      <c r="AG2338" s="9">
        <v>16467</v>
      </c>
      <c r="AH2338" s="13">
        <v>0.60752628666297726</v>
      </c>
      <c r="AI2338" s="9">
        <v>13483</v>
      </c>
      <c r="AJ2338" s="13">
        <v>0.49743589743589745</v>
      </c>
      <c r="AK2338" s="9">
        <v>-918</v>
      </c>
      <c r="AL2338" s="13">
        <v>-2.2617522420419828E-2</v>
      </c>
      <c r="AM2338" s="9">
        <v>3902</v>
      </c>
      <c r="AN2338" s="13">
        <v>9.8361482228384173E-2</v>
      </c>
      <c r="AO2338" s="9">
        <v>2984</v>
      </c>
      <c r="AP2338" s="13">
        <v>7.3519266778358142E-2</v>
      </c>
      <c r="AQ2338" s="9">
        <v>27105</v>
      </c>
      <c r="AR2338" s="9">
        <v>29282</v>
      </c>
      <c r="AS2338" s="9">
        <v>29799</v>
      </c>
      <c r="AT2338" s="9">
        <v>26814</v>
      </c>
      <c r="AU2338" s="9">
        <v>27420</v>
      </c>
      <c r="AV2338" s="9">
        <v>28616</v>
      </c>
      <c r="AW2338" s="9">
        <v>40588</v>
      </c>
      <c r="AX2338" s="9">
        <v>38649</v>
      </c>
      <c r="AY2338" s="9">
        <v>42100</v>
      </c>
      <c r="AZ2338" s="9">
        <v>39670</v>
      </c>
      <c r="BA2338" s="9">
        <v>39290</v>
      </c>
      <c r="BB2338" s="9">
        <v>41256</v>
      </c>
      <c r="BC2338" s="9">
        <v>39490</v>
      </c>
      <c r="BD2338" s="9">
        <v>39930</v>
      </c>
      <c r="BE2338" s="9">
        <v>41276</v>
      </c>
      <c r="BF2338" s="9">
        <v>43572</v>
      </c>
      <c r="BG2338" s="11">
        <v>16</v>
      </c>
      <c r="BH2338" s="13">
        <v>0.72727272727272729</v>
      </c>
      <c r="BI2338" s="6">
        <v>3</v>
      </c>
      <c r="BJ2338" s="13">
        <v>0.13636363636363635</v>
      </c>
      <c r="BK2338" s="6">
        <v>0</v>
      </c>
      <c r="BL2338" s="13">
        <v>0</v>
      </c>
      <c r="BM2338" s="11">
        <v>13</v>
      </c>
      <c r="BN2338" s="13">
        <v>0.52</v>
      </c>
      <c r="BO2338" s="11">
        <v>13</v>
      </c>
      <c r="BP2338" s="13">
        <v>0.52</v>
      </c>
      <c r="BQ2338" s="6">
        <v>22</v>
      </c>
      <c r="BR2338" s="6">
        <v>23</v>
      </c>
      <c r="BS2338" s="6">
        <v>24</v>
      </c>
      <c r="BT2338" s="6">
        <v>25</v>
      </c>
      <c r="BU2338" s="6">
        <v>28</v>
      </c>
      <c r="BV2338" s="6">
        <v>25</v>
      </c>
      <c r="BW2338" s="6">
        <v>25</v>
      </c>
      <c r="BX2338" s="6">
        <v>28</v>
      </c>
      <c r="BY2338" s="6">
        <v>32</v>
      </c>
      <c r="BZ2338" s="6">
        <v>32</v>
      </c>
      <c r="CA2338" s="6">
        <v>35</v>
      </c>
      <c r="CB2338" s="6">
        <v>38</v>
      </c>
      <c r="CC2338" s="11">
        <v>38</v>
      </c>
      <c r="CD2338" s="11">
        <v>146</v>
      </c>
      <c r="CE2338" s="11">
        <v>13</v>
      </c>
      <c r="CF2338" s="11">
        <v>7</v>
      </c>
      <c r="CG2338" s="11">
        <v>20</v>
      </c>
      <c r="CH2338" s="20">
        <v>0.15</v>
      </c>
      <c r="CI2338" s="20">
        <v>0.17</v>
      </c>
      <c r="CJ2338" s="20">
        <v>0.2</v>
      </c>
      <c r="CK2338" s="20">
        <v>0.21</v>
      </c>
      <c r="CL2338" s="20">
        <v>0.23</v>
      </c>
      <c r="CM2338" s="20">
        <v>0.26</v>
      </c>
      <c r="CN2338" s="20">
        <v>0.33</v>
      </c>
      <c r="CO2338" s="20">
        <v>0.31</v>
      </c>
      <c r="CP2338" s="20">
        <v>0.4</v>
      </c>
      <c r="CQ2338" s="20">
        <v>0.39</v>
      </c>
      <c r="CR2338" s="20">
        <v>0.23</v>
      </c>
      <c r="CS2338" s="20">
        <v>0.28000000000000003</v>
      </c>
      <c r="CT2338" s="20">
        <v>0.33</v>
      </c>
      <c r="CU2338" s="20">
        <v>0.37</v>
      </c>
      <c r="CV2338" s="20">
        <v>0.39</v>
      </c>
      <c r="CW2338" s="20">
        <v>0.39</v>
      </c>
      <c r="CX2338" s="20">
        <v>0.41</v>
      </c>
      <c r="CY2338" s="6" t="s">
        <v>727</v>
      </c>
      <c r="CZ2338" s="6" t="s">
        <v>728</v>
      </c>
      <c r="DA2338" s="6" t="s">
        <v>85</v>
      </c>
      <c r="DB2338" s="6"/>
      <c r="DC2338" s="6">
        <v>41180</v>
      </c>
      <c r="DD2338" s="6">
        <v>476</v>
      </c>
      <c r="DE2338" s="6" t="s">
        <v>508</v>
      </c>
      <c r="DF2338" s="6" t="s">
        <v>375</v>
      </c>
      <c r="DG2338" s="6" t="s">
        <v>376</v>
      </c>
      <c r="DH2338" s="6" t="s">
        <v>328</v>
      </c>
      <c r="DI2338" s="6" t="s">
        <v>509</v>
      </c>
      <c r="DJ2338" s="6">
        <v>29</v>
      </c>
      <c r="DK2338" s="6">
        <v>219</v>
      </c>
      <c r="DL2338" s="6">
        <v>1</v>
      </c>
      <c r="DM2338" s="6" t="s">
        <v>404</v>
      </c>
      <c r="DN2338" s="6">
        <v>1</v>
      </c>
      <c r="DO2338" s="6" t="s">
        <v>405</v>
      </c>
      <c r="DP2338" s="6"/>
      <c r="DQ2338" s="6"/>
    </row>
    <row r="2339" spans="1:121" x14ac:dyDescent="0.2">
      <c r="A2339" s="6" t="s">
        <v>318</v>
      </c>
      <c r="B2339" s="6" t="s">
        <v>318</v>
      </c>
      <c r="C2339" s="6" t="s">
        <v>187</v>
      </c>
      <c r="D2339" s="6" t="s">
        <v>85</v>
      </c>
      <c r="E2339" s="6" t="s">
        <v>226</v>
      </c>
      <c r="F2339" s="11">
        <v>41</v>
      </c>
      <c r="G2339" s="13">
        <v>0.89130434782599999</v>
      </c>
      <c r="H2339" s="11">
        <v>-40.726154999999999</v>
      </c>
      <c r="I2339" s="13">
        <v>-0.89065339082194861</v>
      </c>
      <c r="J2339" s="11">
        <v>81.905146999999999</v>
      </c>
      <c r="K2339" s="13">
        <v>16.381029399999999</v>
      </c>
      <c r="L2339" s="11">
        <v>0.52494748440000194</v>
      </c>
      <c r="M2339" s="13">
        <v>6.0404648346087247E-3</v>
      </c>
      <c r="N2339" s="11">
        <v>82.430094484400001</v>
      </c>
      <c r="O2339" s="13">
        <v>16.486018896880001</v>
      </c>
      <c r="P2339" s="7">
        <v>45.726154999999999</v>
      </c>
      <c r="Q2339" s="7">
        <v>42.774090000000001</v>
      </c>
      <c r="R2339" s="7">
        <v>28.950002000000001</v>
      </c>
      <c r="S2339" s="7">
        <v>25.943643999999999</v>
      </c>
      <c r="T2339" s="7">
        <v>44.157511</v>
      </c>
      <c r="U2339" s="7">
        <v>49.545116999999998</v>
      </c>
      <c r="V2339" s="7">
        <v>5</v>
      </c>
      <c r="W2339" s="7">
        <v>10.008558000000001</v>
      </c>
      <c r="X2339" s="7">
        <v>5</v>
      </c>
      <c r="Y2339" s="7">
        <v>86.905146999999999</v>
      </c>
      <c r="Z2339" s="7">
        <v>111.138346</v>
      </c>
      <c r="AA2339" s="7">
        <v>80.232720999999998</v>
      </c>
      <c r="AB2339" s="7">
        <v>89.273967999999996</v>
      </c>
      <c r="AC2339" s="7">
        <v>86.810916000000006</v>
      </c>
      <c r="AD2339" s="7">
        <v>79.938930999999997</v>
      </c>
      <c r="AE2339" s="7">
        <v>82.709767249999999</v>
      </c>
      <c r="AF2339" s="7">
        <v>87.430094484400001</v>
      </c>
      <c r="AG2339" s="9">
        <v>39348.486472600001</v>
      </c>
      <c r="AH2339" s="13">
        <v>1.2200532642290631</v>
      </c>
      <c r="AI2339" s="9">
        <v>-32250.4496918</v>
      </c>
      <c r="AJ2339" s="13">
        <v>-0.99996899364184988</v>
      </c>
      <c r="AK2339" s="9">
        <v>50309.860526999997</v>
      </c>
      <c r="AL2339" s="13">
        <v>50309.860526999997</v>
      </c>
      <c r="AM2339" s="9">
        <v>21289.075637400005</v>
      </c>
      <c r="AN2339" s="13">
        <v>0.4231506957821749</v>
      </c>
      <c r="AO2339" s="9">
        <v>71598.936164400002</v>
      </c>
      <c r="AP2339" s="13">
        <v>71598.936164400002</v>
      </c>
      <c r="AQ2339" s="9">
        <v>32251.4496918</v>
      </c>
      <c r="AR2339" s="9">
        <v>36810.027844900003</v>
      </c>
      <c r="AS2339" s="9">
        <v>36344.4488767</v>
      </c>
      <c r="AT2339" s="9">
        <v>57647.1975828</v>
      </c>
      <c r="AU2339" s="9">
        <v>45484.690772000002</v>
      </c>
      <c r="AV2339" s="9">
        <v>47180.507979399998</v>
      </c>
      <c r="AW2339" s="9">
        <v>1</v>
      </c>
      <c r="AX2339" s="9">
        <v>30869.439380299998</v>
      </c>
      <c r="AY2339" s="9">
        <v>1</v>
      </c>
      <c r="AZ2339" s="9">
        <v>50310.860526999997</v>
      </c>
      <c r="BA2339" s="9">
        <v>50518.444830200002</v>
      </c>
      <c r="BB2339" s="9">
        <v>57011.175027400001</v>
      </c>
      <c r="BC2339" s="9">
        <v>57656.470840000002</v>
      </c>
      <c r="BD2339" s="9">
        <v>59045.771079700004</v>
      </c>
      <c r="BE2339" s="9">
        <v>71476.7709091</v>
      </c>
      <c r="BF2339" s="9">
        <v>71599.936164400002</v>
      </c>
      <c r="BG2339" s="11">
        <v>1.5</v>
      </c>
      <c r="BH2339" s="13">
        <v>0.75</v>
      </c>
      <c r="BI2339" s="6">
        <v>1</v>
      </c>
      <c r="BJ2339" s="13">
        <v>0.5</v>
      </c>
      <c r="BK2339" s="6">
        <v>0</v>
      </c>
      <c r="BL2339" s="13">
        <v>0</v>
      </c>
      <c r="BM2339" s="11">
        <v>0.5</v>
      </c>
      <c r="BN2339" s="13">
        <v>0.16666666666666666</v>
      </c>
      <c r="BO2339" s="11">
        <v>0.5</v>
      </c>
      <c r="BP2339" s="13">
        <v>0.16666666666666666</v>
      </c>
      <c r="BQ2339" s="6">
        <v>2</v>
      </c>
      <c r="BR2339" s="6">
        <v>2</v>
      </c>
      <c r="BS2339" s="6">
        <v>3</v>
      </c>
      <c r="BT2339" s="6">
        <v>3</v>
      </c>
      <c r="BU2339" s="6">
        <v>4</v>
      </c>
      <c r="BV2339" s="6">
        <v>3</v>
      </c>
      <c r="BW2339" s="6">
        <v>3</v>
      </c>
      <c r="BX2339" s="6">
        <v>4</v>
      </c>
      <c r="BY2339" s="6">
        <v>4</v>
      </c>
      <c r="BZ2339" s="6">
        <v>4</v>
      </c>
      <c r="CA2339" s="6">
        <v>4</v>
      </c>
      <c r="CB2339" s="6">
        <v>4</v>
      </c>
      <c r="CC2339" s="11">
        <v>3.5</v>
      </c>
      <c r="CD2339" s="11">
        <v>26.915199999999999</v>
      </c>
      <c r="CE2339" s="11">
        <v>9.7903400000000005</v>
      </c>
      <c r="CF2339" s="11">
        <v>4.9984200000000003</v>
      </c>
      <c r="CG2339" s="11">
        <v>15</v>
      </c>
      <c r="CH2339" s="20">
        <v>0.49219099999999999</v>
      </c>
      <c r="CI2339" s="20">
        <v>0.467746</v>
      </c>
      <c r="CJ2339" s="20">
        <v>0.326623</v>
      </c>
      <c r="CK2339" s="20">
        <v>0.26946300000000001</v>
      </c>
      <c r="CL2339" s="20">
        <v>0.44181999999999999</v>
      </c>
      <c r="CM2339" s="20">
        <v>0.49571199999999999</v>
      </c>
      <c r="CN2339" s="20">
        <v>6.2159199999999998E-2</v>
      </c>
      <c r="CO2339" s="20">
        <v>9.5769300000000002E-2</v>
      </c>
      <c r="CP2339" s="20">
        <v>4.98737E-2</v>
      </c>
      <c r="CQ2339" s="20">
        <v>0.85875699999999999</v>
      </c>
      <c r="CR2339" s="20">
        <v>1.0588500000000001</v>
      </c>
      <c r="CS2339" s="20">
        <v>0.74670199999999998</v>
      </c>
      <c r="CT2339" s="20">
        <v>0.78368700000000002</v>
      </c>
      <c r="CU2339" s="20">
        <v>0.74053800000000003</v>
      </c>
      <c r="CV2339" s="20">
        <v>0.66478700000000002</v>
      </c>
      <c r="CW2339" s="20">
        <v>0.68227599999999999</v>
      </c>
      <c r="CX2339" s="20">
        <v>0.69730999999999999</v>
      </c>
      <c r="CY2339" s="6" t="s">
        <v>727</v>
      </c>
      <c r="CZ2339" s="6" t="s">
        <v>728</v>
      </c>
      <c r="DA2339" s="6" t="s">
        <v>85</v>
      </c>
      <c r="DB2339" s="6"/>
      <c r="DC2339" s="6">
        <v>41180</v>
      </c>
      <c r="DD2339" s="6">
        <v>476</v>
      </c>
      <c r="DE2339" s="6" t="s">
        <v>508</v>
      </c>
      <c r="DF2339" s="6" t="s">
        <v>375</v>
      </c>
      <c r="DG2339" s="6" t="s">
        <v>376</v>
      </c>
      <c r="DH2339" s="6" t="s">
        <v>328</v>
      </c>
      <c r="DI2339" s="6" t="s">
        <v>509</v>
      </c>
      <c r="DJ2339" s="6">
        <v>29</v>
      </c>
      <c r="DK2339" s="6">
        <v>219</v>
      </c>
      <c r="DL2339" s="6">
        <v>1</v>
      </c>
      <c r="DM2339" s="6" t="s">
        <v>404</v>
      </c>
      <c r="DN2339" s="6">
        <v>1</v>
      </c>
      <c r="DO2339" s="6" t="s">
        <v>405</v>
      </c>
      <c r="DP2339" s="6"/>
      <c r="DQ2339" s="6"/>
    </row>
    <row r="2340" spans="1:121" x14ac:dyDescent="0.2">
      <c r="A2340" s="6" t="s">
        <v>319</v>
      </c>
      <c r="B2340" s="6" t="s">
        <v>319</v>
      </c>
      <c r="C2340" s="6" t="s">
        <v>188</v>
      </c>
      <c r="D2340" s="6" t="s">
        <v>85</v>
      </c>
      <c r="E2340" s="6" t="s">
        <v>226</v>
      </c>
      <c r="F2340" s="11">
        <v>-51</v>
      </c>
      <c r="G2340" s="13">
        <v>-0.22368421052599999</v>
      </c>
      <c r="H2340" s="11">
        <v>-43.178771595000001</v>
      </c>
      <c r="I2340" s="13">
        <v>-0.18928595489219177</v>
      </c>
      <c r="J2340" s="11">
        <v>24.333986970000012</v>
      </c>
      <c r="K2340" s="13">
        <v>0.13158115119792593</v>
      </c>
      <c r="L2340" s="11">
        <v>-32.184485794000011</v>
      </c>
      <c r="M2340" s="13">
        <v>-0.15379466860778199</v>
      </c>
      <c r="N2340" s="11">
        <v>-7.8504988239999989</v>
      </c>
      <c r="O2340" s="13">
        <v>-4.2449996953371559E-2</v>
      </c>
      <c r="P2340" s="7">
        <v>228.113975068</v>
      </c>
      <c r="Q2340" s="7">
        <v>229.73170738499999</v>
      </c>
      <c r="R2340" s="7">
        <v>210.404007775</v>
      </c>
      <c r="S2340" s="7">
        <v>229.47368214100001</v>
      </c>
      <c r="T2340" s="7">
        <v>222.07126083099999</v>
      </c>
      <c r="U2340" s="7">
        <v>223.18235267899999</v>
      </c>
      <c r="V2340" s="7">
        <v>184.935203473</v>
      </c>
      <c r="W2340" s="7">
        <v>188.29239567799999</v>
      </c>
      <c r="X2340" s="7">
        <v>177.14431060300001</v>
      </c>
      <c r="Y2340" s="7">
        <v>209.26919044300001</v>
      </c>
      <c r="Z2340" s="7">
        <v>214.291126741</v>
      </c>
      <c r="AA2340" s="7">
        <v>170.925358566</v>
      </c>
      <c r="AB2340" s="7">
        <v>169.81431768499999</v>
      </c>
      <c r="AC2340" s="7">
        <v>178.43877565299999</v>
      </c>
      <c r="AD2340" s="7">
        <v>173.96840730700001</v>
      </c>
      <c r="AE2340" s="7">
        <v>175.16537257600001</v>
      </c>
      <c r="AF2340" s="7">
        <v>177.084704649</v>
      </c>
      <c r="AG2340" s="9">
        <v>8581.211102700001</v>
      </c>
      <c r="AH2340" s="13">
        <v>0.5321783320490544</v>
      </c>
      <c r="AI2340" s="9">
        <v>1062.5325117000011</v>
      </c>
      <c r="AJ2340" s="13">
        <v>6.5894752274126334E-2</v>
      </c>
      <c r="AK2340" s="9">
        <v>2448.1678947</v>
      </c>
      <c r="AL2340" s="13">
        <v>0.14244115163148491</v>
      </c>
      <c r="AM2340" s="9">
        <v>5070.5106962999998</v>
      </c>
      <c r="AN2340" s="13">
        <v>0.25823323914119378</v>
      </c>
      <c r="AO2340" s="9">
        <v>7518.6785909999999</v>
      </c>
      <c r="AP2340" s="13">
        <v>0.43745743074547894</v>
      </c>
      <c r="AQ2340" s="9">
        <v>16124.690890100001</v>
      </c>
      <c r="AR2340" s="9">
        <v>17164.012403500001</v>
      </c>
      <c r="AS2340" s="9">
        <v>18671.182097199999</v>
      </c>
      <c r="AT2340" s="9">
        <v>16768.2166746</v>
      </c>
      <c r="AU2340" s="9">
        <v>16446.718073100001</v>
      </c>
      <c r="AV2340" s="9">
        <v>14241.544048600001</v>
      </c>
      <c r="AW2340" s="9">
        <v>17187.223401800002</v>
      </c>
      <c r="AX2340" s="9">
        <v>18307.335142700002</v>
      </c>
      <c r="AY2340" s="9">
        <v>19144.406351599999</v>
      </c>
      <c r="AZ2340" s="9">
        <v>19635.391296500002</v>
      </c>
      <c r="BA2340" s="9">
        <v>20121.887153200001</v>
      </c>
      <c r="BB2340" s="9">
        <v>20803.408813999999</v>
      </c>
      <c r="BC2340" s="9">
        <v>22479.458825500002</v>
      </c>
      <c r="BD2340" s="9">
        <v>22512.5806959</v>
      </c>
      <c r="BE2340" s="9">
        <v>24089.44457</v>
      </c>
      <c r="BF2340" s="9">
        <v>24705.901992800002</v>
      </c>
      <c r="BG2340" s="11">
        <v>4.75</v>
      </c>
      <c r="BH2340" s="13">
        <v>0.23749999999999999</v>
      </c>
      <c r="BI2340" s="6">
        <v>8</v>
      </c>
      <c r="BJ2340" s="13">
        <v>0.4</v>
      </c>
      <c r="BK2340" s="6">
        <v>-1</v>
      </c>
      <c r="BL2340" s="13">
        <v>-3.5714285714285712E-2</v>
      </c>
      <c r="BM2340" s="11">
        <v>-2.25</v>
      </c>
      <c r="BN2340" s="13">
        <v>-8.3333333333333329E-2</v>
      </c>
      <c r="BO2340" s="11">
        <v>-3.25</v>
      </c>
      <c r="BP2340" s="13">
        <v>-0.11607142857142858</v>
      </c>
      <c r="BQ2340" s="6">
        <v>20</v>
      </c>
      <c r="BR2340" s="6">
        <v>25</v>
      </c>
      <c r="BS2340" s="6">
        <v>28</v>
      </c>
      <c r="BT2340" s="6">
        <v>28</v>
      </c>
      <c r="BU2340" s="6">
        <v>24</v>
      </c>
      <c r="BV2340" s="6">
        <v>24</v>
      </c>
      <c r="BW2340" s="6">
        <v>27</v>
      </c>
      <c r="BX2340" s="6">
        <v>29</v>
      </c>
      <c r="BY2340" s="6">
        <v>24</v>
      </c>
      <c r="BZ2340" s="6">
        <v>24</v>
      </c>
      <c r="CA2340" s="6">
        <v>24</v>
      </c>
      <c r="CB2340" s="6">
        <v>24</v>
      </c>
      <c r="CC2340" s="11">
        <v>24.75</v>
      </c>
      <c r="CD2340" s="11">
        <v>-96.488900000000001</v>
      </c>
      <c r="CE2340" s="11">
        <v>20.524000000000001</v>
      </c>
      <c r="CF2340" s="11">
        <v>24.935600000000001</v>
      </c>
      <c r="CG2340" s="11">
        <v>46</v>
      </c>
      <c r="CH2340" s="20">
        <v>0.50056599999999996</v>
      </c>
      <c r="CI2340" s="20">
        <v>0.50714599999999999</v>
      </c>
      <c r="CJ2340" s="20">
        <v>0.47070499999999998</v>
      </c>
      <c r="CK2340" s="20">
        <v>0.46708</v>
      </c>
      <c r="CL2340" s="20">
        <v>0.432363</v>
      </c>
      <c r="CM2340" s="20">
        <v>0.43253399999999997</v>
      </c>
      <c r="CN2340" s="20">
        <v>0.35772399999999999</v>
      </c>
      <c r="CO2340" s="20">
        <v>0.38395499999999999</v>
      </c>
      <c r="CP2340" s="20">
        <v>0.39106000000000002</v>
      </c>
      <c r="CQ2340" s="20">
        <v>0.46112900000000001</v>
      </c>
      <c r="CR2340" s="20">
        <v>0.45277899999999999</v>
      </c>
      <c r="CS2340" s="20">
        <v>0.35732199999999997</v>
      </c>
      <c r="CT2340" s="20">
        <v>0.338667</v>
      </c>
      <c r="CU2340" s="20">
        <v>0.34537499999999999</v>
      </c>
      <c r="CV2340" s="20">
        <v>0.32737100000000002</v>
      </c>
      <c r="CW2340" s="20">
        <v>0.32548899999999997</v>
      </c>
      <c r="CX2340" s="20">
        <v>0.31773299999999999</v>
      </c>
      <c r="CY2340" s="6" t="s">
        <v>727</v>
      </c>
      <c r="CZ2340" s="6" t="s">
        <v>728</v>
      </c>
      <c r="DA2340" s="6" t="s">
        <v>85</v>
      </c>
      <c r="DB2340" s="6"/>
      <c r="DC2340" s="6">
        <v>41180</v>
      </c>
      <c r="DD2340" s="6">
        <v>476</v>
      </c>
      <c r="DE2340" s="6" t="s">
        <v>508</v>
      </c>
      <c r="DF2340" s="6" t="s">
        <v>375</v>
      </c>
      <c r="DG2340" s="6" t="s">
        <v>376</v>
      </c>
      <c r="DH2340" s="6" t="s">
        <v>328</v>
      </c>
      <c r="DI2340" s="6" t="s">
        <v>509</v>
      </c>
      <c r="DJ2340" s="6">
        <v>29</v>
      </c>
      <c r="DK2340" s="6">
        <v>219</v>
      </c>
      <c r="DL2340" s="6">
        <v>1</v>
      </c>
      <c r="DM2340" s="6" t="s">
        <v>404</v>
      </c>
      <c r="DN2340" s="6">
        <v>1</v>
      </c>
      <c r="DO2340" s="6" t="s">
        <v>405</v>
      </c>
      <c r="DP2340" s="6"/>
      <c r="DQ2340" s="6"/>
    </row>
    <row r="2341" spans="1:121" x14ac:dyDescent="0.2">
      <c r="A2341" s="6" t="s">
        <v>320</v>
      </c>
      <c r="B2341" s="6" t="s">
        <v>320</v>
      </c>
      <c r="C2341" s="6" t="s">
        <v>189</v>
      </c>
      <c r="D2341" s="6" t="s">
        <v>85</v>
      </c>
      <c r="E2341" s="6" t="s">
        <v>226</v>
      </c>
      <c r="F2341" s="11">
        <v>1</v>
      </c>
      <c r="G2341" s="13">
        <v>1</v>
      </c>
      <c r="H2341" s="11">
        <v>10.9470585755</v>
      </c>
      <c r="I2341" s="13">
        <v>2.1894117150999999</v>
      </c>
      <c r="J2341" s="11">
        <v>7.4107105166</v>
      </c>
      <c r="K2341" s="13">
        <v>0.46470704810637126</v>
      </c>
      <c r="L2341" s="11">
        <v>-3.3277423388999985</v>
      </c>
      <c r="M2341" s="13">
        <v>-0.14246832930742082</v>
      </c>
      <c r="N2341" s="11">
        <v>4.0829681777000015</v>
      </c>
      <c r="O2341" s="13">
        <v>0.25603268203785257</v>
      </c>
      <c r="P2341" s="7">
        <v>5</v>
      </c>
      <c r="Q2341" s="7">
        <v>5</v>
      </c>
      <c r="R2341" s="7">
        <v>5</v>
      </c>
      <c r="S2341" s="7">
        <v>5</v>
      </c>
      <c r="T2341" s="7">
        <v>16.109889261900001</v>
      </c>
      <c r="U2341" s="7">
        <v>14.5438540213</v>
      </c>
      <c r="V2341" s="7">
        <v>15.9470585755</v>
      </c>
      <c r="W2341" s="7">
        <v>14.3934140629</v>
      </c>
      <c r="X2341" s="7">
        <v>24.880688533000001</v>
      </c>
      <c r="Y2341" s="7">
        <v>23.3577690921</v>
      </c>
      <c r="Z2341" s="7">
        <v>12.172741200500001</v>
      </c>
      <c r="AA2341" s="7">
        <v>16.180410493099998</v>
      </c>
      <c r="AB2341" s="7">
        <v>13.7133238877</v>
      </c>
      <c r="AC2341" s="7">
        <v>15.1633555886</v>
      </c>
      <c r="AD2341" s="7">
        <v>15.8628780207</v>
      </c>
      <c r="AE2341" s="7">
        <v>18.214772311699999</v>
      </c>
      <c r="AF2341" s="7">
        <v>20.030026753200001</v>
      </c>
      <c r="AG2341" s="9">
        <v>34679.535327799997</v>
      </c>
      <c r="AH2341" s="13">
        <v>34679.535327799997</v>
      </c>
      <c r="AI2341" s="9">
        <v>19873.679987200001</v>
      </c>
      <c r="AJ2341" s="13">
        <v>19873.679987200001</v>
      </c>
      <c r="AK2341" s="9">
        <v>12651.948371899998</v>
      </c>
      <c r="AL2341" s="13">
        <v>0.63658626856121969</v>
      </c>
      <c r="AM2341" s="9">
        <v>2153.9069686999974</v>
      </c>
      <c r="AN2341" s="13">
        <v>6.6219804429787976E-2</v>
      </c>
      <c r="AO2341" s="9">
        <v>14805.855340599996</v>
      </c>
      <c r="AP2341" s="13">
        <v>0.74496069119782016</v>
      </c>
      <c r="AQ2341" s="9">
        <v>1</v>
      </c>
      <c r="AR2341" s="9">
        <v>1</v>
      </c>
      <c r="AS2341" s="9">
        <v>1</v>
      </c>
      <c r="AT2341" s="9">
        <v>1</v>
      </c>
      <c r="AU2341" s="9">
        <v>12160.891938700001</v>
      </c>
      <c r="AV2341" s="9">
        <v>14230.0352862</v>
      </c>
      <c r="AW2341" s="9">
        <v>19874.679987200001</v>
      </c>
      <c r="AX2341" s="9">
        <v>27538.976927700001</v>
      </c>
      <c r="AY2341" s="9">
        <v>26982.562219799998</v>
      </c>
      <c r="AZ2341" s="9">
        <v>32526.628359099999</v>
      </c>
      <c r="BA2341" s="9">
        <v>20026.670089300002</v>
      </c>
      <c r="BB2341" s="9">
        <v>23105.488935099998</v>
      </c>
      <c r="BC2341" s="9">
        <v>22602.4988185</v>
      </c>
      <c r="BD2341" s="9">
        <v>25232.0106915</v>
      </c>
      <c r="BE2341" s="9">
        <v>56763.226708599999</v>
      </c>
      <c r="BF2341" s="9">
        <v>34680.535327799997</v>
      </c>
      <c r="BG2341" s="11">
        <v>-1</v>
      </c>
      <c r="BH2341" s="13">
        <v>-0.33333333333333331</v>
      </c>
      <c r="BI2341" s="6">
        <v>0</v>
      </c>
      <c r="BJ2341" s="13">
        <v>0</v>
      </c>
      <c r="BK2341" s="6">
        <v>1</v>
      </c>
      <c r="BL2341" s="13">
        <v>0.33333333333333331</v>
      </c>
      <c r="BM2341" s="11">
        <v>-2</v>
      </c>
      <c r="BN2341" s="13">
        <v>-0.5</v>
      </c>
      <c r="BO2341" s="11">
        <v>-1</v>
      </c>
      <c r="BP2341" s="13">
        <v>-0.33333333333333331</v>
      </c>
      <c r="BQ2341" s="6">
        <v>3</v>
      </c>
      <c r="BR2341" s="6">
        <v>3</v>
      </c>
      <c r="BS2341" s="6">
        <v>3</v>
      </c>
      <c r="BT2341" s="6">
        <v>3</v>
      </c>
      <c r="BU2341" s="6">
        <v>3</v>
      </c>
      <c r="BV2341" s="6">
        <v>3</v>
      </c>
      <c r="BW2341" s="6">
        <v>4</v>
      </c>
      <c r="BX2341" s="6">
        <v>4</v>
      </c>
      <c r="BY2341" s="6">
        <v>4</v>
      </c>
      <c r="BZ2341" s="6">
        <v>4</v>
      </c>
      <c r="CA2341" s="6">
        <v>1</v>
      </c>
      <c r="CB2341" s="6">
        <v>2</v>
      </c>
      <c r="CC2341" s="11">
        <v>2</v>
      </c>
      <c r="CD2341" s="11">
        <v>10.021699999999999</v>
      </c>
      <c r="CE2341" s="11">
        <v>2.46299</v>
      </c>
      <c r="CF2341" s="11">
        <v>0.74352499999999999</v>
      </c>
      <c r="CG2341" s="11">
        <v>3</v>
      </c>
      <c r="CH2341" s="20">
        <v>4.4737800000000001E-2</v>
      </c>
      <c r="CI2341" s="20">
        <v>3.57122E-2</v>
      </c>
      <c r="CJ2341" s="20">
        <v>3.8140399999999998E-2</v>
      </c>
      <c r="CK2341" s="20">
        <v>5.3428099999999999E-2</v>
      </c>
      <c r="CL2341" s="20">
        <v>8.8860599999999998E-2</v>
      </c>
      <c r="CM2341" s="20">
        <v>8.0246300000000007E-2</v>
      </c>
      <c r="CN2341" s="20">
        <v>8.6450100000000002E-2</v>
      </c>
      <c r="CO2341" s="20">
        <v>7.6450799999999999E-2</v>
      </c>
      <c r="CP2341" s="20">
        <v>0.126661</v>
      </c>
      <c r="CQ2341" s="20">
        <v>0.11958000000000001</v>
      </c>
      <c r="CR2341" s="20">
        <v>6.0193400000000001E-2</v>
      </c>
      <c r="CS2341" s="20">
        <v>7.99266E-2</v>
      </c>
      <c r="CT2341" s="20">
        <v>6.5467700000000004E-2</v>
      </c>
      <c r="CU2341" s="20">
        <v>7.1097900000000006E-2</v>
      </c>
      <c r="CV2341" s="20">
        <v>7.3093900000000003E-2</v>
      </c>
      <c r="CW2341" s="20">
        <v>8.2986199999999996E-2</v>
      </c>
      <c r="CX2341" s="20">
        <v>8.7798299999999996E-2</v>
      </c>
      <c r="CY2341" s="6" t="s">
        <v>727</v>
      </c>
      <c r="CZ2341" s="6" t="s">
        <v>728</v>
      </c>
      <c r="DA2341" s="6" t="s">
        <v>85</v>
      </c>
      <c r="DB2341" s="6"/>
      <c r="DC2341" s="6">
        <v>41180</v>
      </c>
      <c r="DD2341" s="6">
        <v>476</v>
      </c>
      <c r="DE2341" s="6" t="s">
        <v>508</v>
      </c>
      <c r="DF2341" s="6" t="s">
        <v>375</v>
      </c>
      <c r="DG2341" s="6" t="s">
        <v>376</v>
      </c>
      <c r="DH2341" s="6" t="s">
        <v>328</v>
      </c>
      <c r="DI2341" s="6" t="s">
        <v>509</v>
      </c>
      <c r="DJ2341" s="6">
        <v>29</v>
      </c>
      <c r="DK2341" s="6">
        <v>219</v>
      </c>
      <c r="DL2341" s="6">
        <v>1</v>
      </c>
      <c r="DM2341" s="6" t="s">
        <v>404</v>
      </c>
      <c r="DN2341" s="6">
        <v>1</v>
      </c>
      <c r="DO2341" s="6" t="s">
        <v>405</v>
      </c>
      <c r="DP2341" s="6"/>
      <c r="DQ2341" s="6"/>
    </row>
    <row r="2342" spans="1:121" x14ac:dyDescent="0.2">
      <c r="A2342" s="6" t="s">
        <v>321</v>
      </c>
      <c r="B2342" s="6" t="s">
        <v>321</v>
      </c>
      <c r="C2342" s="6" t="s">
        <v>190</v>
      </c>
      <c r="D2342" s="6" t="s">
        <v>85</v>
      </c>
      <c r="E2342" s="6" t="s">
        <v>226</v>
      </c>
      <c r="F2342" s="11">
        <v>196</v>
      </c>
      <c r="G2342" s="13">
        <v>0.374760994264</v>
      </c>
      <c r="H2342" s="11">
        <v>68.869775466999954</v>
      </c>
      <c r="I2342" s="13">
        <v>0.13170931677424882</v>
      </c>
      <c r="J2342" s="11">
        <v>-38.322818801000039</v>
      </c>
      <c r="K2342" s="13">
        <v>-6.4760528505301923E-2</v>
      </c>
      <c r="L2342" s="11">
        <v>165.65921002700009</v>
      </c>
      <c r="M2342" s="13">
        <v>0.29932686479858994</v>
      </c>
      <c r="N2342" s="11">
        <v>127.33639122600005</v>
      </c>
      <c r="O2342" s="13">
        <v>0.21518177033309627</v>
      </c>
      <c r="P2342" s="7">
        <v>522.89220803600006</v>
      </c>
      <c r="Q2342" s="7">
        <v>504.47024187900001</v>
      </c>
      <c r="R2342" s="7">
        <v>505.43478749799999</v>
      </c>
      <c r="S2342" s="7">
        <v>521.22663825699999</v>
      </c>
      <c r="T2342" s="7">
        <v>522.34668795799996</v>
      </c>
      <c r="U2342" s="7">
        <v>498.70499591599997</v>
      </c>
      <c r="V2342" s="7">
        <v>591.76198350300001</v>
      </c>
      <c r="W2342" s="7">
        <v>608.63622606599995</v>
      </c>
      <c r="X2342" s="7">
        <v>556.91332415199997</v>
      </c>
      <c r="Y2342" s="7">
        <v>553.43916470199997</v>
      </c>
      <c r="Z2342" s="7">
        <v>559.91742351300002</v>
      </c>
      <c r="AA2342" s="7">
        <v>580.01254523800003</v>
      </c>
      <c r="AB2342" s="7">
        <v>603.991383746</v>
      </c>
      <c r="AC2342" s="7">
        <v>625.81151132800005</v>
      </c>
      <c r="AD2342" s="7">
        <v>664.41625130199998</v>
      </c>
      <c r="AE2342" s="7">
        <v>694.56582269299997</v>
      </c>
      <c r="AF2342" s="7">
        <v>719.09837472900006</v>
      </c>
      <c r="AG2342" s="9">
        <v>11990.619231100001</v>
      </c>
      <c r="AH2342" s="13">
        <v>0.54624178679061997</v>
      </c>
      <c r="AI2342" s="9">
        <v>5556.4992406000019</v>
      </c>
      <c r="AJ2342" s="13">
        <v>0.253130552725226</v>
      </c>
      <c r="AK2342" s="9">
        <v>3530.1162803000007</v>
      </c>
      <c r="AL2342" s="13">
        <v>0.12833230668491016</v>
      </c>
      <c r="AM2342" s="9">
        <v>2904.0037101999987</v>
      </c>
      <c r="AN2342" s="13">
        <v>9.3563645148005622E-2</v>
      </c>
      <c r="AO2342" s="9">
        <v>6434.1199904999994</v>
      </c>
      <c r="AP2342" s="13">
        <v>0.23390319023660777</v>
      </c>
      <c r="AQ2342" s="9">
        <v>21951.120403199999</v>
      </c>
      <c r="AR2342" s="9">
        <v>23181.431674700001</v>
      </c>
      <c r="AS2342" s="9">
        <v>24311.4479637</v>
      </c>
      <c r="AT2342" s="9">
        <v>24609.775057800001</v>
      </c>
      <c r="AU2342" s="9">
        <v>26456.847638300002</v>
      </c>
      <c r="AV2342" s="9">
        <v>28240.198973499999</v>
      </c>
      <c r="AW2342" s="9">
        <v>27507.619643800001</v>
      </c>
      <c r="AX2342" s="9">
        <v>28372.224486200001</v>
      </c>
      <c r="AY2342" s="9">
        <v>30278.114337399998</v>
      </c>
      <c r="AZ2342" s="9">
        <v>31037.735924100001</v>
      </c>
      <c r="BA2342" s="9">
        <v>31417.462641900001</v>
      </c>
      <c r="BB2342" s="9">
        <v>33432.498126099999</v>
      </c>
      <c r="BC2342" s="9">
        <v>32317.613104299999</v>
      </c>
      <c r="BD2342" s="9">
        <v>33200.986892000001</v>
      </c>
      <c r="BE2342" s="9">
        <v>33328.873892600001</v>
      </c>
      <c r="BF2342" s="9">
        <v>33941.7396343</v>
      </c>
      <c r="BG2342" s="11">
        <v>55.25</v>
      </c>
      <c r="BH2342" s="13">
        <v>1.7265625</v>
      </c>
      <c r="BI2342" s="6">
        <v>4</v>
      </c>
      <c r="BJ2342" s="13">
        <v>0.125</v>
      </c>
      <c r="BK2342" s="6">
        <v>0</v>
      </c>
      <c r="BL2342" s="13">
        <v>0</v>
      </c>
      <c r="BM2342" s="11">
        <v>51.25</v>
      </c>
      <c r="BN2342" s="13">
        <v>1.4236111111111112</v>
      </c>
      <c r="BO2342" s="11">
        <v>51.25</v>
      </c>
      <c r="BP2342" s="13">
        <v>1.4236111111111112</v>
      </c>
      <c r="BQ2342" s="6">
        <v>32</v>
      </c>
      <c r="BR2342" s="6">
        <v>36</v>
      </c>
      <c r="BS2342" s="6">
        <v>35</v>
      </c>
      <c r="BT2342" s="6">
        <v>36</v>
      </c>
      <c r="BU2342" s="6">
        <v>33</v>
      </c>
      <c r="BV2342" s="6">
        <v>36</v>
      </c>
      <c r="BW2342" s="6">
        <v>36</v>
      </c>
      <c r="BX2342" s="6">
        <v>36</v>
      </c>
      <c r="BY2342" s="6">
        <v>38</v>
      </c>
      <c r="BZ2342" s="6">
        <v>62</v>
      </c>
      <c r="CA2342" s="6">
        <v>69</v>
      </c>
      <c r="CB2342" s="6">
        <v>77</v>
      </c>
      <c r="CC2342" s="11">
        <v>87.25</v>
      </c>
      <c r="CD2342" s="11">
        <v>-51.372100000000003</v>
      </c>
      <c r="CE2342" s="11">
        <v>190.42</v>
      </c>
      <c r="CF2342" s="11">
        <v>57.1584</v>
      </c>
      <c r="CG2342" s="11">
        <v>247</v>
      </c>
      <c r="CH2342" s="20">
        <v>0.69637800000000005</v>
      </c>
      <c r="CI2342" s="20">
        <v>0.65058300000000002</v>
      </c>
      <c r="CJ2342" s="20">
        <v>0.64038799999999996</v>
      </c>
      <c r="CK2342" s="20">
        <v>0.60827699999999996</v>
      </c>
      <c r="CL2342" s="20">
        <v>0.58969099999999997</v>
      </c>
      <c r="CM2342" s="20">
        <v>0.56138299999999997</v>
      </c>
      <c r="CN2342" s="20">
        <v>0.65304399999999996</v>
      </c>
      <c r="CO2342" s="20">
        <v>0.66030699999999998</v>
      </c>
      <c r="CP2342" s="20">
        <v>0.58352800000000005</v>
      </c>
      <c r="CQ2342" s="20">
        <v>0.58683300000000005</v>
      </c>
      <c r="CR2342" s="20">
        <v>0.58369400000000005</v>
      </c>
      <c r="CS2342" s="20">
        <v>0.59406000000000003</v>
      </c>
      <c r="CT2342" s="20">
        <v>0.594723</v>
      </c>
      <c r="CU2342" s="20">
        <v>0.60645000000000004</v>
      </c>
      <c r="CV2342" s="20">
        <v>0.62643700000000002</v>
      </c>
      <c r="CW2342" s="20">
        <v>0.643598</v>
      </c>
      <c r="CX2342" s="20">
        <v>0.63733899999999999</v>
      </c>
      <c r="CY2342" s="6" t="s">
        <v>727</v>
      </c>
      <c r="CZ2342" s="6" t="s">
        <v>728</v>
      </c>
      <c r="DA2342" s="6" t="s">
        <v>85</v>
      </c>
      <c r="DB2342" s="6"/>
      <c r="DC2342" s="6">
        <v>41180</v>
      </c>
      <c r="DD2342" s="6">
        <v>476</v>
      </c>
      <c r="DE2342" s="6" t="s">
        <v>508</v>
      </c>
      <c r="DF2342" s="6" t="s">
        <v>375</v>
      </c>
      <c r="DG2342" s="6" t="s">
        <v>376</v>
      </c>
      <c r="DH2342" s="6" t="s">
        <v>328</v>
      </c>
      <c r="DI2342" s="6" t="s">
        <v>509</v>
      </c>
      <c r="DJ2342" s="6">
        <v>29</v>
      </c>
      <c r="DK2342" s="6">
        <v>219</v>
      </c>
      <c r="DL2342" s="6">
        <v>1</v>
      </c>
      <c r="DM2342" s="6" t="s">
        <v>404</v>
      </c>
      <c r="DN2342" s="6">
        <v>1</v>
      </c>
      <c r="DO2342" s="6" t="s">
        <v>405</v>
      </c>
      <c r="DP2342" s="6"/>
      <c r="DQ2342" s="6"/>
    </row>
    <row r="2343" spans="1:121" x14ac:dyDescent="0.2">
      <c r="A2343" s="6" t="s">
        <v>322</v>
      </c>
      <c r="B2343" s="6" t="s">
        <v>322</v>
      </c>
      <c r="C2343" s="6" t="s">
        <v>191</v>
      </c>
      <c r="D2343" s="6" t="s">
        <v>85</v>
      </c>
      <c r="E2343" s="6" t="s">
        <v>226</v>
      </c>
      <c r="F2343" s="11">
        <v>12</v>
      </c>
      <c r="G2343" s="13">
        <v>0.24</v>
      </c>
      <c r="H2343" s="11">
        <v>31</v>
      </c>
      <c r="I2343" s="13">
        <v>0.60784313725490191</v>
      </c>
      <c r="J2343" s="11">
        <v>-12</v>
      </c>
      <c r="K2343" s="13">
        <v>-0.14634146341463414</v>
      </c>
      <c r="L2343" s="11">
        <v>-7</v>
      </c>
      <c r="M2343" s="13">
        <v>-0.1</v>
      </c>
      <c r="N2343" s="11">
        <v>-19</v>
      </c>
      <c r="O2343" s="13">
        <v>-0.23170731707317072</v>
      </c>
      <c r="P2343" s="7">
        <v>51</v>
      </c>
      <c r="Q2343" s="7">
        <v>51</v>
      </c>
      <c r="R2343" s="7">
        <v>59</v>
      </c>
      <c r="S2343" s="7">
        <v>59</v>
      </c>
      <c r="T2343" s="7">
        <v>62</v>
      </c>
      <c r="U2343" s="7">
        <v>61</v>
      </c>
      <c r="V2343" s="7">
        <v>82</v>
      </c>
      <c r="W2343" s="7">
        <v>80</v>
      </c>
      <c r="X2343" s="7">
        <v>79</v>
      </c>
      <c r="Y2343" s="7">
        <v>70</v>
      </c>
      <c r="Z2343" s="7">
        <v>69</v>
      </c>
      <c r="AA2343" s="7">
        <v>78</v>
      </c>
      <c r="AB2343" s="7">
        <v>74</v>
      </c>
      <c r="AC2343" s="7">
        <v>69</v>
      </c>
      <c r="AD2343" s="7">
        <v>72</v>
      </c>
      <c r="AE2343" s="7">
        <v>64</v>
      </c>
      <c r="AF2343" s="7">
        <v>63</v>
      </c>
      <c r="AG2343" s="9">
        <v>1235</v>
      </c>
      <c r="AH2343" s="13">
        <v>6.6330092915838662E-2</v>
      </c>
      <c r="AI2343" s="9">
        <v>1123</v>
      </c>
      <c r="AJ2343" s="13">
        <v>6.0314732262742358E-2</v>
      </c>
      <c r="AK2343" s="9">
        <v>3658</v>
      </c>
      <c r="AL2343" s="13">
        <v>0.18529024414952891</v>
      </c>
      <c r="AM2343" s="9">
        <v>-3546</v>
      </c>
      <c r="AN2343" s="13">
        <v>-0.15153846153846154</v>
      </c>
      <c r="AO2343" s="9">
        <v>112</v>
      </c>
      <c r="AP2343" s="13">
        <v>5.6731840745618475E-3</v>
      </c>
      <c r="AQ2343" s="9">
        <v>18619</v>
      </c>
      <c r="AR2343" s="9">
        <v>18750</v>
      </c>
      <c r="AS2343" s="9">
        <v>18734</v>
      </c>
      <c r="AT2343" s="9">
        <v>19053</v>
      </c>
      <c r="AU2343" s="9">
        <v>19059</v>
      </c>
      <c r="AV2343" s="9">
        <v>20476</v>
      </c>
      <c r="AW2343" s="9">
        <v>19742</v>
      </c>
      <c r="AX2343" s="9">
        <v>21344</v>
      </c>
      <c r="AY2343" s="9">
        <v>21730</v>
      </c>
      <c r="AZ2343" s="9">
        <v>23400</v>
      </c>
      <c r="BA2343" s="9">
        <v>21624</v>
      </c>
      <c r="BB2343" s="9">
        <v>20252</v>
      </c>
      <c r="BC2343" s="9">
        <v>20582</v>
      </c>
      <c r="BD2343" s="9">
        <v>23452</v>
      </c>
      <c r="BE2343" s="9">
        <v>21478</v>
      </c>
      <c r="BF2343" s="9">
        <v>19854</v>
      </c>
      <c r="BG2343" s="11">
        <v>1</v>
      </c>
      <c r="BH2343" s="13">
        <v>0.25</v>
      </c>
      <c r="BI2343" s="6">
        <v>3</v>
      </c>
      <c r="BJ2343" s="13">
        <v>0.75</v>
      </c>
      <c r="BK2343" s="6">
        <v>-2</v>
      </c>
      <c r="BL2343" s="13">
        <v>-0.2857142857142857</v>
      </c>
      <c r="BM2343" s="11">
        <v>0</v>
      </c>
      <c r="BN2343" s="13">
        <v>0</v>
      </c>
      <c r="BO2343" s="11">
        <v>-2</v>
      </c>
      <c r="BP2343" s="13">
        <v>-0.2857142857142857</v>
      </c>
      <c r="BQ2343" s="6">
        <v>4</v>
      </c>
      <c r="BR2343" s="6">
        <v>5</v>
      </c>
      <c r="BS2343" s="6">
        <v>5</v>
      </c>
      <c r="BT2343" s="6">
        <v>7</v>
      </c>
      <c r="BU2343" s="6">
        <v>6</v>
      </c>
      <c r="BV2343" s="6">
        <v>5</v>
      </c>
      <c r="BW2343" s="6">
        <v>5</v>
      </c>
      <c r="BX2343" s="6">
        <v>6</v>
      </c>
      <c r="BY2343" s="6">
        <v>6</v>
      </c>
      <c r="BZ2343" s="6">
        <v>6</v>
      </c>
      <c r="CA2343" s="6">
        <v>4</v>
      </c>
      <c r="CB2343" s="6">
        <v>5</v>
      </c>
      <c r="CC2343" s="11">
        <v>5</v>
      </c>
      <c r="CD2343" s="11">
        <v>-3</v>
      </c>
      <c r="CE2343" s="11">
        <v>9</v>
      </c>
      <c r="CF2343" s="11">
        <v>6</v>
      </c>
      <c r="CG2343" s="11">
        <v>15</v>
      </c>
      <c r="CH2343" s="20">
        <v>0.44</v>
      </c>
      <c r="CI2343" s="20">
        <v>0.44</v>
      </c>
      <c r="CJ2343" s="20">
        <v>0.5</v>
      </c>
      <c r="CK2343" s="20">
        <v>0.46</v>
      </c>
      <c r="CL2343" s="20">
        <v>0.48</v>
      </c>
      <c r="CM2343" s="20">
        <v>0.47</v>
      </c>
      <c r="CN2343" s="20">
        <v>0.62</v>
      </c>
      <c r="CO2343" s="20">
        <v>0.61</v>
      </c>
      <c r="CP2343" s="20">
        <v>0.6</v>
      </c>
      <c r="CQ2343" s="20">
        <v>0.56000000000000005</v>
      </c>
      <c r="CR2343" s="20">
        <v>0.54</v>
      </c>
      <c r="CS2343" s="20">
        <v>0.6</v>
      </c>
      <c r="CT2343" s="20">
        <v>0.55000000000000004</v>
      </c>
      <c r="CU2343" s="20">
        <v>0.5</v>
      </c>
      <c r="CV2343" s="20">
        <v>0.5</v>
      </c>
      <c r="CW2343" s="20">
        <v>0.44</v>
      </c>
      <c r="CX2343" s="20">
        <v>0.41</v>
      </c>
      <c r="CY2343" s="6" t="s">
        <v>727</v>
      </c>
      <c r="CZ2343" s="6" t="s">
        <v>728</v>
      </c>
      <c r="DA2343" s="6" t="s">
        <v>85</v>
      </c>
      <c r="DB2343" s="6"/>
      <c r="DC2343" s="6">
        <v>41180</v>
      </c>
      <c r="DD2343" s="6">
        <v>476</v>
      </c>
      <c r="DE2343" s="6" t="s">
        <v>508</v>
      </c>
      <c r="DF2343" s="6" t="s">
        <v>375</v>
      </c>
      <c r="DG2343" s="6" t="s">
        <v>376</v>
      </c>
      <c r="DH2343" s="6" t="s">
        <v>328</v>
      </c>
      <c r="DI2343" s="6" t="s">
        <v>509</v>
      </c>
      <c r="DJ2343" s="6">
        <v>29</v>
      </c>
      <c r="DK2343" s="6">
        <v>219</v>
      </c>
      <c r="DL2343" s="6">
        <v>1</v>
      </c>
      <c r="DM2343" s="6" t="s">
        <v>404</v>
      </c>
      <c r="DN2343" s="6">
        <v>1</v>
      </c>
      <c r="DO2343" s="6" t="s">
        <v>405</v>
      </c>
      <c r="DP2343" s="6"/>
      <c r="DQ2343" s="6"/>
    </row>
    <row r="2344" spans="1:121" x14ac:dyDescent="0.2">
      <c r="A2344" s="6" t="s">
        <v>323</v>
      </c>
      <c r="B2344" s="6" t="s">
        <v>323</v>
      </c>
      <c r="C2344" s="6" t="s">
        <v>192</v>
      </c>
      <c r="D2344" s="6" t="s">
        <v>85</v>
      </c>
      <c r="E2344" s="6" t="s">
        <v>226</v>
      </c>
      <c r="F2344" s="11">
        <v>180</v>
      </c>
      <c r="G2344" s="13">
        <v>0.32846715328499998</v>
      </c>
      <c r="H2344" s="11">
        <v>178.42554650700004</v>
      </c>
      <c r="I2344" s="13">
        <v>0.325767460499225</v>
      </c>
      <c r="J2344" s="11">
        <v>-49.079982034000068</v>
      </c>
      <c r="K2344" s="13">
        <v>-6.7590818596232963E-2</v>
      </c>
      <c r="L2344" s="11">
        <v>50.559925483000029</v>
      </c>
      <c r="M2344" s="13">
        <v>7.4676369340047219E-2</v>
      </c>
      <c r="N2344" s="11">
        <v>1.4799434489999612</v>
      </c>
      <c r="O2344" s="13">
        <v>2.0381138103258414E-3</v>
      </c>
      <c r="P2344" s="7">
        <v>547.70831387999999</v>
      </c>
      <c r="Q2344" s="7">
        <v>570.18642865200002</v>
      </c>
      <c r="R2344" s="7">
        <v>568.08025380599997</v>
      </c>
      <c r="S2344" s="7">
        <v>604.45870267800001</v>
      </c>
      <c r="T2344" s="7">
        <v>653.20760173600002</v>
      </c>
      <c r="U2344" s="7">
        <v>681.79727949899996</v>
      </c>
      <c r="V2344" s="7">
        <v>726.13386038700003</v>
      </c>
      <c r="W2344" s="7">
        <v>694.71408788400004</v>
      </c>
      <c r="X2344" s="7">
        <v>622.49522806499999</v>
      </c>
      <c r="Y2344" s="7">
        <v>677.05387835299996</v>
      </c>
      <c r="Z2344" s="7">
        <v>700.33062487899997</v>
      </c>
      <c r="AA2344" s="7">
        <v>687.51751449400001</v>
      </c>
      <c r="AB2344" s="7">
        <v>697.60476613499998</v>
      </c>
      <c r="AC2344" s="7">
        <v>736.54948209500003</v>
      </c>
      <c r="AD2344" s="7">
        <v>752.97555816600004</v>
      </c>
      <c r="AE2344" s="7">
        <v>716.74480583800005</v>
      </c>
      <c r="AF2344" s="7">
        <v>727.61380383599999</v>
      </c>
      <c r="AG2344" s="9">
        <v>5658.5428350000002</v>
      </c>
      <c r="AH2344" s="13">
        <v>0.53158598774202026</v>
      </c>
      <c r="AI2344" s="9">
        <v>2863.9808241999999</v>
      </c>
      <c r="AJ2344" s="13">
        <v>0.26905373339045552</v>
      </c>
      <c r="AK2344" s="9">
        <v>-420.71067629999925</v>
      </c>
      <c r="AL2344" s="13">
        <v>-3.1143860037216059E-2</v>
      </c>
      <c r="AM2344" s="9">
        <v>3215.2726870999995</v>
      </c>
      <c r="AN2344" s="13">
        <v>0.24566733873306781</v>
      </c>
      <c r="AO2344" s="9">
        <v>2794.5620108000003</v>
      </c>
      <c r="AP2344" s="13">
        <v>0.20687244948263375</v>
      </c>
      <c r="AQ2344" s="9">
        <v>10644.6425705</v>
      </c>
      <c r="AR2344" s="9">
        <v>11247.072502000001</v>
      </c>
      <c r="AS2344" s="9">
        <v>11027.1891251</v>
      </c>
      <c r="AT2344" s="9">
        <v>11174.559607499999</v>
      </c>
      <c r="AU2344" s="9">
        <v>12105.1170069</v>
      </c>
      <c r="AV2344" s="9">
        <v>12676.705323800001</v>
      </c>
      <c r="AW2344" s="9">
        <v>13508.6233947</v>
      </c>
      <c r="AX2344" s="9">
        <v>13356.5871905</v>
      </c>
      <c r="AY2344" s="9">
        <v>13668.005852300001</v>
      </c>
      <c r="AZ2344" s="9">
        <v>13087.912718400001</v>
      </c>
      <c r="BA2344" s="9">
        <v>13091.7595158</v>
      </c>
      <c r="BB2344" s="9">
        <v>13471.528571299999</v>
      </c>
      <c r="BC2344" s="9">
        <v>14062.6403531</v>
      </c>
      <c r="BD2344" s="9">
        <v>14486.0235366</v>
      </c>
      <c r="BE2344" s="9">
        <v>15740.4871798</v>
      </c>
      <c r="BF2344" s="9">
        <v>16303.1854055</v>
      </c>
      <c r="BG2344" s="11">
        <v>6.25</v>
      </c>
      <c r="BH2344" s="13">
        <v>0.16891891891891891</v>
      </c>
      <c r="BI2344" s="6">
        <v>10</v>
      </c>
      <c r="BJ2344" s="13">
        <v>0.27027027027027029</v>
      </c>
      <c r="BK2344" s="6">
        <v>-6</v>
      </c>
      <c r="BL2344" s="13">
        <v>-0.1276595744680851</v>
      </c>
      <c r="BM2344" s="11">
        <v>2.25</v>
      </c>
      <c r="BN2344" s="13">
        <v>5.4878048780487805E-2</v>
      </c>
      <c r="BO2344" s="11">
        <v>-3.75</v>
      </c>
      <c r="BP2344" s="13">
        <v>-7.9787234042553196E-2</v>
      </c>
      <c r="BQ2344" s="6">
        <v>37</v>
      </c>
      <c r="BR2344" s="6">
        <v>42</v>
      </c>
      <c r="BS2344" s="6">
        <v>44</v>
      </c>
      <c r="BT2344" s="6">
        <v>47</v>
      </c>
      <c r="BU2344" s="6">
        <v>45</v>
      </c>
      <c r="BV2344" s="6">
        <v>42</v>
      </c>
      <c r="BW2344" s="6">
        <v>41</v>
      </c>
      <c r="BX2344" s="6">
        <v>44</v>
      </c>
      <c r="BY2344" s="6">
        <v>46</v>
      </c>
      <c r="BZ2344" s="6">
        <v>45</v>
      </c>
      <c r="CA2344" s="6">
        <v>45</v>
      </c>
      <c r="CB2344" s="6">
        <v>45</v>
      </c>
      <c r="CC2344" s="11">
        <v>43.25</v>
      </c>
      <c r="CD2344" s="11">
        <v>-4.5175599999999996</v>
      </c>
      <c r="CE2344" s="11">
        <v>124.55200000000001</v>
      </c>
      <c r="CF2344" s="11">
        <v>59.871099999999998</v>
      </c>
      <c r="CG2344" s="11">
        <v>185</v>
      </c>
      <c r="CH2344" s="20">
        <v>0.98289300000000002</v>
      </c>
      <c r="CI2344" s="20">
        <v>1.0160499999999999</v>
      </c>
      <c r="CJ2344" s="20">
        <v>1.0066999999999999</v>
      </c>
      <c r="CK2344" s="20">
        <v>0.98148199999999997</v>
      </c>
      <c r="CL2344" s="20">
        <v>1.02525</v>
      </c>
      <c r="CM2344" s="20">
        <v>1.0712699999999999</v>
      </c>
      <c r="CN2344" s="20">
        <v>1.1247799999999999</v>
      </c>
      <c r="CO2344" s="20">
        <v>1.0821400000000001</v>
      </c>
      <c r="CP2344" s="20">
        <v>0.982904</v>
      </c>
      <c r="CQ2344" s="20">
        <v>1.0960099999999999</v>
      </c>
      <c r="CR2344" s="20">
        <v>1.1023799999999999</v>
      </c>
      <c r="CS2344" s="20">
        <v>1.06986</v>
      </c>
      <c r="CT2344" s="20">
        <v>1.0324899999999999</v>
      </c>
      <c r="CU2344" s="20">
        <v>1.0615600000000001</v>
      </c>
      <c r="CV2344" s="20">
        <v>1.04576</v>
      </c>
      <c r="CW2344" s="20">
        <v>0.97601499999999997</v>
      </c>
      <c r="CX2344" s="20">
        <v>0.95788099999999998</v>
      </c>
      <c r="CY2344" s="6" t="s">
        <v>727</v>
      </c>
      <c r="CZ2344" s="6" t="s">
        <v>728</v>
      </c>
      <c r="DA2344" s="6" t="s">
        <v>85</v>
      </c>
      <c r="DB2344" s="6"/>
      <c r="DC2344" s="6">
        <v>41180</v>
      </c>
      <c r="DD2344" s="6">
        <v>476</v>
      </c>
      <c r="DE2344" s="6" t="s">
        <v>508</v>
      </c>
      <c r="DF2344" s="6" t="s">
        <v>375</v>
      </c>
      <c r="DG2344" s="6" t="s">
        <v>376</v>
      </c>
      <c r="DH2344" s="6" t="s">
        <v>328</v>
      </c>
      <c r="DI2344" s="6" t="s">
        <v>509</v>
      </c>
      <c r="DJ2344" s="6">
        <v>29</v>
      </c>
      <c r="DK2344" s="6">
        <v>219</v>
      </c>
      <c r="DL2344" s="6">
        <v>1</v>
      </c>
      <c r="DM2344" s="6" t="s">
        <v>404</v>
      </c>
      <c r="DN2344" s="6">
        <v>1</v>
      </c>
      <c r="DO2344" s="6" t="s">
        <v>405</v>
      </c>
      <c r="DP2344" s="6"/>
      <c r="DQ2344" s="6"/>
    </row>
    <row r="2345" spans="1:121" x14ac:dyDescent="0.2">
      <c r="A2345" s="6" t="s">
        <v>325</v>
      </c>
      <c r="B2345" s="6" t="s">
        <v>325</v>
      </c>
      <c r="C2345" s="6" t="s">
        <v>193</v>
      </c>
      <c r="D2345" s="6" t="s">
        <v>85</v>
      </c>
      <c r="E2345" s="6" t="s">
        <v>226</v>
      </c>
      <c r="F2345" s="11">
        <v>110</v>
      </c>
      <c r="G2345" s="13">
        <v>0.16897081413199999</v>
      </c>
      <c r="H2345" s="11">
        <v>95.346158533999983</v>
      </c>
      <c r="I2345" s="13">
        <v>0.1464458109091395</v>
      </c>
      <c r="J2345" s="11">
        <v>-63.929777919000003</v>
      </c>
      <c r="K2345" s="13">
        <v>-8.5649220950965874E-2</v>
      </c>
      <c r="L2345" s="11">
        <v>78.654359388999978</v>
      </c>
      <c r="M2345" s="13">
        <v>0.11524714626985816</v>
      </c>
      <c r="N2345" s="11">
        <v>14.724581469999976</v>
      </c>
      <c r="O2345" s="13">
        <v>1.9727097024056936E-2</v>
      </c>
      <c r="P2345" s="7">
        <v>651.06784511000001</v>
      </c>
      <c r="Q2345" s="7">
        <v>639.417597849</v>
      </c>
      <c r="R2345" s="7">
        <v>674.66085166200003</v>
      </c>
      <c r="S2345" s="7">
        <v>693.58874356800004</v>
      </c>
      <c r="T2345" s="7">
        <v>757.605823988</v>
      </c>
      <c r="U2345" s="7">
        <v>701.20159389900004</v>
      </c>
      <c r="V2345" s="7">
        <v>746.41400364399999</v>
      </c>
      <c r="W2345" s="7">
        <v>719.96454979500004</v>
      </c>
      <c r="X2345" s="7">
        <v>762.88576048799996</v>
      </c>
      <c r="Y2345" s="7">
        <v>682.48422572499999</v>
      </c>
      <c r="Z2345" s="7">
        <v>640.20459796</v>
      </c>
      <c r="AA2345" s="7">
        <v>737.03891676900002</v>
      </c>
      <c r="AB2345" s="7">
        <v>739.86872935199995</v>
      </c>
      <c r="AC2345" s="7">
        <v>768.78308771699994</v>
      </c>
      <c r="AD2345" s="7">
        <v>756.18993192300002</v>
      </c>
      <c r="AE2345" s="7">
        <v>747.18889566500002</v>
      </c>
      <c r="AF2345" s="7">
        <v>761.13858511399997</v>
      </c>
      <c r="AG2345" s="9">
        <v>6508.7872236000003</v>
      </c>
      <c r="AH2345" s="13">
        <v>0.36408104377033318</v>
      </c>
      <c r="AI2345" s="9">
        <v>1698.754144399998</v>
      </c>
      <c r="AJ2345" s="13">
        <v>9.5022952933503324E-2</v>
      </c>
      <c r="AK2345" s="9">
        <v>-377.19885960000101</v>
      </c>
      <c r="AL2345" s="13">
        <v>-1.9268377292914637E-2</v>
      </c>
      <c r="AM2345" s="9">
        <v>5187.2319388000033</v>
      </c>
      <c r="AN2345" s="13">
        <v>0.2701843930963051</v>
      </c>
      <c r="AO2345" s="9">
        <v>4810.0330792000022</v>
      </c>
      <c r="AP2345" s="13">
        <v>0.24571000097855367</v>
      </c>
      <c r="AQ2345" s="9">
        <v>17877.303240500001</v>
      </c>
      <c r="AR2345" s="9">
        <v>17895.897794799999</v>
      </c>
      <c r="AS2345" s="9">
        <v>16923.702819099999</v>
      </c>
      <c r="AT2345" s="9">
        <v>17878.603647200001</v>
      </c>
      <c r="AU2345" s="9">
        <v>16798.280267800001</v>
      </c>
      <c r="AV2345" s="9">
        <v>18632.6874436</v>
      </c>
      <c r="AW2345" s="9">
        <v>19576.057384899999</v>
      </c>
      <c r="AX2345" s="9">
        <v>21209.207130499999</v>
      </c>
      <c r="AY2345" s="9">
        <v>18947.2483044</v>
      </c>
      <c r="AZ2345" s="9">
        <v>19198.858525299998</v>
      </c>
      <c r="BA2345" s="9">
        <v>21264.834587900001</v>
      </c>
      <c r="BB2345" s="9">
        <v>20754.8107151</v>
      </c>
      <c r="BC2345" s="9">
        <v>22622.4074999</v>
      </c>
      <c r="BD2345" s="9">
        <v>23251.982980699999</v>
      </c>
      <c r="BE2345" s="9">
        <v>23761.053623399999</v>
      </c>
      <c r="BF2345" s="9">
        <v>24386.090464100002</v>
      </c>
      <c r="BG2345" s="11">
        <v>-9.75</v>
      </c>
      <c r="BH2345" s="13">
        <v>-0.17105263157894737</v>
      </c>
      <c r="BI2345" s="6">
        <v>-2</v>
      </c>
      <c r="BJ2345" s="13">
        <v>-3.5087719298245612E-2</v>
      </c>
      <c r="BK2345" s="6">
        <v>8</v>
      </c>
      <c r="BL2345" s="13">
        <v>0.14545454545454545</v>
      </c>
      <c r="BM2345" s="11">
        <v>-15.75</v>
      </c>
      <c r="BN2345" s="13">
        <v>-0.25</v>
      </c>
      <c r="BO2345" s="11">
        <v>-7.75</v>
      </c>
      <c r="BP2345" s="13">
        <v>-0.1409090909090909</v>
      </c>
      <c r="BQ2345" s="6">
        <v>57</v>
      </c>
      <c r="BR2345" s="6">
        <v>50</v>
      </c>
      <c r="BS2345" s="6">
        <v>51</v>
      </c>
      <c r="BT2345" s="6">
        <v>55</v>
      </c>
      <c r="BU2345" s="6">
        <v>56</v>
      </c>
      <c r="BV2345" s="6">
        <v>63</v>
      </c>
      <c r="BW2345" s="6">
        <v>63</v>
      </c>
      <c r="BX2345" s="6">
        <v>62</v>
      </c>
      <c r="BY2345" s="6">
        <v>66</v>
      </c>
      <c r="BZ2345" s="6">
        <v>52</v>
      </c>
      <c r="CA2345" s="6">
        <v>53</v>
      </c>
      <c r="CB2345" s="6">
        <v>50</v>
      </c>
      <c r="CC2345" s="11">
        <v>47.25</v>
      </c>
      <c r="CD2345" s="11">
        <v>44.896900000000002</v>
      </c>
      <c r="CE2345" s="11">
        <v>-5.9957200000000004</v>
      </c>
      <c r="CF2345" s="11">
        <v>71.169600000000003</v>
      </c>
      <c r="CG2345" s="11">
        <v>65</v>
      </c>
      <c r="CH2345" s="20">
        <v>1.7200899999999999</v>
      </c>
      <c r="CI2345" s="20">
        <v>1.67049</v>
      </c>
      <c r="CJ2345" s="20">
        <v>1.7628900000000001</v>
      </c>
      <c r="CK2345" s="20">
        <v>1.6906699999999999</v>
      </c>
      <c r="CL2345" s="20">
        <v>1.8147</v>
      </c>
      <c r="CM2345" s="20">
        <v>1.69713</v>
      </c>
      <c r="CN2345" s="20">
        <v>1.78979</v>
      </c>
      <c r="CO2345" s="20">
        <v>1.73438</v>
      </c>
      <c r="CP2345" s="20">
        <v>1.8249299999999999</v>
      </c>
      <c r="CQ2345" s="20">
        <v>1.6861699999999999</v>
      </c>
      <c r="CR2345" s="20">
        <v>1.5604800000000001</v>
      </c>
      <c r="CS2345" s="20">
        <v>1.7897400000000001</v>
      </c>
      <c r="CT2345" s="20">
        <v>1.8640099999999999</v>
      </c>
      <c r="CU2345" s="20">
        <v>1.90618</v>
      </c>
      <c r="CV2345" s="20">
        <v>1.8425</v>
      </c>
      <c r="CW2345" s="20">
        <v>1.8040099999999999</v>
      </c>
      <c r="CX2345" s="20">
        <v>1.7924500000000001</v>
      </c>
      <c r="CY2345" s="6" t="s">
        <v>727</v>
      </c>
      <c r="CZ2345" s="6" t="s">
        <v>728</v>
      </c>
      <c r="DA2345" s="6" t="s">
        <v>85</v>
      </c>
      <c r="DB2345" s="6"/>
      <c r="DC2345" s="6">
        <v>41180</v>
      </c>
      <c r="DD2345" s="6">
        <v>476</v>
      </c>
      <c r="DE2345" s="6" t="s">
        <v>508</v>
      </c>
      <c r="DF2345" s="6" t="s">
        <v>375</v>
      </c>
      <c r="DG2345" s="6" t="s">
        <v>376</v>
      </c>
      <c r="DH2345" s="6" t="s">
        <v>328</v>
      </c>
      <c r="DI2345" s="6" t="s">
        <v>509</v>
      </c>
      <c r="DJ2345" s="6">
        <v>29</v>
      </c>
      <c r="DK2345" s="6">
        <v>219</v>
      </c>
      <c r="DL2345" s="6">
        <v>1</v>
      </c>
      <c r="DM2345" s="6" t="s">
        <v>404</v>
      </c>
      <c r="DN2345" s="6">
        <v>1</v>
      </c>
      <c r="DO2345" s="6" t="s">
        <v>405</v>
      </c>
      <c r="DP2345" s="6"/>
      <c r="DQ2345" s="6"/>
    </row>
    <row r="2346" spans="1:121" x14ac:dyDescent="0.2">
      <c r="A2346" s="6" t="s">
        <v>327</v>
      </c>
      <c r="B2346" s="6" t="s">
        <v>327</v>
      </c>
      <c r="C2346" s="6" t="s">
        <v>194</v>
      </c>
      <c r="D2346" s="6" t="s">
        <v>85</v>
      </c>
      <c r="E2346" s="6" t="s">
        <v>226</v>
      </c>
      <c r="F2346" s="11">
        <v>341</v>
      </c>
      <c r="G2346" s="13">
        <v>0.30943738656999997</v>
      </c>
      <c r="H2346" s="11">
        <v>246.306963</v>
      </c>
      <c r="I2346" s="13">
        <v>0.22349578076121804</v>
      </c>
      <c r="J2346" s="11">
        <v>43.573478000000023</v>
      </c>
      <c r="K2346" s="13">
        <v>3.2315612346677153E-2</v>
      </c>
      <c r="L2346" s="11">
        <v>50.954250490000049</v>
      </c>
      <c r="M2346" s="13">
        <v>3.6606489741231867E-2</v>
      </c>
      <c r="N2346" s="11">
        <v>94.527728490000072</v>
      </c>
      <c r="O2346" s="13">
        <v>7.0105063219759275E-2</v>
      </c>
      <c r="P2346" s="7">
        <v>1102.065382</v>
      </c>
      <c r="Q2346" s="7">
        <v>1150.546697</v>
      </c>
      <c r="R2346" s="7">
        <v>1155.873462</v>
      </c>
      <c r="S2346" s="7">
        <v>1184.9859389999999</v>
      </c>
      <c r="T2346" s="7">
        <v>1248.0175389999999</v>
      </c>
      <c r="U2346" s="7">
        <v>1291.5124559999999</v>
      </c>
      <c r="V2346" s="7">
        <v>1348.372345</v>
      </c>
      <c r="W2346" s="7">
        <v>1412.514848</v>
      </c>
      <c r="X2346" s="7">
        <v>1429.8685700000001</v>
      </c>
      <c r="Y2346" s="7">
        <v>1391.945823</v>
      </c>
      <c r="Z2346" s="7">
        <v>1345.508885</v>
      </c>
      <c r="AA2346" s="7">
        <v>1383.080528</v>
      </c>
      <c r="AB2346" s="7">
        <v>1425.0313759999999</v>
      </c>
      <c r="AC2346" s="7">
        <v>1437.7200660000001</v>
      </c>
      <c r="AD2346" s="7">
        <v>1425.615258</v>
      </c>
      <c r="AE2346" s="7">
        <v>1424.0111322499999</v>
      </c>
      <c r="AF2346" s="7">
        <v>1442.9000734900001</v>
      </c>
      <c r="AG2346" s="9">
        <v>16846.770606499998</v>
      </c>
      <c r="AH2346" s="13">
        <v>0.55748698447255829</v>
      </c>
      <c r="AI2346" s="9">
        <v>9190.0076221000018</v>
      </c>
      <c r="AJ2346" s="13">
        <v>0.30411226912222733</v>
      </c>
      <c r="AK2346" s="9">
        <v>3847.9567459999962</v>
      </c>
      <c r="AL2346" s="13">
        <v>9.7641236580803412E-2</v>
      </c>
      <c r="AM2346" s="9">
        <v>3808.8062384000004</v>
      </c>
      <c r="AN2346" s="13">
        <v>8.8050444903203517E-2</v>
      </c>
      <c r="AO2346" s="9">
        <v>7656.7629843999966</v>
      </c>
      <c r="AP2346" s="13">
        <v>0.19428903580584561</v>
      </c>
      <c r="AQ2346" s="9">
        <v>30219.1281155</v>
      </c>
      <c r="AR2346" s="9">
        <v>31621.641207000001</v>
      </c>
      <c r="AS2346" s="9">
        <v>34184.423715099998</v>
      </c>
      <c r="AT2346" s="9">
        <v>36077.767365200001</v>
      </c>
      <c r="AU2346" s="9">
        <v>36817.483386100001</v>
      </c>
      <c r="AV2346" s="9">
        <v>38371.986921299998</v>
      </c>
      <c r="AW2346" s="9">
        <v>39409.135737600001</v>
      </c>
      <c r="AX2346" s="9">
        <v>40384.8465249</v>
      </c>
      <c r="AY2346" s="9">
        <v>41533.854023899999</v>
      </c>
      <c r="AZ2346" s="9">
        <v>43257.092483599998</v>
      </c>
      <c r="BA2346" s="9">
        <v>44104.162022999997</v>
      </c>
      <c r="BB2346" s="9">
        <v>43174.198784699998</v>
      </c>
      <c r="BC2346" s="9">
        <v>43226.216833300001</v>
      </c>
      <c r="BD2346" s="9">
        <v>43410.020341800002</v>
      </c>
      <c r="BE2346" s="9">
        <v>45604.446293499997</v>
      </c>
      <c r="BF2346" s="9">
        <v>47065.898721999998</v>
      </c>
      <c r="BG2346" s="11">
        <v>1.5</v>
      </c>
      <c r="BH2346" s="13">
        <v>3.4090909090909088E-2</v>
      </c>
      <c r="BI2346" s="6">
        <v>0</v>
      </c>
      <c r="BJ2346" s="13">
        <v>0</v>
      </c>
      <c r="BK2346" s="6">
        <v>3</v>
      </c>
      <c r="BL2346" s="13">
        <v>6.8181818181818177E-2</v>
      </c>
      <c r="BM2346" s="11">
        <v>-1.5</v>
      </c>
      <c r="BN2346" s="13">
        <v>-3.1914893617021274E-2</v>
      </c>
      <c r="BO2346" s="11">
        <v>1.5</v>
      </c>
      <c r="BP2346" s="13">
        <v>3.4090909090909088E-2</v>
      </c>
      <c r="BQ2346" s="6">
        <v>44</v>
      </c>
      <c r="BR2346" s="6">
        <v>44</v>
      </c>
      <c r="BS2346" s="6">
        <v>45</v>
      </c>
      <c r="BT2346" s="6">
        <v>44</v>
      </c>
      <c r="BU2346" s="6">
        <v>45</v>
      </c>
      <c r="BV2346" s="6">
        <v>46</v>
      </c>
      <c r="BW2346" s="6">
        <v>47</v>
      </c>
      <c r="BX2346" s="6">
        <v>47</v>
      </c>
      <c r="BY2346" s="6">
        <v>46</v>
      </c>
      <c r="BZ2346" s="6">
        <v>45</v>
      </c>
      <c r="CA2346" s="6">
        <v>44</v>
      </c>
      <c r="CB2346" s="6">
        <v>46</v>
      </c>
      <c r="CC2346" s="11">
        <v>45.5</v>
      </c>
      <c r="CD2346" s="11">
        <v>284.97399999999999</v>
      </c>
      <c r="CE2346" s="11">
        <v>-64.608199999999997</v>
      </c>
      <c r="CF2346" s="11">
        <v>120.46899999999999</v>
      </c>
      <c r="CG2346" s="11">
        <v>55</v>
      </c>
      <c r="CH2346" s="20">
        <v>0.87651400000000002</v>
      </c>
      <c r="CI2346" s="20">
        <v>0.90309499999999998</v>
      </c>
      <c r="CJ2346" s="20">
        <v>0.91414099999999998</v>
      </c>
      <c r="CK2346" s="20">
        <v>0.88057600000000003</v>
      </c>
      <c r="CL2346" s="20">
        <v>0.91344000000000003</v>
      </c>
      <c r="CM2346" s="20">
        <v>0.96144099999999999</v>
      </c>
      <c r="CN2346" s="20">
        <v>1.00159</v>
      </c>
      <c r="CO2346" s="20">
        <v>1.04356</v>
      </c>
      <c r="CP2346" s="20">
        <v>1.0372699999999999</v>
      </c>
      <c r="CQ2346" s="20">
        <v>1.0369200000000001</v>
      </c>
      <c r="CR2346" s="20">
        <v>1.0120800000000001</v>
      </c>
      <c r="CS2346" s="20">
        <v>1.0715699999999999</v>
      </c>
      <c r="CT2346" s="20">
        <v>1.0880300000000001</v>
      </c>
      <c r="CU2346" s="20">
        <v>1.10076</v>
      </c>
      <c r="CV2346" s="20">
        <v>1.08182</v>
      </c>
      <c r="CW2346" s="20">
        <v>1.0761799999999999</v>
      </c>
      <c r="CX2346" s="20">
        <v>1.07104</v>
      </c>
      <c r="CY2346" s="6" t="s">
        <v>727</v>
      </c>
      <c r="CZ2346" s="6" t="s">
        <v>728</v>
      </c>
      <c r="DA2346" s="6" t="s">
        <v>85</v>
      </c>
      <c r="DB2346" s="6"/>
      <c r="DC2346" s="6">
        <v>41180</v>
      </c>
      <c r="DD2346" s="6">
        <v>476</v>
      </c>
      <c r="DE2346" s="6" t="s">
        <v>508</v>
      </c>
      <c r="DF2346" s="6" t="s">
        <v>375</v>
      </c>
      <c r="DG2346" s="6" t="s">
        <v>376</v>
      </c>
      <c r="DH2346" s="6" t="s">
        <v>328</v>
      </c>
      <c r="DI2346" s="6" t="s">
        <v>509</v>
      </c>
      <c r="DJ2346" s="6">
        <v>29</v>
      </c>
      <c r="DK2346" s="6">
        <v>219</v>
      </c>
      <c r="DL2346" s="6">
        <v>1</v>
      </c>
      <c r="DM2346" s="6" t="s">
        <v>404</v>
      </c>
      <c r="DN2346" s="6">
        <v>1</v>
      </c>
      <c r="DO2346" s="6" t="s">
        <v>405</v>
      </c>
      <c r="DP2346" s="6"/>
      <c r="DQ2346" s="6"/>
    </row>
    <row r="2347" spans="1:121" x14ac:dyDescent="0.2">
      <c r="A2347" s="6" t="s">
        <v>1</v>
      </c>
      <c r="B2347" s="6" t="s">
        <v>1</v>
      </c>
      <c r="C2347" s="6" t="s">
        <v>2</v>
      </c>
      <c r="D2347" s="6" t="s">
        <v>87</v>
      </c>
      <c r="E2347" s="6" t="s">
        <v>228</v>
      </c>
      <c r="F2347" s="11">
        <v>54</v>
      </c>
      <c r="G2347" s="13">
        <v>1.2857142857099999</v>
      </c>
      <c r="H2347" s="11">
        <v>9.4803870162999999</v>
      </c>
      <c r="I2347" s="13">
        <v>0.22657580698248192</v>
      </c>
      <c r="J2347" s="11">
        <v>-1.3267815430999974</v>
      </c>
      <c r="K2347" s="13">
        <v>-2.5851901685921219E-2</v>
      </c>
      <c r="L2347" s="11">
        <v>45.693504334000004</v>
      </c>
      <c r="M2347" s="13">
        <v>0.91395024479589393</v>
      </c>
      <c r="N2347" s="11">
        <v>44.366722790900006</v>
      </c>
      <c r="O2347" s="13">
        <v>0.8644709912356856</v>
      </c>
      <c r="P2347" s="7">
        <v>41.842009270799998</v>
      </c>
      <c r="Q2347" s="7">
        <v>44.269514645699999</v>
      </c>
      <c r="R2347" s="7">
        <v>60.624121234500002</v>
      </c>
      <c r="S2347" s="7">
        <v>37.319590396400002</v>
      </c>
      <c r="T2347" s="7">
        <v>46.307008401300003</v>
      </c>
      <c r="U2347" s="7">
        <v>41.340530298099999</v>
      </c>
      <c r="V2347" s="7">
        <v>51.322396287099998</v>
      </c>
      <c r="W2347" s="7">
        <v>50.182621706399999</v>
      </c>
      <c r="X2347" s="7">
        <v>57.369732568400003</v>
      </c>
      <c r="Y2347" s="7">
        <v>49.995614744000001</v>
      </c>
      <c r="Z2347" s="7">
        <v>48.654719715900001</v>
      </c>
      <c r="AA2347" s="7">
        <v>52.838257081499997</v>
      </c>
      <c r="AB2347" s="7">
        <v>54.191680912499997</v>
      </c>
      <c r="AC2347" s="7">
        <v>62.632280906799998</v>
      </c>
      <c r="AD2347" s="7">
        <v>85.010462955700007</v>
      </c>
      <c r="AE2347" s="7">
        <v>90.782807217200002</v>
      </c>
      <c r="AF2347" s="7">
        <v>95.689119078000004</v>
      </c>
      <c r="AG2347" s="9">
        <v>5259.815125000001</v>
      </c>
      <c r="AH2347" s="13">
        <v>0.25754752789803265</v>
      </c>
      <c r="AI2347" s="9">
        <v>-2487.3294855999993</v>
      </c>
      <c r="AJ2347" s="13">
        <v>-0.1217924099726157</v>
      </c>
      <c r="AK2347" s="9">
        <v>764.05690259999756</v>
      </c>
      <c r="AL2347" s="13">
        <v>4.2600571303944013E-2</v>
      </c>
      <c r="AM2347" s="9">
        <v>6983.0877080000027</v>
      </c>
      <c r="AN2347" s="13">
        <v>0.3734386445699559</v>
      </c>
      <c r="AO2347" s="9">
        <v>7747.1446106000003</v>
      </c>
      <c r="AP2347" s="13">
        <v>0.43194791547955058</v>
      </c>
      <c r="AQ2347" s="9">
        <v>20422.6969986</v>
      </c>
      <c r="AR2347" s="9">
        <v>21181.551854599998</v>
      </c>
      <c r="AS2347" s="9">
        <v>19922.487040299999</v>
      </c>
      <c r="AT2347" s="9">
        <v>19057.876675300002</v>
      </c>
      <c r="AU2347" s="9">
        <v>18571.581385099998</v>
      </c>
      <c r="AV2347" s="9">
        <v>17585.269256899999</v>
      </c>
      <c r="AW2347" s="9">
        <v>17935.367513000001</v>
      </c>
      <c r="AX2347" s="9">
        <v>17323.136085999999</v>
      </c>
      <c r="AY2347" s="9">
        <v>17415.831939700001</v>
      </c>
      <c r="AZ2347" s="9">
        <v>18699.424415599999</v>
      </c>
      <c r="BA2347" s="9">
        <v>19226.247794499999</v>
      </c>
      <c r="BB2347" s="9">
        <v>18330.465994900002</v>
      </c>
      <c r="BC2347" s="9">
        <v>21500.128668500001</v>
      </c>
      <c r="BD2347" s="9">
        <v>22270.825354100001</v>
      </c>
      <c r="BE2347" s="9">
        <v>25145.2592401</v>
      </c>
      <c r="BF2347" s="9">
        <v>25682.512123600001</v>
      </c>
      <c r="BG2347" s="11">
        <v>1.5</v>
      </c>
      <c r="BH2347" s="13">
        <v>0.75</v>
      </c>
      <c r="BI2347" s="6">
        <v>0</v>
      </c>
      <c r="BJ2347" s="13">
        <v>0</v>
      </c>
      <c r="BK2347" s="6">
        <v>0</v>
      </c>
      <c r="BL2347" s="13">
        <v>0</v>
      </c>
      <c r="BM2347" s="11">
        <v>1.5</v>
      </c>
      <c r="BN2347" s="13">
        <v>0.75</v>
      </c>
      <c r="BO2347" s="11">
        <v>1.5</v>
      </c>
      <c r="BP2347" s="13">
        <v>0.75</v>
      </c>
      <c r="BQ2347" s="6">
        <v>2</v>
      </c>
      <c r="BR2347" s="6">
        <v>2</v>
      </c>
      <c r="BS2347" s="6">
        <v>2</v>
      </c>
      <c r="BT2347" s="6">
        <v>2</v>
      </c>
      <c r="BU2347" s="6">
        <v>1</v>
      </c>
      <c r="BV2347" s="6">
        <v>2</v>
      </c>
      <c r="BW2347" s="6">
        <v>2</v>
      </c>
      <c r="BX2347" s="6">
        <v>2</v>
      </c>
      <c r="BY2347" s="6">
        <v>2</v>
      </c>
      <c r="BZ2347" s="6">
        <v>2</v>
      </c>
      <c r="CA2347" s="6">
        <v>3</v>
      </c>
      <c r="CB2347" s="6">
        <v>3</v>
      </c>
      <c r="CC2347" s="11">
        <v>3.5</v>
      </c>
      <c r="CD2347" s="11">
        <v>53.088200000000001</v>
      </c>
      <c r="CE2347" s="11">
        <v>-3.8148900000000001</v>
      </c>
      <c r="CF2347" s="11">
        <v>4.5738399999999997</v>
      </c>
      <c r="CG2347" s="11">
        <v>1</v>
      </c>
      <c r="CH2347" s="20">
        <v>0.59833000000000003</v>
      </c>
      <c r="CI2347" s="20">
        <v>0.61846900000000005</v>
      </c>
      <c r="CJ2347" s="20">
        <v>0.81020199999999998</v>
      </c>
      <c r="CK2347" s="20">
        <v>0.50546400000000002</v>
      </c>
      <c r="CL2347" s="20">
        <v>0.61043400000000003</v>
      </c>
      <c r="CM2347" s="20">
        <v>0.56432599999999999</v>
      </c>
      <c r="CN2347" s="20">
        <v>0.69995799999999997</v>
      </c>
      <c r="CO2347" s="20">
        <v>0.69759499999999997</v>
      </c>
      <c r="CP2347" s="20">
        <v>0.76597000000000004</v>
      </c>
      <c r="CQ2347" s="20">
        <v>0.662767</v>
      </c>
      <c r="CR2347" s="20">
        <v>0.63853700000000002</v>
      </c>
      <c r="CS2347" s="20">
        <v>0.69756899999999999</v>
      </c>
      <c r="CT2347" s="20">
        <v>0.750911</v>
      </c>
      <c r="CU2347" s="20">
        <v>0.86446100000000003</v>
      </c>
      <c r="CV2347" s="20">
        <v>1.15123</v>
      </c>
      <c r="CW2347" s="20">
        <v>1.2619100000000001</v>
      </c>
      <c r="CX2347" s="20">
        <v>1.3050900000000001</v>
      </c>
      <c r="CY2347" s="6" t="s">
        <v>730</v>
      </c>
      <c r="CZ2347" s="6" t="s">
        <v>731</v>
      </c>
      <c r="DA2347" s="6" t="s">
        <v>87</v>
      </c>
      <c r="DB2347" s="6" t="s">
        <v>345</v>
      </c>
      <c r="DC2347" s="6"/>
      <c r="DD2347" s="6"/>
      <c r="DE2347" s="6"/>
      <c r="DF2347" s="6"/>
      <c r="DG2347" s="6"/>
      <c r="DH2347" s="6" t="s">
        <v>333</v>
      </c>
      <c r="DI2347" s="6"/>
      <c r="DJ2347" s="6"/>
      <c r="DK2347" s="6"/>
      <c r="DL2347" s="6">
        <v>4</v>
      </c>
      <c r="DM2347" s="6" t="s">
        <v>446</v>
      </c>
      <c r="DN2347" s="6">
        <v>6</v>
      </c>
      <c r="DO2347" s="6" t="s">
        <v>393</v>
      </c>
      <c r="DP2347" s="6"/>
      <c r="DQ2347" s="6"/>
    </row>
    <row r="2348" spans="1:121" x14ac:dyDescent="0.2">
      <c r="A2348" s="6" t="s">
        <v>310</v>
      </c>
      <c r="B2348" s="6" t="s">
        <v>310</v>
      </c>
      <c r="C2348" s="6" t="s">
        <v>173</v>
      </c>
      <c r="D2348" s="6" t="s">
        <v>87</v>
      </c>
      <c r="E2348" s="6" t="s">
        <v>228</v>
      </c>
      <c r="F2348" s="11">
        <v>-37</v>
      </c>
      <c r="G2348" s="13">
        <v>-0.349056603774</v>
      </c>
      <c r="H2348" s="11">
        <v>-48.176124753000003</v>
      </c>
      <c r="I2348" s="13">
        <v>-0.45483350419137464</v>
      </c>
      <c r="J2348" s="11">
        <v>14.792223999999997</v>
      </c>
      <c r="K2348" s="13">
        <v>0.25616801485627294</v>
      </c>
      <c r="L2348" s="11">
        <v>-3.3815346181999928</v>
      </c>
      <c r="M2348" s="13">
        <v>-4.6618418348038461E-2</v>
      </c>
      <c r="N2348" s="11">
        <v>11.410689381800005</v>
      </c>
      <c r="O2348" s="13">
        <v>0.19760744882427825</v>
      </c>
      <c r="P2348" s="7">
        <v>105.92035175300001</v>
      </c>
      <c r="Q2348" s="7">
        <v>40.584437258900003</v>
      </c>
      <c r="R2348" s="7">
        <v>32.932642346199998</v>
      </c>
      <c r="S2348" s="7">
        <v>38.620629000000001</v>
      </c>
      <c r="T2348" s="7">
        <v>47.668168999999999</v>
      </c>
      <c r="U2348" s="7">
        <v>50.217882000000003</v>
      </c>
      <c r="V2348" s="7">
        <v>57.744227000000002</v>
      </c>
      <c r="W2348" s="7">
        <v>70.239726000000005</v>
      </c>
      <c r="X2348" s="7">
        <v>65.888594999999995</v>
      </c>
      <c r="Y2348" s="7">
        <v>72.536451</v>
      </c>
      <c r="Z2348" s="7">
        <v>64.054512000000003</v>
      </c>
      <c r="AA2348" s="7">
        <v>51.140196000000003</v>
      </c>
      <c r="AB2348" s="7">
        <v>55.506031999999998</v>
      </c>
      <c r="AC2348" s="7">
        <v>61.716025000000002</v>
      </c>
      <c r="AD2348" s="7">
        <v>64.393697000000003</v>
      </c>
      <c r="AE2348" s="7">
        <v>65.231819250000001</v>
      </c>
      <c r="AF2348" s="7">
        <v>69.154916381800007</v>
      </c>
      <c r="AG2348" s="9">
        <v>21636.884824799999</v>
      </c>
      <c r="AH2348" s="13">
        <v>0.49976012703580935</v>
      </c>
      <c r="AI2348" s="9">
        <v>49049.309234399996</v>
      </c>
      <c r="AJ2348" s="13">
        <v>1.1329213614848099</v>
      </c>
      <c r="AK2348" s="9">
        <v>-35984.589290899996</v>
      </c>
      <c r="AL2348" s="13">
        <v>-0.3896804126964335</v>
      </c>
      <c r="AM2348" s="9">
        <v>8572.1648812999993</v>
      </c>
      <c r="AN2348" s="13">
        <v>0.1520986060764091</v>
      </c>
      <c r="AO2348" s="9">
        <v>-27412.424409599997</v>
      </c>
      <c r="AP2348" s="13">
        <v>-0.29685165420643184</v>
      </c>
      <c r="AQ2348" s="9">
        <v>43294.540028900003</v>
      </c>
      <c r="AR2348" s="9">
        <v>36188.328630099997</v>
      </c>
      <c r="AS2348" s="9">
        <v>37368.894802800001</v>
      </c>
      <c r="AT2348" s="9">
        <v>45942.127577899999</v>
      </c>
      <c r="AU2348" s="9">
        <v>53536.264596000001</v>
      </c>
      <c r="AV2348" s="9">
        <v>62433.145916699999</v>
      </c>
      <c r="AW2348" s="9">
        <v>92343.849263299999</v>
      </c>
      <c r="AX2348" s="9">
        <v>61379.827161000001</v>
      </c>
      <c r="AY2348" s="9">
        <v>64341.688678099999</v>
      </c>
      <c r="AZ2348" s="9">
        <v>56359.259972400003</v>
      </c>
      <c r="BA2348" s="9">
        <v>67314.742428600002</v>
      </c>
      <c r="BB2348" s="9">
        <v>79489.351938499996</v>
      </c>
      <c r="BC2348" s="9">
        <v>69733.495604600001</v>
      </c>
      <c r="BD2348" s="9">
        <v>80125.655922000005</v>
      </c>
      <c r="BE2348" s="9">
        <v>61896.591195399997</v>
      </c>
      <c r="BF2348" s="9">
        <v>64931.424853700002</v>
      </c>
      <c r="BG2348" s="11">
        <v>0</v>
      </c>
      <c r="BH2348" s="13">
        <v>0</v>
      </c>
      <c r="BI2348" s="6">
        <v>0</v>
      </c>
      <c r="BJ2348" s="13">
        <v>0</v>
      </c>
      <c r="BK2348" s="6">
        <v>1</v>
      </c>
      <c r="BL2348" s="13">
        <v>0.2</v>
      </c>
      <c r="BM2348" s="11">
        <v>-1</v>
      </c>
      <c r="BN2348" s="13">
        <v>-0.16666666666666666</v>
      </c>
      <c r="BO2348" s="11">
        <v>0</v>
      </c>
      <c r="BP2348" s="13">
        <v>0</v>
      </c>
      <c r="BQ2348" s="6">
        <v>5</v>
      </c>
      <c r="BR2348" s="6">
        <v>5</v>
      </c>
      <c r="BS2348" s="6">
        <v>5</v>
      </c>
      <c r="BT2348" s="6">
        <v>5</v>
      </c>
      <c r="BU2348" s="6">
        <v>5</v>
      </c>
      <c r="BV2348" s="6">
        <v>5</v>
      </c>
      <c r="BW2348" s="6">
        <v>6</v>
      </c>
      <c r="BX2348" s="6">
        <v>6</v>
      </c>
      <c r="BY2348" s="6">
        <v>6</v>
      </c>
      <c r="BZ2348" s="6">
        <v>5</v>
      </c>
      <c r="CA2348" s="6">
        <v>6</v>
      </c>
      <c r="CB2348" s="6">
        <v>5</v>
      </c>
      <c r="CC2348" s="11">
        <v>5</v>
      </c>
      <c r="CD2348" s="11">
        <v>-59.332799999999999</v>
      </c>
      <c r="CE2348" s="11">
        <v>10.989000000000001</v>
      </c>
      <c r="CF2348" s="11">
        <v>11.5784</v>
      </c>
      <c r="CG2348" s="11">
        <v>23</v>
      </c>
      <c r="CH2348" s="20">
        <v>5.3384499999999999</v>
      </c>
      <c r="CI2348" s="20">
        <v>2.0874799999999998</v>
      </c>
      <c r="CJ2348" s="20">
        <v>1.6433599999999999</v>
      </c>
      <c r="CK2348" s="20">
        <v>1.88988</v>
      </c>
      <c r="CL2348" s="20">
        <v>2.11815</v>
      </c>
      <c r="CM2348" s="20">
        <v>2.0975799999999998</v>
      </c>
      <c r="CN2348" s="20">
        <v>2.2362199999999999</v>
      </c>
      <c r="CO2348" s="20">
        <v>2.5014599999999998</v>
      </c>
      <c r="CP2348" s="20">
        <v>2.4757500000000001</v>
      </c>
      <c r="CQ2348" s="20">
        <v>2.6537299999999999</v>
      </c>
      <c r="CR2348" s="20">
        <v>2.08846</v>
      </c>
      <c r="CS2348" s="20">
        <v>1.5565500000000001</v>
      </c>
      <c r="CT2348" s="20">
        <v>1.75979</v>
      </c>
      <c r="CU2348" s="20">
        <v>1.9126700000000001</v>
      </c>
      <c r="CV2348" s="20">
        <v>2.2132200000000002</v>
      </c>
      <c r="CW2348" s="20">
        <v>2.70886</v>
      </c>
      <c r="CX2348" s="20">
        <v>2.7901899999999999</v>
      </c>
      <c r="CY2348" s="6" t="s">
        <v>730</v>
      </c>
      <c r="CZ2348" s="6" t="s">
        <v>731</v>
      </c>
      <c r="DA2348" s="6" t="s">
        <v>87</v>
      </c>
      <c r="DB2348" s="6" t="s">
        <v>345</v>
      </c>
      <c r="DC2348" s="6"/>
      <c r="DD2348" s="6"/>
      <c r="DE2348" s="6"/>
      <c r="DF2348" s="6"/>
      <c r="DG2348" s="6"/>
      <c r="DH2348" s="6" t="s">
        <v>333</v>
      </c>
      <c r="DI2348" s="6"/>
      <c r="DJ2348" s="6"/>
      <c r="DK2348" s="6"/>
      <c r="DL2348" s="6">
        <v>4</v>
      </c>
      <c r="DM2348" s="6" t="s">
        <v>446</v>
      </c>
      <c r="DN2348" s="6">
        <v>6</v>
      </c>
      <c r="DO2348" s="6" t="s">
        <v>393</v>
      </c>
      <c r="DP2348" s="6"/>
      <c r="DQ2348" s="6"/>
    </row>
    <row r="2349" spans="1:121" x14ac:dyDescent="0.2">
      <c r="A2349" s="6" t="s">
        <v>311</v>
      </c>
      <c r="B2349" s="6" t="s">
        <v>311</v>
      </c>
      <c r="C2349" s="6" t="s">
        <v>174</v>
      </c>
      <c r="D2349" s="6" t="s">
        <v>87</v>
      </c>
      <c r="E2349" s="6" t="s">
        <v>228</v>
      </c>
      <c r="F2349" s="11">
        <v>-4</v>
      </c>
      <c r="G2349" s="13">
        <v>-0.15384615384600001</v>
      </c>
      <c r="H2349" s="11">
        <v>-2.2919640000000001</v>
      </c>
      <c r="I2349" s="13">
        <v>-8.6714708328113788E-2</v>
      </c>
      <c r="J2349" s="11">
        <v>9.6702130000000004</v>
      </c>
      <c r="K2349" s="13">
        <v>0.40060332763539086</v>
      </c>
      <c r="L2349" s="11">
        <v>-11.972092449100003</v>
      </c>
      <c r="M2349" s="13">
        <v>-0.35410610989520774</v>
      </c>
      <c r="N2349" s="11">
        <v>-2.301879449100003</v>
      </c>
      <c r="O2349" s="13">
        <v>-9.5358868219860463E-2</v>
      </c>
      <c r="P2349" s="7">
        <v>26.431087000000002</v>
      </c>
      <c r="Q2349" s="7">
        <v>38.863495999999998</v>
      </c>
      <c r="R2349" s="7">
        <v>19.925923000000001</v>
      </c>
      <c r="S2349" s="7">
        <v>24.681615000000001</v>
      </c>
      <c r="T2349" s="7">
        <v>27.165543</v>
      </c>
      <c r="U2349" s="7">
        <v>18.467411999999999</v>
      </c>
      <c r="V2349" s="7">
        <v>24.139123000000001</v>
      </c>
      <c r="W2349" s="7">
        <v>27.590823</v>
      </c>
      <c r="X2349" s="7">
        <v>26.320301000000001</v>
      </c>
      <c r="Y2349" s="7">
        <v>33.809336000000002</v>
      </c>
      <c r="Z2349" s="7">
        <v>28.361813999999999</v>
      </c>
      <c r="AA2349" s="7">
        <v>26.502282999999998</v>
      </c>
      <c r="AB2349" s="7">
        <v>27.599961</v>
      </c>
      <c r="AC2349" s="7">
        <v>25.227273</v>
      </c>
      <c r="AD2349" s="7">
        <v>22.9136255636</v>
      </c>
      <c r="AE2349" s="7">
        <v>21.8142919959</v>
      </c>
      <c r="AF2349" s="7">
        <v>21.837243550899998</v>
      </c>
      <c r="AG2349" s="9">
        <v>-5079.2046144999913</v>
      </c>
      <c r="AH2349" s="13">
        <v>-6.1365172622195471E-2</v>
      </c>
      <c r="AI2349" s="9">
        <v>22742.285547200008</v>
      </c>
      <c r="AJ2349" s="13">
        <v>0.27476433503842496</v>
      </c>
      <c r="AK2349" s="9">
        <v>-29332.683407400007</v>
      </c>
      <c r="AL2349" s="13">
        <v>-0.27800214192829809</v>
      </c>
      <c r="AM2349" s="9">
        <v>1511.1932457000075</v>
      </c>
      <c r="AN2349" s="13">
        <v>1.9837203194376457E-2</v>
      </c>
      <c r="AO2349" s="9">
        <v>-27821.4901617</v>
      </c>
      <c r="AP2349" s="13">
        <v>-0.26367972371182519</v>
      </c>
      <c r="AQ2349" s="9">
        <v>82770.151169799996</v>
      </c>
      <c r="AR2349" s="9">
        <v>71422.210321399994</v>
      </c>
      <c r="AS2349" s="9">
        <v>112355.665936</v>
      </c>
      <c r="AT2349" s="9">
        <v>92150.940948000003</v>
      </c>
      <c r="AU2349" s="9">
        <v>87548.130293499999</v>
      </c>
      <c r="AV2349" s="9">
        <v>129471.67583199999</v>
      </c>
      <c r="AW2349" s="9">
        <v>105512.436717</v>
      </c>
      <c r="AX2349" s="9">
        <v>106319.37332</v>
      </c>
      <c r="AY2349" s="9">
        <v>117872.45855900001</v>
      </c>
      <c r="AZ2349" s="9">
        <v>76179.753309599997</v>
      </c>
      <c r="BA2349" s="9">
        <v>95764.053588800001</v>
      </c>
      <c r="BB2349" s="9">
        <v>99625.814650100001</v>
      </c>
      <c r="BC2349" s="9">
        <v>102627.911288</v>
      </c>
      <c r="BD2349" s="9">
        <v>112972.092124</v>
      </c>
      <c r="BE2349" s="9">
        <v>107865.973772</v>
      </c>
      <c r="BF2349" s="9">
        <v>77690.946555300005</v>
      </c>
      <c r="BG2349" s="11">
        <v>1</v>
      </c>
      <c r="BH2349" s="13">
        <v>0.5</v>
      </c>
      <c r="BI2349" s="6">
        <v>0</v>
      </c>
      <c r="BJ2349" s="13">
        <v>0</v>
      </c>
      <c r="BK2349" s="6">
        <v>0</v>
      </c>
      <c r="BL2349" s="13">
        <v>0</v>
      </c>
      <c r="BM2349" s="11">
        <v>1</v>
      </c>
      <c r="BN2349" s="13">
        <v>0.5</v>
      </c>
      <c r="BO2349" s="11">
        <v>1</v>
      </c>
      <c r="BP2349" s="13">
        <v>0.5</v>
      </c>
      <c r="BQ2349" s="6">
        <v>2</v>
      </c>
      <c r="BR2349" s="6">
        <v>2</v>
      </c>
      <c r="BS2349" s="6">
        <v>2</v>
      </c>
      <c r="BT2349" s="6">
        <v>2</v>
      </c>
      <c r="BU2349" s="6">
        <v>2</v>
      </c>
      <c r="BV2349" s="6">
        <v>2</v>
      </c>
      <c r="BW2349" s="6">
        <v>2</v>
      </c>
      <c r="BX2349" s="6">
        <v>3</v>
      </c>
      <c r="BY2349" s="6">
        <v>3</v>
      </c>
      <c r="BZ2349" s="6">
        <v>3</v>
      </c>
      <c r="CA2349" s="6">
        <v>3</v>
      </c>
      <c r="CB2349" s="6">
        <v>3</v>
      </c>
      <c r="CC2349" s="11">
        <v>3</v>
      </c>
      <c r="CD2349" s="11">
        <v>-3.1789399999999999</v>
      </c>
      <c r="CE2349" s="11">
        <v>-4.3041400000000003</v>
      </c>
      <c r="CF2349" s="11">
        <v>2.88924</v>
      </c>
      <c r="CG2349" s="11">
        <v>-1</v>
      </c>
      <c r="CH2349" s="20">
        <v>1.2158500000000001</v>
      </c>
      <c r="CI2349" s="20">
        <v>1.7524200000000001</v>
      </c>
      <c r="CJ2349" s="20">
        <v>0.887517</v>
      </c>
      <c r="CK2349" s="20">
        <v>1.14445</v>
      </c>
      <c r="CL2349" s="20">
        <v>1.2635700000000001</v>
      </c>
      <c r="CM2349" s="20">
        <v>0.89416600000000002</v>
      </c>
      <c r="CN2349" s="20">
        <v>1.1519900000000001</v>
      </c>
      <c r="CO2349" s="20">
        <v>1.28529</v>
      </c>
      <c r="CP2349" s="20">
        <v>1.16144</v>
      </c>
      <c r="CQ2349" s="20">
        <v>1.4968600000000001</v>
      </c>
      <c r="CR2349" s="20">
        <v>1.2537799999999999</v>
      </c>
      <c r="CS2349" s="20">
        <v>1.19404</v>
      </c>
      <c r="CT2349" s="20">
        <v>1.32131</v>
      </c>
      <c r="CU2349" s="20">
        <v>1.2119800000000001</v>
      </c>
      <c r="CV2349" s="20">
        <v>1.08169</v>
      </c>
      <c r="CW2349" s="20">
        <v>1.05568</v>
      </c>
      <c r="CX2349" s="20">
        <v>1.0306599999999999</v>
      </c>
      <c r="CY2349" s="6" t="s">
        <v>730</v>
      </c>
      <c r="CZ2349" s="6" t="s">
        <v>731</v>
      </c>
      <c r="DA2349" s="6" t="s">
        <v>87</v>
      </c>
      <c r="DB2349" s="6" t="s">
        <v>345</v>
      </c>
      <c r="DC2349" s="6"/>
      <c r="DD2349" s="6"/>
      <c r="DE2349" s="6"/>
      <c r="DF2349" s="6"/>
      <c r="DG2349" s="6"/>
      <c r="DH2349" s="6" t="s">
        <v>333</v>
      </c>
      <c r="DI2349" s="6"/>
      <c r="DJ2349" s="6"/>
      <c r="DK2349" s="6"/>
      <c r="DL2349" s="6">
        <v>4</v>
      </c>
      <c r="DM2349" s="6" t="s">
        <v>446</v>
      </c>
      <c r="DN2349" s="6">
        <v>6</v>
      </c>
      <c r="DO2349" s="6" t="s">
        <v>393</v>
      </c>
      <c r="DP2349" s="6"/>
      <c r="DQ2349" s="6"/>
    </row>
    <row r="2350" spans="1:121" x14ac:dyDescent="0.2">
      <c r="A2350" s="6" t="s">
        <v>312</v>
      </c>
      <c r="B2350" s="6" t="s">
        <v>312</v>
      </c>
      <c r="C2350" s="6" t="s">
        <v>175</v>
      </c>
      <c r="D2350" s="6" t="s">
        <v>87</v>
      </c>
      <c r="E2350" s="6" t="s">
        <v>228</v>
      </c>
      <c r="F2350" s="11">
        <v>105</v>
      </c>
      <c r="G2350" s="13">
        <v>0.39179104477600002</v>
      </c>
      <c r="H2350" s="11">
        <v>71.010684383000012</v>
      </c>
      <c r="I2350" s="13">
        <v>0.26522307558423575</v>
      </c>
      <c r="J2350" s="11">
        <v>-64.936965682999983</v>
      </c>
      <c r="K2350" s="13">
        <v>-0.19169575507646475</v>
      </c>
      <c r="L2350" s="11">
        <v>99.668061955999974</v>
      </c>
      <c r="M2350" s="13">
        <v>0.36400023030728873</v>
      </c>
      <c r="N2350" s="11">
        <v>34.731096272999991</v>
      </c>
      <c r="O2350" s="13">
        <v>0.1025271762340612</v>
      </c>
      <c r="P2350" s="7">
        <v>267.73946507699998</v>
      </c>
      <c r="Q2350" s="7">
        <v>282.45109349099999</v>
      </c>
      <c r="R2350" s="7">
        <v>312.23782662799999</v>
      </c>
      <c r="S2350" s="7">
        <v>342.66044266</v>
      </c>
      <c r="T2350" s="7">
        <v>355.00298163500003</v>
      </c>
      <c r="U2350" s="7">
        <v>346.89068987299999</v>
      </c>
      <c r="V2350" s="7">
        <v>338.75014945999999</v>
      </c>
      <c r="W2350" s="7">
        <v>296.76572110299998</v>
      </c>
      <c r="X2350" s="7">
        <v>286.47495822000002</v>
      </c>
      <c r="Y2350" s="7">
        <v>273.81318377700001</v>
      </c>
      <c r="Z2350" s="7">
        <v>272.86369306099999</v>
      </c>
      <c r="AA2350" s="7">
        <v>272.37505748199999</v>
      </c>
      <c r="AB2350" s="7">
        <v>276.68861088800003</v>
      </c>
      <c r="AC2350" s="7">
        <v>311.43070304000003</v>
      </c>
      <c r="AD2350" s="7">
        <v>339.172687177</v>
      </c>
      <c r="AE2350" s="7">
        <v>356.27597724399999</v>
      </c>
      <c r="AF2350" s="7">
        <v>373.48124573299998</v>
      </c>
      <c r="AG2350" s="9">
        <v>5279.7491655999984</v>
      </c>
      <c r="AH2350" s="13">
        <v>0.23394229174603717</v>
      </c>
      <c r="AI2350" s="9">
        <v>738.65711630000078</v>
      </c>
      <c r="AJ2350" s="13">
        <v>3.2729422020203812E-2</v>
      </c>
      <c r="AK2350" s="9">
        <v>-375.55841110000256</v>
      </c>
      <c r="AL2350" s="13">
        <v>-1.611337048697924E-2</v>
      </c>
      <c r="AM2350" s="9">
        <v>4916.6504604000002</v>
      </c>
      <c r="AN2350" s="13">
        <v>0.21440414394764645</v>
      </c>
      <c r="AO2350" s="9">
        <v>4541.0920492999976</v>
      </c>
      <c r="AP2350" s="13">
        <v>0.19483600005529511</v>
      </c>
      <c r="AQ2350" s="9">
        <v>22568.5964098</v>
      </c>
      <c r="AR2350" s="9">
        <v>22893.956362199999</v>
      </c>
      <c r="AS2350" s="9">
        <v>22606.896382300001</v>
      </c>
      <c r="AT2350" s="9">
        <v>22538.262659399999</v>
      </c>
      <c r="AU2350" s="9">
        <v>23061.323723099998</v>
      </c>
      <c r="AV2350" s="9">
        <v>23931.634857699999</v>
      </c>
      <c r="AW2350" s="9">
        <v>23307.253526100001</v>
      </c>
      <c r="AX2350" s="9">
        <v>22966.289866800002</v>
      </c>
      <c r="AY2350" s="9">
        <v>21628.181698699998</v>
      </c>
      <c r="AZ2350" s="9">
        <v>22931.695114999999</v>
      </c>
      <c r="BA2350" s="9">
        <v>22394.3171669</v>
      </c>
      <c r="BB2350" s="9">
        <v>23005.949048900002</v>
      </c>
      <c r="BC2350" s="9">
        <v>25001.2814392</v>
      </c>
      <c r="BD2350" s="9">
        <v>26471.460533500001</v>
      </c>
      <c r="BE2350" s="9">
        <v>26900.262639699999</v>
      </c>
      <c r="BF2350" s="9">
        <v>27848.345575399999</v>
      </c>
      <c r="BG2350" s="11">
        <v>-16.5</v>
      </c>
      <c r="BH2350" s="13">
        <v>-0.31730769230769229</v>
      </c>
      <c r="BI2350" s="6">
        <v>5</v>
      </c>
      <c r="BJ2350" s="13">
        <v>9.6153846153846159E-2</v>
      </c>
      <c r="BK2350" s="6">
        <v>-13</v>
      </c>
      <c r="BL2350" s="13">
        <v>-0.22807017543859648</v>
      </c>
      <c r="BM2350" s="11">
        <v>-8.5</v>
      </c>
      <c r="BN2350" s="13">
        <v>-0.19318181818181818</v>
      </c>
      <c r="BO2350" s="11">
        <v>-21.5</v>
      </c>
      <c r="BP2350" s="13">
        <v>-0.37719298245614036</v>
      </c>
      <c r="BQ2350" s="6">
        <v>52</v>
      </c>
      <c r="BR2350" s="6">
        <v>53</v>
      </c>
      <c r="BS2350" s="6">
        <v>57</v>
      </c>
      <c r="BT2350" s="6">
        <v>57</v>
      </c>
      <c r="BU2350" s="6">
        <v>53</v>
      </c>
      <c r="BV2350" s="6">
        <v>46</v>
      </c>
      <c r="BW2350" s="6">
        <v>44</v>
      </c>
      <c r="BX2350" s="6">
        <v>41</v>
      </c>
      <c r="BY2350" s="6">
        <v>37</v>
      </c>
      <c r="BZ2350" s="6">
        <v>38</v>
      </c>
      <c r="CA2350" s="6">
        <v>38</v>
      </c>
      <c r="CB2350" s="6">
        <v>36</v>
      </c>
      <c r="CC2350" s="11">
        <v>35.5</v>
      </c>
      <c r="CD2350" s="11">
        <v>108.905</v>
      </c>
      <c r="CE2350" s="11">
        <v>-32.430100000000003</v>
      </c>
      <c r="CF2350" s="11">
        <v>29.267099999999999</v>
      </c>
      <c r="CG2350" s="11">
        <v>-3</v>
      </c>
      <c r="CH2350" s="20">
        <v>0.84914000000000001</v>
      </c>
      <c r="CI2350" s="20">
        <v>0.87202299999999999</v>
      </c>
      <c r="CJ2350" s="20">
        <v>0.90995199999999998</v>
      </c>
      <c r="CK2350" s="20">
        <v>0.97472000000000003</v>
      </c>
      <c r="CL2350" s="20">
        <v>0.94441600000000003</v>
      </c>
      <c r="CM2350" s="20">
        <v>0.91487799999999997</v>
      </c>
      <c r="CN2350" s="20">
        <v>0.892432</v>
      </c>
      <c r="CO2350" s="20">
        <v>0.81903700000000002</v>
      </c>
      <c r="CP2350" s="20">
        <v>0.86389400000000005</v>
      </c>
      <c r="CQ2350" s="20">
        <v>0.88630900000000001</v>
      </c>
      <c r="CR2350" s="20">
        <v>0.89117900000000005</v>
      </c>
      <c r="CS2350" s="20">
        <v>0.89810299999999998</v>
      </c>
      <c r="CT2350" s="20">
        <v>0.94594800000000001</v>
      </c>
      <c r="CU2350" s="20">
        <v>1.0360499999999999</v>
      </c>
      <c r="CV2350" s="20">
        <v>1.07802</v>
      </c>
      <c r="CW2350" s="20">
        <v>1.1369</v>
      </c>
      <c r="CX2350" s="20">
        <v>1.1639999999999999</v>
      </c>
      <c r="CY2350" s="6" t="s">
        <v>730</v>
      </c>
      <c r="CZ2350" s="6" t="s">
        <v>731</v>
      </c>
      <c r="DA2350" s="6" t="s">
        <v>87</v>
      </c>
      <c r="DB2350" s="6" t="s">
        <v>345</v>
      </c>
      <c r="DC2350" s="6"/>
      <c r="DD2350" s="6"/>
      <c r="DE2350" s="6"/>
      <c r="DF2350" s="6"/>
      <c r="DG2350" s="6"/>
      <c r="DH2350" s="6" t="s">
        <v>333</v>
      </c>
      <c r="DI2350" s="6"/>
      <c r="DJ2350" s="6"/>
      <c r="DK2350" s="6"/>
      <c r="DL2350" s="6">
        <v>4</v>
      </c>
      <c r="DM2350" s="6" t="s">
        <v>446</v>
      </c>
      <c r="DN2350" s="6">
        <v>6</v>
      </c>
      <c r="DO2350" s="6" t="s">
        <v>393</v>
      </c>
      <c r="DP2350" s="6"/>
      <c r="DQ2350" s="6"/>
    </row>
    <row r="2351" spans="1:121" x14ac:dyDescent="0.2">
      <c r="A2351" s="6" t="s">
        <v>792</v>
      </c>
      <c r="B2351" s="6" t="s">
        <v>176</v>
      </c>
      <c r="C2351" s="6" t="s">
        <v>177</v>
      </c>
      <c r="D2351" s="6" t="s">
        <v>87</v>
      </c>
      <c r="E2351" s="6" t="s">
        <v>228</v>
      </c>
      <c r="F2351" s="11">
        <v>-205</v>
      </c>
      <c r="G2351" s="13">
        <v>-0.27628032344999998</v>
      </c>
      <c r="H2351" s="11">
        <v>-29.058517936000044</v>
      </c>
      <c r="I2351" s="13">
        <v>-3.9138796630502515E-2</v>
      </c>
      <c r="J2351" s="11">
        <v>-72.718432496999981</v>
      </c>
      <c r="K2351" s="13">
        <v>-0.10193371648494221</v>
      </c>
      <c r="L2351" s="11">
        <v>-103.82561227300005</v>
      </c>
      <c r="M2351" s="13">
        <v>-0.16205762097770948</v>
      </c>
      <c r="N2351" s="11">
        <v>-176.54404477000003</v>
      </c>
      <c r="O2351" s="13">
        <v>-0.24747220187168559</v>
      </c>
      <c r="P2351" s="7">
        <v>742.44791454200003</v>
      </c>
      <c r="Q2351" s="7">
        <v>668.88128326200001</v>
      </c>
      <c r="R2351" s="7">
        <v>620.12888089299997</v>
      </c>
      <c r="S2351" s="7">
        <v>559.08205147299998</v>
      </c>
      <c r="T2351" s="7">
        <v>654.052613662</v>
      </c>
      <c r="U2351" s="7">
        <v>651.49356139099996</v>
      </c>
      <c r="V2351" s="7">
        <v>713.38939660599999</v>
      </c>
      <c r="W2351" s="7">
        <v>658.54841116299997</v>
      </c>
      <c r="X2351" s="7">
        <v>604.24947499799998</v>
      </c>
      <c r="Y2351" s="7">
        <v>640.67096410900001</v>
      </c>
      <c r="Z2351" s="7">
        <v>710.74417308800003</v>
      </c>
      <c r="AA2351" s="7">
        <v>627.02585032000002</v>
      </c>
      <c r="AB2351" s="7">
        <v>528.55203737199997</v>
      </c>
      <c r="AC2351" s="7">
        <v>524.978797106</v>
      </c>
      <c r="AD2351" s="7">
        <v>559.48079134</v>
      </c>
      <c r="AE2351" s="7">
        <v>548.25085049100005</v>
      </c>
      <c r="AF2351" s="7">
        <v>536.84535183599996</v>
      </c>
      <c r="AG2351" s="9">
        <v>12487.379205699999</v>
      </c>
      <c r="AH2351" s="13">
        <v>0.4266568565976589</v>
      </c>
      <c r="AI2351" s="9">
        <v>8689.9840443999965</v>
      </c>
      <c r="AJ2351" s="13">
        <v>0.29691108239710701</v>
      </c>
      <c r="AK2351" s="9">
        <v>5790.6732943000025</v>
      </c>
      <c r="AL2351" s="13">
        <v>0.15255494539701225</v>
      </c>
      <c r="AM2351" s="9">
        <v>-1993.2781329999998</v>
      </c>
      <c r="AN2351" s="13">
        <v>-4.5562074687449293E-2</v>
      </c>
      <c r="AO2351" s="9">
        <v>3797.3951613000027</v>
      </c>
      <c r="AP2351" s="13">
        <v>0.10004215089344456</v>
      </c>
      <c r="AQ2351" s="9">
        <v>29267.967952700001</v>
      </c>
      <c r="AR2351" s="9">
        <v>30140.854306900001</v>
      </c>
      <c r="AS2351" s="9">
        <v>33879.237381899999</v>
      </c>
      <c r="AT2351" s="9">
        <v>35553.0494827</v>
      </c>
      <c r="AU2351" s="9">
        <v>37462.014299399998</v>
      </c>
      <c r="AV2351" s="9">
        <v>39616.578628000003</v>
      </c>
      <c r="AW2351" s="9">
        <v>37957.951997099997</v>
      </c>
      <c r="AX2351" s="9">
        <v>40082.049023300002</v>
      </c>
      <c r="AY2351" s="9">
        <v>40825.774967500001</v>
      </c>
      <c r="AZ2351" s="9">
        <v>43748.6252914</v>
      </c>
      <c r="BA2351" s="9">
        <v>41817.624778500001</v>
      </c>
      <c r="BB2351" s="9">
        <v>39970.405079900003</v>
      </c>
      <c r="BC2351" s="9">
        <v>41546.551053499999</v>
      </c>
      <c r="BD2351" s="9">
        <v>43175.803822299997</v>
      </c>
      <c r="BE2351" s="9">
        <v>43704.092683299998</v>
      </c>
      <c r="BF2351" s="9">
        <v>41755.3471584</v>
      </c>
      <c r="BG2351" s="11">
        <v>3</v>
      </c>
      <c r="BH2351" s="13">
        <v>0.17647058823529413</v>
      </c>
      <c r="BI2351" s="6">
        <v>7</v>
      </c>
      <c r="BJ2351" s="13">
        <v>0.41176470588235292</v>
      </c>
      <c r="BK2351" s="6">
        <v>-1</v>
      </c>
      <c r="BL2351" s="13">
        <v>-4.1666666666666664E-2</v>
      </c>
      <c r="BM2351" s="11">
        <v>-3</v>
      </c>
      <c r="BN2351" s="13">
        <v>-0.13043478260869565</v>
      </c>
      <c r="BO2351" s="11">
        <v>-4</v>
      </c>
      <c r="BP2351" s="13">
        <v>-0.16666666666666666</v>
      </c>
      <c r="BQ2351" s="6">
        <v>17</v>
      </c>
      <c r="BR2351" s="6">
        <v>19</v>
      </c>
      <c r="BS2351" s="6">
        <v>20</v>
      </c>
      <c r="BT2351" s="6">
        <v>24</v>
      </c>
      <c r="BU2351" s="6">
        <v>24</v>
      </c>
      <c r="BV2351" s="6">
        <v>24</v>
      </c>
      <c r="BW2351" s="6">
        <v>23</v>
      </c>
      <c r="BX2351" s="6">
        <v>24</v>
      </c>
      <c r="BY2351" s="6">
        <v>21</v>
      </c>
      <c r="BZ2351" s="6">
        <v>19</v>
      </c>
      <c r="CA2351" s="6">
        <v>18</v>
      </c>
      <c r="CB2351" s="6">
        <v>20</v>
      </c>
      <c r="CC2351" s="11">
        <v>20</v>
      </c>
      <c r="CD2351" s="11">
        <v>-24.6935</v>
      </c>
      <c r="CE2351" s="11">
        <v>-262.06799999999998</v>
      </c>
      <c r="CF2351" s="11">
        <v>81.158500000000004</v>
      </c>
      <c r="CG2351" s="11">
        <v>-181</v>
      </c>
      <c r="CH2351" s="20">
        <v>1.2299500000000001</v>
      </c>
      <c r="CI2351" s="20">
        <v>1.15272</v>
      </c>
      <c r="CJ2351" s="20">
        <v>1.07836</v>
      </c>
      <c r="CK2351" s="20">
        <v>1.00509</v>
      </c>
      <c r="CL2351" s="20">
        <v>1.1579600000000001</v>
      </c>
      <c r="CM2351" s="20">
        <v>1.19855</v>
      </c>
      <c r="CN2351" s="20">
        <v>1.3272600000000001</v>
      </c>
      <c r="CO2351" s="20">
        <v>1.2558100000000001</v>
      </c>
      <c r="CP2351" s="20">
        <v>1.2404500000000001</v>
      </c>
      <c r="CQ2351" s="20">
        <v>1.33551</v>
      </c>
      <c r="CR2351" s="20">
        <v>1.45038</v>
      </c>
      <c r="CS2351" s="20">
        <v>1.2825299999999999</v>
      </c>
      <c r="CT2351" s="20">
        <v>1.1386000000000001</v>
      </c>
      <c r="CU2351" s="20">
        <v>1.1274200000000001</v>
      </c>
      <c r="CV2351" s="20">
        <v>1.18008</v>
      </c>
      <c r="CW2351" s="20">
        <v>1.18634</v>
      </c>
      <c r="CX2351" s="20">
        <v>1.1418600000000001</v>
      </c>
      <c r="CY2351" s="6" t="s">
        <v>730</v>
      </c>
      <c r="CZ2351" s="6" t="s">
        <v>731</v>
      </c>
      <c r="DA2351" s="6" t="s">
        <v>87</v>
      </c>
      <c r="DB2351" s="6" t="s">
        <v>345</v>
      </c>
      <c r="DC2351" s="6"/>
      <c r="DD2351" s="6"/>
      <c r="DE2351" s="6"/>
      <c r="DF2351" s="6"/>
      <c r="DG2351" s="6"/>
      <c r="DH2351" s="6" t="s">
        <v>333</v>
      </c>
      <c r="DI2351" s="6"/>
      <c r="DJ2351" s="6"/>
      <c r="DK2351" s="6"/>
      <c r="DL2351" s="6">
        <v>4</v>
      </c>
      <c r="DM2351" s="6" t="s">
        <v>446</v>
      </c>
      <c r="DN2351" s="6">
        <v>6</v>
      </c>
      <c r="DO2351" s="6" t="s">
        <v>393</v>
      </c>
      <c r="DP2351" s="6"/>
      <c r="DQ2351" s="6"/>
    </row>
    <row r="2352" spans="1:121" x14ac:dyDescent="0.2">
      <c r="A2352" s="6" t="s">
        <v>313</v>
      </c>
      <c r="B2352" s="6" t="s">
        <v>313</v>
      </c>
      <c r="C2352" s="6" t="s">
        <v>178</v>
      </c>
      <c r="D2352" s="6" t="s">
        <v>87</v>
      </c>
      <c r="E2352" s="6" t="s">
        <v>228</v>
      </c>
      <c r="F2352" s="11">
        <v>-27</v>
      </c>
      <c r="G2352" s="13">
        <v>-0.287234042553</v>
      </c>
      <c r="H2352" s="11">
        <v>-34.156277682399995</v>
      </c>
      <c r="I2352" s="13">
        <v>-0.36508997063329091</v>
      </c>
      <c r="J2352" s="11">
        <v>-3.3143965925000032</v>
      </c>
      <c r="K2352" s="13">
        <v>-5.5798388113137851E-2</v>
      </c>
      <c r="L2352" s="11">
        <v>10.946294485900005</v>
      </c>
      <c r="M2352" s="13">
        <v>0.19517292452287471</v>
      </c>
      <c r="N2352" s="11">
        <v>7.6318978934000015</v>
      </c>
      <c r="O2352" s="13">
        <v>0.12848420181803336</v>
      </c>
      <c r="P2352" s="7">
        <v>93.555781943699998</v>
      </c>
      <c r="Q2352" s="7">
        <v>62.613698602100001</v>
      </c>
      <c r="R2352" s="7">
        <v>53.417701182400002</v>
      </c>
      <c r="S2352" s="7">
        <v>37.001277217599998</v>
      </c>
      <c r="T2352" s="7">
        <v>41.361496413200001</v>
      </c>
      <c r="U2352" s="7">
        <v>51.876476446799998</v>
      </c>
      <c r="V2352" s="7">
        <v>59.399504261300002</v>
      </c>
      <c r="W2352" s="7">
        <v>67.230994038800006</v>
      </c>
      <c r="X2352" s="7">
        <v>58.129539121900002</v>
      </c>
      <c r="Y2352" s="7">
        <v>56.085107668799999</v>
      </c>
      <c r="Z2352" s="7">
        <v>53.677839849599998</v>
      </c>
      <c r="AA2352" s="7">
        <v>51.574167555499997</v>
      </c>
      <c r="AB2352" s="7">
        <v>50.933975467400003</v>
      </c>
      <c r="AC2352" s="7">
        <v>61.877768806500001</v>
      </c>
      <c r="AD2352" s="7">
        <v>63.3266389821</v>
      </c>
      <c r="AE2352" s="7">
        <v>61.116064044600002</v>
      </c>
      <c r="AF2352" s="7">
        <v>67.031402154700004</v>
      </c>
      <c r="AG2352" s="9">
        <v>27072.724440400001</v>
      </c>
      <c r="AH2352" s="13">
        <v>1.4643198720451649</v>
      </c>
      <c r="AI2352" s="9">
        <v>9140.624467200003</v>
      </c>
      <c r="AJ2352" s="13">
        <v>0.49440159152395419</v>
      </c>
      <c r="AK2352" s="9">
        <v>322.73517009999705</v>
      </c>
      <c r="AL2352" s="13">
        <v>1.1681079163827523E-2</v>
      </c>
      <c r="AM2352" s="9">
        <v>17609.364803100001</v>
      </c>
      <c r="AN2352" s="13">
        <v>0.62999446634027456</v>
      </c>
      <c r="AO2352" s="9">
        <v>17932.099973199998</v>
      </c>
      <c r="AP2352" s="13">
        <v>0.6490345607381961</v>
      </c>
      <c r="AQ2352" s="9">
        <v>18488.258581499998</v>
      </c>
      <c r="AR2352" s="9">
        <v>29951.7188102</v>
      </c>
      <c r="AS2352" s="9">
        <v>29906.1735572</v>
      </c>
      <c r="AT2352" s="9">
        <v>27961.387239299998</v>
      </c>
      <c r="AU2352" s="9">
        <v>22158.455537099999</v>
      </c>
      <c r="AV2352" s="9">
        <v>25255.454141900002</v>
      </c>
      <c r="AW2352" s="9">
        <v>27628.883048700001</v>
      </c>
      <c r="AX2352" s="9">
        <v>26835.914631899999</v>
      </c>
      <c r="AY2352" s="9">
        <v>30417.447776100002</v>
      </c>
      <c r="AZ2352" s="9">
        <v>27951.618218799998</v>
      </c>
      <c r="BA2352" s="9">
        <v>28500.326399400001</v>
      </c>
      <c r="BB2352" s="9">
        <v>27864.649625400001</v>
      </c>
      <c r="BC2352" s="9">
        <v>26846.927585400001</v>
      </c>
      <c r="BD2352" s="9">
        <v>26311.110403800001</v>
      </c>
      <c r="BE2352" s="9">
        <v>31302.430476400001</v>
      </c>
      <c r="BF2352" s="9">
        <v>45560.9830219</v>
      </c>
      <c r="BG2352" s="11">
        <v>3.5</v>
      </c>
      <c r="BH2352" s="13">
        <v>0.29166666666666669</v>
      </c>
      <c r="BI2352" s="6">
        <v>5</v>
      </c>
      <c r="BJ2352" s="13">
        <v>0.41666666666666669</v>
      </c>
      <c r="BK2352" s="6">
        <v>2</v>
      </c>
      <c r="BL2352" s="13">
        <v>0.11764705882352941</v>
      </c>
      <c r="BM2352" s="11">
        <v>-3.5</v>
      </c>
      <c r="BN2352" s="13">
        <v>-0.18421052631578946</v>
      </c>
      <c r="BO2352" s="11">
        <v>-1.5</v>
      </c>
      <c r="BP2352" s="13">
        <v>-8.8235294117647065E-2</v>
      </c>
      <c r="BQ2352" s="6">
        <v>12</v>
      </c>
      <c r="BR2352" s="6">
        <v>14</v>
      </c>
      <c r="BS2352" s="6">
        <v>14</v>
      </c>
      <c r="BT2352" s="6">
        <v>17</v>
      </c>
      <c r="BU2352" s="6">
        <v>18</v>
      </c>
      <c r="BV2352" s="6">
        <v>19</v>
      </c>
      <c r="BW2352" s="6">
        <v>19</v>
      </c>
      <c r="BX2352" s="6">
        <v>18</v>
      </c>
      <c r="BY2352" s="6">
        <v>18</v>
      </c>
      <c r="BZ2352" s="6">
        <v>19</v>
      </c>
      <c r="CA2352" s="6">
        <v>19</v>
      </c>
      <c r="CB2352" s="6">
        <v>16</v>
      </c>
      <c r="CC2352" s="11">
        <v>15.5</v>
      </c>
      <c r="CD2352" s="11">
        <v>-29.101299999999998</v>
      </c>
      <c r="CE2352" s="11">
        <v>-7.6498200000000001</v>
      </c>
      <c r="CF2352" s="11">
        <v>10.226800000000001</v>
      </c>
      <c r="CG2352" s="11">
        <v>2</v>
      </c>
      <c r="CH2352" s="20">
        <v>0.43525700000000001</v>
      </c>
      <c r="CI2352" s="20">
        <v>0.28781099999999998</v>
      </c>
      <c r="CJ2352" s="20">
        <v>0.23683799999999999</v>
      </c>
      <c r="CK2352" s="20">
        <v>0.16558800000000001</v>
      </c>
      <c r="CL2352" s="20">
        <v>0.17796600000000001</v>
      </c>
      <c r="CM2352" s="20">
        <v>0.22566900000000001</v>
      </c>
      <c r="CN2352" s="20">
        <v>0.25206600000000001</v>
      </c>
      <c r="CO2352" s="20">
        <v>0.28492899999999999</v>
      </c>
      <c r="CP2352" s="20">
        <v>0.25069999999999998</v>
      </c>
      <c r="CQ2352" s="20">
        <v>0.24316699999999999</v>
      </c>
      <c r="CR2352" s="20">
        <v>0.22883000000000001</v>
      </c>
      <c r="CS2352" s="20">
        <v>0.22011600000000001</v>
      </c>
      <c r="CT2352" s="20">
        <v>0.22764699999999999</v>
      </c>
      <c r="CU2352" s="20">
        <v>0.27605299999999999</v>
      </c>
      <c r="CV2352" s="20">
        <v>0.27765699999999999</v>
      </c>
      <c r="CW2352" s="20">
        <v>0.27561400000000003</v>
      </c>
      <c r="CX2352" s="20">
        <v>0.29471999999999998</v>
      </c>
      <c r="CY2352" s="6" t="s">
        <v>730</v>
      </c>
      <c r="CZ2352" s="6" t="s">
        <v>731</v>
      </c>
      <c r="DA2352" s="6" t="s">
        <v>87</v>
      </c>
      <c r="DB2352" s="6" t="s">
        <v>345</v>
      </c>
      <c r="DC2352" s="6"/>
      <c r="DD2352" s="6"/>
      <c r="DE2352" s="6"/>
      <c r="DF2352" s="6"/>
      <c r="DG2352" s="6"/>
      <c r="DH2352" s="6" t="s">
        <v>333</v>
      </c>
      <c r="DI2352" s="6"/>
      <c r="DJ2352" s="6"/>
      <c r="DK2352" s="6"/>
      <c r="DL2352" s="6">
        <v>4</v>
      </c>
      <c r="DM2352" s="6" t="s">
        <v>446</v>
      </c>
      <c r="DN2352" s="6">
        <v>6</v>
      </c>
      <c r="DO2352" s="6" t="s">
        <v>393</v>
      </c>
      <c r="DP2352" s="6"/>
      <c r="DQ2352" s="6"/>
    </row>
    <row r="2353" spans="1:121" x14ac:dyDescent="0.2">
      <c r="A2353" s="6" t="s">
        <v>793</v>
      </c>
      <c r="B2353" s="6" t="s">
        <v>179</v>
      </c>
      <c r="C2353" s="6" t="s">
        <v>180</v>
      </c>
      <c r="D2353" s="6" t="s">
        <v>87</v>
      </c>
      <c r="E2353" s="6" t="s">
        <v>228</v>
      </c>
      <c r="F2353" s="11">
        <v>42</v>
      </c>
      <c r="G2353" s="13">
        <v>7.0000000000000007E-2</v>
      </c>
      <c r="H2353" s="11">
        <v>-1</v>
      </c>
      <c r="I2353" s="13">
        <v>-1.7152658662092624E-3</v>
      </c>
      <c r="J2353" s="11">
        <v>-20</v>
      </c>
      <c r="K2353" s="13">
        <v>-3.4364261168384883E-2</v>
      </c>
      <c r="L2353" s="11">
        <v>63</v>
      </c>
      <c r="M2353" s="13">
        <v>0.11209964412811388</v>
      </c>
      <c r="N2353" s="11">
        <v>43</v>
      </c>
      <c r="O2353" s="13">
        <v>7.3883161512027493E-2</v>
      </c>
      <c r="P2353" s="7">
        <v>583</v>
      </c>
      <c r="Q2353" s="7">
        <v>597</v>
      </c>
      <c r="R2353" s="7">
        <v>694</v>
      </c>
      <c r="S2353" s="7">
        <v>658</v>
      </c>
      <c r="T2353" s="7">
        <v>668</v>
      </c>
      <c r="U2353" s="7">
        <v>643</v>
      </c>
      <c r="V2353" s="7">
        <v>582</v>
      </c>
      <c r="W2353" s="7">
        <v>595</v>
      </c>
      <c r="X2353" s="7">
        <v>589</v>
      </c>
      <c r="Y2353" s="7">
        <v>562</v>
      </c>
      <c r="Z2353" s="7">
        <v>563</v>
      </c>
      <c r="AA2353" s="7">
        <v>553</v>
      </c>
      <c r="AB2353" s="7">
        <v>538</v>
      </c>
      <c r="AC2353" s="7">
        <v>543</v>
      </c>
      <c r="AD2353" s="7">
        <v>590</v>
      </c>
      <c r="AE2353" s="7">
        <v>585</v>
      </c>
      <c r="AF2353" s="7">
        <v>625</v>
      </c>
      <c r="AG2353" s="9">
        <v>5494</v>
      </c>
      <c r="AH2353" s="13">
        <v>0.28451579492490936</v>
      </c>
      <c r="AI2353" s="9">
        <v>3435</v>
      </c>
      <c r="AJ2353" s="13">
        <v>0.17788710512687728</v>
      </c>
      <c r="AK2353" s="9">
        <v>110</v>
      </c>
      <c r="AL2353" s="13">
        <v>4.8362277423609585E-3</v>
      </c>
      <c r="AM2353" s="9">
        <v>1949</v>
      </c>
      <c r="AN2353" s="13">
        <v>8.5276744694815138E-2</v>
      </c>
      <c r="AO2353" s="9">
        <v>2059</v>
      </c>
      <c r="AP2353" s="13">
        <v>9.0525390195647398E-2</v>
      </c>
      <c r="AQ2353" s="9">
        <v>19310</v>
      </c>
      <c r="AR2353" s="9">
        <v>19402</v>
      </c>
      <c r="AS2353" s="9">
        <v>19045</v>
      </c>
      <c r="AT2353" s="9">
        <v>20006</v>
      </c>
      <c r="AU2353" s="9">
        <v>21170</v>
      </c>
      <c r="AV2353" s="9">
        <v>22301</v>
      </c>
      <c r="AW2353" s="9">
        <v>22745</v>
      </c>
      <c r="AX2353" s="9">
        <v>23092</v>
      </c>
      <c r="AY2353" s="9">
        <v>23024</v>
      </c>
      <c r="AZ2353" s="9">
        <v>22855</v>
      </c>
      <c r="BA2353" s="9">
        <v>23104</v>
      </c>
      <c r="BB2353" s="9">
        <v>23422</v>
      </c>
      <c r="BC2353" s="9">
        <v>24211</v>
      </c>
      <c r="BD2353" s="9">
        <v>23577</v>
      </c>
      <c r="BE2353" s="9">
        <v>24020</v>
      </c>
      <c r="BF2353" s="9">
        <v>24804</v>
      </c>
      <c r="BG2353" s="11">
        <v>-16</v>
      </c>
      <c r="BH2353" s="13">
        <v>-0.25</v>
      </c>
      <c r="BI2353" s="6">
        <v>-11</v>
      </c>
      <c r="BJ2353" s="13">
        <v>-0.171875</v>
      </c>
      <c r="BK2353" s="6">
        <v>-9</v>
      </c>
      <c r="BL2353" s="13">
        <v>-0.16981132075471697</v>
      </c>
      <c r="BM2353" s="11">
        <v>4</v>
      </c>
      <c r="BN2353" s="13">
        <v>9.0909090909090912E-2</v>
      </c>
      <c r="BO2353" s="11">
        <v>-5</v>
      </c>
      <c r="BP2353" s="13">
        <v>-9.4339622641509441E-2</v>
      </c>
      <c r="BQ2353" s="6">
        <v>64</v>
      </c>
      <c r="BR2353" s="6">
        <v>58</v>
      </c>
      <c r="BS2353" s="6">
        <v>59</v>
      </c>
      <c r="BT2353" s="6">
        <v>53</v>
      </c>
      <c r="BU2353" s="6">
        <v>55</v>
      </c>
      <c r="BV2353" s="6">
        <v>51</v>
      </c>
      <c r="BW2353" s="6">
        <v>44</v>
      </c>
      <c r="BX2353" s="6">
        <v>41</v>
      </c>
      <c r="BY2353" s="6">
        <v>42</v>
      </c>
      <c r="BZ2353" s="6">
        <v>47</v>
      </c>
      <c r="CA2353" s="6">
        <v>46</v>
      </c>
      <c r="CB2353" s="6">
        <v>52</v>
      </c>
      <c r="CC2353" s="11">
        <v>48</v>
      </c>
      <c r="CD2353" s="11">
        <v>16</v>
      </c>
      <c r="CE2353" s="11">
        <v>-37</v>
      </c>
      <c r="CF2353" s="11">
        <v>64</v>
      </c>
      <c r="CG2353" s="11">
        <v>27</v>
      </c>
      <c r="CH2353" s="20">
        <v>1.01</v>
      </c>
      <c r="CI2353" s="20">
        <v>1.01</v>
      </c>
      <c r="CJ2353" s="20">
        <v>1.1299999999999999</v>
      </c>
      <c r="CK2353" s="20">
        <v>1.0900000000000001</v>
      </c>
      <c r="CL2353" s="20">
        <v>1.07</v>
      </c>
      <c r="CM2353" s="20">
        <v>1.05</v>
      </c>
      <c r="CN2353" s="20">
        <v>0.94</v>
      </c>
      <c r="CO2353" s="20">
        <v>0.96</v>
      </c>
      <c r="CP2353" s="20">
        <v>0.96</v>
      </c>
      <c r="CQ2353" s="20">
        <v>0.91</v>
      </c>
      <c r="CR2353" s="20">
        <v>0.89</v>
      </c>
      <c r="CS2353" s="20">
        <v>0.88</v>
      </c>
      <c r="CT2353" s="20">
        <v>0.9</v>
      </c>
      <c r="CU2353" s="20">
        <v>0.9</v>
      </c>
      <c r="CV2353" s="20">
        <v>0.96</v>
      </c>
      <c r="CW2353" s="20">
        <v>0.96</v>
      </c>
      <c r="CX2353" s="20">
        <v>1.01</v>
      </c>
      <c r="CY2353" s="6" t="s">
        <v>730</v>
      </c>
      <c r="CZ2353" s="6" t="s">
        <v>731</v>
      </c>
      <c r="DA2353" s="6" t="s">
        <v>87</v>
      </c>
      <c r="DB2353" s="6" t="s">
        <v>345</v>
      </c>
      <c r="DC2353" s="6"/>
      <c r="DD2353" s="6"/>
      <c r="DE2353" s="6"/>
      <c r="DF2353" s="6"/>
      <c r="DG2353" s="6"/>
      <c r="DH2353" s="6" t="s">
        <v>333</v>
      </c>
      <c r="DI2353" s="6"/>
      <c r="DJ2353" s="6"/>
      <c r="DK2353" s="6"/>
      <c r="DL2353" s="6">
        <v>4</v>
      </c>
      <c r="DM2353" s="6" t="s">
        <v>446</v>
      </c>
      <c r="DN2353" s="6">
        <v>6</v>
      </c>
      <c r="DO2353" s="6" t="s">
        <v>393</v>
      </c>
      <c r="DP2353" s="6"/>
      <c r="DQ2353" s="6"/>
    </row>
    <row r="2354" spans="1:121" x14ac:dyDescent="0.2">
      <c r="A2354" s="6" t="s">
        <v>794</v>
      </c>
      <c r="B2354" s="6" t="s">
        <v>181</v>
      </c>
      <c r="C2354" s="6" t="s">
        <v>182</v>
      </c>
      <c r="D2354" s="6" t="s">
        <v>87</v>
      </c>
      <c r="E2354" s="6" t="s">
        <v>228</v>
      </c>
      <c r="F2354" s="11">
        <v>137</v>
      </c>
      <c r="G2354" s="13">
        <v>0.724867724868</v>
      </c>
      <c r="H2354" s="11">
        <v>6.8554225789999919</v>
      </c>
      <c r="I2354" s="13">
        <v>3.618021442742806E-2</v>
      </c>
      <c r="J2354" s="11">
        <v>-22.191436251999988</v>
      </c>
      <c r="K2354" s="13">
        <v>-0.11302825473198302</v>
      </c>
      <c r="L2354" s="11">
        <v>151.97278346000002</v>
      </c>
      <c r="M2354" s="13">
        <v>0.87268526475562469</v>
      </c>
      <c r="N2354" s="11">
        <v>129.78134720800003</v>
      </c>
      <c r="O2354" s="13">
        <v>0.66101891761799469</v>
      </c>
      <c r="P2354" s="7">
        <v>189.479876985</v>
      </c>
      <c r="Q2354" s="7">
        <v>168.89019786200001</v>
      </c>
      <c r="R2354" s="7">
        <v>197.91851953400001</v>
      </c>
      <c r="S2354" s="7">
        <v>202.48155946700001</v>
      </c>
      <c r="T2354" s="7">
        <v>192.268341572</v>
      </c>
      <c r="U2354" s="7">
        <v>185.24452005399999</v>
      </c>
      <c r="V2354" s="7">
        <v>196.335299564</v>
      </c>
      <c r="W2354" s="7">
        <v>171.101102188</v>
      </c>
      <c r="X2354" s="7">
        <v>188.08788788699999</v>
      </c>
      <c r="Y2354" s="7">
        <v>174.14386331200001</v>
      </c>
      <c r="Z2354" s="7">
        <v>186.971213264</v>
      </c>
      <c r="AA2354" s="7">
        <v>215.70785054500001</v>
      </c>
      <c r="AB2354" s="7">
        <v>249.468802928</v>
      </c>
      <c r="AC2354" s="7">
        <v>267.45488219800001</v>
      </c>
      <c r="AD2354" s="7">
        <v>311.75356437699998</v>
      </c>
      <c r="AE2354" s="7">
        <v>304.51338073099998</v>
      </c>
      <c r="AF2354" s="7">
        <v>326.11664677200002</v>
      </c>
      <c r="AG2354" s="9">
        <v>13673.034826699997</v>
      </c>
      <c r="AH2354" s="13">
        <v>0.42067347669924671</v>
      </c>
      <c r="AI2354" s="9">
        <v>2894.421701999996</v>
      </c>
      <c r="AJ2354" s="13">
        <v>8.9051659404568342E-2</v>
      </c>
      <c r="AK2354" s="9">
        <v>3830.9781103000059</v>
      </c>
      <c r="AL2354" s="13">
        <v>0.10822844039482736</v>
      </c>
      <c r="AM2354" s="9">
        <v>6947.6350143999953</v>
      </c>
      <c r="AN2354" s="13">
        <v>0.17710851175434489</v>
      </c>
      <c r="AO2354" s="9">
        <v>10778.613124700001</v>
      </c>
      <c r="AP2354" s="13">
        <v>0.30450513015699399</v>
      </c>
      <c r="AQ2354" s="9">
        <v>32502.7261856</v>
      </c>
      <c r="AR2354" s="9">
        <v>32396.2261899</v>
      </c>
      <c r="AS2354" s="9">
        <v>35296.151321199999</v>
      </c>
      <c r="AT2354" s="9">
        <v>34158.1399026</v>
      </c>
      <c r="AU2354" s="9">
        <v>34768.682697700002</v>
      </c>
      <c r="AV2354" s="9">
        <v>36362.543802699998</v>
      </c>
      <c r="AW2354" s="9">
        <v>35397.147887599996</v>
      </c>
      <c r="AX2354" s="9">
        <v>39878.872403399997</v>
      </c>
      <c r="AY2354" s="9">
        <v>37079.510421200001</v>
      </c>
      <c r="AZ2354" s="9">
        <v>39228.125997900002</v>
      </c>
      <c r="BA2354" s="9">
        <v>41929.938250699997</v>
      </c>
      <c r="BB2354" s="9">
        <v>43464.865453600003</v>
      </c>
      <c r="BC2354" s="9">
        <v>41918.490041700003</v>
      </c>
      <c r="BD2354" s="9">
        <v>44362.924265000001</v>
      </c>
      <c r="BE2354" s="9">
        <v>44513.2054211</v>
      </c>
      <c r="BF2354" s="9">
        <v>46175.761012299998</v>
      </c>
      <c r="BG2354" s="11">
        <v>8.25</v>
      </c>
      <c r="BH2354" s="13">
        <v>0.28448275862068967</v>
      </c>
      <c r="BI2354" s="6">
        <v>-1</v>
      </c>
      <c r="BJ2354" s="13">
        <v>-3.4482758620689655E-2</v>
      </c>
      <c r="BK2354" s="6">
        <v>3</v>
      </c>
      <c r="BL2354" s="13">
        <v>0.10714285714285714</v>
      </c>
      <c r="BM2354" s="11">
        <v>6.25</v>
      </c>
      <c r="BN2354" s="13">
        <v>0.20161290322580644</v>
      </c>
      <c r="BO2354" s="11">
        <v>9.25</v>
      </c>
      <c r="BP2354" s="13">
        <v>0.33035714285714285</v>
      </c>
      <c r="BQ2354" s="6">
        <v>29</v>
      </c>
      <c r="BR2354" s="6">
        <v>28</v>
      </c>
      <c r="BS2354" s="6">
        <v>26</v>
      </c>
      <c r="BT2354" s="6">
        <v>28</v>
      </c>
      <c r="BU2354" s="6">
        <v>26</v>
      </c>
      <c r="BV2354" s="6">
        <v>28</v>
      </c>
      <c r="BW2354" s="6">
        <v>31</v>
      </c>
      <c r="BX2354" s="6">
        <v>30</v>
      </c>
      <c r="BY2354" s="6">
        <v>31</v>
      </c>
      <c r="BZ2354" s="6">
        <v>33</v>
      </c>
      <c r="CA2354" s="6">
        <v>33</v>
      </c>
      <c r="CB2354" s="6">
        <v>39</v>
      </c>
      <c r="CC2354" s="11">
        <v>37.25</v>
      </c>
      <c r="CD2354" s="11">
        <v>103.98099999999999</v>
      </c>
      <c r="CE2354" s="11">
        <v>11.943</v>
      </c>
      <c r="CF2354" s="11">
        <v>20.712399999999999</v>
      </c>
      <c r="CG2354" s="11">
        <v>33</v>
      </c>
      <c r="CH2354" s="20">
        <v>1.1135999999999999</v>
      </c>
      <c r="CI2354" s="20">
        <v>0.98901899999999998</v>
      </c>
      <c r="CJ2354" s="20">
        <v>1.1202799999999999</v>
      </c>
      <c r="CK2354" s="20">
        <v>1.1456999999999999</v>
      </c>
      <c r="CL2354" s="20">
        <v>1.0397000000000001</v>
      </c>
      <c r="CM2354" s="20">
        <v>1.0098499999999999</v>
      </c>
      <c r="CN2354" s="20">
        <v>1.0418499999999999</v>
      </c>
      <c r="CO2354" s="20">
        <v>0.90686299999999997</v>
      </c>
      <c r="CP2354" s="20">
        <v>1.0115099999999999</v>
      </c>
      <c r="CQ2354" s="20">
        <v>0.93581599999999998</v>
      </c>
      <c r="CR2354" s="20">
        <v>0.97510699999999995</v>
      </c>
      <c r="CS2354" s="20">
        <v>1.12188</v>
      </c>
      <c r="CT2354" s="20">
        <v>1.35057</v>
      </c>
      <c r="CU2354" s="20">
        <v>1.4130799999999999</v>
      </c>
      <c r="CV2354" s="20">
        <v>1.56338</v>
      </c>
      <c r="CW2354" s="20">
        <v>1.53051</v>
      </c>
      <c r="CX2354" s="20">
        <v>1.5875999999999999</v>
      </c>
      <c r="CY2354" s="6" t="s">
        <v>730</v>
      </c>
      <c r="CZ2354" s="6" t="s">
        <v>731</v>
      </c>
      <c r="DA2354" s="6" t="s">
        <v>87</v>
      </c>
      <c r="DB2354" s="6" t="s">
        <v>345</v>
      </c>
      <c r="DC2354" s="6"/>
      <c r="DD2354" s="6"/>
      <c r="DE2354" s="6"/>
      <c r="DF2354" s="6"/>
      <c r="DG2354" s="6"/>
      <c r="DH2354" s="6" t="s">
        <v>333</v>
      </c>
      <c r="DI2354" s="6"/>
      <c r="DJ2354" s="6"/>
      <c r="DK2354" s="6"/>
      <c r="DL2354" s="6">
        <v>4</v>
      </c>
      <c r="DM2354" s="6" t="s">
        <v>446</v>
      </c>
      <c r="DN2354" s="6">
        <v>6</v>
      </c>
      <c r="DO2354" s="6" t="s">
        <v>393</v>
      </c>
      <c r="DP2354" s="6"/>
      <c r="DQ2354" s="6"/>
    </row>
    <row r="2355" spans="1:121" x14ac:dyDescent="0.2">
      <c r="A2355" s="6" t="s">
        <v>314</v>
      </c>
      <c r="B2355" s="6" t="s">
        <v>314</v>
      </c>
      <c r="C2355" s="6" t="s">
        <v>183</v>
      </c>
      <c r="D2355" s="6" t="s">
        <v>87</v>
      </c>
      <c r="E2355" s="6" t="s">
        <v>228</v>
      </c>
      <c r="F2355" s="11">
        <v>-4</v>
      </c>
      <c r="G2355" s="13">
        <v>-0.12903225806499999</v>
      </c>
      <c r="H2355" s="11">
        <v>1.2716003803000007</v>
      </c>
      <c r="I2355" s="13">
        <v>4.1149665571458542E-2</v>
      </c>
      <c r="J2355" s="11">
        <v>-3.443323641300001</v>
      </c>
      <c r="K2355" s="13">
        <v>-0.10702379365809098</v>
      </c>
      <c r="L2355" s="11">
        <v>-1.5347515523000013</v>
      </c>
      <c r="M2355" s="13">
        <v>-5.3419607301139461E-2</v>
      </c>
      <c r="N2355" s="11">
        <v>-4.9780751936000023</v>
      </c>
      <c r="O2355" s="13">
        <v>-0.15472623193013704</v>
      </c>
      <c r="P2355" s="7">
        <v>30.901839969800001</v>
      </c>
      <c r="Q2355" s="7">
        <v>31.214624561200001</v>
      </c>
      <c r="R2355" s="7">
        <v>33.491217943199999</v>
      </c>
      <c r="S2355" s="7">
        <v>33.885002033699998</v>
      </c>
      <c r="T2355" s="7">
        <v>38.482660150400001</v>
      </c>
      <c r="U2355" s="7">
        <v>34.405939687299998</v>
      </c>
      <c r="V2355" s="7">
        <v>32.173440350100002</v>
      </c>
      <c r="W2355" s="7">
        <v>29.923725385400001</v>
      </c>
      <c r="X2355" s="7">
        <v>42.457645292199999</v>
      </c>
      <c r="Y2355" s="7">
        <v>28.730116708800001</v>
      </c>
      <c r="Z2355" s="7">
        <v>30.080847581800001</v>
      </c>
      <c r="AA2355" s="7">
        <v>33.408869274899999</v>
      </c>
      <c r="AB2355" s="7">
        <v>27.031857663</v>
      </c>
      <c r="AC2355" s="7">
        <v>26.141333409600001</v>
      </c>
      <c r="AD2355" s="7">
        <v>27.051901387800001</v>
      </c>
      <c r="AE2355" s="7">
        <v>27.576597536800001</v>
      </c>
      <c r="AF2355" s="7">
        <v>27.195365156499999</v>
      </c>
      <c r="AG2355" s="9">
        <v>9985.0737924999994</v>
      </c>
      <c r="AH2355" s="13">
        <v>0.35822994556155835</v>
      </c>
      <c r="AI2355" s="9">
        <v>21576.795609200002</v>
      </c>
      <c r="AJ2355" s="13">
        <v>0.7741008706698137</v>
      </c>
      <c r="AK2355" s="9">
        <v>2368.5248535999999</v>
      </c>
      <c r="AL2355" s="13">
        <v>4.7897213188330567E-2</v>
      </c>
      <c r="AM2355" s="9">
        <v>-13960.246670300003</v>
      </c>
      <c r="AN2355" s="13">
        <v>-0.26940565399621236</v>
      </c>
      <c r="AO2355" s="9">
        <v>-11591.721816700003</v>
      </c>
      <c r="AP2355" s="13">
        <v>-0.23441222085148</v>
      </c>
      <c r="AQ2355" s="9">
        <v>27873.364346599999</v>
      </c>
      <c r="AR2355" s="9">
        <v>27311.9609169</v>
      </c>
      <c r="AS2355" s="9">
        <v>33363.633613500002</v>
      </c>
      <c r="AT2355" s="9">
        <v>34871.739512400003</v>
      </c>
      <c r="AU2355" s="9">
        <v>39695.075376699999</v>
      </c>
      <c r="AV2355" s="9">
        <v>46566.686970100003</v>
      </c>
      <c r="AW2355" s="9">
        <v>49450.159955800002</v>
      </c>
      <c r="AX2355" s="9">
        <v>50487.048345900002</v>
      </c>
      <c r="AY2355" s="9">
        <v>44599.675407700001</v>
      </c>
      <c r="AZ2355" s="9">
        <v>51818.684809400002</v>
      </c>
      <c r="BA2355" s="9">
        <v>50069.262637300002</v>
      </c>
      <c r="BB2355" s="9">
        <v>38084.281736199999</v>
      </c>
      <c r="BC2355" s="9">
        <v>50149.265037999998</v>
      </c>
      <c r="BD2355" s="9">
        <v>45012.424213500002</v>
      </c>
      <c r="BE2355" s="9">
        <v>42263.271116700002</v>
      </c>
      <c r="BF2355" s="9">
        <v>37858.438139099999</v>
      </c>
      <c r="BG2355" s="11">
        <v>-1</v>
      </c>
      <c r="BH2355" s="13">
        <v>-0.16666666666666666</v>
      </c>
      <c r="BI2355" s="6">
        <v>-1</v>
      </c>
      <c r="BJ2355" s="13">
        <v>-0.16666666666666666</v>
      </c>
      <c r="BK2355" s="6">
        <v>-1</v>
      </c>
      <c r="BL2355" s="13">
        <v>-0.2</v>
      </c>
      <c r="BM2355" s="11">
        <v>1</v>
      </c>
      <c r="BN2355" s="13">
        <v>0.25</v>
      </c>
      <c r="BO2355" s="11">
        <v>0</v>
      </c>
      <c r="BP2355" s="13">
        <v>0</v>
      </c>
      <c r="BQ2355" s="6">
        <v>6</v>
      </c>
      <c r="BR2355" s="6">
        <v>6</v>
      </c>
      <c r="BS2355" s="6">
        <v>6</v>
      </c>
      <c r="BT2355" s="6">
        <v>5</v>
      </c>
      <c r="BU2355" s="6">
        <v>5</v>
      </c>
      <c r="BV2355" s="6">
        <v>3</v>
      </c>
      <c r="BW2355" s="6">
        <v>4</v>
      </c>
      <c r="BX2355" s="6">
        <v>4</v>
      </c>
      <c r="BY2355" s="6">
        <v>4</v>
      </c>
      <c r="BZ2355" s="6">
        <v>4</v>
      </c>
      <c r="CA2355" s="6">
        <v>4</v>
      </c>
      <c r="CB2355" s="6">
        <v>5</v>
      </c>
      <c r="CC2355" s="11">
        <v>5</v>
      </c>
      <c r="CD2355" s="11">
        <v>2.3805200000000002</v>
      </c>
      <c r="CE2355" s="11">
        <v>-9.4649400000000004</v>
      </c>
      <c r="CF2355" s="11">
        <v>3.3779400000000002</v>
      </c>
      <c r="CG2355" s="11">
        <v>-6</v>
      </c>
      <c r="CH2355" s="20">
        <v>0.230628</v>
      </c>
      <c r="CI2355" s="20">
        <v>0.23867099999999999</v>
      </c>
      <c r="CJ2355" s="20">
        <v>0.25845400000000002</v>
      </c>
      <c r="CK2355" s="20">
        <v>0.27245599999999998</v>
      </c>
      <c r="CL2355" s="20">
        <v>0.30692599999999998</v>
      </c>
      <c r="CM2355" s="20">
        <v>0.284883</v>
      </c>
      <c r="CN2355" s="20">
        <v>0.26524999999999999</v>
      </c>
      <c r="CO2355" s="20">
        <v>0.248552</v>
      </c>
      <c r="CP2355" s="20">
        <v>0.35613699999999998</v>
      </c>
      <c r="CQ2355" s="20">
        <v>0.247004</v>
      </c>
      <c r="CR2355" s="20">
        <v>0.26032899999999998</v>
      </c>
      <c r="CS2355" s="20">
        <v>0.29415999999999998</v>
      </c>
      <c r="CT2355" s="20">
        <v>0.25032300000000002</v>
      </c>
      <c r="CU2355" s="20">
        <v>0.24132000000000001</v>
      </c>
      <c r="CV2355" s="20">
        <v>0.24568400000000001</v>
      </c>
      <c r="CW2355" s="20">
        <v>0.253749</v>
      </c>
      <c r="CX2355" s="20">
        <v>0.24544299999999999</v>
      </c>
      <c r="CY2355" s="6" t="s">
        <v>730</v>
      </c>
      <c r="CZ2355" s="6" t="s">
        <v>731</v>
      </c>
      <c r="DA2355" s="6" t="s">
        <v>87</v>
      </c>
      <c r="DB2355" s="6" t="s">
        <v>345</v>
      </c>
      <c r="DC2355" s="6"/>
      <c r="DD2355" s="6"/>
      <c r="DE2355" s="6"/>
      <c r="DF2355" s="6"/>
      <c r="DG2355" s="6"/>
      <c r="DH2355" s="6" t="s">
        <v>333</v>
      </c>
      <c r="DI2355" s="6"/>
      <c r="DJ2355" s="6"/>
      <c r="DK2355" s="6"/>
      <c r="DL2355" s="6">
        <v>4</v>
      </c>
      <c r="DM2355" s="6" t="s">
        <v>446</v>
      </c>
      <c r="DN2355" s="6">
        <v>6</v>
      </c>
      <c r="DO2355" s="6" t="s">
        <v>393</v>
      </c>
      <c r="DP2355" s="6"/>
      <c r="DQ2355" s="6"/>
    </row>
    <row r="2356" spans="1:121" x14ac:dyDescent="0.2">
      <c r="A2356" s="6" t="s">
        <v>315</v>
      </c>
      <c r="B2356" s="6" t="s">
        <v>315</v>
      </c>
      <c r="C2356" s="6" t="s">
        <v>184</v>
      </c>
      <c r="D2356" s="6" t="s">
        <v>87</v>
      </c>
      <c r="E2356" s="6" t="s">
        <v>228</v>
      </c>
      <c r="F2356" s="11">
        <v>20</v>
      </c>
      <c r="G2356" s="13">
        <v>0.2</v>
      </c>
      <c r="H2356" s="11">
        <v>27</v>
      </c>
      <c r="I2356" s="13">
        <v>0.27</v>
      </c>
      <c r="J2356" s="11">
        <v>1</v>
      </c>
      <c r="K2356" s="13">
        <v>7.874015748031496E-3</v>
      </c>
      <c r="L2356" s="11">
        <v>-8</v>
      </c>
      <c r="M2356" s="13">
        <v>-6.25E-2</v>
      </c>
      <c r="N2356" s="11">
        <v>-7</v>
      </c>
      <c r="O2356" s="13">
        <v>-5.5118110236220472E-2</v>
      </c>
      <c r="P2356" s="7">
        <v>100</v>
      </c>
      <c r="Q2356" s="7">
        <v>102</v>
      </c>
      <c r="R2356" s="7">
        <v>103</v>
      </c>
      <c r="S2356" s="7">
        <v>106</v>
      </c>
      <c r="T2356" s="7">
        <v>117</v>
      </c>
      <c r="U2356" s="7">
        <v>126</v>
      </c>
      <c r="V2356" s="7">
        <v>127</v>
      </c>
      <c r="W2356" s="7">
        <v>132</v>
      </c>
      <c r="X2356" s="7">
        <v>125</v>
      </c>
      <c r="Y2356" s="7">
        <v>128</v>
      </c>
      <c r="Z2356" s="7">
        <v>125</v>
      </c>
      <c r="AA2356" s="7">
        <v>124</v>
      </c>
      <c r="AB2356" s="7">
        <v>123</v>
      </c>
      <c r="AC2356" s="7">
        <v>126</v>
      </c>
      <c r="AD2356" s="7">
        <v>123</v>
      </c>
      <c r="AE2356" s="7">
        <v>119</v>
      </c>
      <c r="AF2356" s="7">
        <v>120</v>
      </c>
      <c r="AG2356" s="9">
        <v>16509</v>
      </c>
      <c r="AH2356" s="13">
        <v>0.56911886376172094</v>
      </c>
      <c r="AI2356" s="9">
        <v>6395</v>
      </c>
      <c r="AJ2356" s="13">
        <v>0.22045642581356867</v>
      </c>
      <c r="AK2356" s="9">
        <v>4102</v>
      </c>
      <c r="AL2356" s="13">
        <v>0.11586588707171708</v>
      </c>
      <c r="AM2356" s="9">
        <v>6012</v>
      </c>
      <c r="AN2356" s="13">
        <v>0.152183267940767</v>
      </c>
      <c r="AO2356" s="9">
        <v>10114</v>
      </c>
      <c r="AP2356" s="13">
        <v>0.28568200434991387</v>
      </c>
      <c r="AQ2356" s="9">
        <v>29008</v>
      </c>
      <c r="AR2356" s="9">
        <v>30071</v>
      </c>
      <c r="AS2356" s="9">
        <v>31218</v>
      </c>
      <c r="AT2356" s="9">
        <v>35911</v>
      </c>
      <c r="AU2356" s="9">
        <v>33312</v>
      </c>
      <c r="AV2356" s="9">
        <v>34300</v>
      </c>
      <c r="AW2356" s="9">
        <v>35403</v>
      </c>
      <c r="AX2356" s="9">
        <v>37331</v>
      </c>
      <c r="AY2356" s="9">
        <v>40179</v>
      </c>
      <c r="AZ2356" s="9">
        <v>39505</v>
      </c>
      <c r="BA2356" s="9">
        <v>41214</v>
      </c>
      <c r="BB2356" s="9">
        <v>43439</v>
      </c>
      <c r="BC2356" s="9">
        <v>42860</v>
      </c>
      <c r="BD2356" s="9">
        <v>43966</v>
      </c>
      <c r="BE2356" s="9">
        <v>44500</v>
      </c>
      <c r="BF2356" s="9">
        <v>45517</v>
      </c>
      <c r="BG2356" s="11">
        <v>1</v>
      </c>
      <c r="BH2356" s="13">
        <v>7.1428571428571425E-2</v>
      </c>
      <c r="BI2356" s="6">
        <v>0</v>
      </c>
      <c r="BJ2356" s="13">
        <v>0</v>
      </c>
      <c r="BK2356" s="6">
        <v>1</v>
      </c>
      <c r="BL2356" s="13">
        <v>7.1428571428571425E-2</v>
      </c>
      <c r="BM2356" s="11">
        <v>0</v>
      </c>
      <c r="BN2356" s="13">
        <v>0</v>
      </c>
      <c r="BO2356" s="11">
        <v>1</v>
      </c>
      <c r="BP2356" s="13">
        <v>7.1428571428571425E-2</v>
      </c>
      <c r="BQ2356" s="6">
        <v>14</v>
      </c>
      <c r="BR2356" s="6">
        <v>14</v>
      </c>
      <c r="BS2356" s="6">
        <v>15</v>
      </c>
      <c r="BT2356" s="6">
        <v>14</v>
      </c>
      <c r="BU2356" s="6">
        <v>13</v>
      </c>
      <c r="BV2356" s="6">
        <v>13</v>
      </c>
      <c r="BW2356" s="6">
        <v>15</v>
      </c>
      <c r="BX2356" s="6">
        <v>16</v>
      </c>
      <c r="BY2356" s="6">
        <v>17</v>
      </c>
      <c r="BZ2356" s="6">
        <v>15</v>
      </c>
      <c r="CA2356" s="6">
        <v>17</v>
      </c>
      <c r="CB2356" s="6">
        <v>15</v>
      </c>
      <c r="CC2356" s="11">
        <v>15</v>
      </c>
      <c r="CD2356" s="11">
        <v>16</v>
      </c>
      <c r="CE2356" s="11">
        <v>-8</v>
      </c>
      <c r="CF2356" s="11">
        <v>11</v>
      </c>
      <c r="CG2356" s="11">
        <v>3</v>
      </c>
      <c r="CH2356" s="20">
        <v>0.46</v>
      </c>
      <c r="CI2356" s="20">
        <v>0.45</v>
      </c>
      <c r="CJ2356" s="20">
        <v>0.43</v>
      </c>
      <c r="CK2356" s="20">
        <v>0.45</v>
      </c>
      <c r="CL2356" s="20">
        <v>0.48</v>
      </c>
      <c r="CM2356" s="20">
        <v>0.52</v>
      </c>
      <c r="CN2356" s="20">
        <v>0.52</v>
      </c>
      <c r="CO2356" s="20">
        <v>0.55000000000000004</v>
      </c>
      <c r="CP2356" s="20">
        <v>0.52</v>
      </c>
      <c r="CQ2356" s="20">
        <v>0.54</v>
      </c>
      <c r="CR2356" s="20">
        <v>0.52</v>
      </c>
      <c r="CS2356" s="20">
        <v>0.52</v>
      </c>
      <c r="CT2356" s="20">
        <v>0.54</v>
      </c>
      <c r="CU2356" s="20">
        <v>0.56000000000000005</v>
      </c>
      <c r="CV2356" s="20">
        <v>0.54</v>
      </c>
      <c r="CW2356" s="20">
        <v>0.53</v>
      </c>
      <c r="CX2356" s="20">
        <v>0.52</v>
      </c>
      <c r="CY2356" s="6" t="s">
        <v>730</v>
      </c>
      <c r="CZ2356" s="6" t="s">
        <v>731</v>
      </c>
      <c r="DA2356" s="6" t="s">
        <v>87</v>
      </c>
      <c r="DB2356" s="6" t="s">
        <v>345</v>
      </c>
      <c r="DC2356" s="6"/>
      <c r="DD2356" s="6"/>
      <c r="DE2356" s="6"/>
      <c r="DF2356" s="6"/>
      <c r="DG2356" s="6"/>
      <c r="DH2356" s="6" t="s">
        <v>333</v>
      </c>
      <c r="DI2356" s="6"/>
      <c r="DJ2356" s="6"/>
      <c r="DK2356" s="6"/>
      <c r="DL2356" s="6">
        <v>4</v>
      </c>
      <c r="DM2356" s="6" t="s">
        <v>446</v>
      </c>
      <c r="DN2356" s="6">
        <v>6</v>
      </c>
      <c r="DO2356" s="6" t="s">
        <v>393</v>
      </c>
      <c r="DP2356" s="6"/>
      <c r="DQ2356" s="6"/>
    </row>
    <row r="2357" spans="1:121" x14ac:dyDescent="0.2">
      <c r="A2357" s="6" t="s">
        <v>316</v>
      </c>
      <c r="B2357" s="6" t="s">
        <v>316</v>
      </c>
      <c r="C2357" s="6" t="s">
        <v>185</v>
      </c>
      <c r="D2357" s="6" t="s">
        <v>87</v>
      </c>
      <c r="E2357" s="6" t="s">
        <v>228</v>
      </c>
      <c r="F2357" s="11">
        <v>10</v>
      </c>
      <c r="G2357" s="13">
        <v>0.45</v>
      </c>
      <c r="H2357" s="11">
        <v>8</v>
      </c>
      <c r="I2357" s="13">
        <v>0.3636363636363637</v>
      </c>
      <c r="J2357" s="11">
        <v>-4</v>
      </c>
      <c r="K2357" s="13">
        <v>-0.13333333333333333</v>
      </c>
      <c r="L2357" s="11">
        <v>6</v>
      </c>
      <c r="M2357" s="13">
        <v>0.23076923076923081</v>
      </c>
      <c r="N2357" s="11">
        <v>2</v>
      </c>
      <c r="O2357" s="13">
        <v>6.6666666666666666E-2</v>
      </c>
      <c r="P2357" s="7">
        <v>22</v>
      </c>
      <c r="Q2357" s="7">
        <v>18</v>
      </c>
      <c r="R2357" s="7">
        <v>21</v>
      </c>
      <c r="S2357" s="7">
        <v>27</v>
      </c>
      <c r="T2357" s="7">
        <v>25</v>
      </c>
      <c r="U2357" s="7">
        <v>30</v>
      </c>
      <c r="V2357" s="7">
        <v>30</v>
      </c>
      <c r="W2357" s="7">
        <v>33</v>
      </c>
      <c r="X2357" s="7">
        <v>26</v>
      </c>
      <c r="Y2357" s="7">
        <v>26</v>
      </c>
      <c r="Z2357" s="7">
        <v>24</v>
      </c>
      <c r="AA2357" s="7">
        <v>27</v>
      </c>
      <c r="AB2357" s="7">
        <v>36</v>
      </c>
      <c r="AC2357" s="7">
        <v>39</v>
      </c>
      <c r="AD2357" s="7">
        <v>36</v>
      </c>
      <c r="AE2357" s="7">
        <v>30</v>
      </c>
      <c r="AF2357" s="7">
        <v>32</v>
      </c>
      <c r="AG2357" s="9">
        <v>9570</v>
      </c>
      <c r="AH2357" s="13">
        <v>0.4486428203084713</v>
      </c>
      <c r="AI2357" s="9">
        <v>446</v>
      </c>
      <c r="AJ2357" s="13">
        <v>2.0908536871220289E-2</v>
      </c>
      <c r="AK2357" s="9">
        <v>3210</v>
      </c>
      <c r="AL2357" s="13">
        <v>0.14740322358451577</v>
      </c>
      <c r="AM2357" s="9">
        <v>5914</v>
      </c>
      <c r="AN2357" s="13">
        <v>0.23668307519910353</v>
      </c>
      <c r="AO2357" s="9">
        <v>9124</v>
      </c>
      <c r="AP2357" s="13">
        <v>0.4189741470358635</v>
      </c>
      <c r="AQ2357" s="9">
        <v>21331</v>
      </c>
      <c r="AR2357" s="9">
        <v>22666</v>
      </c>
      <c r="AS2357" s="9">
        <v>19927</v>
      </c>
      <c r="AT2357" s="9">
        <v>19240</v>
      </c>
      <c r="AU2357" s="9">
        <v>22268</v>
      </c>
      <c r="AV2357" s="9">
        <v>22061</v>
      </c>
      <c r="AW2357" s="9">
        <v>21777</v>
      </c>
      <c r="AX2357" s="9">
        <v>22084</v>
      </c>
      <c r="AY2357" s="9">
        <v>23174</v>
      </c>
      <c r="AZ2357" s="9">
        <v>24987</v>
      </c>
      <c r="BA2357" s="9">
        <v>25700</v>
      </c>
      <c r="BB2357" s="9">
        <v>27153</v>
      </c>
      <c r="BC2357" s="9">
        <v>32802</v>
      </c>
      <c r="BD2357" s="9">
        <v>29817</v>
      </c>
      <c r="BE2357" s="9">
        <v>32571</v>
      </c>
      <c r="BF2357" s="9">
        <v>30901</v>
      </c>
      <c r="BG2357" s="11">
        <v>2</v>
      </c>
      <c r="BH2357" s="13">
        <v>0.33333333333333331</v>
      </c>
      <c r="BI2357" s="6">
        <v>0</v>
      </c>
      <c r="BJ2357" s="13">
        <v>0</v>
      </c>
      <c r="BK2357" s="6">
        <v>0</v>
      </c>
      <c r="BL2357" s="13">
        <v>0</v>
      </c>
      <c r="BM2357" s="11">
        <v>2</v>
      </c>
      <c r="BN2357" s="13">
        <v>0.33333333333333331</v>
      </c>
      <c r="BO2357" s="11">
        <v>2</v>
      </c>
      <c r="BP2357" s="13">
        <v>0.33333333333333331</v>
      </c>
      <c r="BQ2357" s="6">
        <v>6</v>
      </c>
      <c r="BR2357" s="6">
        <v>5</v>
      </c>
      <c r="BS2357" s="6">
        <v>6</v>
      </c>
      <c r="BT2357" s="6">
        <v>6</v>
      </c>
      <c r="BU2357" s="6">
        <v>7</v>
      </c>
      <c r="BV2357" s="6">
        <v>6</v>
      </c>
      <c r="BW2357" s="6">
        <v>6</v>
      </c>
      <c r="BX2357" s="6">
        <v>5</v>
      </c>
      <c r="BY2357" s="6">
        <v>8</v>
      </c>
      <c r="BZ2357" s="6">
        <v>10</v>
      </c>
      <c r="CA2357" s="6">
        <v>10</v>
      </c>
      <c r="CB2357" s="6">
        <v>9</v>
      </c>
      <c r="CC2357" s="11">
        <v>8</v>
      </c>
      <c r="CD2357" s="11">
        <v>9</v>
      </c>
      <c r="CE2357" s="11">
        <v>-1</v>
      </c>
      <c r="CF2357" s="11">
        <v>2</v>
      </c>
      <c r="CG2357" s="11">
        <v>1</v>
      </c>
      <c r="CH2357" s="20">
        <v>0.24</v>
      </c>
      <c r="CI2357" s="20">
        <v>0.2</v>
      </c>
      <c r="CJ2357" s="20">
        <v>0.21</v>
      </c>
      <c r="CK2357" s="20">
        <v>0.27</v>
      </c>
      <c r="CL2357" s="20">
        <v>0.24</v>
      </c>
      <c r="CM2357" s="20">
        <v>0.28999999999999998</v>
      </c>
      <c r="CN2357" s="20">
        <v>0.28999999999999998</v>
      </c>
      <c r="CO2357" s="20">
        <v>0.32</v>
      </c>
      <c r="CP2357" s="20">
        <v>0.26</v>
      </c>
      <c r="CQ2357" s="20">
        <v>0.27</v>
      </c>
      <c r="CR2357" s="20">
        <v>0.24</v>
      </c>
      <c r="CS2357" s="20">
        <v>0.28000000000000003</v>
      </c>
      <c r="CT2357" s="20">
        <v>0.38</v>
      </c>
      <c r="CU2357" s="20">
        <v>0.41</v>
      </c>
      <c r="CV2357" s="20">
        <v>0.37</v>
      </c>
      <c r="CW2357" s="20">
        <v>0.32</v>
      </c>
      <c r="CX2357" s="20">
        <v>0.33</v>
      </c>
      <c r="CY2357" s="6" t="s">
        <v>730</v>
      </c>
      <c r="CZ2357" s="6" t="s">
        <v>731</v>
      </c>
      <c r="DA2357" s="6" t="s">
        <v>87</v>
      </c>
      <c r="DB2357" s="6" t="s">
        <v>345</v>
      </c>
      <c r="DC2357" s="6"/>
      <c r="DD2357" s="6"/>
      <c r="DE2357" s="6"/>
      <c r="DF2357" s="6"/>
      <c r="DG2357" s="6"/>
      <c r="DH2357" s="6" t="s">
        <v>333</v>
      </c>
      <c r="DI2357" s="6"/>
      <c r="DJ2357" s="6"/>
      <c r="DK2357" s="6"/>
      <c r="DL2357" s="6">
        <v>4</v>
      </c>
      <c r="DM2357" s="6" t="s">
        <v>446</v>
      </c>
      <c r="DN2357" s="6">
        <v>6</v>
      </c>
      <c r="DO2357" s="6" t="s">
        <v>393</v>
      </c>
      <c r="DP2357" s="6"/>
      <c r="DQ2357" s="6"/>
    </row>
    <row r="2358" spans="1:121" x14ac:dyDescent="0.2">
      <c r="A2358" s="6" t="s">
        <v>317</v>
      </c>
      <c r="B2358" s="6" t="s">
        <v>317</v>
      </c>
      <c r="C2358" s="6" t="s">
        <v>186</v>
      </c>
      <c r="D2358" s="6" t="s">
        <v>87</v>
      </c>
      <c r="E2358" s="6" t="s">
        <v>228</v>
      </c>
      <c r="F2358" s="11">
        <v>0</v>
      </c>
      <c r="G2358" s="13">
        <v>0</v>
      </c>
      <c r="H2358" s="11">
        <v>23</v>
      </c>
      <c r="I2358" s="13">
        <v>0.6216216216216216</v>
      </c>
      <c r="J2358" s="11">
        <v>-12</v>
      </c>
      <c r="K2358" s="13">
        <v>-0.2</v>
      </c>
      <c r="L2358" s="11">
        <v>-11</v>
      </c>
      <c r="M2358" s="13">
        <v>-0.22916666666666663</v>
      </c>
      <c r="N2358" s="11">
        <v>-23</v>
      </c>
      <c r="O2358" s="13">
        <v>-0.38333333333333336</v>
      </c>
      <c r="P2358" s="7">
        <v>37</v>
      </c>
      <c r="Q2358" s="7">
        <v>44</v>
      </c>
      <c r="R2358" s="7">
        <v>43</v>
      </c>
      <c r="S2358" s="7">
        <v>42</v>
      </c>
      <c r="T2358" s="7">
        <v>55</v>
      </c>
      <c r="U2358" s="7">
        <v>57</v>
      </c>
      <c r="V2358" s="7">
        <v>60</v>
      </c>
      <c r="W2358" s="7">
        <v>53</v>
      </c>
      <c r="X2358" s="7">
        <v>41</v>
      </c>
      <c r="Y2358" s="7">
        <v>48</v>
      </c>
      <c r="Z2358" s="7">
        <v>52</v>
      </c>
      <c r="AA2358" s="7">
        <v>69</v>
      </c>
      <c r="AB2358" s="7">
        <v>37</v>
      </c>
      <c r="AC2358" s="7">
        <v>40</v>
      </c>
      <c r="AD2358" s="7">
        <v>39</v>
      </c>
      <c r="AE2358" s="7">
        <v>37</v>
      </c>
      <c r="AF2358" s="7">
        <v>37</v>
      </c>
      <c r="AG2358" s="9">
        <v>6045</v>
      </c>
      <c r="AH2358" s="13">
        <v>0.21888691747836481</v>
      </c>
      <c r="AI2358" s="9">
        <v>657</v>
      </c>
      <c r="AJ2358" s="13">
        <v>2.3789694753231703E-2</v>
      </c>
      <c r="AK2358" s="9">
        <v>896</v>
      </c>
      <c r="AL2358" s="13">
        <v>3.1689891773360686E-2</v>
      </c>
      <c r="AM2358" s="9">
        <v>4492</v>
      </c>
      <c r="AN2358" s="13">
        <v>0.15399382927665409</v>
      </c>
      <c r="AO2358" s="9">
        <v>5388</v>
      </c>
      <c r="AP2358" s="13">
        <v>0.19056376883355733</v>
      </c>
      <c r="AQ2358" s="9">
        <v>27617</v>
      </c>
      <c r="AR2358" s="9">
        <v>26990</v>
      </c>
      <c r="AS2358" s="9">
        <v>28669</v>
      </c>
      <c r="AT2358" s="9">
        <v>29589</v>
      </c>
      <c r="AU2358" s="9">
        <v>27558</v>
      </c>
      <c r="AV2358" s="9">
        <v>27747</v>
      </c>
      <c r="AW2358" s="9">
        <v>28274</v>
      </c>
      <c r="AX2358" s="9">
        <v>28252</v>
      </c>
      <c r="AY2358" s="9">
        <v>30786</v>
      </c>
      <c r="AZ2358" s="9">
        <v>29170</v>
      </c>
      <c r="BA2358" s="9">
        <v>27803</v>
      </c>
      <c r="BB2358" s="9">
        <v>35659</v>
      </c>
      <c r="BC2358" s="9">
        <v>28764</v>
      </c>
      <c r="BD2358" s="9">
        <v>39075</v>
      </c>
      <c r="BE2358" s="9">
        <v>29790</v>
      </c>
      <c r="BF2358" s="9">
        <v>33662</v>
      </c>
      <c r="BG2358" s="11">
        <v>-2</v>
      </c>
      <c r="BH2358" s="13">
        <v>-0.13333333333333333</v>
      </c>
      <c r="BI2358" s="6">
        <v>2</v>
      </c>
      <c r="BJ2358" s="13">
        <v>0.13333333333333333</v>
      </c>
      <c r="BK2358" s="6">
        <v>-2</v>
      </c>
      <c r="BL2358" s="13">
        <v>-0.11764705882352941</v>
      </c>
      <c r="BM2358" s="11">
        <v>-2</v>
      </c>
      <c r="BN2358" s="13">
        <v>-0.13333333333333333</v>
      </c>
      <c r="BO2358" s="11">
        <v>-4</v>
      </c>
      <c r="BP2358" s="13">
        <v>-0.23529411764705882</v>
      </c>
      <c r="BQ2358" s="6">
        <v>15</v>
      </c>
      <c r="BR2358" s="6">
        <v>15</v>
      </c>
      <c r="BS2358" s="6">
        <v>14</v>
      </c>
      <c r="BT2358" s="6">
        <v>17</v>
      </c>
      <c r="BU2358" s="6">
        <v>16</v>
      </c>
      <c r="BV2358" s="6">
        <v>17</v>
      </c>
      <c r="BW2358" s="6">
        <v>15</v>
      </c>
      <c r="BX2358" s="6">
        <v>15</v>
      </c>
      <c r="BY2358" s="6">
        <v>15</v>
      </c>
      <c r="BZ2358" s="6">
        <v>16</v>
      </c>
      <c r="CA2358" s="6">
        <v>14</v>
      </c>
      <c r="CB2358" s="6">
        <v>13</v>
      </c>
      <c r="CC2358" s="11">
        <v>13</v>
      </c>
      <c r="CD2358" s="11">
        <v>-12</v>
      </c>
      <c r="CE2358" s="11">
        <v>7</v>
      </c>
      <c r="CF2358" s="11">
        <v>4</v>
      </c>
      <c r="CG2358" s="11">
        <v>11</v>
      </c>
      <c r="CH2358" s="20">
        <v>0.13</v>
      </c>
      <c r="CI2358" s="20">
        <v>0.15</v>
      </c>
      <c r="CJ2358" s="20">
        <v>0.14000000000000001</v>
      </c>
      <c r="CK2358" s="20">
        <v>0.14000000000000001</v>
      </c>
      <c r="CL2358" s="20">
        <v>0.17</v>
      </c>
      <c r="CM2358" s="20">
        <v>0.17</v>
      </c>
      <c r="CN2358" s="20">
        <v>0.18</v>
      </c>
      <c r="CO2358" s="20">
        <v>0.15</v>
      </c>
      <c r="CP2358" s="20">
        <v>0.12</v>
      </c>
      <c r="CQ2358" s="20">
        <v>0.14000000000000001</v>
      </c>
      <c r="CR2358" s="20">
        <v>0.14000000000000001</v>
      </c>
      <c r="CS2358" s="20">
        <v>0.19</v>
      </c>
      <c r="CT2358" s="20">
        <v>0.1</v>
      </c>
      <c r="CU2358" s="20">
        <v>0.11</v>
      </c>
      <c r="CV2358" s="20">
        <v>0.1</v>
      </c>
      <c r="CW2358" s="20">
        <v>0.1</v>
      </c>
      <c r="CX2358" s="20">
        <v>0.1</v>
      </c>
      <c r="CY2358" s="6" t="s">
        <v>730</v>
      </c>
      <c r="CZ2358" s="6" t="s">
        <v>731</v>
      </c>
      <c r="DA2358" s="6" t="s">
        <v>87</v>
      </c>
      <c r="DB2358" s="6" t="s">
        <v>345</v>
      </c>
      <c r="DC2358" s="6"/>
      <c r="DD2358" s="6"/>
      <c r="DE2358" s="6"/>
      <c r="DF2358" s="6"/>
      <c r="DG2358" s="6"/>
      <c r="DH2358" s="6" t="s">
        <v>333</v>
      </c>
      <c r="DI2358" s="6"/>
      <c r="DJ2358" s="6"/>
      <c r="DK2358" s="6"/>
      <c r="DL2358" s="6">
        <v>4</v>
      </c>
      <c r="DM2358" s="6" t="s">
        <v>446</v>
      </c>
      <c r="DN2358" s="6">
        <v>6</v>
      </c>
      <c r="DO2358" s="6" t="s">
        <v>393</v>
      </c>
      <c r="DP2358" s="6"/>
      <c r="DQ2358" s="6"/>
    </row>
    <row r="2359" spans="1:121" x14ac:dyDescent="0.2">
      <c r="A2359" s="6" t="s">
        <v>318</v>
      </c>
      <c r="B2359" s="6" t="s">
        <v>318</v>
      </c>
      <c r="C2359" s="6" t="s">
        <v>187</v>
      </c>
      <c r="D2359" s="6" t="s">
        <v>87</v>
      </c>
      <c r="E2359" s="6" t="s">
        <v>228</v>
      </c>
      <c r="F2359" s="11">
        <v>70</v>
      </c>
      <c r="G2359" s="13">
        <v>1</v>
      </c>
      <c r="H2359" s="11">
        <v>0</v>
      </c>
      <c r="I2359" s="13"/>
      <c r="J2359" s="11">
        <v>0</v>
      </c>
      <c r="K2359" s="13"/>
      <c r="L2359" s="11">
        <v>70.441527694399994</v>
      </c>
      <c r="M2359" s="13"/>
      <c r="N2359" s="11">
        <v>70.441527694399994</v>
      </c>
      <c r="O2359" s="13"/>
      <c r="P2359" s="7">
        <v>0</v>
      </c>
      <c r="Q2359" s="7">
        <v>0</v>
      </c>
      <c r="R2359" s="7">
        <v>0</v>
      </c>
      <c r="S2359" s="7">
        <v>0</v>
      </c>
      <c r="T2359" s="7">
        <v>0</v>
      </c>
      <c r="U2359" s="7">
        <v>0</v>
      </c>
      <c r="V2359" s="7">
        <v>0</v>
      </c>
      <c r="W2359" s="7">
        <v>0</v>
      </c>
      <c r="X2359" s="7">
        <v>0</v>
      </c>
      <c r="Y2359" s="7">
        <v>0</v>
      </c>
      <c r="Z2359" s="7">
        <v>0</v>
      </c>
      <c r="AA2359" s="7">
        <v>5</v>
      </c>
      <c r="AB2359" s="7">
        <v>57.310378</v>
      </c>
      <c r="AC2359" s="7">
        <v>54.072901999999999</v>
      </c>
      <c r="AD2359" s="7">
        <v>59.002422000000003</v>
      </c>
      <c r="AE2359" s="7">
        <v>61.255682749999998</v>
      </c>
      <c r="AF2359" s="7">
        <v>70.441527694399994</v>
      </c>
      <c r="AG2359" s="9">
        <v>57670.5161601</v>
      </c>
      <c r="AH2359" s="13"/>
      <c r="AI2359" s="9">
        <v>0</v>
      </c>
      <c r="AJ2359" s="13"/>
      <c r="AK2359" s="9">
        <v>0</v>
      </c>
      <c r="AL2359" s="13"/>
      <c r="AM2359" s="9">
        <v>57670.5161601</v>
      </c>
      <c r="AN2359" s="13"/>
      <c r="AO2359" s="9">
        <v>57670.5161601</v>
      </c>
      <c r="AP2359" s="13"/>
      <c r="AQ2359" s="9">
        <v>0</v>
      </c>
      <c r="AR2359" s="9">
        <v>0</v>
      </c>
      <c r="AS2359" s="9">
        <v>0</v>
      </c>
      <c r="AT2359" s="9">
        <v>0</v>
      </c>
      <c r="AU2359" s="9">
        <v>0</v>
      </c>
      <c r="AV2359" s="9">
        <v>0</v>
      </c>
      <c r="AW2359" s="9">
        <v>0</v>
      </c>
      <c r="AX2359" s="9">
        <v>0</v>
      </c>
      <c r="AY2359" s="9">
        <v>0</v>
      </c>
      <c r="AZ2359" s="9">
        <v>0</v>
      </c>
      <c r="BA2359" s="9">
        <v>0</v>
      </c>
      <c r="BB2359" s="9">
        <v>1</v>
      </c>
      <c r="BC2359" s="9">
        <v>51871.096870000001</v>
      </c>
      <c r="BD2359" s="9">
        <v>49071.605175700002</v>
      </c>
      <c r="BE2359" s="9">
        <v>57332.358816200001</v>
      </c>
      <c r="BF2359" s="9">
        <v>57670.5161601</v>
      </c>
      <c r="BG2359" s="11">
        <v>1</v>
      </c>
      <c r="BH2359" s="13" t="e">
        <v>#DIV/0!</v>
      </c>
      <c r="BI2359" s="6">
        <v>0</v>
      </c>
      <c r="BJ2359" s="13" t="e">
        <v>#DIV/0!</v>
      </c>
      <c r="BK2359" s="6">
        <v>0</v>
      </c>
      <c r="BL2359" s="13" t="e">
        <v>#DIV/0!</v>
      </c>
      <c r="BM2359" s="11">
        <v>1</v>
      </c>
      <c r="BN2359" s="13" t="e">
        <v>#DIV/0!</v>
      </c>
      <c r="BO2359" s="11">
        <v>1</v>
      </c>
      <c r="BP2359" s="13" t="e">
        <v>#DIV/0!</v>
      </c>
      <c r="BQ2359" s="6">
        <v>0</v>
      </c>
      <c r="BR2359" s="6">
        <v>0</v>
      </c>
      <c r="BS2359" s="6">
        <v>0</v>
      </c>
      <c r="BT2359" s="6">
        <v>0</v>
      </c>
      <c r="BU2359" s="6">
        <v>0</v>
      </c>
      <c r="BV2359" s="6">
        <v>0</v>
      </c>
      <c r="BW2359" s="6">
        <v>0</v>
      </c>
      <c r="BX2359" s="6">
        <v>0</v>
      </c>
      <c r="BY2359" s="6">
        <v>1</v>
      </c>
      <c r="BZ2359" s="6">
        <v>1</v>
      </c>
      <c r="CA2359" s="6">
        <v>1</v>
      </c>
      <c r="CB2359" s="6">
        <v>1</v>
      </c>
      <c r="CC2359" s="11">
        <v>1</v>
      </c>
      <c r="CD2359" s="11">
        <v>70.118099999999998</v>
      </c>
      <c r="CE2359" s="11">
        <v>0.21410799999999999</v>
      </c>
      <c r="CF2359" s="11">
        <v>0.10931200000000001</v>
      </c>
      <c r="CG2359" s="11">
        <v>0</v>
      </c>
      <c r="CH2359" s="20">
        <v>0</v>
      </c>
      <c r="CI2359" s="20">
        <v>0</v>
      </c>
      <c r="CJ2359" s="20">
        <v>0</v>
      </c>
      <c r="CK2359" s="20">
        <v>0</v>
      </c>
      <c r="CL2359" s="20">
        <v>0</v>
      </c>
      <c r="CM2359" s="20">
        <v>0</v>
      </c>
      <c r="CN2359" s="20">
        <v>0</v>
      </c>
      <c r="CO2359" s="20">
        <v>0</v>
      </c>
      <c r="CP2359" s="20">
        <v>0</v>
      </c>
      <c r="CQ2359" s="20">
        <v>0</v>
      </c>
      <c r="CR2359" s="20">
        <v>0</v>
      </c>
      <c r="CS2359" s="20">
        <v>6.0282500000000003E-2</v>
      </c>
      <c r="CT2359" s="20">
        <v>0.72245499999999996</v>
      </c>
      <c r="CU2359" s="20">
        <v>0.66737199999999997</v>
      </c>
      <c r="CV2359" s="20">
        <v>0.70853200000000005</v>
      </c>
      <c r="CW2359" s="20">
        <v>0.747112</v>
      </c>
      <c r="CX2359" s="20">
        <v>0.83115399999999995</v>
      </c>
      <c r="CY2359" s="6" t="s">
        <v>730</v>
      </c>
      <c r="CZ2359" s="6" t="s">
        <v>731</v>
      </c>
      <c r="DA2359" s="6" t="s">
        <v>87</v>
      </c>
      <c r="DB2359" s="6" t="s">
        <v>345</v>
      </c>
      <c r="DC2359" s="6"/>
      <c r="DD2359" s="6"/>
      <c r="DE2359" s="6"/>
      <c r="DF2359" s="6"/>
      <c r="DG2359" s="6"/>
      <c r="DH2359" s="6" t="s">
        <v>333</v>
      </c>
      <c r="DI2359" s="6"/>
      <c r="DJ2359" s="6"/>
      <c r="DK2359" s="6"/>
      <c r="DL2359" s="6">
        <v>4</v>
      </c>
      <c r="DM2359" s="6" t="s">
        <v>446</v>
      </c>
      <c r="DN2359" s="6">
        <v>6</v>
      </c>
      <c r="DO2359" s="6" t="s">
        <v>393</v>
      </c>
      <c r="DP2359" s="6"/>
      <c r="DQ2359" s="6"/>
    </row>
    <row r="2360" spans="1:121" x14ac:dyDescent="0.2">
      <c r="A2360" s="6" t="s">
        <v>319</v>
      </c>
      <c r="B2360" s="6" t="s">
        <v>319</v>
      </c>
      <c r="C2360" s="6" t="s">
        <v>188</v>
      </c>
      <c r="D2360" s="6" t="s">
        <v>87</v>
      </c>
      <c r="E2360" s="6" t="s">
        <v>228</v>
      </c>
      <c r="F2360" s="11">
        <v>57</v>
      </c>
      <c r="G2360" s="13">
        <v>0.70370370370400004</v>
      </c>
      <c r="H2360" s="11">
        <v>30.247094633800003</v>
      </c>
      <c r="I2360" s="13">
        <v>0.37334114953606706</v>
      </c>
      <c r="J2360" s="11">
        <v>20.450966502</v>
      </c>
      <c r="K2360" s="13">
        <v>0.18380511780463277</v>
      </c>
      <c r="L2360" s="11">
        <v>6.6470230980000053</v>
      </c>
      <c r="M2360" s="13">
        <v>5.0465053377861592E-2</v>
      </c>
      <c r="N2360" s="11">
        <v>27.097989600000005</v>
      </c>
      <c r="O2360" s="13">
        <v>0.24354590626362929</v>
      </c>
      <c r="P2360" s="7">
        <v>81.017307284200001</v>
      </c>
      <c r="Q2360" s="7">
        <v>82.094168152199998</v>
      </c>
      <c r="R2360" s="7">
        <v>81.999777070899995</v>
      </c>
      <c r="S2360" s="7">
        <v>84.3694646151</v>
      </c>
      <c r="T2360" s="7">
        <v>112.438254878</v>
      </c>
      <c r="U2360" s="7">
        <v>107.683660641</v>
      </c>
      <c r="V2360" s="7">
        <v>111.264401918</v>
      </c>
      <c r="W2360" s="7">
        <v>109.044847054</v>
      </c>
      <c r="X2360" s="7">
        <v>93.4203803077</v>
      </c>
      <c r="Y2360" s="7">
        <v>131.71536842</v>
      </c>
      <c r="Z2360" s="7">
        <v>160.27894892800001</v>
      </c>
      <c r="AA2360" s="7">
        <v>162.63710478600001</v>
      </c>
      <c r="AB2360" s="7">
        <v>168.49907440300001</v>
      </c>
      <c r="AC2360" s="7">
        <v>158.18008354</v>
      </c>
      <c r="AD2360" s="7">
        <v>163.570165702</v>
      </c>
      <c r="AE2360" s="7">
        <v>135.295316052</v>
      </c>
      <c r="AF2360" s="7">
        <v>138.36239151800001</v>
      </c>
      <c r="AG2360" s="9">
        <v>22713.748023100001</v>
      </c>
      <c r="AH2360" s="13">
        <v>0.99004420486677602</v>
      </c>
      <c r="AI2360" s="9">
        <v>-1003.9767683999999</v>
      </c>
      <c r="AJ2360" s="13">
        <v>-4.376122251441765E-2</v>
      </c>
      <c r="AK2360" s="9">
        <v>11888.888241600001</v>
      </c>
      <c r="AL2360" s="13">
        <v>0.54192685861058454</v>
      </c>
      <c r="AM2360" s="9">
        <v>11828.836549899999</v>
      </c>
      <c r="AN2360" s="13">
        <v>0.34968555170352694</v>
      </c>
      <c r="AO2360" s="9">
        <v>23717.724791500001</v>
      </c>
      <c r="AP2360" s="13">
        <v>1.0811164028503133</v>
      </c>
      <c r="AQ2360" s="9">
        <v>22942.155422399999</v>
      </c>
      <c r="AR2360" s="9">
        <v>21742.718996399999</v>
      </c>
      <c r="AS2360" s="9">
        <v>22167.402560999999</v>
      </c>
      <c r="AT2360" s="9">
        <v>24174.264770599999</v>
      </c>
      <c r="AU2360" s="9">
        <v>20183.1156032</v>
      </c>
      <c r="AV2360" s="9">
        <v>19371.821403999998</v>
      </c>
      <c r="AW2360" s="9">
        <v>21938.178653999999</v>
      </c>
      <c r="AX2360" s="9">
        <v>22008.840807600001</v>
      </c>
      <c r="AY2360" s="9">
        <v>23592.650331000001</v>
      </c>
      <c r="AZ2360" s="9">
        <v>33827.066895600001</v>
      </c>
      <c r="BA2360" s="9">
        <v>40009.688621000001</v>
      </c>
      <c r="BB2360" s="9">
        <v>42884.052515199997</v>
      </c>
      <c r="BC2360" s="9">
        <v>47302.183215500001</v>
      </c>
      <c r="BD2360" s="9">
        <v>45139.964781199997</v>
      </c>
      <c r="BE2360" s="9">
        <v>43135.431492999996</v>
      </c>
      <c r="BF2360" s="9">
        <v>45655.9034455</v>
      </c>
      <c r="BG2360" s="11">
        <v>2.25</v>
      </c>
      <c r="BH2360" s="13">
        <v>0.22500000000000001</v>
      </c>
      <c r="BI2360" s="6">
        <v>0</v>
      </c>
      <c r="BJ2360" s="13">
        <v>0</v>
      </c>
      <c r="BK2360" s="6">
        <v>0</v>
      </c>
      <c r="BL2360" s="13">
        <v>0</v>
      </c>
      <c r="BM2360" s="11">
        <v>2.25</v>
      </c>
      <c r="BN2360" s="13">
        <v>0.22500000000000001</v>
      </c>
      <c r="BO2360" s="11">
        <v>2.25</v>
      </c>
      <c r="BP2360" s="13">
        <v>0.22500000000000001</v>
      </c>
      <c r="BQ2360" s="6">
        <v>10</v>
      </c>
      <c r="BR2360" s="6">
        <v>11</v>
      </c>
      <c r="BS2360" s="6">
        <v>10</v>
      </c>
      <c r="BT2360" s="6">
        <v>10</v>
      </c>
      <c r="BU2360" s="6">
        <v>11</v>
      </c>
      <c r="BV2360" s="6">
        <v>10</v>
      </c>
      <c r="BW2360" s="6">
        <v>10</v>
      </c>
      <c r="BX2360" s="6">
        <v>10</v>
      </c>
      <c r="BY2360" s="6">
        <v>10</v>
      </c>
      <c r="BZ2360" s="6">
        <v>10</v>
      </c>
      <c r="CA2360" s="6">
        <v>8</v>
      </c>
      <c r="CB2360" s="6">
        <v>11</v>
      </c>
      <c r="CC2360" s="11">
        <v>12.25</v>
      </c>
      <c r="CD2360" s="11">
        <v>41.199599999999997</v>
      </c>
      <c r="CE2360" s="11">
        <v>7.2893299999999996</v>
      </c>
      <c r="CF2360" s="11">
        <v>8.8561700000000005</v>
      </c>
      <c r="CG2360" s="11">
        <v>16</v>
      </c>
      <c r="CH2360" s="20">
        <v>0.26558999999999999</v>
      </c>
      <c r="CI2360" s="20">
        <v>0.26098300000000002</v>
      </c>
      <c r="CJ2360" s="20">
        <v>0.25122</v>
      </c>
      <c r="CK2360" s="20">
        <v>0.25483499999999998</v>
      </c>
      <c r="CL2360" s="20">
        <v>0.321432</v>
      </c>
      <c r="CM2360" s="20">
        <v>0.309172</v>
      </c>
      <c r="CN2360" s="20">
        <v>0.31369799999999998</v>
      </c>
      <c r="CO2360" s="20">
        <v>0.31867699999999999</v>
      </c>
      <c r="CP2360" s="20">
        <v>0.28584500000000002</v>
      </c>
      <c r="CQ2360" s="20">
        <v>0.38664300000000001</v>
      </c>
      <c r="CR2360" s="20">
        <v>0.45166000000000001</v>
      </c>
      <c r="CS2360" s="20">
        <v>0.45232299999999998</v>
      </c>
      <c r="CT2360" s="20">
        <v>0.48256500000000002</v>
      </c>
      <c r="CU2360" s="20">
        <v>0.442965</v>
      </c>
      <c r="CV2360" s="20">
        <v>0.444467</v>
      </c>
      <c r="CW2360" s="20">
        <v>0.37171199999999999</v>
      </c>
      <c r="CX2360" s="20">
        <v>0.36727100000000001</v>
      </c>
      <c r="CY2360" s="6" t="s">
        <v>730</v>
      </c>
      <c r="CZ2360" s="6" t="s">
        <v>731</v>
      </c>
      <c r="DA2360" s="6" t="s">
        <v>87</v>
      </c>
      <c r="DB2360" s="6" t="s">
        <v>345</v>
      </c>
      <c r="DC2360" s="6"/>
      <c r="DD2360" s="6"/>
      <c r="DE2360" s="6"/>
      <c r="DF2360" s="6"/>
      <c r="DG2360" s="6"/>
      <c r="DH2360" s="6" t="s">
        <v>333</v>
      </c>
      <c r="DI2360" s="6"/>
      <c r="DJ2360" s="6"/>
      <c r="DK2360" s="6"/>
      <c r="DL2360" s="6">
        <v>4</v>
      </c>
      <c r="DM2360" s="6" t="s">
        <v>446</v>
      </c>
      <c r="DN2360" s="6">
        <v>6</v>
      </c>
      <c r="DO2360" s="6" t="s">
        <v>393</v>
      </c>
      <c r="DP2360" s="6"/>
      <c r="DQ2360" s="6"/>
    </row>
    <row r="2361" spans="1:121" x14ac:dyDescent="0.2">
      <c r="A2361" s="6" t="s">
        <v>320</v>
      </c>
      <c r="B2361" s="6" t="s">
        <v>320</v>
      </c>
      <c r="C2361" s="6" t="s">
        <v>189</v>
      </c>
      <c r="D2361" s="6" t="s">
        <v>87</v>
      </c>
      <c r="E2361" s="6" t="s">
        <v>228</v>
      </c>
      <c r="F2361" s="11">
        <v>1</v>
      </c>
      <c r="G2361" s="13">
        <v>1</v>
      </c>
      <c r="H2361" s="11">
        <v>5.5167755200999995</v>
      </c>
      <c r="I2361" s="13">
        <v>1.1033551040199998</v>
      </c>
      <c r="J2361" s="11">
        <v>-5.5167755200999995</v>
      </c>
      <c r="K2361" s="13">
        <v>-0.52456910481317787</v>
      </c>
      <c r="L2361" s="11">
        <v>15.830068767</v>
      </c>
      <c r="M2361" s="13">
        <v>3.1660137534000001</v>
      </c>
      <c r="N2361" s="11">
        <v>10.313293246900001</v>
      </c>
      <c r="O2361" s="13">
        <v>0.98065164813957506</v>
      </c>
      <c r="P2361" s="7">
        <v>5</v>
      </c>
      <c r="Q2361" s="7">
        <v>5</v>
      </c>
      <c r="R2361" s="7">
        <v>10.881822469899999</v>
      </c>
      <c r="S2361" s="7">
        <v>10.396043067300001</v>
      </c>
      <c r="T2361" s="7">
        <v>13.883211150099999</v>
      </c>
      <c r="U2361" s="7">
        <v>13.3366323399</v>
      </c>
      <c r="V2361" s="7">
        <v>10.516775520099999</v>
      </c>
      <c r="W2361" s="7">
        <v>5</v>
      </c>
      <c r="X2361" s="7">
        <v>5</v>
      </c>
      <c r="Y2361" s="7">
        <v>5</v>
      </c>
      <c r="Z2361" s="7">
        <v>5</v>
      </c>
      <c r="AA2361" s="7">
        <v>5</v>
      </c>
      <c r="AB2361" s="7">
        <v>23.193083677299999</v>
      </c>
      <c r="AC2361" s="7">
        <v>16.9691986154</v>
      </c>
      <c r="AD2361" s="7">
        <v>16.556044931199999</v>
      </c>
      <c r="AE2361" s="7">
        <v>18.1062126367</v>
      </c>
      <c r="AF2361" s="7">
        <v>20.830068767</v>
      </c>
      <c r="AG2361" s="9">
        <v>32990.202406700002</v>
      </c>
      <c r="AH2361" s="13">
        <v>32990.202406700002</v>
      </c>
      <c r="AI2361" s="9">
        <v>50669.964896099998</v>
      </c>
      <c r="AJ2361" s="13">
        <v>50669.964896099998</v>
      </c>
      <c r="AK2361" s="9">
        <v>-50669.964896099998</v>
      </c>
      <c r="AL2361" s="13">
        <v>-0.99998026483209757</v>
      </c>
      <c r="AM2361" s="9">
        <v>32990.202406700002</v>
      </c>
      <c r="AN2361" s="13">
        <v>32990.202406700002</v>
      </c>
      <c r="AO2361" s="9">
        <v>-17679.762489399996</v>
      </c>
      <c r="AP2361" s="13">
        <v>-0.34891308120246112</v>
      </c>
      <c r="AQ2361" s="9">
        <v>1</v>
      </c>
      <c r="AR2361" s="9">
        <v>1</v>
      </c>
      <c r="AS2361" s="9">
        <v>20469.1456454</v>
      </c>
      <c r="AT2361" s="9">
        <v>28633.2874949</v>
      </c>
      <c r="AU2361" s="9">
        <v>37860.299182100003</v>
      </c>
      <c r="AV2361" s="9">
        <v>44349.071685800001</v>
      </c>
      <c r="AW2361" s="9">
        <v>50670.964896099998</v>
      </c>
      <c r="AX2361" s="9">
        <v>1</v>
      </c>
      <c r="AY2361" s="9">
        <v>1</v>
      </c>
      <c r="AZ2361" s="9">
        <v>1</v>
      </c>
      <c r="BA2361" s="9">
        <v>1</v>
      </c>
      <c r="BB2361" s="9">
        <v>1</v>
      </c>
      <c r="BC2361" s="9">
        <v>30332.0520029</v>
      </c>
      <c r="BD2361" s="9">
        <v>38351.243072899997</v>
      </c>
      <c r="BE2361" s="9">
        <v>33153.800607700003</v>
      </c>
      <c r="BF2361" s="9">
        <v>32991.202406700002</v>
      </c>
      <c r="BG2361" s="11">
        <v>0</v>
      </c>
      <c r="BH2361" s="13">
        <v>0</v>
      </c>
      <c r="BI2361" s="6">
        <v>0</v>
      </c>
      <c r="BJ2361" s="13">
        <v>0</v>
      </c>
      <c r="BK2361" s="6">
        <v>-2</v>
      </c>
      <c r="BL2361" s="13">
        <v>-1</v>
      </c>
      <c r="BM2361" s="11">
        <v>2</v>
      </c>
      <c r="BN2361" s="13" t="e">
        <v>#DIV/0!</v>
      </c>
      <c r="BO2361" s="11">
        <v>0</v>
      </c>
      <c r="BP2361" s="13">
        <v>0</v>
      </c>
      <c r="BQ2361" s="6">
        <v>2</v>
      </c>
      <c r="BR2361" s="6">
        <v>3</v>
      </c>
      <c r="BS2361" s="6">
        <v>2</v>
      </c>
      <c r="BT2361" s="6">
        <v>2</v>
      </c>
      <c r="BU2361" s="6">
        <v>2</v>
      </c>
      <c r="BV2361" s="6">
        <v>0</v>
      </c>
      <c r="BW2361" s="6">
        <v>0</v>
      </c>
      <c r="BX2361" s="6">
        <v>0</v>
      </c>
      <c r="BY2361" s="6">
        <v>0</v>
      </c>
      <c r="BZ2361" s="6">
        <v>1</v>
      </c>
      <c r="CA2361" s="6">
        <v>2</v>
      </c>
      <c r="CB2361" s="6">
        <v>2</v>
      </c>
      <c r="CC2361" s="11">
        <v>2</v>
      </c>
      <c r="CD2361" s="11">
        <v>17.879899999999999</v>
      </c>
      <c r="CE2361" s="11">
        <v>0.72601199999999999</v>
      </c>
      <c r="CF2361" s="11">
        <v>0.219168</v>
      </c>
      <c r="CG2361" s="11">
        <v>1</v>
      </c>
      <c r="CH2361" s="20">
        <v>1.9700700000000002E-2</v>
      </c>
      <c r="CI2361" s="20">
        <v>5.0530199999999997E-2</v>
      </c>
      <c r="CJ2361" s="20">
        <v>9.2735600000000001E-2</v>
      </c>
      <c r="CK2361" s="20">
        <v>8.7013099999999996E-2</v>
      </c>
      <c r="CL2361" s="20">
        <v>0.112441</v>
      </c>
      <c r="CM2361" s="20">
        <v>0.109014</v>
      </c>
      <c r="CN2361" s="20">
        <v>8.30988E-2</v>
      </c>
      <c r="CO2361" s="20">
        <v>5.8721500000000003E-2</v>
      </c>
      <c r="CP2361" s="20">
        <v>2.0319400000000001E-2</v>
      </c>
      <c r="CQ2361" s="20">
        <v>3.2241499999999999E-2</v>
      </c>
      <c r="CR2361" s="20">
        <v>1.8868900000000001E-2</v>
      </c>
      <c r="CS2361" s="20">
        <v>1.9571000000000002E-2</v>
      </c>
      <c r="CT2361" s="20">
        <v>0.159002</v>
      </c>
      <c r="CU2361" s="20">
        <v>0.115117</v>
      </c>
      <c r="CV2361" s="20">
        <v>0.11015900000000001</v>
      </c>
      <c r="CW2361" s="20">
        <v>0.12196799999999999</v>
      </c>
      <c r="CX2361" s="20">
        <v>0.135077</v>
      </c>
      <c r="CY2361" s="6" t="s">
        <v>730</v>
      </c>
      <c r="CZ2361" s="6" t="s">
        <v>731</v>
      </c>
      <c r="DA2361" s="6" t="s">
        <v>87</v>
      </c>
      <c r="DB2361" s="6" t="s">
        <v>345</v>
      </c>
      <c r="DC2361" s="6"/>
      <c r="DD2361" s="6"/>
      <c r="DE2361" s="6"/>
      <c r="DF2361" s="6"/>
      <c r="DG2361" s="6"/>
      <c r="DH2361" s="6" t="s">
        <v>333</v>
      </c>
      <c r="DI2361" s="6"/>
      <c r="DJ2361" s="6"/>
      <c r="DK2361" s="6"/>
      <c r="DL2361" s="6">
        <v>4</v>
      </c>
      <c r="DM2361" s="6" t="s">
        <v>446</v>
      </c>
      <c r="DN2361" s="6">
        <v>6</v>
      </c>
      <c r="DO2361" s="6" t="s">
        <v>393</v>
      </c>
      <c r="DP2361" s="6"/>
      <c r="DQ2361" s="6"/>
    </row>
    <row r="2362" spans="1:121" x14ac:dyDescent="0.2">
      <c r="A2362" s="6" t="s">
        <v>321</v>
      </c>
      <c r="B2362" s="6" t="s">
        <v>321</v>
      </c>
      <c r="C2362" s="6" t="s">
        <v>190</v>
      </c>
      <c r="D2362" s="6" t="s">
        <v>87</v>
      </c>
      <c r="E2362" s="6" t="s">
        <v>228</v>
      </c>
      <c r="F2362" s="11">
        <v>649</v>
      </c>
      <c r="G2362" s="13">
        <v>1.53427895981</v>
      </c>
      <c r="H2362" s="11">
        <v>-2.9497933160000116</v>
      </c>
      <c r="I2362" s="13">
        <v>-6.9727383539026693E-3</v>
      </c>
      <c r="J2362" s="11">
        <v>25.424176715999977</v>
      </c>
      <c r="K2362" s="13">
        <v>6.0519803453280424E-2</v>
      </c>
      <c r="L2362" s="11">
        <v>626.56512215900011</v>
      </c>
      <c r="M2362" s="13">
        <v>1.4063649813589736</v>
      </c>
      <c r="N2362" s="11">
        <v>651.98929887500003</v>
      </c>
      <c r="O2362" s="13">
        <v>1.5519977170676753</v>
      </c>
      <c r="P2362" s="7">
        <v>423.04660899100003</v>
      </c>
      <c r="Q2362" s="7">
        <v>380.59093738600001</v>
      </c>
      <c r="R2362" s="7">
        <v>389.777986623</v>
      </c>
      <c r="S2362" s="7">
        <v>399.17292853700002</v>
      </c>
      <c r="T2362" s="7">
        <v>401.63705460099999</v>
      </c>
      <c r="U2362" s="7">
        <v>405.55293339899998</v>
      </c>
      <c r="V2362" s="7">
        <v>420.09681567500002</v>
      </c>
      <c r="W2362" s="7">
        <v>400.67327287000001</v>
      </c>
      <c r="X2362" s="7">
        <v>435.77349747300002</v>
      </c>
      <c r="Y2362" s="7">
        <v>445.52099239099999</v>
      </c>
      <c r="Z2362" s="7">
        <v>460.65557047499999</v>
      </c>
      <c r="AA2362" s="7">
        <v>496.98220755400001</v>
      </c>
      <c r="AB2362" s="7">
        <v>1094.24809299</v>
      </c>
      <c r="AC2362" s="7">
        <v>1047.59468395</v>
      </c>
      <c r="AD2362" s="7">
        <v>1014.3415649900001</v>
      </c>
      <c r="AE2362" s="7">
        <v>993.78748751700005</v>
      </c>
      <c r="AF2362" s="7">
        <v>1072.08611455</v>
      </c>
      <c r="AG2362" s="9">
        <v>-1693.5773377999976</v>
      </c>
      <c r="AH2362" s="13">
        <v>-8.5686843567034598E-2</v>
      </c>
      <c r="AI2362" s="9">
        <v>5196.3953228999999</v>
      </c>
      <c r="AJ2362" s="13">
        <v>0.26291253620824345</v>
      </c>
      <c r="AK2362" s="9">
        <v>278.8666344000012</v>
      </c>
      <c r="AL2362" s="13">
        <v>1.1172037697410712E-2</v>
      </c>
      <c r="AM2362" s="9">
        <v>-7168.8392950999987</v>
      </c>
      <c r="AN2362" s="13">
        <v>-0.2840270026075743</v>
      </c>
      <c r="AO2362" s="9">
        <v>-6889.9726606999975</v>
      </c>
      <c r="AP2362" s="13">
        <v>-0.27602812529037796</v>
      </c>
      <c r="AQ2362" s="9">
        <v>19764.730118399999</v>
      </c>
      <c r="AR2362" s="9">
        <v>20995.784968799999</v>
      </c>
      <c r="AS2362" s="9">
        <v>22068.793862400002</v>
      </c>
      <c r="AT2362" s="9">
        <v>23069.691588000002</v>
      </c>
      <c r="AU2362" s="9">
        <v>24459.862340299998</v>
      </c>
      <c r="AV2362" s="9">
        <v>24604.134524699999</v>
      </c>
      <c r="AW2362" s="9">
        <v>24961.125441299999</v>
      </c>
      <c r="AX2362" s="9">
        <v>27137.6169505</v>
      </c>
      <c r="AY2362" s="9">
        <v>27541.5988449</v>
      </c>
      <c r="AZ2362" s="9">
        <v>25239.9920757</v>
      </c>
      <c r="BA2362" s="9">
        <v>25671.1174078</v>
      </c>
      <c r="BB2362" s="9">
        <v>25977.0930377</v>
      </c>
      <c r="BC2362" s="9">
        <v>18111.425383000002</v>
      </c>
      <c r="BD2362" s="9">
        <v>17798.820729499999</v>
      </c>
      <c r="BE2362" s="9">
        <v>17900.891546800001</v>
      </c>
      <c r="BF2362" s="9">
        <v>18071.152780600001</v>
      </c>
      <c r="BG2362" s="11">
        <v>465.5</v>
      </c>
      <c r="BH2362" s="13">
        <v>15.016129032258064</v>
      </c>
      <c r="BI2362" s="6">
        <v>0</v>
      </c>
      <c r="BJ2362" s="13">
        <v>0</v>
      </c>
      <c r="BK2362" s="6">
        <v>-4</v>
      </c>
      <c r="BL2362" s="13">
        <v>-0.12903225806451613</v>
      </c>
      <c r="BM2362" s="11">
        <v>469.5</v>
      </c>
      <c r="BN2362" s="13">
        <v>17.388888888888889</v>
      </c>
      <c r="BO2362" s="11">
        <v>465.5</v>
      </c>
      <c r="BP2362" s="13">
        <v>15.016129032258064</v>
      </c>
      <c r="BQ2362" s="6">
        <v>31</v>
      </c>
      <c r="BR2362" s="6">
        <v>32</v>
      </c>
      <c r="BS2362" s="6">
        <v>32</v>
      </c>
      <c r="BT2362" s="6">
        <v>31</v>
      </c>
      <c r="BU2362" s="6">
        <v>28</v>
      </c>
      <c r="BV2362" s="6">
        <v>30</v>
      </c>
      <c r="BW2362" s="6">
        <v>27</v>
      </c>
      <c r="BX2362" s="6">
        <v>26</v>
      </c>
      <c r="BY2362" s="6">
        <v>30</v>
      </c>
      <c r="BZ2362" s="6">
        <v>582</v>
      </c>
      <c r="CA2362" s="6">
        <v>554</v>
      </c>
      <c r="CB2362" s="6">
        <v>515</v>
      </c>
      <c r="CC2362" s="11">
        <v>496.5</v>
      </c>
      <c r="CD2362" s="11">
        <v>448.73599999999999</v>
      </c>
      <c r="CE2362" s="11">
        <v>154.059</v>
      </c>
      <c r="CF2362" s="11">
        <v>46.244100000000003</v>
      </c>
      <c r="CG2362" s="11">
        <v>200</v>
      </c>
      <c r="CH2362" s="20">
        <v>0.84167700000000001</v>
      </c>
      <c r="CI2362" s="20">
        <v>0.70682699999999998</v>
      </c>
      <c r="CJ2362" s="20">
        <v>0.67630199999999996</v>
      </c>
      <c r="CK2362" s="20">
        <v>0.691276</v>
      </c>
      <c r="CL2362" s="20">
        <v>0.66576100000000005</v>
      </c>
      <c r="CM2362" s="20">
        <v>0.67632300000000001</v>
      </c>
      <c r="CN2362" s="20">
        <v>0.675728</v>
      </c>
      <c r="CO2362" s="20">
        <v>0.62298299999999995</v>
      </c>
      <c r="CP2362" s="20">
        <v>0.63285899999999995</v>
      </c>
      <c r="CQ2362" s="20">
        <v>0.62931700000000002</v>
      </c>
      <c r="CR2362" s="20">
        <v>0.64045799999999997</v>
      </c>
      <c r="CS2362" s="20">
        <v>0.67718699999999998</v>
      </c>
      <c r="CT2362" s="20">
        <v>1.54725</v>
      </c>
      <c r="CU2362" s="20">
        <v>1.46879</v>
      </c>
      <c r="CV2362" s="20">
        <v>1.3809800000000001</v>
      </c>
      <c r="CW2362" s="20">
        <v>1.36154</v>
      </c>
      <c r="CX2362" s="20">
        <v>1.4057200000000001</v>
      </c>
      <c r="CY2362" s="6" t="s">
        <v>730</v>
      </c>
      <c r="CZ2362" s="6" t="s">
        <v>731</v>
      </c>
      <c r="DA2362" s="6" t="s">
        <v>87</v>
      </c>
      <c r="DB2362" s="6" t="s">
        <v>345</v>
      </c>
      <c r="DC2362" s="6"/>
      <c r="DD2362" s="6"/>
      <c r="DE2362" s="6"/>
      <c r="DF2362" s="6"/>
      <c r="DG2362" s="6"/>
      <c r="DH2362" s="6" t="s">
        <v>333</v>
      </c>
      <c r="DI2362" s="6"/>
      <c r="DJ2362" s="6"/>
      <c r="DK2362" s="6"/>
      <c r="DL2362" s="6">
        <v>4</v>
      </c>
      <c r="DM2362" s="6" t="s">
        <v>446</v>
      </c>
      <c r="DN2362" s="6">
        <v>6</v>
      </c>
      <c r="DO2362" s="6" t="s">
        <v>393</v>
      </c>
      <c r="DP2362" s="6"/>
      <c r="DQ2362" s="6"/>
    </row>
    <row r="2363" spans="1:121" x14ac:dyDescent="0.2">
      <c r="A2363" s="6" t="s">
        <v>322</v>
      </c>
      <c r="B2363" s="6" t="s">
        <v>322</v>
      </c>
      <c r="C2363" s="6" t="s">
        <v>191</v>
      </c>
      <c r="D2363" s="6" t="s">
        <v>87</v>
      </c>
      <c r="E2363" s="6" t="s">
        <v>228</v>
      </c>
      <c r="F2363" s="11">
        <v>5</v>
      </c>
      <c r="G2363" s="13">
        <v>0.33</v>
      </c>
      <c r="H2363" s="11">
        <v>12</v>
      </c>
      <c r="I2363" s="13">
        <v>0.8</v>
      </c>
      <c r="J2363" s="11">
        <v>-9</v>
      </c>
      <c r="K2363" s="13">
        <v>-0.33333333333333331</v>
      </c>
      <c r="L2363" s="11">
        <v>2</v>
      </c>
      <c r="M2363" s="13">
        <v>0.1111111111111111</v>
      </c>
      <c r="N2363" s="11">
        <v>-7</v>
      </c>
      <c r="O2363" s="13">
        <v>-0.25925925925925924</v>
      </c>
      <c r="P2363" s="7">
        <v>15</v>
      </c>
      <c r="Q2363" s="7">
        <v>23</v>
      </c>
      <c r="R2363" s="7">
        <v>18</v>
      </c>
      <c r="S2363" s="7">
        <v>17</v>
      </c>
      <c r="T2363" s="7">
        <v>26</v>
      </c>
      <c r="U2363" s="7">
        <v>30</v>
      </c>
      <c r="V2363" s="7">
        <v>27</v>
      </c>
      <c r="W2363" s="7">
        <v>21</v>
      </c>
      <c r="X2363" s="7">
        <v>27</v>
      </c>
      <c r="Y2363" s="7">
        <v>18</v>
      </c>
      <c r="Z2363" s="7">
        <v>17</v>
      </c>
      <c r="AA2363" s="7">
        <v>21</v>
      </c>
      <c r="AB2363" s="7">
        <v>18</v>
      </c>
      <c r="AC2363" s="7">
        <v>20</v>
      </c>
      <c r="AD2363" s="7">
        <v>20</v>
      </c>
      <c r="AE2363" s="7">
        <v>20</v>
      </c>
      <c r="AF2363" s="7">
        <v>20</v>
      </c>
      <c r="AG2363" s="9">
        <v>610</v>
      </c>
      <c r="AH2363" s="13">
        <v>4.0653115628123959E-2</v>
      </c>
      <c r="AI2363" s="9">
        <v>2899</v>
      </c>
      <c r="AJ2363" s="13">
        <v>0.19320226591136289</v>
      </c>
      <c r="AK2363" s="9">
        <v>-3986</v>
      </c>
      <c r="AL2363" s="13">
        <v>-0.22263181411974975</v>
      </c>
      <c r="AM2363" s="9">
        <v>1697</v>
      </c>
      <c r="AN2363" s="13">
        <v>0.12192843799396463</v>
      </c>
      <c r="AO2363" s="9">
        <v>-2289</v>
      </c>
      <c r="AP2363" s="13">
        <v>-0.12784852546916889</v>
      </c>
      <c r="AQ2363" s="9">
        <v>15005</v>
      </c>
      <c r="AR2363" s="9">
        <v>17388</v>
      </c>
      <c r="AS2363" s="9">
        <v>12293</v>
      </c>
      <c r="AT2363" s="9">
        <v>24389</v>
      </c>
      <c r="AU2363" s="9">
        <v>19240</v>
      </c>
      <c r="AV2363" s="9">
        <v>16647</v>
      </c>
      <c r="AW2363" s="9">
        <v>17904</v>
      </c>
      <c r="AX2363" s="9">
        <v>21223</v>
      </c>
      <c r="AY2363" s="9">
        <v>16570</v>
      </c>
      <c r="AZ2363" s="9">
        <v>13918</v>
      </c>
      <c r="BA2363" s="9">
        <v>12760</v>
      </c>
      <c r="BB2363" s="9">
        <v>11886</v>
      </c>
      <c r="BC2363" s="9">
        <v>14269</v>
      </c>
      <c r="BD2363" s="9">
        <v>15337</v>
      </c>
      <c r="BE2363" s="9">
        <v>15603</v>
      </c>
      <c r="BF2363" s="9">
        <v>15615</v>
      </c>
      <c r="BG2363" s="11">
        <v>2</v>
      </c>
      <c r="BH2363" s="13">
        <v>1</v>
      </c>
      <c r="BI2363" s="6">
        <v>2</v>
      </c>
      <c r="BJ2363" s="13">
        <v>1</v>
      </c>
      <c r="BK2363" s="6">
        <v>-1</v>
      </c>
      <c r="BL2363" s="13">
        <v>-0.25</v>
      </c>
      <c r="BM2363" s="11">
        <v>1</v>
      </c>
      <c r="BN2363" s="13">
        <v>0.33333333333333331</v>
      </c>
      <c r="BO2363" s="11">
        <v>0</v>
      </c>
      <c r="BP2363" s="13">
        <v>0</v>
      </c>
      <c r="BQ2363" s="6">
        <v>2</v>
      </c>
      <c r="BR2363" s="6">
        <v>5</v>
      </c>
      <c r="BS2363" s="6">
        <v>4</v>
      </c>
      <c r="BT2363" s="6">
        <v>4</v>
      </c>
      <c r="BU2363" s="6">
        <v>4</v>
      </c>
      <c r="BV2363" s="6">
        <v>2</v>
      </c>
      <c r="BW2363" s="6">
        <v>3</v>
      </c>
      <c r="BX2363" s="6">
        <v>3</v>
      </c>
      <c r="BY2363" s="6">
        <v>4</v>
      </c>
      <c r="BZ2363" s="6">
        <v>4</v>
      </c>
      <c r="CA2363" s="6">
        <v>4</v>
      </c>
      <c r="CB2363" s="6">
        <v>4</v>
      </c>
      <c r="CC2363" s="11">
        <v>4</v>
      </c>
      <c r="CD2363" s="11">
        <v>1</v>
      </c>
      <c r="CE2363" s="11">
        <v>3</v>
      </c>
      <c r="CF2363" s="11">
        <v>2</v>
      </c>
      <c r="CG2363" s="11">
        <v>5</v>
      </c>
      <c r="CH2363" s="20">
        <v>0.2</v>
      </c>
      <c r="CI2363" s="20">
        <v>0.28000000000000003</v>
      </c>
      <c r="CJ2363" s="20">
        <v>0.21</v>
      </c>
      <c r="CK2363" s="20">
        <v>0.2</v>
      </c>
      <c r="CL2363" s="20">
        <v>0.28999999999999998</v>
      </c>
      <c r="CM2363" s="20">
        <v>0.35</v>
      </c>
      <c r="CN2363" s="20">
        <v>0.3</v>
      </c>
      <c r="CO2363" s="20">
        <v>0.23</v>
      </c>
      <c r="CP2363" s="20">
        <v>0.28999999999999998</v>
      </c>
      <c r="CQ2363" s="20">
        <v>0.18</v>
      </c>
      <c r="CR2363" s="20">
        <v>0.18</v>
      </c>
      <c r="CS2363" s="20">
        <v>0.21</v>
      </c>
      <c r="CT2363" s="20">
        <v>0.19</v>
      </c>
      <c r="CU2363" s="20">
        <v>0.21</v>
      </c>
      <c r="CV2363" s="20">
        <v>0.2</v>
      </c>
      <c r="CW2363" s="20">
        <v>0.2</v>
      </c>
      <c r="CX2363" s="20">
        <v>0.2</v>
      </c>
      <c r="CY2363" s="6" t="s">
        <v>730</v>
      </c>
      <c r="CZ2363" s="6" t="s">
        <v>731</v>
      </c>
      <c r="DA2363" s="6" t="s">
        <v>87</v>
      </c>
      <c r="DB2363" s="6" t="s">
        <v>345</v>
      </c>
      <c r="DC2363" s="6"/>
      <c r="DD2363" s="6"/>
      <c r="DE2363" s="6"/>
      <c r="DF2363" s="6"/>
      <c r="DG2363" s="6"/>
      <c r="DH2363" s="6" t="s">
        <v>333</v>
      </c>
      <c r="DI2363" s="6"/>
      <c r="DJ2363" s="6"/>
      <c r="DK2363" s="6"/>
      <c r="DL2363" s="6">
        <v>4</v>
      </c>
      <c r="DM2363" s="6" t="s">
        <v>446</v>
      </c>
      <c r="DN2363" s="6">
        <v>6</v>
      </c>
      <c r="DO2363" s="6" t="s">
        <v>393</v>
      </c>
      <c r="DP2363" s="6"/>
      <c r="DQ2363" s="6"/>
    </row>
    <row r="2364" spans="1:121" x14ac:dyDescent="0.2">
      <c r="A2364" s="6" t="s">
        <v>323</v>
      </c>
      <c r="B2364" s="6" t="s">
        <v>323</v>
      </c>
      <c r="C2364" s="6" t="s">
        <v>192</v>
      </c>
      <c r="D2364" s="6" t="s">
        <v>87</v>
      </c>
      <c r="E2364" s="6" t="s">
        <v>228</v>
      </c>
      <c r="F2364" s="11">
        <v>68</v>
      </c>
      <c r="G2364" s="13">
        <v>0.29955947136599997</v>
      </c>
      <c r="H2364" s="11">
        <v>61.893051297999989</v>
      </c>
      <c r="I2364" s="13">
        <v>0.27241464483628919</v>
      </c>
      <c r="J2364" s="11">
        <v>-39.459082071999973</v>
      </c>
      <c r="K2364" s="13">
        <v>-0.13649189918409485</v>
      </c>
      <c r="L2364" s="11">
        <v>44.937537221999975</v>
      </c>
      <c r="M2364" s="13">
        <v>0.18001253583564095</v>
      </c>
      <c r="N2364" s="11">
        <v>5.478455150000002</v>
      </c>
      <c r="O2364" s="13">
        <v>1.8950383758394543E-2</v>
      </c>
      <c r="P2364" s="7">
        <v>227.201629836</v>
      </c>
      <c r="Q2364" s="7">
        <v>221.38062685</v>
      </c>
      <c r="R2364" s="7">
        <v>238.20268749100001</v>
      </c>
      <c r="S2364" s="7">
        <v>257.24641741699998</v>
      </c>
      <c r="T2364" s="7">
        <v>241.722855383</v>
      </c>
      <c r="U2364" s="7">
        <v>278.02562715400001</v>
      </c>
      <c r="V2364" s="7">
        <v>289.09468113399998</v>
      </c>
      <c r="W2364" s="7">
        <v>271.883619259</v>
      </c>
      <c r="X2364" s="7">
        <v>246.991382722</v>
      </c>
      <c r="Y2364" s="7">
        <v>249.63559906200001</v>
      </c>
      <c r="Z2364" s="7">
        <v>246.83624592999999</v>
      </c>
      <c r="AA2364" s="7">
        <v>238.51373571400001</v>
      </c>
      <c r="AB2364" s="7">
        <v>244.196245398</v>
      </c>
      <c r="AC2364" s="7">
        <v>269.81659557799998</v>
      </c>
      <c r="AD2364" s="7">
        <v>280.39138148000001</v>
      </c>
      <c r="AE2364" s="7">
        <v>286.607685436</v>
      </c>
      <c r="AF2364" s="7">
        <v>294.57313628399999</v>
      </c>
      <c r="AG2364" s="9">
        <v>3601.42928622</v>
      </c>
      <c r="AH2364" s="13">
        <v>0.38127493977971055</v>
      </c>
      <c r="AI2364" s="9">
        <v>655.57517671999994</v>
      </c>
      <c r="AJ2364" s="13">
        <v>6.9404218758752592E-2</v>
      </c>
      <c r="AK2364" s="9">
        <v>1865.2829139999994</v>
      </c>
      <c r="AL2364" s="13">
        <v>0.18465717550620425</v>
      </c>
      <c r="AM2364" s="9">
        <v>1080.5711955000006</v>
      </c>
      <c r="AN2364" s="13">
        <v>9.0298840441798547E-2</v>
      </c>
      <c r="AO2364" s="9">
        <v>2945.8541095</v>
      </c>
      <c r="AP2364" s="13">
        <v>0.29163034477547073</v>
      </c>
      <c r="AQ2364" s="9">
        <v>9445.7539965800006</v>
      </c>
      <c r="AR2364" s="9">
        <v>9365.0408447299997</v>
      </c>
      <c r="AS2364" s="9">
        <v>9570.2528345899991</v>
      </c>
      <c r="AT2364" s="9">
        <v>9969.6139080400008</v>
      </c>
      <c r="AU2364" s="9">
        <v>10880.647037299999</v>
      </c>
      <c r="AV2364" s="9">
        <v>10248.925361</v>
      </c>
      <c r="AW2364" s="9">
        <v>10101.329173300001</v>
      </c>
      <c r="AX2364" s="9">
        <v>10472.3662776</v>
      </c>
      <c r="AY2364" s="9">
        <v>10928.0506265</v>
      </c>
      <c r="AZ2364" s="9">
        <v>11966.6120873</v>
      </c>
      <c r="BA2364" s="9">
        <v>11918.811673599999</v>
      </c>
      <c r="BB2364" s="9">
        <v>13306.538915700001</v>
      </c>
      <c r="BC2364" s="9">
        <v>13048.365694599999</v>
      </c>
      <c r="BD2364" s="9">
        <v>12639.2035836</v>
      </c>
      <c r="BE2364" s="9">
        <v>12883.120577899999</v>
      </c>
      <c r="BF2364" s="9">
        <v>13047.183282800001</v>
      </c>
      <c r="BG2364" s="11">
        <v>-1.25</v>
      </c>
      <c r="BH2364" s="13">
        <v>-6.9444444444444448E-2</v>
      </c>
      <c r="BI2364" s="6">
        <v>-1</v>
      </c>
      <c r="BJ2364" s="13">
        <v>-5.5555555555555552E-2</v>
      </c>
      <c r="BK2364" s="6">
        <v>-2</v>
      </c>
      <c r="BL2364" s="13">
        <v>-0.11764705882352941</v>
      </c>
      <c r="BM2364" s="11">
        <v>1.75</v>
      </c>
      <c r="BN2364" s="13">
        <v>0.11666666666666667</v>
      </c>
      <c r="BO2364" s="11">
        <v>-0.25</v>
      </c>
      <c r="BP2364" s="13">
        <v>-1.4705882352941176E-2</v>
      </c>
      <c r="BQ2364" s="6">
        <v>18</v>
      </c>
      <c r="BR2364" s="6">
        <v>17</v>
      </c>
      <c r="BS2364" s="6">
        <v>16</v>
      </c>
      <c r="BT2364" s="6">
        <v>17</v>
      </c>
      <c r="BU2364" s="6">
        <v>16</v>
      </c>
      <c r="BV2364" s="6">
        <v>14</v>
      </c>
      <c r="BW2364" s="6">
        <v>15</v>
      </c>
      <c r="BX2364" s="6">
        <v>15</v>
      </c>
      <c r="BY2364" s="6">
        <v>16</v>
      </c>
      <c r="BZ2364" s="6">
        <v>17</v>
      </c>
      <c r="CA2364" s="6">
        <v>17</v>
      </c>
      <c r="CB2364" s="6">
        <v>17</v>
      </c>
      <c r="CC2364" s="11">
        <v>16.75</v>
      </c>
      <c r="CD2364" s="11">
        <v>-9.1312899999999999</v>
      </c>
      <c r="CE2364" s="11">
        <v>51.666899999999998</v>
      </c>
      <c r="CF2364" s="11">
        <v>24.835899999999999</v>
      </c>
      <c r="CG2364" s="11">
        <v>77</v>
      </c>
      <c r="CH2364" s="20">
        <v>0.60910600000000004</v>
      </c>
      <c r="CI2364" s="20">
        <v>0.56810000000000005</v>
      </c>
      <c r="CJ2364" s="20">
        <v>0.57807600000000003</v>
      </c>
      <c r="CK2364" s="20">
        <v>0.61984099999999998</v>
      </c>
      <c r="CL2364" s="20">
        <v>0.55707799999999996</v>
      </c>
      <c r="CM2364" s="20">
        <v>0.647173</v>
      </c>
      <c r="CN2364" s="20">
        <v>0.65270899999999998</v>
      </c>
      <c r="CO2364" s="20">
        <v>0.606958</v>
      </c>
      <c r="CP2364" s="20">
        <v>0.54054199999999997</v>
      </c>
      <c r="CQ2364" s="20">
        <v>0.53833799999999998</v>
      </c>
      <c r="CR2364" s="20">
        <v>0.51819000000000004</v>
      </c>
      <c r="CS2364" s="20">
        <v>0.49377700000000002</v>
      </c>
      <c r="CT2364" s="20">
        <v>0.51900800000000002</v>
      </c>
      <c r="CU2364" s="20">
        <v>0.56263700000000005</v>
      </c>
      <c r="CV2364" s="20">
        <v>0.56231600000000004</v>
      </c>
      <c r="CW2364" s="20">
        <v>0.57705399999999996</v>
      </c>
      <c r="CX2364" s="20">
        <v>0.57370900000000002</v>
      </c>
      <c r="CY2364" s="6" t="s">
        <v>730</v>
      </c>
      <c r="CZ2364" s="6" t="s">
        <v>731</v>
      </c>
      <c r="DA2364" s="6" t="s">
        <v>87</v>
      </c>
      <c r="DB2364" s="6" t="s">
        <v>345</v>
      </c>
      <c r="DC2364" s="6"/>
      <c r="DD2364" s="6"/>
      <c r="DE2364" s="6"/>
      <c r="DF2364" s="6"/>
      <c r="DG2364" s="6"/>
      <c r="DH2364" s="6" t="s">
        <v>333</v>
      </c>
      <c r="DI2364" s="6"/>
      <c r="DJ2364" s="6"/>
      <c r="DK2364" s="6"/>
      <c r="DL2364" s="6">
        <v>4</v>
      </c>
      <c r="DM2364" s="6" t="s">
        <v>446</v>
      </c>
      <c r="DN2364" s="6">
        <v>6</v>
      </c>
      <c r="DO2364" s="6" t="s">
        <v>393</v>
      </c>
      <c r="DP2364" s="6"/>
      <c r="DQ2364" s="6"/>
    </row>
    <row r="2365" spans="1:121" x14ac:dyDescent="0.2">
      <c r="A2365" s="6" t="s">
        <v>325</v>
      </c>
      <c r="B2365" s="6" t="s">
        <v>325</v>
      </c>
      <c r="C2365" s="6" t="s">
        <v>193</v>
      </c>
      <c r="D2365" s="6" t="s">
        <v>87</v>
      </c>
      <c r="E2365" s="6" t="s">
        <v>228</v>
      </c>
      <c r="F2365" s="11">
        <v>-172</v>
      </c>
      <c r="G2365" s="13">
        <v>-0.28013029315999999</v>
      </c>
      <c r="H2365" s="11">
        <v>391.187621079</v>
      </c>
      <c r="I2365" s="13">
        <v>0.63750262757191922</v>
      </c>
      <c r="J2365" s="11">
        <v>246.64024219999999</v>
      </c>
      <c r="K2365" s="13">
        <v>0.24545891402849351</v>
      </c>
      <c r="L2365" s="11">
        <v>-809.54087872399987</v>
      </c>
      <c r="M2365" s="13">
        <v>-0.64688078168583385</v>
      </c>
      <c r="N2365" s="11">
        <v>-562.90063652399999</v>
      </c>
      <c r="O2365" s="13">
        <v>-0.56020452183584823</v>
      </c>
      <c r="P2365" s="7">
        <v>613.62511174099996</v>
      </c>
      <c r="Q2365" s="7">
        <v>885.024229569</v>
      </c>
      <c r="R2365" s="7">
        <v>941.44853691200001</v>
      </c>
      <c r="S2365" s="7">
        <v>1015.31889969</v>
      </c>
      <c r="T2365" s="7">
        <v>1074.8524759899999</v>
      </c>
      <c r="U2365" s="7">
        <v>936.62967169299998</v>
      </c>
      <c r="V2365" s="7">
        <v>1004.81273282</v>
      </c>
      <c r="W2365" s="7">
        <v>1131.90633736</v>
      </c>
      <c r="X2365" s="7">
        <v>1209.65465101</v>
      </c>
      <c r="Y2365" s="7">
        <v>1251.4529750199999</v>
      </c>
      <c r="Z2365" s="7">
        <v>1273.90896524</v>
      </c>
      <c r="AA2365" s="7">
        <v>1280.9015780899999</v>
      </c>
      <c r="AB2365" s="7">
        <v>422.526172202</v>
      </c>
      <c r="AC2365" s="7">
        <v>426.38183163000002</v>
      </c>
      <c r="AD2365" s="7">
        <v>452.30053321100002</v>
      </c>
      <c r="AE2365" s="7">
        <v>451.88730642500002</v>
      </c>
      <c r="AF2365" s="7">
        <v>441.91209629600002</v>
      </c>
      <c r="AG2365" s="9">
        <v>4107.297781299998</v>
      </c>
      <c r="AH2365" s="13">
        <v>0.27864063001432865</v>
      </c>
      <c r="AI2365" s="9">
        <v>-2990.0196465999998</v>
      </c>
      <c r="AJ2365" s="13">
        <v>-0.20284406012075107</v>
      </c>
      <c r="AK2365" s="9">
        <v>-1046.6299477000011</v>
      </c>
      <c r="AL2365" s="13">
        <v>-8.9071368222529118E-2</v>
      </c>
      <c r="AM2365" s="9">
        <v>8143.9473755999988</v>
      </c>
      <c r="AN2365" s="13">
        <v>0.76084391604897916</v>
      </c>
      <c r="AO2365" s="9">
        <v>7097.3174278999977</v>
      </c>
      <c r="AP2365" s="13">
        <v>0.60400313922018045</v>
      </c>
      <c r="AQ2365" s="9">
        <v>14740.484117800001</v>
      </c>
      <c r="AR2365" s="9">
        <v>12971.3186859</v>
      </c>
      <c r="AS2365" s="9">
        <v>11849.7883669</v>
      </c>
      <c r="AT2365" s="9">
        <v>11548.9215688</v>
      </c>
      <c r="AU2365" s="9">
        <v>11191.339496099999</v>
      </c>
      <c r="AV2365" s="9">
        <v>12386.3521716</v>
      </c>
      <c r="AW2365" s="9">
        <v>11750.464471200001</v>
      </c>
      <c r="AX2365" s="9">
        <v>11468.736706</v>
      </c>
      <c r="AY2365" s="9">
        <v>11201.749508999999</v>
      </c>
      <c r="AZ2365" s="9">
        <v>10703.8345235</v>
      </c>
      <c r="BA2365" s="9">
        <v>10726.1454796</v>
      </c>
      <c r="BB2365" s="9">
        <v>11852.0910733</v>
      </c>
      <c r="BC2365" s="9">
        <v>16186.2069455</v>
      </c>
      <c r="BD2365" s="9">
        <v>16626.929122000001</v>
      </c>
      <c r="BE2365" s="9">
        <v>17559.448260699999</v>
      </c>
      <c r="BF2365" s="9">
        <v>18847.781899099999</v>
      </c>
      <c r="BG2365" s="11">
        <v>-292.5</v>
      </c>
      <c r="BH2365" s="13">
        <v>-0.9</v>
      </c>
      <c r="BI2365" s="6">
        <v>5</v>
      </c>
      <c r="BJ2365" s="13">
        <v>1.5384615384615385E-2</v>
      </c>
      <c r="BK2365" s="6">
        <v>209</v>
      </c>
      <c r="BL2365" s="13">
        <v>0.6333333333333333</v>
      </c>
      <c r="BM2365" s="11">
        <v>-506.5</v>
      </c>
      <c r="BN2365" s="13">
        <v>-0.93970315398886828</v>
      </c>
      <c r="BO2365" s="11">
        <v>-297.5</v>
      </c>
      <c r="BP2365" s="13">
        <v>-0.90151515151515149</v>
      </c>
      <c r="BQ2365" s="6">
        <v>325</v>
      </c>
      <c r="BR2365" s="6">
        <v>325</v>
      </c>
      <c r="BS2365" s="6">
        <v>286</v>
      </c>
      <c r="BT2365" s="6">
        <v>330</v>
      </c>
      <c r="BU2365" s="6">
        <v>418</v>
      </c>
      <c r="BV2365" s="6">
        <v>496</v>
      </c>
      <c r="BW2365" s="6">
        <v>539</v>
      </c>
      <c r="BX2365" s="6">
        <v>563</v>
      </c>
      <c r="BY2365" s="6">
        <v>571</v>
      </c>
      <c r="BZ2365" s="6">
        <v>29</v>
      </c>
      <c r="CA2365" s="6">
        <v>34</v>
      </c>
      <c r="CB2365" s="6">
        <v>34</v>
      </c>
      <c r="CC2365" s="11">
        <v>32.5</v>
      </c>
      <c r="CD2365" s="11">
        <v>-233.13900000000001</v>
      </c>
      <c r="CE2365" s="11">
        <v>-5.6509</v>
      </c>
      <c r="CF2365" s="11">
        <v>67.076599999999999</v>
      </c>
      <c r="CG2365" s="11">
        <v>61</v>
      </c>
      <c r="CH2365" s="20">
        <v>2.4218700000000002</v>
      </c>
      <c r="CI2365" s="20">
        <v>3.3296800000000002</v>
      </c>
      <c r="CJ2365" s="20">
        <v>3.3688600000000002</v>
      </c>
      <c r="CK2365" s="20">
        <v>3.6726100000000002</v>
      </c>
      <c r="CL2365" s="20">
        <v>3.7803300000000002</v>
      </c>
      <c r="CM2365" s="20">
        <v>3.3583799999999999</v>
      </c>
      <c r="CN2365" s="20">
        <v>3.5118399999999999</v>
      </c>
      <c r="CO2365" s="20">
        <v>3.90788</v>
      </c>
      <c r="CP2365" s="20">
        <v>4.0107100000000004</v>
      </c>
      <c r="CQ2365" s="20">
        <v>4.1189</v>
      </c>
      <c r="CR2365" s="20">
        <v>4.1412300000000002</v>
      </c>
      <c r="CS2365" s="20">
        <v>4.1379900000000003</v>
      </c>
      <c r="CT2365" s="20">
        <v>1.52864</v>
      </c>
      <c r="CU2365" s="20">
        <v>1.52959</v>
      </c>
      <c r="CV2365" s="20">
        <v>1.59137</v>
      </c>
      <c r="CW2365" s="20">
        <v>1.6131500000000001</v>
      </c>
      <c r="CX2365" s="20">
        <v>1.5396000000000001</v>
      </c>
      <c r="CY2365" s="6" t="s">
        <v>730</v>
      </c>
      <c r="CZ2365" s="6" t="s">
        <v>731</v>
      </c>
      <c r="DA2365" s="6" t="s">
        <v>87</v>
      </c>
      <c r="DB2365" s="6" t="s">
        <v>345</v>
      </c>
      <c r="DC2365" s="6"/>
      <c r="DD2365" s="6"/>
      <c r="DE2365" s="6"/>
      <c r="DF2365" s="6"/>
      <c r="DG2365" s="6"/>
      <c r="DH2365" s="6" t="s">
        <v>333</v>
      </c>
      <c r="DI2365" s="6"/>
      <c r="DJ2365" s="6"/>
      <c r="DK2365" s="6"/>
      <c r="DL2365" s="6">
        <v>4</v>
      </c>
      <c r="DM2365" s="6" t="s">
        <v>446</v>
      </c>
      <c r="DN2365" s="6">
        <v>6</v>
      </c>
      <c r="DO2365" s="6" t="s">
        <v>393</v>
      </c>
      <c r="DP2365" s="6"/>
      <c r="DQ2365" s="6"/>
    </row>
    <row r="2366" spans="1:121" x14ac:dyDescent="0.2">
      <c r="A2366" s="6" t="s">
        <v>327</v>
      </c>
      <c r="B2366" s="6" t="s">
        <v>327</v>
      </c>
      <c r="C2366" s="6" t="s">
        <v>194</v>
      </c>
      <c r="D2366" s="6" t="s">
        <v>87</v>
      </c>
      <c r="E2366" s="6" t="s">
        <v>228</v>
      </c>
      <c r="F2366" s="11">
        <v>-41</v>
      </c>
      <c r="G2366" s="13">
        <v>-2.4924012158100001E-2</v>
      </c>
      <c r="H2366" s="11">
        <v>33.20074499999987</v>
      </c>
      <c r="I2366" s="13">
        <v>2.0188732809162811E-2</v>
      </c>
      <c r="J2366" s="11">
        <v>34.097350000000006</v>
      </c>
      <c r="K2366" s="13">
        <v>2.0323632631112455E-2</v>
      </c>
      <c r="L2366" s="11">
        <v>-107.55277897999986</v>
      </c>
      <c r="M2366" s="13">
        <v>-6.2829615063643873E-2</v>
      </c>
      <c r="N2366" s="11">
        <v>-73.455428979999851</v>
      </c>
      <c r="O2366" s="13">
        <v>-4.3782908447439123E-2</v>
      </c>
      <c r="P2366" s="7">
        <v>1644.5185200000001</v>
      </c>
      <c r="Q2366" s="7">
        <v>1698.3721009999999</v>
      </c>
      <c r="R2366" s="7">
        <v>1742.758941</v>
      </c>
      <c r="S2366" s="7">
        <v>1687.479327</v>
      </c>
      <c r="T2366" s="7">
        <v>1658.668003</v>
      </c>
      <c r="U2366" s="7">
        <v>1699.3786540000001</v>
      </c>
      <c r="V2366" s="7">
        <v>1677.719265</v>
      </c>
      <c r="W2366" s="7">
        <v>1702.318199</v>
      </c>
      <c r="X2366" s="7">
        <v>1750.665563</v>
      </c>
      <c r="Y2366" s="7">
        <v>1711.816615</v>
      </c>
      <c r="Z2366" s="7">
        <v>1669.1478729999999</v>
      </c>
      <c r="AA2366" s="7">
        <v>1674.332073</v>
      </c>
      <c r="AB2366" s="7">
        <v>1676.7529549999999</v>
      </c>
      <c r="AC2366" s="7">
        <v>1674.8482550000001</v>
      </c>
      <c r="AD2366" s="7">
        <v>1641.0020910000001</v>
      </c>
      <c r="AE2366" s="7">
        <v>1613.4774265000001</v>
      </c>
      <c r="AF2366" s="7">
        <v>1604.2638360200001</v>
      </c>
      <c r="AG2366" s="9">
        <v>18848.105286099995</v>
      </c>
      <c r="AH2366" s="13">
        <v>0.58323091541821193</v>
      </c>
      <c r="AI2366" s="9">
        <v>9717.0243316000015</v>
      </c>
      <c r="AJ2366" s="13">
        <v>0.30068109818123612</v>
      </c>
      <c r="AK2366" s="9">
        <v>4872.6233797999957</v>
      </c>
      <c r="AL2366" s="13">
        <v>0.11592172983289777</v>
      </c>
      <c r="AM2366" s="9">
        <v>4258.4575746999981</v>
      </c>
      <c r="AN2366" s="13">
        <v>9.0786358988150836E-2</v>
      </c>
      <c r="AO2366" s="9">
        <v>9131.0809544999938</v>
      </c>
      <c r="AP2366" s="13">
        <v>0.2172322006001855</v>
      </c>
      <c r="AQ2366" s="9">
        <v>32316.711593700002</v>
      </c>
      <c r="AR2366" s="9">
        <v>33215.716366000001</v>
      </c>
      <c r="AS2366" s="9">
        <v>34396.302744100001</v>
      </c>
      <c r="AT2366" s="9">
        <v>36040.075050400003</v>
      </c>
      <c r="AU2366" s="9">
        <v>37696.236322199999</v>
      </c>
      <c r="AV2366" s="9">
        <v>39495.266789599998</v>
      </c>
      <c r="AW2366" s="9">
        <v>42033.735925300003</v>
      </c>
      <c r="AX2366" s="9">
        <v>43904.928093900002</v>
      </c>
      <c r="AY2366" s="9">
        <v>44376.356324599998</v>
      </c>
      <c r="AZ2366" s="9">
        <v>46906.359305099999</v>
      </c>
      <c r="BA2366" s="9">
        <v>47039.060820899998</v>
      </c>
      <c r="BB2366" s="9">
        <v>47551.721337900002</v>
      </c>
      <c r="BC2366" s="9">
        <v>49394.156371199999</v>
      </c>
      <c r="BD2366" s="9">
        <v>49118.960794400002</v>
      </c>
      <c r="BE2366" s="9">
        <v>50709.703033099999</v>
      </c>
      <c r="BF2366" s="9">
        <v>51164.816879799997</v>
      </c>
      <c r="BG2366" s="11">
        <v>0.75</v>
      </c>
      <c r="BH2366" s="13">
        <v>1.4150943396226415E-2</v>
      </c>
      <c r="BI2366" s="6">
        <v>3</v>
      </c>
      <c r="BJ2366" s="13">
        <v>5.6603773584905662E-2</v>
      </c>
      <c r="BK2366" s="6">
        <v>5</v>
      </c>
      <c r="BL2366" s="13">
        <v>8.9285714285714288E-2</v>
      </c>
      <c r="BM2366" s="11">
        <v>-7.25</v>
      </c>
      <c r="BN2366" s="13">
        <v>-0.11885245901639344</v>
      </c>
      <c r="BO2366" s="11">
        <v>-2.25</v>
      </c>
      <c r="BP2366" s="13">
        <v>-4.0178571428571432E-2</v>
      </c>
      <c r="BQ2366" s="6">
        <v>53</v>
      </c>
      <c r="BR2366" s="6">
        <v>54</v>
      </c>
      <c r="BS2366" s="6">
        <v>53</v>
      </c>
      <c r="BT2366" s="6">
        <v>56</v>
      </c>
      <c r="BU2366" s="6">
        <v>56</v>
      </c>
      <c r="BV2366" s="6">
        <v>58</v>
      </c>
      <c r="BW2366" s="6">
        <v>61</v>
      </c>
      <c r="BX2366" s="6">
        <v>61</v>
      </c>
      <c r="BY2366" s="6">
        <v>57</v>
      </c>
      <c r="BZ2366" s="6">
        <v>56</v>
      </c>
      <c r="CA2366" s="6">
        <v>56</v>
      </c>
      <c r="CB2366" s="6">
        <v>55</v>
      </c>
      <c r="CC2366" s="11">
        <v>53.75</v>
      </c>
      <c r="CD2366" s="11">
        <v>-123.611</v>
      </c>
      <c r="CE2366" s="11">
        <v>-96.409300000000002</v>
      </c>
      <c r="CF2366" s="11">
        <v>179.76599999999999</v>
      </c>
      <c r="CG2366" s="11">
        <v>84</v>
      </c>
      <c r="CH2366" s="20">
        <v>1.9539500000000001</v>
      </c>
      <c r="CI2366" s="20">
        <v>1.91977</v>
      </c>
      <c r="CJ2366" s="20">
        <v>1.8875</v>
      </c>
      <c r="CK2366" s="20">
        <v>1.86083</v>
      </c>
      <c r="CL2366" s="20">
        <v>1.78254</v>
      </c>
      <c r="CM2366" s="20">
        <v>1.87415</v>
      </c>
      <c r="CN2366" s="20">
        <v>1.81646</v>
      </c>
      <c r="CO2366" s="20">
        <v>1.8024500000000001</v>
      </c>
      <c r="CP2366" s="20">
        <v>1.76023</v>
      </c>
      <c r="CQ2366" s="20">
        <v>1.69878</v>
      </c>
      <c r="CR2366" s="20">
        <v>1.6744600000000001</v>
      </c>
      <c r="CS2366" s="20">
        <v>1.7258</v>
      </c>
      <c r="CT2366" s="20">
        <v>1.8384199999999999</v>
      </c>
      <c r="CU2366" s="20">
        <v>1.85528</v>
      </c>
      <c r="CV2366" s="20">
        <v>1.7981499999999999</v>
      </c>
      <c r="CW2366" s="20">
        <v>1.8028900000000001</v>
      </c>
      <c r="CX2366" s="20">
        <v>1.7617100000000001</v>
      </c>
      <c r="CY2366" s="6" t="s">
        <v>730</v>
      </c>
      <c r="CZ2366" s="6" t="s">
        <v>731</v>
      </c>
      <c r="DA2366" s="6" t="s">
        <v>87</v>
      </c>
      <c r="DB2366" s="6" t="s">
        <v>345</v>
      </c>
      <c r="DC2366" s="6"/>
      <c r="DD2366" s="6"/>
      <c r="DE2366" s="6"/>
      <c r="DF2366" s="6"/>
      <c r="DG2366" s="6"/>
      <c r="DH2366" s="6" t="s">
        <v>333</v>
      </c>
      <c r="DI2366" s="6"/>
      <c r="DJ2366" s="6"/>
      <c r="DK2366" s="6"/>
      <c r="DL2366" s="6">
        <v>4</v>
      </c>
      <c r="DM2366" s="6" t="s">
        <v>446</v>
      </c>
      <c r="DN2366" s="6">
        <v>6</v>
      </c>
      <c r="DO2366" s="6" t="s">
        <v>393</v>
      </c>
      <c r="DP2366" s="6"/>
      <c r="DQ2366" s="6"/>
    </row>
    <row r="2367" spans="1:121" x14ac:dyDescent="0.2">
      <c r="A2367" s="6" t="s">
        <v>1</v>
      </c>
      <c r="B2367" s="6" t="s">
        <v>1</v>
      </c>
      <c r="C2367" s="6" t="s">
        <v>2</v>
      </c>
      <c r="D2367" s="6" t="s">
        <v>73</v>
      </c>
      <c r="E2367" s="6" t="s">
        <v>214</v>
      </c>
      <c r="F2367" s="11">
        <v>103</v>
      </c>
      <c r="G2367" s="13">
        <v>1.3205128205100001</v>
      </c>
      <c r="H2367" s="11">
        <v>-3.6491122248000067</v>
      </c>
      <c r="I2367" s="13">
        <v>-4.6805127891062746E-2</v>
      </c>
      <c r="J2367" s="11">
        <v>33.708911161000003</v>
      </c>
      <c r="K2367" s="13">
        <v>0.45359602869450893</v>
      </c>
      <c r="L2367" s="11">
        <v>72.819739444999996</v>
      </c>
      <c r="M2367" s="13">
        <v>0.67410866865196117</v>
      </c>
      <c r="N2367" s="11">
        <v>106.528650606</v>
      </c>
      <c r="O2367" s="13">
        <v>1.4334777123555422</v>
      </c>
      <c r="P2367" s="7">
        <v>77.963940901800001</v>
      </c>
      <c r="Q2367" s="7">
        <v>92.251704556799993</v>
      </c>
      <c r="R2367" s="7">
        <v>105.93671856100001</v>
      </c>
      <c r="S2367" s="7">
        <v>84.0581106299</v>
      </c>
      <c r="T2367" s="7">
        <v>85.660832181800004</v>
      </c>
      <c r="U2367" s="7">
        <v>82.419134666700003</v>
      </c>
      <c r="V2367" s="7">
        <v>74.314828676999994</v>
      </c>
      <c r="W2367" s="7">
        <v>77.388316522099998</v>
      </c>
      <c r="X2367" s="7">
        <v>115.10751248</v>
      </c>
      <c r="Y2367" s="7">
        <v>108.023739838</v>
      </c>
      <c r="Z2367" s="7">
        <v>154.15766766900001</v>
      </c>
      <c r="AA2367" s="7">
        <v>128.8694907</v>
      </c>
      <c r="AB2367" s="7">
        <v>126.47148375800001</v>
      </c>
      <c r="AC2367" s="7">
        <v>121.116264348</v>
      </c>
      <c r="AD2367" s="7">
        <v>153.84531053800001</v>
      </c>
      <c r="AE2367" s="7">
        <v>174.231473365</v>
      </c>
      <c r="AF2367" s="7">
        <v>180.84347928299999</v>
      </c>
      <c r="AG2367" s="9">
        <v>12649.470675500001</v>
      </c>
      <c r="AH2367" s="13">
        <v>0.66910604983105859</v>
      </c>
      <c r="AI2367" s="9">
        <v>1533.5724345999988</v>
      </c>
      <c r="AJ2367" s="13">
        <v>8.1119804944284335E-2</v>
      </c>
      <c r="AK2367" s="9">
        <v>7384.4415623999994</v>
      </c>
      <c r="AL2367" s="13">
        <v>0.3612987332038724</v>
      </c>
      <c r="AM2367" s="9">
        <v>3731.4566785000025</v>
      </c>
      <c r="AN2367" s="13">
        <v>0.13411388532938559</v>
      </c>
      <c r="AO2367" s="9">
        <v>11115.898240900002</v>
      </c>
      <c r="AP2367" s="13">
        <v>0.54386779540781438</v>
      </c>
      <c r="AQ2367" s="9">
        <v>18905.0310914</v>
      </c>
      <c r="AR2367" s="9">
        <v>22098.567406900002</v>
      </c>
      <c r="AS2367" s="9">
        <v>23494.932775500001</v>
      </c>
      <c r="AT2367" s="9">
        <v>19650.798993699998</v>
      </c>
      <c r="AU2367" s="9">
        <v>19713.0886417</v>
      </c>
      <c r="AV2367" s="9">
        <v>20992.430544499999</v>
      </c>
      <c r="AW2367" s="9">
        <v>20438.603525999999</v>
      </c>
      <c r="AX2367" s="9">
        <v>18933.512933400001</v>
      </c>
      <c r="AY2367" s="9">
        <v>32722.366029699999</v>
      </c>
      <c r="AZ2367" s="9">
        <v>27823.045088399998</v>
      </c>
      <c r="BA2367" s="9">
        <v>30603.700316400002</v>
      </c>
      <c r="BB2367" s="9">
        <v>24352.266117499999</v>
      </c>
      <c r="BC2367" s="9">
        <v>28511.473447699998</v>
      </c>
      <c r="BD2367" s="9">
        <v>30201.482421699999</v>
      </c>
      <c r="BE2367" s="9">
        <v>30319.642121100002</v>
      </c>
      <c r="BF2367" s="9">
        <v>31554.501766900001</v>
      </c>
      <c r="BG2367" s="11">
        <v>1</v>
      </c>
      <c r="BH2367" s="13">
        <v>0.33333333333333331</v>
      </c>
      <c r="BI2367" s="6">
        <v>0</v>
      </c>
      <c r="BJ2367" s="13">
        <v>0</v>
      </c>
      <c r="BK2367" s="6">
        <v>1</v>
      </c>
      <c r="BL2367" s="13">
        <v>0.33333333333333331</v>
      </c>
      <c r="BM2367" s="11">
        <v>0</v>
      </c>
      <c r="BN2367" s="13">
        <v>0</v>
      </c>
      <c r="BO2367" s="11">
        <v>1</v>
      </c>
      <c r="BP2367" s="13">
        <v>0.33333333333333331</v>
      </c>
      <c r="BQ2367" s="6">
        <v>3</v>
      </c>
      <c r="BR2367" s="6">
        <v>4</v>
      </c>
      <c r="BS2367" s="6">
        <v>4</v>
      </c>
      <c r="BT2367" s="6">
        <v>3</v>
      </c>
      <c r="BU2367" s="6">
        <v>3</v>
      </c>
      <c r="BV2367" s="6">
        <v>3</v>
      </c>
      <c r="BW2367" s="6">
        <v>4</v>
      </c>
      <c r="BX2367" s="6">
        <v>4</v>
      </c>
      <c r="BY2367" s="6">
        <v>4</v>
      </c>
      <c r="BZ2367" s="6">
        <v>3</v>
      </c>
      <c r="CA2367" s="6">
        <v>3</v>
      </c>
      <c r="CB2367" s="6">
        <v>4</v>
      </c>
      <c r="CC2367" s="11">
        <v>4</v>
      </c>
      <c r="CD2367" s="11">
        <v>101.465</v>
      </c>
      <c r="CE2367" s="11">
        <v>-7.1082599999999996</v>
      </c>
      <c r="CF2367" s="11">
        <v>8.5223999999999993</v>
      </c>
      <c r="CG2367" s="11">
        <v>2</v>
      </c>
      <c r="CH2367" s="20">
        <v>1.8816200000000001</v>
      </c>
      <c r="CI2367" s="20">
        <v>2.1383999999999999</v>
      </c>
      <c r="CJ2367" s="20">
        <v>2.38049</v>
      </c>
      <c r="CK2367" s="20">
        <v>1.9308799999999999</v>
      </c>
      <c r="CL2367" s="20">
        <v>1.94777</v>
      </c>
      <c r="CM2367" s="20">
        <v>1.95452</v>
      </c>
      <c r="CN2367" s="20">
        <v>1.78125</v>
      </c>
      <c r="CO2367" s="20">
        <v>1.89527</v>
      </c>
      <c r="CP2367" s="20">
        <v>2.6936300000000002</v>
      </c>
      <c r="CQ2367" s="20">
        <v>2.4283299999999999</v>
      </c>
      <c r="CR2367" s="20">
        <v>3.5348099999999998</v>
      </c>
      <c r="CS2367" s="20">
        <v>3.0752299999999999</v>
      </c>
      <c r="CT2367" s="20">
        <v>3.1158199999999998</v>
      </c>
      <c r="CU2367" s="20">
        <v>2.98908</v>
      </c>
      <c r="CV2367" s="20">
        <v>3.68357</v>
      </c>
      <c r="CW2367" s="20">
        <v>4.21549</v>
      </c>
      <c r="CX2367" s="20">
        <v>4.3186</v>
      </c>
      <c r="CY2367" s="6" t="s">
        <v>732</v>
      </c>
      <c r="CZ2367" s="6" t="s">
        <v>733</v>
      </c>
      <c r="DA2367" s="6" t="s">
        <v>73</v>
      </c>
      <c r="DB2367" s="6"/>
      <c r="DC2367" s="6"/>
      <c r="DD2367" s="6"/>
      <c r="DE2367" s="6"/>
      <c r="DF2367" s="6"/>
      <c r="DG2367" s="6"/>
      <c r="DH2367" s="6" t="s">
        <v>333</v>
      </c>
      <c r="DI2367" s="6"/>
      <c r="DJ2367" s="6"/>
      <c r="DK2367" s="6"/>
      <c r="DL2367" s="6">
        <v>10</v>
      </c>
      <c r="DM2367" s="6" t="s">
        <v>383</v>
      </c>
      <c r="DN2367" s="6">
        <v>9</v>
      </c>
      <c r="DO2367" s="6" t="s">
        <v>384</v>
      </c>
      <c r="DP2367" s="6"/>
      <c r="DQ2367" s="6"/>
    </row>
    <row r="2368" spans="1:121" x14ac:dyDescent="0.2">
      <c r="A2368" s="6" t="s">
        <v>310</v>
      </c>
      <c r="B2368" s="6" t="s">
        <v>310</v>
      </c>
      <c r="C2368" s="6" t="s">
        <v>173</v>
      </c>
      <c r="D2368" s="6" t="s">
        <v>73</v>
      </c>
      <c r="E2368" s="6" t="s">
        <v>214</v>
      </c>
      <c r="F2368" s="11">
        <v>-7</v>
      </c>
      <c r="G2368" s="13">
        <v>-0.120689655172</v>
      </c>
      <c r="H2368" s="11">
        <v>-7.8433799999999962</v>
      </c>
      <c r="I2368" s="13">
        <v>-0.13415316679351558</v>
      </c>
      <c r="J2368" s="11">
        <v>-30.344326000000002</v>
      </c>
      <c r="K2368" s="13">
        <v>-0.59942395550055849</v>
      </c>
      <c r="L2368" s="11">
        <v>30.247117082800003</v>
      </c>
      <c r="M2368" s="13">
        <v>1.4916111232818456</v>
      </c>
      <c r="N2368" s="11">
        <v>-9.7208917199999689E-2</v>
      </c>
      <c r="O2368" s="13">
        <v>-1.9202718049479855E-3</v>
      </c>
      <c r="P2368" s="7">
        <v>58.465857999999997</v>
      </c>
      <c r="Q2368" s="7">
        <v>61.704455036299997</v>
      </c>
      <c r="R2368" s="7">
        <v>55.418568999999998</v>
      </c>
      <c r="S2368" s="7">
        <v>60.933204000000003</v>
      </c>
      <c r="T2368" s="7">
        <v>59.721353999999998</v>
      </c>
      <c r="U2368" s="7">
        <v>51.949210999999998</v>
      </c>
      <c r="V2368" s="7">
        <v>50.622478000000001</v>
      </c>
      <c r="W2368" s="7">
        <v>48.299618000000002</v>
      </c>
      <c r="X2368" s="7">
        <v>16.867709000000001</v>
      </c>
      <c r="Y2368" s="7">
        <v>20.278151999999999</v>
      </c>
      <c r="Z2368" s="7">
        <v>18.415175999999999</v>
      </c>
      <c r="AA2368" s="7">
        <v>25.675795000000001</v>
      </c>
      <c r="AB2368" s="7">
        <v>20.164926999999999</v>
      </c>
      <c r="AC2368" s="7">
        <v>21.137381000000001</v>
      </c>
      <c r="AD2368" s="7">
        <v>31.340907000000001</v>
      </c>
      <c r="AE2368" s="7">
        <v>49.978642999999998</v>
      </c>
      <c r="AF2368" s="7">
        <v>50.525269082800001</v>
      </c>
      <c r="AG2368" s="9">
        <v>54030.409918899997</v>
      </c>
      <c r="AH2368" s="13">
        <v>1.0216540554561042</v>
      </c>
      <c r="AI2368" s="9">
        <v>13451.766386100004</v>
      </c>
      <c r="AJ2368" s="13">
        <v>0.25435771636816346</v>
      </c>
      <c r="AK2368" s="9">
        <v>18689.591668699999</v>
      </c>
      <c r="AL2368" s="13">
        <v>0.28173707926790376</v>
      </c>
      <c r="AM2368" s="9">
        <v>21889.051864099994</v>
      </c>
      <c r="AN2368" s="13">
        <v>0.2574377298974681</v>
      </c>
      <c r="AO2368" s="9">
        <v>40578.643532799993</v>
      </c>
      <c r="AP2368" s="13">
        <v>0.61170456328004397</v>
      </c>
      <c r="AQ2368" s="9">
        <v>52885.230211100003</v>
      </c>
      <c r="AR2368" s="9">
        <v>51585.887594799999</v>
      </c>
      <c r="AS2368" s="9">
        <v>57765.833014299998</v>
      </c>
      <c r="AT2368" s="9">
        <v>62148.5394332</v>
      </c>
      <c r="AU2368" s="9">
        <v>62403.040860300003</v>
      </c>
      <c r="AV2368" s="9">
        <v>69829.020339800001</v>
      </c>
      <c r="AW2368" s="9">
        <v>66336.996597200006</v>
      </c>
      <c r="AX2368" s="9">
        <v>60282.563274200002</v>
      </c>
      <c r="AY2368" s="9">
        <v>50534.419639799999</v>
      </c>
      <c r="AZ2368" s="9">
        <v>85026.588265900005</v>
      </c>
      <c r="BA2368" s="9">
        <v>76682.287775899997</v>
      </c>
      <c r="BB2368" s="9">
        <v>114346.706986</v>
      </c>
      <c r="BC2368" s="9">
        <v>102318.44700499999</v>
      </c>
      <c r="BD2368" s="9">
        <v>88517.577353899993</v>
      </c>
      <c r="BE2368" s="9">
        <v>95007.020541399994</v>
      </c>
      <c r="BF2368" s="9">
        <v>106915.64013</v>
      </c>
      <c r="BG2368" s="11">
        <v>0</v>
      </c>
      <c r="BH2368" s="13">
        <v>0</v>
      </c>
      <c r="BI2368" s="6">
        <v>-1</v>
      </c>
      <c r="BJ2368" s="13">
        <v>-0.33333333333333331</v>
      </c>
      <c r="BK2368" s="6">
        <v>0</v>
      </c>
      <c r="BL2368" s="13">
        <v>0</v>
      </c>
      <c r="BM2368" s="11">
        <v>1</v>
      </c>
      <c r="BN2368" s="13">
        <v>0.5</v>
      </c>
      <c r="BO2368" s="11">
        <v>1</v>
      </c>
      <c r="BP2368" s="13">
        <v>0.5</v>
      </c>
      <c r="BQ2368" s="6">
        <v>3</v>
      </c>
      <c r="BR2368" s="6">
        <v>3</v>
      </c>
      <c r="BS2368" s="6">
        <v>2</v>
      </c>
      <c r="BT2368" s="6">
        <v>2</v>
      </c>
      <c r="BU2368" s="6">
        <v>2</v>
      </c>
      <c r="BV2368" s="6">
        <v>2</v>
      </c>
      <c r="BW2368" s="6">
        <v>2</v>
      </c>
      <c r="BX2368" s="6">
        <v>2</v>
      </c>
      <c r="BY2368" s="6">
        <v>2</v>
      </c>
      <c r="BZ2368" s="6">
        <v>2</v>
      </c>
      <c r="CA2368" s="6">
        <v>2</v>
      </c>
      <c r="CB2368" s="6">
        <v>3</v>
      </c>
      <c r="CC2368" s="11">
        <v>3</v>
      </c>
      <c r="CD2368" s="11">
        <v>-20.397300000000001</v>
      </c>
      <c r="CE2368" s="11">
        <v>6.0657100000000002</v>
      </c>
      <c r="CF2368" s="11">
        <v>6.3910200000000001</v>
      </c>
      <c r="CG2368" s="11">
        <v>12</v>
      </c>
      <c r="CH2368" s="20">
        <v>4.9733299999999998</v>
      </c>
      <c r="CI2368" s="20">
        <v>5.2659900000000004</v>
      </c>
      <c r="CJ2368" s="20">
        <v>4.6497900000000003</v>
      </c>
      <c r="CK2368" s="20">
        <v>5.0569600000000001</v>
      </c>
      <c r="CL2368" s="20">
        <v>4.5774400000000002</v>
      </c>
      <c r="CM2368" s="20">
        <v>3.7696200000000002</v>
      </c>
      <c r="CN2368" s="20">
        <v>3.4453499999999999</v>
      </c>
      <c r="CO2368" s="20">
        <v>3.0303900000000001</v>
      </c>
      <c r="CP2368" s="20">
        <v>1.11086</v>
      </c>
      <c r="CQ2368" s="20">
        <v>1.2580199999999999</v>
      </c>
      <c r="CR2368" s="20">
        <v>1.04904</v>
      </c>
      <c r="CS2368" s="20">
        <v>1.4125799999999999</v>
      </c>
      <c r="CT2368" s="20">
        <v>1.13669</v>
      </c>
      <c r="CU2368" s="20">
        <v>1.17133</v>
      </c>
      <c r="CV2368" s="20">
        <v>1.9045300000000001</v>
      </c>
      <c r="CW2368" s="20">
        <v>3.6124900000000002</v>
      </c>
      <c r="CX2368" s="20">
        <v>3.56928</v>
      </c>
      <c r="CY2368" s="6" t="s">
        <v>732</v>
      </c>
      <c r="CZ2368" s="6" t="s">
        <v>733</v>
      </c>
      <c r="DA2368" s="6" t="s">
        <v>73</v>
      </c>
      <c r="DB2368" s="6"/>
      <c r="DC2368" s="6"/>
      <c r="DD2368" s="6"/>
      <c r="DE2368" s="6"/>
      <c r="DF2368" s="6"/>
      <c r="DG2368" s="6"/>
      <c r="DH2368" s="6" t="s">
        <v>333</v>
      </c>
      <c r="DI2368" s="6"/>
      <c r="DJ2368" s="6"/>
      <c r="DK2368" s="6"/>
      <c r="DL2368" s="6">
        <v>10</v>
      </c>
      <c r="DM2368" s="6" t="s">
        <v>383</v>
      </c>
      <c r="DN2368" s="6">
        <v>9</v>
      </c>
      <c r="DO2368" s="6" t="s">
        <v>384</v>
      </c>
      <c r="DP2368" s="6"/>
      <c r="DQ2368" s="6"/>
    </row>
    <row r="2369" spans="1:121" x14ac:dyDescent="0.2">
      <c r="A2369" s="6" t="s">
        <v>311</v>
      </c>
      <c r="B2369" s="6" t="s">
        <v>311</v>
      </c>
      <c r="C2369" s="6" t="s">
        <v>174</v>
      </c>
      <c r="D2369" s="6" t="s">
        <v>73</v>
      </c>
      <c r="E2369" s="6" t="s">
        <v>214</v>
      </c>
      <c r="F2369" s="11">
        <v>13</v>
      </c>
      <c r="G2369" s="13">
        <v>1</v>
      </c>
      <c r="H2369" s="11">
        <v>5</v>
      </c>
      <c r="I2369" s="13"/>
      <c r="J2369" s="11">
        <v>5.2090840000000007</v>
      </c>
      <c r="K2369" s="13">
        <v>1.0418168000000001</v>
      </c>
      <c r="L2369" s="11">
        <v>2.8351726995999993</v>
      </c>
      <c r="M2369" s="13">
        <v>0.27771078184879261</v>
      </c>
      <c r="N2369" s="11">
        <v>8.0442566996</v>
      </c>
      <c r="O2369" s="13">
        <v>1.60885133992</v>
      </c>
      <c r="P2369" s="7">
        <v>0</v>
      </c>
      <c r="Q2369" s="7">
        <v>0</v>
      </c>
      <c r="R2369" s="7">
        <v>0</v>
      </c>
      <c r="S2369" s="7">
        <v>0</v>
      </c>
      <c r="T2369" s="7">
        <v>12.115237</v>
      </c>
      <c r="U2369" s="7">
        <v>5</v>
      </c>
      <c r="V2369" s="7">
        <v>5</v>
      </c>
      <c r="W2369" s="7">
        <v>5</v>
      </c>
      <c r="X2369" s="7">
        <v>5</v>
      </c>
      <c r="Y2369" s="7">
        <v>10.209084000000001</v>
      </c>
      <c r="Z2369" s="7">
        <v>5</v>
      </c>
      <c r="AA2369" s="7">
        <v>5</v>
      </c>
      <c r="AB2369" s="7">
        <v>5</v>
      </c>
      <c r="AC2369" s="7">
        <v>5</v>
      </c>
      <c r="AD2369" s="7">
        <v>5</v>
      </c>
      <c r="AE2369" s="7">
        <v>12.114142601499999</v>
      </c>
      <c r="AF2369" s="7">
        <v>13.0442566996</v>
      </c>
      <c r="AG2369" s="9">
        <v>32179.423796200001</v>
      </c>
      <c r="AH2369" s="13"/>
      <c r="AI2369" s="9">
        <v>1</v>
      </c>
      <c r="AJ2369" s="13"/>
      <c r="AK2369" s="9">
        <v>26635.473063500001</v>
      </c>
      <c r="AL2369" s="13">
        <v>26635.473063500001</v>
      </c>
      <c r="AM2369" s="9">
        <v>5542.9507326999992</v>
      </c>
      <c r="AN2369" s="13">
        <v>0.20809627158542671</v>
      </c>
      <c r="AO2369" s="9">
        <v>32178.423796200001</v>
      </c>
      <c r="AP2369" s="13">
        <v>32178.423796200001</v>
      </c>
      <c r="AQ2369" s="9">
        <v>0</v>
      </c>
      <c r="AR2369" s="9">
        <v>0</v>
      </c>
      <c r="AS2369" s="9">
        <v>0</v>
      </c>
      <c r="AT2369" s="9">
        <v>0</v>
      </c>
      <c r="AU2369" s="9">
        <v>21546.744382100002</v>
      </c>
      <c r="AV2369" s="9">
        <v>1</v>
      </c>
      <c r="AW2369" s="9">
        <v>1</v>
      </c>
      <c r="AX2369" s="9">
        <v>1</v>
      </c>
      <c r="AY2369" s="9">
        <v>1</v>
      </c>
      <c r="AZ2369" s="9">
        <v>26636.473063500001</v>
      </c>
      <c r="BA2369" s="9">
        <v>1</v>
      </c>
      <c r="BB2369" s="9">
        <v>1</v>
      </c>
      <c r="BC2369" s="9">
        <v>1</v>
      </c>
      <c r="BD2369" s="9">
        <v>1</v>
      </c>
      <c r="BE2369" s="9">
        <v>1</v>
      </c>
      <c r="BF2369" s="9">
        <v>32179.423796200001</v>
      </c>
      <c r="BG2369" s="11">
        <v>1</v>
      </c>
      <c r="BH2369" s="13" t="e">
        <v>#DIV/0!</v>
      </c>
      <c r="BI2369" s="6">
        <v>2</v>
      </c>
      <c r="BJ2369" s="13" t="e">
        <v>#DIV/0!</v>
      </c>
      <c r="BK2369" s="6">
        <v>-1</v>
      </c>
      <c r="BL2369" s="13">
        <v>-0.5</v>
      </c>
      <c r="BM2369" s="11">
        <v>0</v>
      </c>
      <c r="BN2369" s="13">
        <v>0</v>
      </c>
      <c r="BO2369" s="11">
        <v>-1</v>
      </c>
      <c r="BP2369" s="13">
        <v>-0.5</v>
      </c>
      <c r="BQ2369" s="6">
        <v>0</v>
      </c>
      <c r="BR2369" s="6">
        <v>1</v>
      </c>
      <c r="BS2369" s="6">
        <v>2</v>
      </c>
      <c r="BT2369" s="6">
        <v>2</v>
      </c>
      <c r="BU2369" s="6">
        <v>2</v>
      </c>
      <c r="BV2369" s="6">
        <v>1</v>
      </c>
      <c r="BW2369" s="6">
        <v>1</v>
      </c>
      <c r="BX2369" s="6">
        <v>1</v>
      </c>
      <c r="BY2369" s="6">
        <v>1</v>
      </c>
      <c r="BZ2369" s="6">
        <v>1</v>
      </c>
      <c r="CA2369" s="6">
        <v>1</v>
      </c>
      <c r="CB2369" s="6">
        <v>1</v>
      </c>
      <c r="CC2369" s="11">
        <v>1</v>
      </c>
      <c r="CD2369" s="11">
        <v>13.097799999999999</v>
      </c>
      <c r="CE2369" s="11">
        <v>-0.16284399999999999</v>
      </c>
      <c r="CF2369" s="11">
        <v>0.10931200000000001</v>
      </c>
      <c r="CG2369" s="11">
        <v>0</v>
      </c>
      <c r="CH2369" s="20">
        <v>0</v>
      </c>
      <c r="CI2369" s="20">
        <v>0</v>
      </c>
      <c r="CJ2369" s="20">
        <v>0</v>
      </c>
      <c r="CK2369" s="20">
        <v>0</v>
      </c>
      <c r="CL2369" s="20">
        <v>0.97202200000000005</v>
      </c>
      <c r="CM2369" s="20">
        <v>0.326463</v>
      </c>
      <c r="CN2369" s="20">
        <v>0.37437199999999998</v>
      </c>
      <c r="CO2369" s="20">
        <v>0.22233700000000001</v>
      </c>
      <c r="CP2369" s="20">
        <v>0.71662700000000001</v>
      </c>
      <c r="CQ2369" s="20">
        <v>0.76646199999999998</v>
      </c>
      <c r="CR2369" s="20">
        <v>0.75026899999999996</v>
      </c>
      <c r="CS2369" s="20">
        <v>0.32208999999999999</v>
      </c>
      <c r="CT2369" s="20">
        <v>0.67539800000000005</v>
      </c>
      <c r="CU2369" s="20">
        <v>0.47690100000000002</v>
      </c>
      <c r="CV2369" s="20">
        <v>0.81525300000000001</v>
      </c>
      <c r="CW2369" s="20">
        <v>1.0204200000000001</v>
      </c>
      <c r="CX2369" s="20">
        <v>1.07795</v>
      </c>
      <c r="CY2369" s="6" t="s">
        <v>732</v>
      </c>
      <c r="CZ2369" s="6" t="s">
        <v>733</v>
      </c>
      <c r="DA2369" s="6" t="s">
        <v>73</v>
      </c>
      <c r="DB2369" s="6"/>
      <c r="DC2369" s="6"/>
      <c r="DD2369" s="6"/>
      <c r="DE2369" s="6"/>
      <c r="DF2369" s="6"/>
      <c r="DG2369" s="6"/>
      <c r="DH2369" s="6" t="s">
        <v>333</v>
      </c>
      <c r="DI2369" s="6"/>
      <c r="DJ2369" s="6"/>
      <c r="DK2369" s="6"/>
      <c r="DL2369" s="6">
        <v>10</v>
      </c>
      <c r="DM2369" s="6" t="s">
        <v>383</v>
      </c>
      <c r="DN2369" s="6">
        <v>9</v>
      </c>
      <c r="DO2369" s="6" t="s">
        <v>384</v>
      </c>
      <c r="DP2369" s="6"/>
      <c r="DQ2369" s="6"/>
    </row>
    <row r="2370" spans="1:121" x14ac:dyDescent="0.2">
      <c r="A2370" s="6" t="s">
        <v>312</v>
      </c>
      <c r="B2370" s="6" t="s">
        <v>312</v>
      </c>
      <c r="C2370" s="6" t="s">
        <v>175</v>
      </c>
      <c r="D2370" s="6" t="s">
        <v>73</v>
      </c>
      <c r="E2370" s="6" t="s">
        <v>214</v>
      </c>
      <c r="F2370" s="11">
        <v>-47</v>
      </c>
      <c r="G2370" s="13">
        <v>-0.23152709359599999</v>
      </c>
      <c r="H2370" s="11">
        <v>-15.586734322000012</v>
      </c>
      <c r="I2370" s="13">
        <v>-7.6612764391274971E-2</v>
      </c>
      <c r="J2370" s="11">
        <v>5.1294296190000068</v>
      </c>
      <c r="K2370" s="13">
        <v>2.7304310163820841E-2</v>
      </c>
      <c r="L2370" s="11">
        <v>-37.089478567000015</v>
      </c>
      <c r="M2370" s="13">
        <v>-0.19218246120320095</v>
      </c>
      <c r="N2370" s="11">
        <v>-31.960048948000008</v>
      </c>
      <c r="O2370" s="13">
        <v>-0.17012556056811878</v>
      </c>
      <c r="P2370" s="7">
        <v>203.44826930400001</v>
      </c>
      <c r="Q2370" s="7">
        <v>205.87211586399999</v>
      </c>
      <c r="R2370" s="7">
        <v>205.30136968599999</v>
      </c>
      <c r="S2370" s="7">
        <v>202.875024435</v>
      </c>
      <c r="T2370" s="7">
        <v>216.32372937700001</v>
      </c>
      <c r="U2370" s="7">
        <v>187.62297729299999</v>
      </c>
      <c r="V2370" s="7">
        <v>187.86153498199999</v>
      </c>
      <c r="W2370" s="7">
        <v>187.64526562099999</v>
      </c>
      <c r="X2370" s="7">
        <v>197.48031367900001</v>
      </c>
      <c r="Y2370" s="7">
        <v>192.990964601</v>
      </c>
      <c r="Z2370" s="7">
        <v>143.336399339</v>
      </c>
      <c r="AA2370" s="7">
        <v>142.53894803099999</v>
      </c>
      <c r="AB2370" s="7">
        <v>136.99422782900001</v>
      </c>
      <c r="AC2370" s="7">
        <v>152.33940373799999</v>
      </c>
      <c r="AD2370" s="7">
        <v>162.13673445200001</v>
      </c>
      <c r="AE2370" s="7">
        <v>153.40747082300001</v>
      </c>
      <c r="AF2370" s="7">
        <v>155.90148603399999</v>
      </c>
      <c r="AG2370" s="9">
        <v>88.120406599999114</v>
      </c>
      <c r="AH2370" s="13">
        <v>3.7150547888316903E-3</v>
      </c>
      <c r="AI2370" s="9">
        <v>1105.5498004000001</v>
      </c>
      <c r="AJ2370" s="13">
        <v>4.6608705505768525E-2</v>
      </c>
      <c r="AK2370" s="9">
        <v>9478.9468254999992</v>
      </c>
      <c r="AL2370" s="13">
        <v>0.38182510058391739</v>
      </c>
      <c r="AM2370" s="9">
        <v>-10496.3762193</v>
      </c>
      <c r="AN2370" s="13">
        <v>-0.30597835058515821</v>
      </c>
      <c r="AO2370" s="9">
        <v>-1017.429393800001</v>
      </c>
      <c r="AP2370" s="13">
        <v>-4.0983464489920032E-2</v>
      </c>
      <c r="AQ2370" s="9">
        <v>23719.8134641</v>
      </c>
      <c r="AR2370" s="9">
        <v>24860.561385600002</v>
      </c>
      <c r="AS2370" s="9">
        <v>23917.041077099999</v>
      </c>
      <c r="AT2370" s="9">
        <v>24199.455641</v>
      </c>
      <c r="AU2370" s="9">
        <v>25024.427695599999</v>
      </c>
      <c r="AV2370" s="9">
        <v>24288.035105700001</v>
      </c>
      <c r="AW2370" s="9">
        <v>24825.3632645</v>
      </c>
      <c r="AX2370" s="9">
        <v>25536.918911500001</v>
      </c>
      <c r="AY2370" s="9">
        <v>31882.064848400001</v>
      </c>
      <c r="AZ2370" s="9">
        <v>34304.310089999999</v>
      </c>
      <c r="BA2370" s="9">
        <v>26843.434096500001</v>
      </c>
      <c r="BB2370" s="9">
        <v>22371.548856699999</v>
      </c>
      <c r="BC2370" s="9">
        <v>21568.801123599998</v>
      </c>
      <c r="BD2370" s="9">
        <v>22250.203936900001</v>
      </c>
      <c r="BE2370" s="9">
        <v>24190.236619800002</v>
      </c>
      <c r="BF2370" s="9">
        <v>23807.933870699999</v>
      </c>
      <c r="BG2370" s="11">
        <v>1</v>
      </c>
      <c r="BH2370" s="13">
        <v>5.5555555555555552E-2</v>
      </c>
      <c r="BI2370" s="6">
        <v>-4</v>
      </c>
      <c r="BJ2370" s="13">
        <v>-0.22222222222222221</v>
      </c>
      <c r="BK2370" s="6">
        <v>3</v>
      </c>
      <c r="BL2370" s="13">
        <v>0.21428571428571427</v>
      </c>
      <c r="BM2370" s="11">
        <v>2</v>
      </c>
      <c r="BN2370" s="13">
        <v>0.11764705882352941</v>
      </c>
      <c r="BO2370" s="11">
        <v>5</v>
      </c>
      <c r="BP2370" s="13">
        <v>0.35714285714285715</v>
      </c>
      <c r="BQ2370" s="6">
        <v>18</v>
      </c>
      <c r="BR2370" s="6">
        <v>16</v>
      </c>
      <c r="BS2370" s="6">
        <v>16</v>
      </c>
      <c r="BT2370" s="6">
        <v>14</v>
      </c>
      <c r="BU2370" s="6">
        <v>14</v>
      </c>
      <c r="BV2370" s="6">
        <v>16</v>
      </c>
      <c r="BW2370" s="6">
        <v>17</v>
      </c>
      <c r="BX2370" s="6">
        <v>18</v>
      </c>
      <c r="BY2370" s="6">
        <v>16</v>
      </c>
      <c r="BZ2370" s="6">
        <v>16</v>
      </c>
      <c r="CA2370" s="6">
        <v>18</v>
      </c>
      <c r="CB2370" s="6">
        <v>19</v>
      </c>
      <c r="CC2370" s="11">
        <v>19</v>
      </c>
      <c r="CD2370" s="11">
        <v>-45.1434</v>
      </c>
      <c r="CE2370" s="11">
        <v>-24.642800000000001</v>
      </c>
      <c r="CF2370" s="11">
        <v>22.2393</v>
      </c>
      <c r="CG2370" s="11">
        <v>-3</v>
      </c>
      <c r="CH2370" s="20">
        <v>1.08901</v>
      </c>
      <c r="CI2370" s="20">
        <v>1.0545899999999999</v>
      </c>
      <c r="CJ2370" s="20">
        <v>1.006</v>
      </c>
      <c r="CK2370" s="20">
        <v>0.97873699999999997</v>
      </c>
      <c r="CL2370" s="20">
        <v>0.99265899999999996</v>
      </c>
      <c r="CM2370" s="20">
        <v>0.85963599999999996</v>
      </c>
      <c r="CN2370" s="20">
        <v>0.86979700000000004</v>
      </c>
      <c r="CO2370" s="20">
        <v>0.91237199999999996</v>
      </c>
      <c r="CP2370" s="20">
        <v>1.04376</v>
      </c>
      <c r="CQ2370" s="20">
        <v>1.05932</v>
      </c>
      <c r="CR2370" s="20">
        <v>0.81793000000000005</v>
      </c>
      <c r="CS2370" s="20">
        <v>0.84953299999999998</v>
      </c>
      <c r="CT2370" s="20">
        <v>0.83272500000000005</v>
      </c>
      <c r="CU2370" s="20">
        <v>0.90619300000000003</v>
      </c>
      <c r="CV2370" s="20">
        <v>0.911134</v>
      </c>
      <c r="CW2370" s="20">
        <v>0.85207500000000003</v>
      </c>
      <c r="CX2370" s="20">
        <v>0.85073900000000002</v>
      </c>
      <c r="CY2370" s="6" t="s">
        <v>732</v>
      </c>
      <c r="CZ2370" s="6" t="s">
        <v>733</v>
      </c>
      <c r="DA2370" s="6" t="s">
        <v>73</v>
      </c>
      <c r="DB2370" s="6"/>
      <c r="DC2370" s="6"/>
      <c r="DD2370" s="6"/>
      <c r="DE2370" s="6"/>
      <c r="DF2370" s="6"/>
      <c r="DG2370" s="6"/>
      <c r="DH2370" s="6" t="s">
        <v>333</v>
      </c>
      <c r="DI2370" s="6"/>
      <c r="DJ2370" s="6"/>
      <c r="DK2370" s="6"/>
      <c r="DL2370" s="6">
        <v>10</v>
      </c>
      <c r="DM2370" s="6" t="s">
        <v>383</v>
      </c>
      <c r="DN2370" s="6">
        <v>9</v>
      </c>
      <c r="DO2370" s="6" t="s">
        <v>384</v>
      </c>
      <c r="DP2370" s="6"/>
      <c r="DQ2370" s="6"/>
    </row>
    <row r="2371" spans="1:121" x14ac:dyDescent="0.2">
      <c r="A2371" s="6" t="s">
        <v>792</v>
      </c>
      <c r="B2371" s="6" t="s">
        <v>176</v>
      </c>
      <c r="C2371" s="6" t="s">
        <v>177</v>
      </c>
      <c r="D2371" s="6" t="s">
        <v>73</v>
      </c>
      <c r="E2371" s="6" t="s">
        <v>214</v>
      </c>
      <c r="F2371" s="11">
        <v>-102</v>
      </c>
      <c r="G2371" s="13">
        <v>-0.22417582417599999</v>
      </c>
      <c r="H2371" s="11">
        <v>-89.461752546000014</v>
      </c>
      <c r="I2371" s="13">
        <v>-0.19661998647397275</v>
      </c>
      <c r="J2371" s="11">
        <v>21.213704231999998</v>
      </c>
      <c r="K2371" s="13">
        <v>5.8034433107610008E-2</v>
      </c>
      <c r="L2371" s="11">
        <v>-33.906469264000009</v>
      </c>
      <c r="M2371" s="13">
        <v>-8.7670201267515777E-2</v>
      </c>
      <c r="N2371" s="11">
        <v>-12.692765032000011</v>
      </c>
      <c r="O2371" s="13">
        <v>-3.4723658590896114E-2</v>
      </c>
      <c r="P2371" s="7">
        <v>454.99826416600001</v>
      </c>
      <c r="Q2371" s="7">
        <v>390.56176401599998</v>
      </c>
      <c r="R2371" s="7">
        <v>432.47936964100001</v>
      </c>
      <c r="S2371" s="7">
        <v>419.999663123</v>
      </c>
      <c r="T2371" s="7">
        <v>438.85268803899999</v>
      </c>
      <c r="U2371" s="7">
        <v>413.30129928899999</v>
      </c>
      <c r="V2371" s="7">
        <v>365.53651162</v>
      </c>
      <c r="W2371" s="7">
        <v>362.21931672400001</v>
      </c>
      <c r="X2371" s="7">
        <v>341.39355308699999</v>
      </c>
      <c r="Y2371" s="7">
        <v>386.750215852</v>
      </c>
      <c r="Z2371" s="7">
        <v>407.13461951300002</v>
      </c>
      <c r="AA2371" s="7">
        <v>370.52527281699997</v>
      </c>
      <c r="AB2371" s="7">
        <v>375.24986284800002</v>
      </c>
      <c r="AC2371" s="7">
        <v>365.78703615000001</v>
      </c>
      <c r="AD2371" s="7">
        <v>355.0765528</v>
      </c>
      <c r="AE2371" s="7">
        <v>346.90170861000001</v>
      </c>
      <c r="AF2371" s="7">
        <v>352.84374658799999</v>
      </c>
      <c r="AG2371" s="9">
        <v>11405.323594400001</v>
      </c>
      <c r="AH2371" s="13">
        <v>0.54552541908273833</v>
      </c>
      <c r="AI2371" s="9">
        <v>9360.7771778999995</v>
      </c>
      <c r="AJ2371" s="13">
        <v>0.44773318798436679</v>
      </c>
      <c r="AK2371" s="9">
        <v>425.78808779999963</v>
      </c>
      <c r="AL2371" s="13">
        <v>1.4067352063641176E-2</v>
      </c>
      <c r="AM2371" s="9">
        <v>1618.7583287000016</v>
      </c>
      <c r="AN2371" s="13">
        <v>5.273926399749717E-2</v>
      </c>
      <c r="AO2371" s="9">
        <v>2044.5464165000012</v>
      </c>
      <c r="AP2371" s="13">
        <v>6.7548517855368459E-2</v>
      </c>
      <c r="AQ2371" s="9">
        <v>20907.0433667</v>
      </c>
      <c r="AR2371" s="9">
        <v>22003.405306500001</v>
      </c>
      <c r="AS2371" s="9">
        <v>23193.050920999998</v>
      </c>
      <c r="AT2371" s="9">
        <v>24318.229216600001</v>
      </c>
      <c r="AU2371" s="9">
        <v>23808.0430667</v>
      </c>
      <c r="AV2371" s="9">
        <v>26300.944184700002</v>
      </c>
      <c r="AW2371" s="9">
        <v>30267.820544599999</v>
      </c>
      <c r="AX2371" s="9">
        <v>29234.497614899999</v>
      </c>
      <c r="AY2371" s="9">
        <v>29402.7118367</v>
      </c>
      <c r="AZ2371" s="9">
        <v>30693.608632399999</v>
      </c>
      <c r="BA2371" s="9">
        <v>31207.030294</v>
      </c>
      <c r="BB2371" s="9">
        <v>29759.2882852</v>
      </c>
      <c r="BC2371" s="9">
        <v>28912.933462500001</v>
      </c>
      <c r="BD2371" s="9">
        <v>28833.741938700001</v>
      </c>
      <c r="BE2371" s="9">
        <v>30518.5737381</v>
      </c>
      <c r="BF2371" s="9">
        <v>32312.3669611</v>
      </c>
      <c r="BG2371" s="11">
        <v>-10.25</v>
      </c>
      <c r="BH2371" s="13">
        <v>-0.34166666666666667</v>
      </c>
      <c r="BI2371" s="6">
        <v>-5</v>
      </c>
      <c r="BJ2371" s="13">
        <v>-0.16666666666666666</v>
      </c>
      <c r="BK2371" s="6">
        <v>1</v>
      </c>
      <c r="BL2371" s="13">
        <v>0.04</v>
      </c>
      <c r="BM2371" s="11">
        <v>-6.25</v>
      </c>
      <c r="BN2371" s="13">
        <v>-0.24038461538461539</v>
      </c>
      <c r="BO2371" s="11">
        <v>-5.25</v>
      </c>
      <c r="BP2371" s="13">
        <v>-0.21</v>
      </c>
      <c r="BQ2371" s="6">
        <v>30</v>
      </c>
      <c r="BR2371" s="6">
        <v>28</v>
      </c>
      <c r="BS2371" s="6">
        <v>29</v>
      </c>
      <c r="BT2371" s="6">
        <v>25</v>
      </c>
      <c r="BU2371" s="6">
        <v>24</v>
      </c>
      <c r="BV2371" s="6">
        <v>24</v>
      </c>
      <c r="BW2371" s="6">
        <v>26</v>
      </c>
      <c r="BX2371" s="6">
        <v>24</v>
      </c>
      <c r="BY2371" s="6">
        <v>23</v>
      </c>
      <c r="BZ2371" s="6">
        <v>26</v>
      </c>
      <c r="CA2371" s="6">
        <v>24</v>
      </c>
      <c r="CB2371" s="6">
        <v>21</v>
      </c>
      <c r="CC2371" s="11">
        <v>19.75</v>
      </c>
      <c r="CD2371" s="11">
        <v>8.7129300000000001</v>
      </c>
      <c r="CE2371" s="11">
        <v>-160.60400000000001</v>
      </c>
      <c r="CF2371" s="11">
        <v>49.736800000000002</v>
      </c>
      <c r="CG2371" s="11">
        <v>-111</v>
      </c>
      <c r="CH2371" s="20">
        <v>1.27216</v>
      </c>
      <c r="CI2371" s="20">
        <v>1.11677</v>
      </c>
      <c r="CJ2371" s="20">
        <v>1.2645</v>
      </c>
      <c r="CK2371" s="20">
        <v>1.2805599999999999</v>
      </c>
      <c r="CL2371" s="20">
        <v>1.3401799999999999</v>
      </c>
      <c r="CM2371" s="20">
        <v>1.3209</v>
      </c>
      <c r="CN2371" s="20">
        <v>1.1952100000000001</v>
      </c>
      <c r="CO2371" s="20">
        <v>1.21689</v>
      </c>
      <c r="CP2371" s="20">
        <v>1.2283500000000001</v>
      </c>
      <c r="CQ2371" s="20">
        <v>1.3671</v>
      </c>
      <c r="CR2371" s="20">
        <v>1.4516</v>
      </c>
      <c r="CS2371" s="20">
        <v>1.3698900000000001</v>
      </c>
      <c r="CT2371" s="20">
        <v>1.4372400000000001</v>
      </c>
      <c r="CU2371" s="20">
        <v>1.40462</v>
      </c>
      <c r="CV2371" s="20">
        <v>1.3241799999999999</v>
      </c>
      <c r="CW2371" s="20">
        <v>1.30657</v>
      </c>
      <c r="CX2371" s="20">
        <v>1.3140400000000001</v>
      </c>
      <c r="CY2371" s="6" t="s">
        <v>732</v>
      </c>
      <c r="CZ2371" s="6" t="s">
        <v>733</v>
      </c>
      <c r="DA2371" s="6" t="s">
        <v>73</v>
      </c>
      <c r="DB2371" s="6"/>
      <c r="DC2371" s="6"/>
      <c r="DD2371" s="6"/>
      <c r="DE2371" s="6"/>
      <c r="DF2371" s="6"/>
      <c r="DG2371" s="6"/>
      <c r="DH2371" s="6" t="s">
        <v>333</v>
      </c>
      <c r="DI2371" s="6"/>
      <c r="DJ2371" s="6"/>
      <c r="DK2371" s="6"/>
      <c r="DL2371" s="6">
        <v>10</v>
      </c>
      <c r="DM2371" s="6" t="s">
        <v>383</v>
      </c>
      <c r="DN2371" s="6">
        <v>9</v>
      </c>
      <c r="DO2371" s="6" t="s">
        <v>384</v>
      </c>
      <c r="DP2371" s="6"/>
      <c r="DQ2371" s="6"/>
    </row>
    <row r="2372" spans="1:121" x14ac:dyDescent="0.2">
      <c r="A2372" s="6" t="s">
        <v>313</v>
      </c>
      <c r="B2372" s="6" t="s">
        <v>313</v>
      </c>
      <c r="C2372" s="6" t="s">
        <v>178</v>
      </c>
      <c r="D2372" s="6" t="s">
        <v>73</v>
      </c>
      <c r="E2372" s="6" t="s">
        <v>214</v>
      </c>
      <c r="F2372" s="11">
        <v>1</v>
      </c>
      <c r="G2372" s="13">
        <v>1</v>
      </c>
      <c r="H2372" s="11">
        <v>0.32309662769999647</v>
      </c>
      <c r="I2372" s="13">
        <v>9.8998409536887166E-3</v>
      </c>
      <c r="J2372" s="11">
        <v>-27.959643943099998</v>
      </c>
      <c r="K2372" s="13">
        <v>-0.8482993320974046</v>
      </c>
      <c r="L2372" s="11">
        <v>0</v>
      </c>
      <c r="M2372" s="13">
        <v>0</v>
      </c>
      <c r="N2372" s="11">
        <v>-27.959643943099998</v>
      </c>
      <c r="O2372" s="13">
        <v>-0.8482993320974046</v>
      </c>
      <c r="P2372" s="7">
        <v>32.636547315400001</v>
      </c>
      <c r="Q2372" s="7">
        <v>32.840253365999999</v>
      </c>
      <c r="R2372" s="7">
        <v>32.002070403399998</v>
      </c>
      <c r="S2372" s="7">
        <v>29.772952194799998</v>
      </c>
      <c r="T2372" s="7">
        <v>21.897172759899998</v>
      </c>
      <c r="U2372" s="7">
        <v>31.590054713400001</v>
      </c>
      <c r="V2372" s="7">
        <v>32.959643943099998</v>
      </c>
      <c r="W2372" s="7">
        <v>33.833180587400001</v>
      </c>
      <c r="X2372" s="7">
        <v>37.826130459700003</v>
      </c>
      <c r="Y2372" s="7">
        <v>5</v>
      </c>
      <c r="Z2372" s="7">
        <v>11.569223408299999</v>
      </c>
      <c r="AA2372" s="7">
        <v>11.045713490300001</v>
      </c>
      <c r="AB2372" s="7">
        <v>5</v>
      </c>
      <c r="AC2372" s="7">
        <v>5</v>
      </c>
      <c r="AD2372" s="7">
        <v>5</v>
      </c>
      <c r="AE2372" s="7">
        <v>5</v>
      </c>
      <c r="AF2372" s="7">
        <v>5</v>
      </c>
      <c r="AG2372" s="9">
        <v>-20672.500328999999</v>
      </c>
      <c r="AH2372" s="13">
        <v>-0.99995162889766676</v>
      </c>
      <c r="AI2372" s="9">
        <v>8153.6879129000008</v>
      </c>
      <c r="AJ2372" s="13">
        <v>0.39440287242805794</v>
      </c>
      <c r="AK2372" s="9">
        <v>-28826.188241899999</v>
      </c>
      <c r="AL2372" s="13">
        <v>-0.99996531052589632</v>
      </c>
      <c r="AM2372" s="9">
        <v>0</v>
      </c>
      <c r="AN2372" s="13">
        <v>0</v>
      </c>
      <c r="AO2372" s="9">
        <v>-28826.188241899999</v>
      </c>
      <c r="AP2372" s="13">
        <v>-0.99996531052589632</v>
      </c>
      <c r="AQ2372" s="9">
        <v>20673.500328999999</v>
      </c>
      <c r="AR2372" s="9">
        <v>28481.886892499999</v>
      </c>
      <c r="AS2372" s="9">
        <v>20209.636124799999</v>
      </c>
      <c r="AT2372" s="9">
        <v>23933.479380000001</v>
      </c>
      <c r="AU2372" s="9">
        <v>26675.2604316</v>
      </c>
      <c r="AV2372" s="9">
        <v>25847.270965</v>
      </c>
      <c r="AW2372" s="9">
        <v>28827.188241899999</v>
      </c>
      <c r="AX2372" s="9">
        <v>26684.576752100002</v>
      </c>
      <c r="AY2372" s="9">
        <v>29014.366120300001</v>
      </c>
      <c r="AZ2372" s="9">
        <v>1</v>
      </c>
      <c r="BA2372" s="9">
        <v>23437.838588099999</v>
      </c>
      <c r="BB2372" s="9">
        <v>24093.603109</v>
      </c>
      <c r="BC2372" s="9">
        <v>1</v>
      </c>
      <c r="BD2372" s="9">
        <v>1</v>
      </c>
      <c r="BE2372" s="9">
        <v>1</v>
      </c>
      <c r="BF2372" s="9">
        <v>1</v>
      </c>
      <c r="BG2372" s="11">
        <v>-5.25</v>
      </c>
      <c r="BH2372" s="13">
        <v>-0.58333333333333337</v>
      </c>
      <c r="BI2372" s="6">
        <v>1</v>
      </c>
      <c r="BJ2372" s="13">
        <v>0.1111111111111111</v>
      </c>
      <c r="BK2372" s="6">
        <v>-3</v>
      </c>
      <c r="BL2372" s="13">
        <v>-0.3</v>
      </c>
      <c r="BM2372" s="11">
        <v>-3.25</v>
      </c>
      <c r="BN2372" s="13">
        <v>-0.4642857142857143</v>
      </c>
      <c r="BO2372" s="11">
        <v>-6.25</v>
      </c>
      <c r="BP2372" s="13">
        <v>-0.625</v>
      </c>
      <c r="BQ2372" s="6">
        <v>9</v>
      </c>
      <c r="BR2372" s="6">
        <v>9</v>
      </c>
      <c r="BS2372" s="6">
        <v>10</v>
      </c>
      <c r="BT2372" s="6">
        <v>10</v>
      </c>
      <c r="BU2372" s="6">
        <v>8</v>
      </c>
      <c r="BV2372" s="6">
        <v>10</v>
      </c>
      <c r="BW2372" s="6">
        <v>7</v>
      </c>
      <c r="BX2372" s="6">
        <v>7</v>
      </c>
      <c r="BY2372" s="6">
        <v>6</v>
      </c>
      <c r="BZ2372" s="6">
        <v>6</v>
      </c>
      <c r="CA2372" s="6">
        <v>4</v>
      </c>
      <c r="CB2372" s="6">
        <v>3</v>
      </c>
      <c r="CC2372" s="11">
        <v>3.75</v>
      </c>
      <c r="CD2372" s="11">
        <v>-25.7667</v>
      </c>
      <c r="CE2372" s="11">
        <v>-2.6686100000000001</v>
      </c>
      <c r="CF2372" s="11">
        <v>3.5675699999999999</v>
      </c>
      <c r="CG2372" s="11">
        <v>1</v>
      </c>
      <c r="CH2372" s="20">
        <v>0.25626500000000002</v>
      </c>
      <c r="CI2372" s="20">
        <v>0.25046499999999999</v>
      </c>
      <c r="CJ2372" s="20">
        <v>0.23857</v>
      </c>
      <c r="CK2372" s="20">
        <v>0.22597300000000001</v>
      </c>
      <c r="CL2372" s="20">
        <v>0.16251499999999999</v>
      </c>
      <c r="CM2372" s="20">
        <v>0.238732</v>
      </c>
      <c r="CN2372" s="20">
        <v>0.245809</v>
      </c>
      <c r="CO2372" s="20">
        <v>0.252612</v>
      </c>
      <c r="CP2372" s="20">
        <v>0.28592600000000001</v>
      </c>
      <c r="CQ2372" s="20">
        <v>7.3479199999999995E-2</v>
      </c>
      <c r="CR2372" s="20">
        <v>8.61711E-2</v>
      </c>
      <c r="CS2372" s="20">
        <v>8.5212300000000005E-2</v>
      </c>
      <c r="CT2372" s="20">
        <v>4.9343199999999997E-2</v>
      </c>
      <c r="CU2372" s="20">
        <v>4.83122E-2</v>
      </c>
      <c r="CV2372" s="20">
        <v>5.1877899999999998E-2</v>
      </c>
      <c r="CW2372" s="20">
        <v>5.9838299999999997E-2</v>
      </c>
      <c r="CX2372" s="20">
        <v>5.9806400000000003E-2</v>
      </c>
      <c r="CY2372" s="6" t="s">
        <v>732</v>
      </c>
      <c r="CZ2372" s="6" t="s">
        <v>733</v>
      </c>
      <c r="DA2372" s="6" t="s">
        <v>73</v>
      </c>
      <c r="DB2372" s="6"/>
      <c r="DC2372" s="6"/>
      <c r="DD2372" s="6"/>
      <c r="DE2372" s="6"/>
      <c r="DF2372" s="6"/>
      <c r="DG2372" s="6"/>
      <c r="DH2372" s="6" t="s">
        <v>333</v>
      </c>
      <c r="DI2372" s="6"/>
      <c r="DJ2372" s="6"/>
      <c r="DK2372" s="6"/>
      <c r="DL2372" s="6">
        <v>10</v>
      </c>
      <c r="DM2372" s="6" t="s">
        <v>383</v>
      </c>
      <c r="DN2372" s="6">
        <v>9</v>
      </c>
      <c r="DO2372" s="6" t="s">
        <v>384</v>
      </c>
      <c r="DP2372" s="6"/>
      <c r="DQ2372" s="6"/>
    </row>
    <row r="2373" spans="1:121" x14ac:dyDescent="0.2">
      <c r="A2373" s="6" t="s">
        <v>793</v>
      </c>
      <c r="B2373" s="6" t="s">
        <v>179</v>
      </c>
      <c r="C2373" s="6" t="s">
        <v>180</v>
      </c>
      <c r="D2373" s="6" t="s">
        <v>73</v>
      </c>
      <c r="E2373" s="6" t="s">
        <v>214</v>
      </c>
      <c r="F2373" s="11">
        <v>-43</v>
      </c>
      <c r="G2373" s="13">
        <v>-0.09</v>
      </c>
      <c r="H2373" s="11">
        <v>-24</v>
      </c>
      <c r="I2373" s="13">
        <v>-5.2060737527114966E-2</v>
      </c>
      <c r="J2373" s="11">
        <v>4</v>
      </c>
      <c r="K2373" s="13">
        <v>9.1533180778032037E-3</v>
      </c>
      <c r="L2373" s="11">
        <v>-23</v>
      </c>
      <c r="M2373" s="13">
        <v>-5.2154195011337869E-2</v>
      </c>
      <c r="N2373" s="11">
        <v>-19</v>
      </c>
      <c r="O2373" s="13">
        <v>-4.3478260869565216E-2</v>
      </c>
      <c r="P2373" s="7">
        <v>461</v>
      </c>
      <c r="Q2373" s="7">
        <v>466</v>
      </c>
      <c r="R2373" s="7">
        <v>467</v>
      </c>
      <c r="S2373" s="7">
        <v>473</v>
      </c>
      <c r="T2373" s="7">
        <v>493</v>
      </c>
      <c r="U2373" s="7">
        <v>448</v>
      </c>
      <c r="V2373" s="7">
        <v>437</v>
      </c>
      <c r="W2373" s="7">
        <v>441</v>
      </c>
      <c r="X2373" s="7">
        <v>423</v>
      </c>
      <c r="Y2373" s="7">
        <v>441</v>
      </c>
      <c r="Z2373" s="7">
        <v>417</v>
      </c>
      <c r="AA2373" s="7">
        <v>416</v>
      </c>
      <c r="AB2373" s="7">
        <v>393</v>
      </c>
      <c r="AC2373" s="7">
        <v>400</v>
      </c>
      <c r="AD2373" s="7">
        <v>418</v>
      </c>
      <c r="AE2373" s="7">
        <v>415</v>
      </c>
      <c r="AF2373" s="7">
        <v>418</v>
      </c>
      <c r="AG2373" s="9">
        <v>5727</v>
      </c>
      <c r="AH2373" s="13">
        <v>0.31672381373741842</v>
      </c>
      <c r="AI2373" s="9">
        <v>4172</v>
      </c>
      <c r="AJ2373" s="13">
        <v>0.23072668952549497</v>
      </c>
      <c r="AK2373" s="9">
        <v>-359</v>
      </c>
      <c r="AL2373" s="13">
        <v>-1.6131931338186394E-2</v>
      </c>
      <c r="AM2373" s="9">
        <v>1914</v>
      </c>
      <c r="AN2373" s="13">
        <v>8.7417218543046363E-2</v>
      </c>
      <c r="AO2373" s="9">
        <v>1555</v>
      </c>
      <c r="AP2373" s="13">
        <v>6.9875078637548299E-2</v>
      </c>
      <c r="AQ2373" s="9">
        <v>18082</v>
      </c>
      <c r="AR2373" s="9">
        <v>18606</v>
      </c>
      <c r="AS2373" s="9">
        <v>18745</v>
      </c>
      <c r="AT2373" s="9">
        <v>18672</v>
      </c>
      <c r="AU2373" s="9">
        <v>19212</v>
      </c>
      <c r="AV2373" s="9">
        <v>20357</v>
      </c>
      <c r="AW2373" s="9">
        <v>22254</v>
      </c>
      <c r="AX2373" s="9">
        <v>21984</v>
      </c>
      <c r="AY2373" s="9">
        <v>22138</v>
      </c>
      <c r="AZ2373" s="9">
        <v>21895</v>
      </c>
      <c r="BA2373" s="9">
        <v>22561</v>
      </c>
      <c r="BB2373" s="9">
        <v>23128</v>
      </c>
      <c r="BC2373" s="9">
        <v>24280</v>
      </c>
      <c r="BD2373" s="9">
        <v>23260</v>
      </c>
      <c r="BE2373" s="9">
        <v>23100</v>
      </c>
      <c r="BF2373" s="9">
        <v>23809</v>
      </c>
      <c r="BG2373" s="11">
        <v>-11</v>
      </c>
      <c r="BH2373" s="13">
        <v>-0.25</v>
      </c>
      <c r="BI2373" s="6">
        <v>-4</v>
      </c>
      <c r="BJ2373" s="13">
        <v>-9.0909090909090912E-2</v>
      </c>
      <c r="BK2373" s="6">
        <v>-1</v>
      </c>
      <c r="BL2373" s="13">
        <v>-2.5000000000000001E-2</v>
      </c>
      <c r="BM2373" s="11">
        <v>-6</v>
      </c>
      <c r="BN2373" s="13">
        <v>-0.15384615384615385</v>
      </c>
      <c r="BO2373" s="11">
        <v>-7</v>
      </c>
      <c r="BP2373" s="13">
        <v>-0.17499999999999999</v>
      </c>
      <c r="BQ2373" s="6">
        <v>44</v>
      </c>
      <c r="BR2373" s="6">
        <v>45</v>
      </c>
      <c r="BS2373" s="6">
        <v>41</v>
      </c>
      <c r="BT2373" s="6">
        <v>40</v>
      </c>
      <c r="BU2373" s="6">
        <v>39</v>
      </c>
      <c r="BV2373" s="6">
        <v>36</v>
      </c>
      <c r="BW2373" s="6">
        <v>39</v>
      </c>
      <c r="BX2373" s="6">
        <v>39</v>
      </c>
      <c r="BY2373" s="6">
        <v>37</v>
      </c>
      <c r="BZ2373" s="6">
        <v>38</v>
      </c>
      <c r="CA2373" s="6">
        <v>36</v>
      </c>
      <c r="CB2373" s="6">
        <v>34</v>
      </c>
      <c r="CC2373" s="11">
        <v>33</v>
      </c>
      <c r="CD2373" s="11">
        <v>-64</v>
      </c>
      <c r="CE2373" s="11">
        <v>-30</v>
      </c>
      <c r="CF2373" s="11">
        <v>50</v>
      </c>
      <c r="CG2373" s="11">
        <v>20</v>
      </c>
      <c r="CH2373" s="20">
        <v>1.35</v>
      </c>
      <c r="CI2373" s="20">
        <v>1.3</v>
      </c>
      <c r="CJ2373" s="20">
        <v>1.28</v>
      </c>
      <c r="CK2373" s="20">
        <v>1.32</v>
      </c>
      <c r="CL2373" s="20">
        <v>1.36</v>
      </c>
      <c r="CM2373" s="20">
        <v>1.28</v>
      </c>
      <c r="CN2373" s="20">
        <v>1.24</v>
      </c>
      <c r="CO2373" s="20">
        <v>1.26</v>
      </c>
      <c r="CP2373" s="20">
        <v>1.2</v>
      </c>
      <c r="CQ2373" s="20">
        <v>1.21</v>
      </c>
      <c r="CR2373" s="20">
        <v>1.1599999999999999</v>
      </c>
      <c r="CS2373" s="20">
        <v>1.2</v>
      </c>
      <c r="CT2373" s="20">
        <v>1.17</v>
      </c>
      <c r="CU2373" s="20">
        <v>1.19</v>
      </c>
      <c r="CV2373" s="20">
        <v>1.2</v>
      </c>
      <c r="CW2373" s="20">
        <v>1.19</v>
      </c>
      <c r="CX2373" s="20">
        <v>1.18</v>
      </c>
      <c r="CY2373" s="6" t="s">
        <v>732</v>
      </c>
      <c r="CZ2373" s="6" t="s">
        <v>733</v>
      </c>
      <c r="DA2373" s="6" t="s">
        <v>73</v>
      </c>
      <c r="DB2373" s="6"/>
      <c r="DC2373" s="6"/>
      <c r="DD2373" s="6"/>
      <c r="DE2373" s="6"/>
      <c r="DF2373" s="6"/>
      <c r="DG2373" s="6"/>
      <c r="DH2373" s="6" t="s">
        <v>333</v>
      </c>
      <c r="DI2373" s="6"/>
      <c r="DJ2373" s="6"/>
      <c r="DK2373" s="6"/>
      <c r="DL2373" s="6">
        <v>10</v>
      </c>
      <c r="DM2373" s="6" t="s">
        <v>383</v>
      </c>
      <c r="DN2373" s="6">
        <v>9</v>
      </c>
      <c r="DO2373" s="6" t="s">
        <v>384</v>
      </c>
      <c r="DP2373" s="6"/>
      <c r="DQ2373" s="6"/>
    </row>
    <row r="2374" spans="1:121" x14ac:dyDescent="0.2">
      <c r="A2374" s="6" t="s">
        <v>794</v>
      </c>
      <c r="B2374" s="6" t="s">
        <v>181</v>
      </c>
      <c r="C2374" s="6" t="s">
        <v>182</v>
      </c>
      <c r="D2374" s="6" t="s">
        <v>73</v>
      </c>
      <c r="E2374" s="6" t="s">
        <v>214</v>
      </c>
      <c r="F2374" s="11">
        <v>22</v>
      </c>
      <c r="G2374" s="13">
        <v>0.282051282051</v>
      </c>
      <c r="H2374" s="11">
        <v>28.452186877900004</v>
      </c>
      <c r="I2374" s="13">
        <v>0.36598937111343521</v>
      </c>
      <c r="J2374" s="11">
        <v>-17.264888973300003</v>
      </c>
      <c r="K2374" s="13">
        <v>-0.16258081273141026</v>
      </c>
      <c r="L2374" s="11">
        <v>11.067709925200006</v>
      </c>
      <c r="M2374" s="13">
        <v>0.12445729600617844</v>
      </c>
      <c r="N2374" s="11">
        <v>-6.1971790480999971</v>
      </c>
      <c r="O2374" s="13">
        <v>-5.8357885060270023E-2</v>
      </c>
      <c r="P2374" s="7">
        <v>77.740473149099998</v>
      </c>
      <c r="Q2374" s="7">
        <v>80.302681492700003</v>
      </c>
      <c r="R2374" s="7">
        <v>97.857058709699999</v>
      </c>
      <c r="S2374" s="7">
        <v>116.468831962</v>
      </c>
      <c r="T2374" s="7">
        <v>114.636029143</v>
      </c>
      <c r="U2374" s="7">
        <v>104.243108662</v>
      </c>
      <c r="V2374" s="7">
        <v>106.192660027</v>
      </c>
      <c r="W2374" s="7">
        <v>91.554091235499996</v>
      </c>
      <c r="X2374" s="7">
        <v>83.017192418899995</v>
      </c>
      <c r="Y2374" s="7">
        <v>88.927771053699999</v>
      </c>
      <c r="Z2374" s="7">
        <v>92.412793610899996</v>
      </c>
      <c r="AA2374" s="7">
        <v>87.197525533800004</v>
      </c>
      <c r="AB2374" s="7">
        <v>99.057525217099993</v>
      </c>
      <c r="AC2374" s="7">
        <v>93.607310468400001</v>
      </c>
      <c r="AD2374" s="7">
        <v>93.511316276499997</v>
      </c>
      <c r="AE2374" s="7">
        <v>96.659704415299998</v>
      </c>
      <c r="AF2374" s="7">
        <v>99.995480978900005</v>
      </c>
      <c r="AG2374" s="9">
        <v>24505.196312199998</v>
      </c>
      <c r="AH2374" s="13">
        <v>0.83058734195198258</v>
      </c>
      <c r="AI2374" s="9">
        <v>11881.9752023</v>
      </c>
      <c r="AJ2374" s="13">
        <v>0.40273165228651531</v>
      </c>
      <c r="AK2374" s="9">
        <v>4160.9177401999987</v>
      </c>
      <c r="AL2374" s="13">
        <v>0.10054064230747652</v>
      </c>
      <c r="AM2374" s="9">
        <v>8462.3033696999992</v>
      </c>
      <c r="AN2374" s="13">
        <v>0.18579543128768097</v>
      </c>
      <c r="AO2374" s="9">
        <v>12623.221109899998</v>
      </c>
      <c r="AP2374" s="13">
        <v>0.30501606559461558</v>
      </c>
      <c r="AQ2374" s="9">
        <v>29503.455054599999</v>
      </c>
      <c r="AR2374" s="9">
        <v>33041.430786999998</v>
      </c>
      <c r="AS2374" s="9">
        <v>34603.356764099997</v>
      </c>
      <c r="AT2374" s="9">
        <v>35059.662323099998</v>
      </c>
      <c r="AU2374" s="9">
        <v>34477.815289799997</v>
      </c>
      <c r="AV2374" s="9">
        <v>38334.1976239</v>
      </c>
      <c r="AW2374" s="9">
        <v>41385.430256899999</v>
      </c>
      <c r="AX2374" s="9">
        <v>43796.418274299998</v>
      </c>
      <c r="AY2374" s="9">
        <v>43954.361628300001</v>
      </c>
      <c r="AZ2374" s="9">
        <v>45546.347997099998</v>
      </c>
      <c r="BA2374" s="9">
        <v>46133.034676499999</v>
      </c>
      <c r="BB2374" s="9">
        <v>51835.781299299997</v>
      </c>
      <c r="BC2374" s="9">
        <v>51684.284475</v>
      </c>
      <c r="BD2374" s="9">
        <v>55404.2284306</v>
      </c>
      <c r="BE2374" s="9">
        <v>55815.150810599996</v>
      </c>
      <c r="BF2374" s="9">
        <v>54008.651366799997</v>
      </c>
      <c r="BG2374" s="11">
        <v>-7.75</v>
      </c>
      <c r="BH2374" s="13">
        <v>-0.51666666666666672</v>
      </c>
      <c r="BI2374" s="6">
        <v>-2</v>
      </c>
      <c r="BJ2374" s="13">
        <v>-0.13333333333333333</v>
      </c>
      <c r="BK2374" s="6">
        <v>0</v>
      </c>
      <c r="BL2374" s="13">
        <v>0</v>
      </c>
      <c r="BM2374" s="11">
        <v>-5.75</v>
      </c>
      <c r="BN2374" s="13">
        <v>-0.44230769230769229</v>
      </c>
      <c r="BO2374" s="11">
        <v>-5.75</v>
      </c>
      <c r="BP2374" s="13">
        <v>-0.44230769230769229</v>
      </c>
      <c r="BQ2374" s="6">
        <v>15</v>
      </c>
      <c r="BR2374" s="6">
        <v>15</v>
      </c>
      <c r="BS2374" s="6">
        <v>14</v>
      </c>
      <c r="BT2374" s="6">
        <v>13</v>
      </c>
      <c r="BU2374" s="6">
        <v>13</v>
      </c>
      <c r="BV2374" s="6">
        <v>11</v>
      </c>
      <c r="BW2374" s="6">
        <v>13</v>
      </c>
      <c r="BX2374" s="6">
        <v>12</v>
      </c>
      <c r="BY2374" s="6">
        <v>8</v>
      </c>
      <c r="BZ2374" s="6">
        <v>6</v>
      </c>
      <c r="CA2374" s="6">
        <v>7</v>
      </c>
      <c r="CB2374" s="6">
        <v>7</v>
      </c>
      <c r="CC2374" s="11">
        <v>7.25</v>
      </c>
      <c r="CD2374" s="11">
        <v>8.85703</v>
      </c>
      <c r="CE2374" s="11">
        <v>4.90001</v>
      </c>
      <c r="CF2374" s="11">
        <v>8.4979700000000005</v>
      </c>
      <c r="CG2374" s="11">
        <v>13</v>
      </c>
      <c r="CH2374" s="20">
        <v>0.771123</v>
      </c>
      <c r="CI2374" s="20">
        <v>0.78024499999999997</v>
      </c>
      <c r="CJ2374" s="20">
        <v>0.93132999999999999</v>
      </c>
      <c r="CK2374" s="20">
        <v>1.1176699999999999</v>
      </c>
      <c r="CL2374" s="20">
        <v>1.0692699999999999</v>
      </c>
      <c r="CM2374" s="20">
        <v>0.98723000000000005</v>
      </c>
      <c r="CN2374" s="20">
        <v>0.99034199999999994</v>
      </c>
      <c r="CO2374" s="20">
        <v>0.85489199999999999</v>
      </c>
      <c r="CP2374" s="20">
        <v>0.78249999999999997</v>
      </c>
      <c r="CQ2374" s="20">
        <v>0.81036200000000003</v>
      </c>
      <c r="CR2374" s="20">
        <v>0.84207299999999996</v>
      </c>
      <c r="CS2374" s="20">
        <v>0.81973700000000005</v>
      </c>
      <c r="CT2374" s="20">
        <v>0.95348299999999997</v>
      </c>
      <c r="CU2374" s="20">
        <v>0.88433200000000001</v>
      </c>
      <c r="CV2374" s="20">
        <v>0.82911299999999999</v>
      </c>
      <c r="CW2374" s="20">
        <v>0.84561200000000003</v>
      </c>
      <c r="CX2374" s="20">
        <v>0.85233700000000001</v>
      </c>
      <c r="CY2374" s="6" t="s">
        <v>732</v>
      </c>
      <c r="CZ2374" s="6" t="s">
        <v>733</v>
      </c>
      <c r="DA2374" s="6" t="s">
        <v>73</v>
      </c>
      <c r="DB2374" s="6"/>
      <c r="DC2374" s="6"/>
      <c r="DD2374" s="6"/>
      <c r="DE2374" s="6"/>
      <c r="DF2374" s="6"/>
      <c r="DG2374" s="6"/>
      <c r="DH2374" s="6" t="s">
        <v>333</v>
      </c>
      <c r="DI2374" s="6"/>
      <c r="DJ2374" s="6"/>
      <c r="DK2374" s="6"/>
      <c r="DL2374" s="6">
        <v>10</v>
      </c>
      <c r="DM2374" s="6" t="s">
        <v>383</v>
      </c>
      <c r="DN2374" s="6">
        <v>9</v>
      </c>
      <c r="DO2374" s="6" t="s">
        <v>384</v>
      </c>
      <c r="DP2374" s="6"/>
      <c r="DQ2374" s="6"/>
    </row>
    <row r="2375" spans="1:121" x14ac:dyDescent="0.2">
      <c r="A2375" s="6" t="s">
        <v>314</v>
      </c>
      <c r="B2375" s="6" t="s">
        <v>314</v>
      </c>
      <c r="C2375" s="6" t="s">
        <v>183</v>
      </c>
      <c r="D2375" s="6" t="s">
        <v>73</v>
      </c>
      <c r="E2375" s="6" t="s">
        <v>214</v>
      </c>
      <c r="F2375" s="11">
        <v>41</v>
      </c>
      <c r="G2375" s="13">
        <v>0.46590909090900001</v>
      </c>
      <c r="H2375" s="11">
        <v>48.83718812059999</v>
      </c>
      <c r="I2375" s="13">
        <v>0.55653333441681452</v>
      </c>
      <c r="J2375" s="11">
        <v>23.909738901000026</v>
      </c>
      <c r="K2375" s="13">
        <v>0.17504791372174472</v>
      </c>
      <c r="L2375" s="11">
        <v>-31.665328746</v>
      </c>
      <c r="M2375" s="13">
        <v>-0.19729247951998025</v>
      </c>
      <c r="N2375" s="11">
        <v>-7.7555898449999745</v>
      </c>
      <c r="O2375" s="13">
        <v>-5.6780202731198097E-2</v>
      </c>
      <c r="P2375" s="7">
        <v>87.752494056399996</v>
      </c>
      <c r="Q2375" s="7">
        <v>99.067913561200001</v>
      </c>
      <c r="R2375" s="7">
        <v>103.30141651700001</v>
      </c>
      <c r="S2375" s="7">
        <v>110.89842716699999</v>
      </c>
      <c r="T2375" s="7">
        <v>112.820844059</v>
      </c>
      <c r="U2375" s="7">
        <v>126.14509184800001</v>
      </c>
      <c r="V2375" s="7">
        <v>136.58968217699999</v>
      </c>
      <c r="W2375" s="7">
        <v>145.87663276999999</v>
      </c>
      <c r="X2375" s="7">
        <v>108.229919397</v>
      </c>
      <c r="Y2375" s="7">
        <v>160.49942107800001</v>
      </c>
      <c r="Z2375" s="7">
        <v>174.950602812</v>
      </c>
      <c r="AA2375" s="7">
        <v>160.292761928</v>
      </c>
      <c r="AB2375" s="7">
        <v>149.77088886000001</v>
      </c>
      <c r="AC2375" s="7">
        <v>133.42602244299999</v>
      </c>
      <c r="AD2375" s="7">
        <v>129.718399011</v>
      </c>
      <c r="AE2375" s="7">
        <v>129.182849936</v>
      </c>
      <c r="AF2375" s="7">
        <v>128.83409233200001</v>
      </c>
      <c r="AG2375" s="9">
        <v>12507.687213199999</v>
      </c>
      <c r="AH2375" s="13">
        <v>0.29797997634635121</v>
      </c>
      <c r="AI2375" s="9">
        <v>-3484.2412613999986</v>
      </c>
      <c r="AJ2375" s="13">
        <v>-8.3007682472363967E-2</v>
      </c>
      <c r="AK2375" s="9">
        <v>9716.536821099995</v>
      </c>
      <c r="AL2375" s="13">
        <v>0.25243866388204328</v>
      </c>
      <c r="AM2375" s="9">
        <v>6275.3916535000026</v>
      </c>
      <c r="AN2375" s="13">
        <v>0.13017534628227381</v>
      </c>
      <c r="AO2375" s="9">
        <v>15991.928474599998</v>
      </c>
      <c r="AP2375" s="13">
        <v>0.41547530065019667</v>
      </c>
      <c r="AQ2375" s="9">
        <v>41974.9251831</v>
      </c>
      <c r="AR2375" s="9">
        <v>34273.869928499997</v>
      </c>
      <c r="AS2375" s="9">
        <v>32973.4034684</v>
      </c>
      <c r="AT2375" s="9">
        <v>33605.467612799999</v>
      </c>
      <c r="AU2375" s="9">
        <v>33813.773547999997</v>
      </c>
      <c r="AV2375" s="9">
        <v>35359.712809099998</v>
      </c>
      <c r="AW2375" s="9">
        <v>38490.683921700002</v>
      </c>
      <c r="AX2375" s="9">
        <v>40702.090877000002</v>
      </c>
      <c r="AY2375" s="9">
        <v>34235.052803500002</v>
      </c>
      <c r="AZ2375" s="9">
        <v>48207.220742799997</v>
      </c>
      <c r="BA2375" s="9">
        <v>45841.7322461</v>
      </c>
      <c r="BB2375" s="9">
        <v>50780.887666199997</v>
      </c>
      <c r="BC2375" s="9">
        <v>53501.242892299997</v>
      </c>
      <c r="BD2375" s="9">
        <v>53188.126345600002</v>
      </c>
      <c r="BE2375" s="9">
        <v>54460.844910899999</v>
      </c>
      <c r="BF2375" s="9">
        <v>54482.612396299999</v>
      </c>
      <c r="BG2375" s="11">
        <v>-2.25</v>
      </c>
      <c r="BH2375" s="13">
        <v>-0.375</v>
      </c>
      <c r="BI2375" s="6">
        <v>-1</v>
      </c>
      <c r="BJ2375" s="13">
        <v>-0.16666666666666666</v>
      </c>
      <c r="BK2375" s="6">
        <v>-1</v>
      </c>
      <c r="BL2375" s="13">
        <v>-0.2</v>
      </c>
      <c r="BM2375" s="11">
        <v>-0.25</v>
      </c>
      <c r="BN2375" s="13">
        <v>-6.25E-2</v>
      </c>
      <c r="BO2375" s="11">
        <v>-1.25</v>
      </c>
      <c r="BP2375" s="13">
        <v>-0.25</v>
      </c>
      <c r="BQ2375" s="6">
        <v>6</v>
      </c>
      <c r="BR2375" s="6">
        <v>6</v>
      </c>
      <c r="BS2375" s="6">
        <v>7</v>
      </c>
      <c r="BT2375" s="6">
        <v>5</v>
      </c>
      <c r="BU2375" s="6">
        <v>4</v>
      </c>
      <c r="BV2375" s="6">
        <v>4</v>
      </c>
      <c r="BW2375" s="6">
        <v>4</v>
      </c>
      <c r="BX2375" s="6">
        <v>4</v>
      </c>
      <c r="BY2375" s="6">
        <v>3</v>
      </c>
      <c r="BZ2375" s="6">
        <v>3</v>
      </c>
      <c r="CA2375" s="6">
        <v>4</v>
      </c>
      <c r="CB2375" s="6">
        <v>4</v>
      </c>
      <c r="CC2375" s="11">
        <v>3.75</v>
      </c>
      <c r="CD2375" s="11">
        <v>58.366900000000001</v>
      </c>
      <c r="CE2375" s="11">
        <v>-26.877800000000001</v>
      </c>
      <c r="CF2375" s="11">
        <v>9.5923999999999996</v>
      </c>
      <c r="CG2375" s="11">
        <v>-17</v>
      </c>
      <c r="CH2375" s="20">
        <v>1.10534</v>
      </c>
      <c r="CI2375" s="20">
        <v>1.2568299999999999</v>
      </c>
      <c r="CJ2375" s="20">
        <v>1.34039</v>
      </c>
      <c r="CK2375" s="20">
        <v>1.5122899999999999</v>
      </c>
      <c r="CL2375" s="20">
        <v>1.5521100000000001</v>
      </c>
      <c r="CM2375" s="20">
        <v>1.8145199999999999</v>
      </c>
      <c r="CN2375" s="20">
        <v>1.9790700000000001</v>
      </c>
      <c r="CO2375" s="20">
        <v>2.1346699999999998</v>
      </c>
      <c r="CP2375" s="20">
        <v>1.5911599999999999</v>
      </c>
      <c r="CQ2375" s="20">
        <v>2.3399100000000002</v>
      </c>
      <c r="CR2375" s="20">
        <v>2.6453799999999998</v>
      </c>
      <c r="CS2375" s="20">
        <v>2.5510799999999998</v>
      </c>
      <c r="CT2375" s="20">
        <v>2.4659</v>
      </c>
      <c r="CU2375" s="20">
        <v>2.2023899999999998</v>
      </c>
      <c r="CV2375" s="20">
        <v>2.0829399999999998</v>
      </c>
      <c r="CW2375" s="20">
        <v>2.06901</v>
      </c>
      <c r="CX2375" s="20">
        <v>2.0358700000000001</v>
      </c>
      <c r="CY2375" s="6" t="s">
        <v>732</v>
      </c>
      <c r="CZ2375" s="6" t="s">
        <v>733</v>
      </c>
      <c r="DA2375" s="6" t="s">
        <v>73</v>
      </c>
      <c r="DB2375" s="6"/>
      <c r="DC2375" s="6"/>
      <c r="DD2375" s="6"/>
      <c r="DE2375" s="6"/>
      <c r="DF2375" s="6"/>
      <c r="DG2375" s="6"/>
      <c r="DH2375" s="6" t="s">
        <v>333</v>
      </c>
      <c r="DI2375" s="6"/>
      <c r="DJ2375" s="6"/>
      <c r="DK2375" s="6"/>
      <c r="DL2375" s="6">
        <v>10</v>
      </c>
      <c r="DM2375" s="6" t="s">
        <v>383</v>
      </c>
      <c r="DN2375" s="6">
        <v>9</v>
      </c>
      <c r="DO2375" s="6" t="s">
        <v>384</v>
      </c>
      <c r="DP2375" s="6"/>
      <c r="DQ2375" s="6"/>
    </row>
    <row r="2376" spans="1:121" x14ac:dyDescent="0.2">
      <c r="A2376" s="6" t="s">
        <v>315</v>
      </c>
      <c r="B2376" s="6" t="s">
        <v>315</v>
      </c>
      <c r="C2376" s="6" t="s">
        <v>184</v>
      </c>
      <c r="D2376" s="6" t="s">
        <v>73</v>
      </c>
      <c r="E2376" s="6" t="s">
        <v>214</v>
      </c>
      <c r="F2376" s="11">
        <v>41</v>
      </c>
      <c r="G2376" s="13">
        <v>0.48</v>
      </c>
      <c r="H2376" s="11">
        <v>14</v>
      </c>
      <c r="I2376" s="13">
        <v>0.16279069767441862</v>
      </c>
      <c r="J2376" s="11">
        <v>-21</v>
      </c>
      <c r="K2376" s="13">
        <v>-0.21</v>
      </c>
      <c r="L2376" s="11">
        <v>48</v>
      </c>
      <c r="M2376" s="13">
        <v>0.60759493670886078</v>
      </c>
      <c r="N2376" s="11">
        <v>27</v>
      </c>
      <c r="O2376" s="13">
        <v>0.27</v>
      </c>
      <c r="P2376" s="7">
        <v>86</v>
      </c>
      <c r="Q2376" s="7">
        <v>91</v>
      </c>
      <c r="R2376" s="7">
        <v>88</v>
      </c>
      <c r="S2376" s="7">
        <v>84</v>
      </c>
      <c r="T2376" s="7">
        <v>94</v>
      </c>
      <c r="U2376" s="7">
        <v>99</v>
      </c>
      <c r="V2376" s="7">
        <v>100</v>
      </c>
      <c r="W2376" s="7">
        <v>95</v>
      </c>
      <c r="X2376" s="7">
        <v>81</v>
      </c>
      <c r="Y2376" s="7">
        <v>79</v>
      </c>
      <c r="Z2376" s="7">
        <v>95</v>
      </c>
      <c r="AA2376" s="7">
        <v>102</v>
      </c>
      <c r="AB2376" s="7">
        <v>98</v>
      </c>
      <c r="AC2376" s="7">
        <v>105</v>
      </c>
      <c r="AD2376" s="7">
        <v>118</v>
      </c>
      <c r="AE2376" s="7">
        <v>122</v>
      </c>
      <c r="AF2376" s="7">
        <v>127</v>
      </c>
      <c r="AG2376" s="9">
        <v>2274</v>
      </c>
      <c r="AH2376" s="13">
        <v>7.9349570800474556E-2</v>
      </c>
      <c r="AI2376" s="9">
        <v>4068</v>
      </c>
      <c r="AJ2376" s="13">
        <v>0.14194989182776188</v>
      </c>
      <c r="AK2376" s="9">
        <v>930</v>
      </c>
      <c r="AL2376" s="13">
        <v>2.8417771802236751E-2</v>
      </c>
      <c r="AM2376" s="9">
        <v>-2724</v>
      </c>
      <c r="AN2376" s="13">
        <v>-8.0936534347516048E-2</v>
      </c>
      <c r="AO2376" s="9">
        <v>-1794</v>
      </c>
      <c r="AP2376" s="13">
        <v>-5.4818798508830896E-2</v>
      </c>
      <c r="AQ2376" s="9">
        <v>28658</v>
      </c>
      <c r="AR2376" s="9">
        <v>28373</v>
      </c>
      <c r="AS2376" s="9">
        <v>27784</v>
      </c>
      <c r="AT2376" s="9">
        <v>30351</v>
      </c>
      <c r="AU2376" s="9">
        <v>32636</v>
      </c>
      <c r="AV2376" s="9">
        <v>32652</v>
      </c>
      <c r="AW2376" s="9">
        <v>32726</v>
      </c>
      <c r="AX2376" s="9">
        <v>32732</v>
      </c>
      <c r="AY2376" s="9">
        <v>33903</v>
      </c>
      <c r="AZ2376" s="9">
        <v>33656</v>
      </c>
      <c r="BA2376" s="9">
        <v>33239</v>
      </c>
      <c r="BB2376" s="9">
        <v>32645</v>
      </c>
      <c r="BC2376" s="9">
        <v>33585</v>
      </c>
      <c r="BD2376" s="9">
        <v>31859</v>
      </c>
      <c r="BE2376" s="9">
        <v>29855</v>
      </c>
      <c r="BF2376" s="9">
        <v>30932</v>
      </c>
      <c r="BG2376" s="11">
        <v>0</v>
      </c>
      <c r="BH2376" s="13">
        <v>0</v>
      </c>
      <c r="BI2376" s="6">
        <v>2</v>
      </c>
      <c r="BJ2376" s="13">
        <v>0.14285714285714285</v>
      </c>
      <c r="BK2376" s="6">
        <v>0</v>
      </c>
      <c r="BL2376" s="13">
        <v>0</v>
      </c>
      <c r="BM2376" s="11">
        <v>-2</v>
      </c>
      <c r="BN2376" s="13">
        <v>-0.125</v>
      </c>
      <c r="BO2376" s="11">
        <v>-2</v>
      </c>
      <c r="BP2376" s="13">
        <v>-0.125</v>
      </c>
      <c r="BQ2376" s="6">
        <v>14</v>
      </c>
      <c r="BR2376" s="6">
        <v>15</v>
      </c>
      <c r="BS2376" s="6">
        <v>15</v>
      </c>
      <c r="BT2376" s="6">
        <v>16</v>
      </c>
      <c r="BU2376" s="6">
        <v>16</v>
      </c>
      <c r="BV2376" s="6">
        <v>16</v>
      </c>
      <c r="BW2376" s="6">
        <v>16</v>
      </c>
      <c r="BX2376" s="6">
        <v>17</v>
      </c>
      <c r="BY2376" s="6">
        <v>15</v>
      </c>
      <c r="BZ2376" s="6">
        <v>14</v>
      </c>
      <c r="CA2376" s="6">
        <v>14</v>
      </c>
      <c r="CB2376" s="6">
        <v>14</v>
      </c>
      <c r="CC2376" s="11">
        <v>14</v>
      </c>
      <c r="CD2376" s="11">
        <v>38</v>
      </c>
      <c r="CE2376" s="11">
        <v>-7</v>
      </c>
      <c r="CF2376" s="11">
        <v>9</v>
      </c>
      <c r="CG2376" s="11">
        <v>2</v>
      </c>
      <c r="CH2376" s="20">
        <v>0.66</v>
      </c>
      <c r="CI2376" s="20">
        <v>0.67</v>
      </c>
      <c r="CJ2376" s="20">
        <v>0.62</v>
      </c>
      <c r="CK2376" s="20">
        <v>0.6</v>
      </c>
      <c r="CL2376" s="20">
        <v>0.66</v>
      </c>
      <c r="CM2376" s="20">
        <v>0.72</v>
      </c>
      <c r="CN2376" s="20">
        <v>0.72</v>
      </c>
      <c r="CO2376" s="20">
        <v>0.7</v>
      </c>
      <c r="CP2376" s="20">
        <v>0.59</v>
      </c>
      <c r="CQ2376" s="20">
        <v>0.56000000000000005</v>
      </c>
      <c r="CR2376" s="20">
        <v>0.69</v>
      </c>
      <c r="CS2376" s="20">
        <v>0.77</v>
      </c>
      <c r="CT2376" s="20">
        <v>0.77</v>
      </c>
      <c r="CU2376" s="20">
        <v>0.84</v>
      </c>
      <c r="CV2376" s="20">
        <v>0.91</v>
      </c>
      <c r="CW2376" s="20">
        <v>0.94</v>
      </c>
      <c r="CX2376" s="20">
        <v>0.96</v>
      </c>
      <c r="CY2376" s="6" t="s">
        <v>732</v>
      </c>
      <c r="CZ2376" s="6" t="s">
        <v>733</v>
      </c>
      <c r="DA2376" s="6" t="s">
        <v>73</v>
      </c>
      <c r="DB2376" s="6"/>
      <c r="DC2376" s="6"/>
      <c r="DD2376" s="6"/>
      <c r="DE2376" s="6"/>
      <c r="DF2376" s="6"/>
      <c r="DG2376" s="6"/>
      <c r="DH2376" s="6" t="s">
        <v>333</v>
      </c>
      <c r="DI2376" s="6"/>
      <c r="DJ2376" s="6"/>
      <c r="DK2376" s="6"/>
      <c r="DL2376" s="6">
        <v>10</v>
      </c>
      <c r="DM2376" s="6" t="s">
        <v>383</v>
      </c>
      <c r="DN2376" s="6">
        <v>9</v>
      </c>
      <c r="DO2376" s="6" t="s">
        <v>384</v>
      </c>
      <c r="DP2376" s="6"/>
      <c r="DQ2376" s="6"/>
    </row>
    <row r="2377" spans="1:121" x14ac:dyDescent="0.2">
      <c r="A2377" s="6" t="s">
        <v>316</v>
      </c>
      <c r="B2377" s="6" t="s">
        <v>316</v>
      </c>
      <c r="C2377" s="6" t="s">
        <v>185</v>
      </c>
      <c r="D2377" s="6" t="s">
        <v>73</v>
      </c>
      <c r="E2377" s="6" t="s">
        <v>214</v>
      </c>
      <c r="F2377" s="11">
        <v>1</v>
      </c>
      <c r="G2377" s="13">
        <v>1</v>
      </c>
      <c r="H2377" s="11">
        <v>0</v>
      </c>
      <c r="I2377" s="13">
        <v>0</v>
      </c>
      <c r="J2377" s="11">
        <v>5</v>
      </c>
      <c r="K2377" s="13">
        <v>1</v>
      </c>
      <c r="L2377" s="11">
        <v>2</v>
      </c>
      <c r="M2377" s="13">
        <v>0.2</v>
      </c>
      <c r="N2377" s="11">
        <v>7</v>
      </c>
      <c r="O2377" s="13">
        <v>1.4</v>
      </c>
      <c r="P2377" s="7">
        <v>5</v>
      </c>
      <c r="Q2377" s="7">
        <v>5</v>
      </c>
      <c r="R2377" s="7">
        <v>5</v>
      </c>
      <c r="S2377" s="7">
        <v>5</v>
      </c>
      <c r="T2377" s="7">
        <v>5</v>
      </c>
      <c r="U2377" s="7">
        <v>5</v>
      </c>
      <c r="V2377" s="7">
        <v>5</v>
      </c>
      <c r="W2377" s="7">
        <v>5</v>
      </c>
      <c r="X2377" s="7">
        <v>5</v>
      </c>
      <c r="Y2377" s="7">
        <v>10</v>
      </c>
      <c r="Z2377" s="7">
        <v>11</v>
      </c>
      <c r="AA2377" s="7">
        <v>5</v>
      </c>
      <c r="AB2377" s="7">
        <v>14</v>
      </c>
      <c r="AC2377" s="7">
        <v>13</v>
      </c>
      <c r="AD2377" s="7">
        <v>13</v>
      </c>
      <c r="AE2377" s="7">
        <v>11</v>
      </c>
      <c r="AF2377" s="7">
        <v>12</v>
      </c>
      <c r="AG2377" s="9">
        <v>30971</v>
      </c>
      <c r="AH2377" s="13">
        <v>30971</v>
      </c>
      <c r="AI2377" s="9">
        <v>0</v>
      </c>
      <c r="AJ2377" s="13">
        <v>0</v>
      </c>
      <c r="AK2377" s="9">
        <v>24651</v>
      </c>
      <c r="AL2377" s="13">
        <v>24651</v>
      </c>
      <c r="AM2377" s="9">
        <v>6320</v>
      </c>
      <c r="AN2377" s="13">
        <v>0.25636865163069933</v>
      </c>
      <c r="AO2377" s="9">
        <v>30971</v>
      </c>
      <c r="AP2377" s="13">
        <v>30971</v>
      </c>
      <c r="AQ2377" s="9">
        <v>1</v>
      </c>
      <c r="AR2377" s="9">
        <v>1</v>
      </c>
      <c r="AS2377" s="9">
        <v>1</v>
      </c>
      <c r="AT2377" s="9">
        <v>1</v>
      </c>
      <c r="AU2377" s="9">
        <v>1</v>
      </c>
      <c r="AV2377" s="9">
        <v>1</v>
      </c>
      <c r="AW2377" s="9">
        <v>1</v>
      </c>
      <c r="AX2377" s="9">
        <v>1</v>
      </c>
      <c r="AY2377" s="9">
        <v>1</v>
      </c>
      <c r="AZ2377" s="9">
        <v>24652</v>
      </c>
      <c r="BA2377" s="9">
        <v>22529</v>
      </c>
      <c r="BB2377" s="9">
        <v>1</v>
      </c>
      <c r="BC2377" s="9">
        <v>20310</v>
      </c>
      <c r="BD2377" s="9">
        <v>23464</v>
      </c>
      <c r="BE2377" s="9">
        <v>27824</v>
      </c>
      <c r="BF2377" s="9">
        <v>30972</v>
      </c>
      <c r="BG2377" s="11">
        <v>2</v>
      </c>
      <c r="BH2377" s="13">
        <v>1</v>
      </c>
      <c r="BI2377" s="6">
        <v>1</v>
      </c>
      <c r="BJ2377" s="13">
        <v>0.5</v>
      </c>
      <c r="BK2377" s="6">
        <v>0</v>
      </c>
      <c r="BL2377" s="13">
        <v>0</v>
      </c>
      <c r="BM2377" s="11">
        <v>1</v>
      </c>
      <c r="BN2377" s="13">
        <v>0.33333333333333331</v>
      </c>
      <c r="BO2377" s="11">
        <v>1</v>
      </c>
      <c r="BP2377" s="13">
        <v>0.33333333333333331</v>
      </c>
      <c r="BQ2377" s="6">
        <v>2</v>
      </c>
      <c r="BR2377" s="6">
        <v>3</v>
      </c>
      <c r="BS2377" s="6">
        <v>3</v>
      </c>
      <c r="BT2377" s="6">
        <v>3</v>
      </c>
      <c r="BU2377" s="6">
        <v>2</v>
      </c>
      <c r="BV2377" s="6">
        <v>3</v>
      </c>
      <c r="BW2377" s="6">
        <v>3</v>
      </c>
      <c r="BX2377" s="6">
        <v>3</v>
      </c>
      <c r="BY2377" s="6">
        <v>3</v>
      </c>
      <c r="BZ2377" s="6">
        <v>5</v>
      </c>
      <c r="CA2377" s="6">
        <v>5</v>
      </c>
      <c r="CB2377" s="6">
        <v>5</v>
      </c>
      <c r="CC2377" s="11">
        <v>4</v>
      </c>
      <c r="CD2377" s="11">
        <v>3</v>
      </c>
      <c r="CE2377" s="11">
        <v>0</v>
      </c>
      <c r="CF2377" s="11">
        <v>1</v>
      </c>
      <c r="CG2377" s="11">
        <v>1</v>
      </c>
      <c r="CH2377" s="20">
        <v>0.15</v>
      </c>
      <c r="CI2377" s="20">
        <v>0.13</v>
      </c>
      <c r="CJ2377" s="20">
        <v>0.11</v>
      </c>
      <c r="CK2377" s="20">
        <v>0.11</v>
      </c>
      <c r="CL2377" s="20">
        <v>0.12</v>
      </c>
      <c r="CM2377" s="20">
        <v>0.13</v>
      </c>
      <c r="CN2377" s="20">
        <v>0.15</v>
      </c>
      <c r="CO2377" s="20">
        <v>0.12</v>
      </c>
      <c r="CP2377" s="20">
        <v>0.16</v>
      </c>
      <c r="CQ2377" s="20">
        <v>0.17</v>
      </c>
      <c r="CR2377" s="20">
        <v>0.19</v>
      </c>
      <c r="CS2377" s="20">
        <v>0.19</v>
      </c>
      <c r="CT2377" s="20">
        <v>0.26</v>
      </c>
      <c r="CU2377" s="20">
        <v>0.25</v>
      </c>
      <c r="CV2377" s="20">
        <v>0.23</v>
      </c>
      <c r="CW2377" s="20">
        <v>0.2</v>
      </c>
      <c r="CX2377" s="20">
        <v>0.21</v>
      </c>
      <c r="CY2377" s="6" t="s">
        <v>732</v>
      </c>
      <c r="CZ2377" s="6" t="s">
        <v>733</v>
      </c>
      <c r="DA2377" s="6" t="s">
        <v>73</v>
      </c>
      <c r="DB2377" s="6"/>
      <c r="DC2377" s="6"/>
      <c r="DD2377" s="6"/>
      <c r="DE2377" s="6"/>
      <c r="DF2377" s="6"/>
      <c r="DG2377" s="6"/>
      <c r="DH2377" s="6" t="s">
        <v>333</v>
      </c>
      <c r="DI2377" s="6"/>
      <c r="DJ2377" s="6"/>
      <c r="DK2377" s="6"/>
      <c r="DL2377" s="6">
        <v>10</v>
      </c>
      <c r="DM2377" s="6" t="s">
        <v>383</v>
      </c>
      <c r="DN2377" s="6">
        <v>9</v>
      </c>
      <c r="DO2377" s="6" t="s">
        <v>384</v>
      </c>
      <c r="DP2377" s="6"/>
      <c r="DQ2377" s="6"/>
    </row>
    <row r="2378" spans="1:121" x14ac:dyDescent="0.2">
      <c r="A2378" s="6" t="s">
        <v>317</v>
      </c>
      <c r="B2378" s="6" t="s">
        <v>317</v>
      </c>
      <c r="C2378" s="6" t="s">
        <v>186</v>
      </c>
      <c r="D2378" s="6" t="s">
        <v>73</v>
      </c>
      <c r="E2378" s="6" t="s">
        <v>214</v>
      </c>
      <c r="F2378" s="11">
        <v>-2</v>
      </c>
      <c r="G2378" s="13">
        <v>-0.05</v>
      </c>
      <c r="H2378" s="11">
        <v>6</v>
      </c>
      <c r="I2378" s="13">
        <v>0.14285714285714285</v>
      </c>
      <c r="J2378" s="11">
        <v>-4</v>
      </c>
      <c r="K2378" s="13">
        <v>-8.3333333333333329E-2</v>
      </c>
      <c r="L2378" s="11">
        <v>-4</v>
      </c>
      <c r="M2378" s="13">
        <v>-9.0909090909090912E-2</v>
      </c>
      <c r="N2378" s="11">
        <v>-8</v>
      </c>
      <c r="O2378" s="13">
        <v>-0.16666666666666666</v>
      </c>
      <c r="P2378" s="7">
        <v>42</v>
      </c>
      <c r="Q2378" s="7">
        <v>41</v>
      </c>
      <c r="R2378" s="7">
        <v>50</v>
      </c>
      <c r="S2378" s="7">
        <v>47</v>
      </c>
      <c r="T2378" s="7">
        <v>45</v>
      </c>
      <c r="U2378" s="7">
        <v>46</v>
      </c>
      <c r="V2378" s="7">
        <v>48</v>
      </c>
      <c r="W2378" s="7">
        <v>49</v>
      </c>
      <c r="X2378" s="7">
        <v>48</v>
      </c>
      <c r="Y2378" s="7">
        <v>44</v>
      </c>
      <c r="Z2378" s="7">
        <v>44</v>
      </c>
      <c r="AA2378" s="7">
        <v>43</v>
      </c>
      <c r="AB2378" s="7">
        <v>44</v>
      </c>
      <c r="AC2378" s="7">
        <v>44</v>
      </c>
      <c r="AD2378" s="7">
        <v>43</v>
      </c>
      <c r="AE2378" s="7">
        <v>40</v>
      </c>
      <c r="AF2378" s="7">
        <v>40</v>
      </c>
      <c r="AG2378" s="9">
        <v>4195</v>
      </c>
      <c r="AH2378" s="13">
        <v>0.17288275293632804</v>
      </c>
      <c r="AI2378" s="9">
        <v>7055</v>
      </c>
      <c r="AJ2378" s="13">
        <v>0.29074799093344322</v>
      </c>
      <c r="AK2378" s="9">
        <v>-2139</v>
      </c>
      <c r="AL2378" s="13">
        <v>-6.8295019157088119E-2</v>
      </c>
      <c r="AM2378" s="9">
        <v>-721</v>
      </c>
      <c r="AN2378" s="13">
        <v>-2.470785785271238E-2</v>
      </c>
      <c r="AO2378" s="9">
        <v>-2860</v>
      </c>
      <c r="AP2378" s="13">
        <v>-9.1315453384418918E-2</v>
      </c>
      <c r="AQ2378" s="9">
        <v>24265</v>
      </c>
      <c r="AR2378" s="9">
        <v>24382</v>
      </c>
      <c r="AS2378" s="9">
        <v>28824</v>
      </c>
      <c r="AT2378" s="9">
        <v>26980</v>
      </c>
      <c r="AU2378" s="9">
        <v>28346</v>
      </c>
      <c r="AV2378" s="9">
        <v>37674</v>
      </c>
      <c r="AW2378" s="9">
        <v>31320</v>
      </c>
      <c r="AX2378" s="9">
        <v>34134</v>
      </c>
      <c r="AY2378" s="9">
        <v>33226</v>
      </c>
      <c r="AZ2378" s="9">
        <v>29181</v>
      </c>
      <c r="BA2378" s="9">
        <v>27650</v>
      </c>
      <c r="BB2378" s="9">
        <v>26098</v>
      </c>
      <c r="BC2378" s="9">
        <v>25548</v>
      </c>
      <c r="BD2378" s="9">
        <v>26416</v>
      </c>
      <c r="BE2378" s="9">
        <v>27655</v>
      </c>
      <c r="BF2378" s="9">
        <v>28460</v>
      </c>
      <c r="BG2378" s="11">
        <v>-1</v>
      </c>
      <c r="BH2378" s="13">
        <v>-9.0909090909090912E-2</v>
      </c>
      <c r="BI2378" s="6">
        <v>-1</v>
      </c>
      <c r="BJ2378" s="13">
        <v>-9.0909090909090912E-2</v>
      </c>
      <c r="BK2378" s="6">
        <v>-1</v>
      </c>
      <c r="BL2378" s="13">
        <v>-0.1</v>
      </c>
      <c r="BM2378" s="11">
        <v>1</v>
      </c>
      <c r="BN2378" s="13">
        <v>0.1111111111111111</v>
      </c>
      <c r="BO2378" s="11">
        <v>0</v>
      </c>
      <c r="BP2378" s="13">
        <v>0</v>
      </c>
      <c r="BQ2378" s="6">
        <v>11</v>
      </c>
      <c r="BR2378" s="6">
        <v>11</v>
      </c>
      <c r="BS2378" s="6">
        <v>11</v>
      </c>
      <c r="BT2378" s="6">
        <v>10</v>
      </c>
      <c r="BU2378" s="6">
        <v>10</v>
      </c>
      <c r="BV2378" s="6">
        <v>11</v>
      </c>
      <c r="BW2378" s="6">
        <v>9</v>
      </c>
      <c r="BX2378" s="6">
        <v>10</v>
      </c>
      <c r="BY2378" s="6">
        <v>9</v>
      </c>
      <c r="BZ2378" s="6">
        <v>9</v>
      </c>
      <c r="CA2378" s="6">
        <v>12</v>
      </c>
      <c r="CB2378" s="6">
        <v>12</v>
      </c>
      <c r="CC2378" s="11">
        <v>10</v>
      </c>
      <c r="CD2378" s="11">
        <v>-15</v>
      </c>
      <c r="CE2378" s="11">
        <v>8</v>
      </c>
      <c r="CF2378" s="11">
        <v>5</v>
      </c>
      <c r="CG2378" s="11">
        <v>13</v>
      </c>
      <c r="CH2378" s="20">
        <v>0.25</v>
      </c>
      <c r="CI2378" s="20">
        <v>0.24</v>
      </c>
      <c r="CJ2378" s="20">
        <v>0.28000000000000003</v>
      </c>
      <c r="CK2378" s="20">
        <v>0.26</v>
      </c>
      <c r="CL2378" s="20">
        <v>0.24</v>
      </c>
      <c r="CM2378" s="20">
        <v>0.25</v>
      </c>
      <c r="CN2378" s="20">
        <v>0.25</v>
      </c>
      <c r="CO2378" s="20">
        <v>0.25</v>
      </c>
      <c r="CP2378" s="20">
        <v>0.24</v>
      </c>
      <c r="CQ2378" s="20">
        <v>0.21</v>
      </c>
      <c r="CR2378" s="20">
        <v>0.21</v>
      </c>
      <c r="CS2378" s="20">
        <v>0.21</v>
      </c>
      <c r="CT2378" s="20">
        <v>0.22</v>
      </c>
      <c r="CU2378" s="20">
        <v>0.22</v>
      </c>
      <c r="CV2378" s="20">
        <v>0.2</v>
      </c>
      <c r="CW2378" s="20">
        <v>0.19</v>
      </c>
      <c r="CX2378" s="20">
        <v>0.18</v>
      </c>
      <c r="CY2378" s="6" t="s">
        <v>732</v>
      </c>
      <c r="CZ2378" s="6" t="s">
        <v>733</v>
      </c>
      <c r="DA2378" s="6" t="s">
        <v>73</v>
      </c>
      <c r="DB2378" s="6"/>
      <c r="DC2378" s="6"/>
      <c r="DD2378" s="6"/>
      <c r="DE2378" s="6"/>
      <c r="DF2378" s="6"/>
      <c r="DG2378" s="6"/>
      <c r="DH2378" s="6" t="s">
        <v>333</v>
      </c>
      <c r="DI2378" s="6"/>
      <c r="DJ2378" s="6"/>
      <c r="DK2378" s="6"/>
      <c r="DL2378" s="6">
        <v>10</v>
      </c>
      <c r="DM2378" s="6" t="s">
        <v>383</v>
      </c>
      <c r="DN2378" s="6">
        <v>9</v>
      </c>
      <c r="DO2378" s="6" t="s">
        <v>384</v>
      </c>
      <c r="DP2378" s="6"/>
      <c r="DQ2378" s="6"/>
    </row>
    <row r="2379" spans="1:121" x14ac:dyDescent="0.2">
      <c r="A2379" s="6" t="s">
        <v>318</v>
      </c>
      <c r="B2379" s="6" t="s">
        <v>318</v>
      </c>
      <c r="C2379" s="6" t="s">
        <v>187</v>
      </c>
      <c r="D2379" s="6" t="s">
        <v>73</v>
      </c>
      <c r="E2379" s="6" t="s">
        <v>214</v>
      </c>
      <c r="F2379" s="11">
        <v>0</v>
      </c>
      <c r="G2379" s="13">
        <v>0</v>
      </c>
      <c r="H2379" s="11">
        <v>0</v>
      </c>
      <c r="I2379" s="13"/>
      <c r="J2379" s="11">
        <v>0</v>
      </c>
      <c r="K2379" s="13"/>
      <c r="L2379" s="11">
        <v>0</v>
      </c>
      <c r="M2379" s="13"/>
      <c r="N2379" s="11">
        <v>0</v>
      </c>
      <c r="O2379" s="13"/>
      <c r="P2379" s="7">
        <v>0</v>
      </c>
      <c r="Q2379" s="7">
        <v>0</v>
      </c>
      <c r="R2379" s="7">
        <v>0</v>
      </c>
      <c r="S2379" s="7">
        <v>0</v>
      </c>
      <c r="T2379" s="7">
        <v>0</v>
      </c>
      <c r="U2379" s="7">
        <v>0</v>
      </c>
      <c r="V2379" s="7">
        <v>0</v>
      </c>
      <c r="W2379" s="7">
        <v>0</v>
      </c>
      <c r="X2379" s="7">
        <v>0</v>
      </c>
      <c r="Y2379" s="7">
        <v>0</v>
      </c>
      <c r="Z2379" s="7">
        <v>0</v>
      </c>
      <c r="AA2379" s="7">
        <v>0</v>
      </c>
      <c r="AB2379" s="7">
        <v>0</v>
      </c>
      <c r="AC2379" s="7">
        <v>0</v>
      </c>
      <c r="AD2379" s="7">
        <v>0</v>
      </c>
      <c r="AE2379" s="7">
        <v>0</v>
      </c>
      <c r="AF2379" s="7">
        <v>0</v>
      </c>
      <c r="AG2379" s="9">
        <v>0</v>
      </c>
      <c r="AH2379" s="13"/>
      <c r="AI2379" s="9">
        <v>0</v>
      </c>
      <c r="AJ2379" s="13"/>
      <c r="AK2379" s="9">
        <v>0</v>
      </c>
      <c r="AL2379" s="13"/>
      <c r="AM2379" s="9">
        <v>0</v>
      </c>
      <c r="AN2379" s="13"/>
      <c r="AO2379" s="9">
        <v>0</v>
      </c>
      <c r="AP2379" s="13"/>
      <c r="AQ2379" s="9">
        <v>0</v>
      </c>
      <c r="AR2379" s="9">
        <v>0</v>
      </c>
      <c r="AS2379" s="9">
        <v>0</v>
      </c>
      <c r="AT2379" s="9">
        <v>0</v>
      </c>
      <c r="AU2379" s="9">
        <v>0</v>
      </c>
      <c r="AV2379" s="9">
        <v>0</v>
      </c>
      <c r="AW2379" s="9">
        <v>0</v>
      </c>
      <c r="AX2379" s="9">
        <v>0</v>
      </c>
      <c r="AY2379" s="9">
        <v>0</v>
      </c>
      <c r="AZ2379" s="9">
        <v>0</v>
      </c>
      <c r="BA2379" s="9">
        <v>0</v>
      </c>
      <c r="BB2379" s="9">
        <v>0</v>
      </c>
      <c r="BC2379" s="9">
        <v>0</v>
      </c>
      <c r="BD2379" s="9">
        <v>0</v>
      </c>
      <c r="BE2379" s="9">
        <v>0</v>
      </c>
      <c r="BF2379" s="9">
        <v>0</v>
      </c>
      <c r="BG2379" s="11">
        <v>0</v>
      </c>
      <c r="BH2379" s="13" t="e">
        <v>#DIV/0!</v>
      </c>
      <c r="BI2379" s="6">
        <v>0</v>
      </c>
      <c r="BJ2379" s="13" t="e">
        <v>#DIV/0!</v>
      </c>
      <c r="BK2379" s="6">
        <v>0</v>
      </c>
      <c r="BL2379" s="13" t="e">
        <v>#DIV/0!</v>
      </c>
      <c r="BM2379" s="11">
        <v>0</v>
      </c>
      <c r="BN2379" s="13" t="e">
        <v>#DIV/0!</v>
      </c>
      <c r="BO2379" s="11">
        <v>0</v>
      </c>
      <c r="BP2379" s="13" t="e">
        <v>#DIV/0!</v>
      </c>
      <c r="BQ2379" s="6">
        <v>0</v>
      </c>
      <c r="BR2379" s="6">
        <v>0</v>
      </c>
      <c r="BS2379" s="6">
        <v>0</v>
      </c>
      <c r="BT2379" s="6">
        <v>0</v>
      </c>
      <c r="BU2379" s="6">
        <v>0</v>
      </c>
      <c r="BV2379" s="6">
        <v>0</v>
      </c>
      <c r="BW2379" s="6">
        <v>0</v>
      </c>
      <c r="BX2379" s="6">
        <v>0</v>
      </c>
      <c r="BY2379" s="6">
        <v>0</v>
      </c>
      <c r="BZ2379" s="6">
        <v>0</v>
      </c>
      <c r="CA2379" s="6">
        <v>0</v>
      </c>
      <c r="CB2379" s="6">
        <v>0</v>
      </c>
      <c r="CC2379" s="11">
        <v>0</v>
      </c>
      <c r="CD2379" s="11">
        <v>0</v>
      </c>
      <c r="CE2379" s="11">
        <v>0</v>
      </c>
      <c r="CF2379" s="11">
        <v>0</v>
      </c>
      <c r="CG2379" s="11">
        <v>0</v>
      </c>
      <c r="CH2379" s="20">
        <v>0</v>
      </c>
      <c r="CI2379" s="20">
        <v>0</v>
      </c>
      <c r="CJ2379" s="20">
        <v>0</v>
      </c>
      <c r="CK2379" s="20">
        <v>0</v>
      </c>
      <c r="CL2379" s="20">
        <v>0</v>
      </c>
      <c r="CM2379" s="20">
        <v>0</v>
      </c>
      <c r="CN2379" s="20">
        <v>0</v>
      </c>
      <c r="CO2379" s="20">
        <v>0</v>
      </c>
      <c r="CP2379" s="20">
        <v>0</v>
      </c>
      <c r="CQ2379" s="20">
        <v>0</v>
      </c>
      <c r="CR2379" s="20">
        <v>0</v>
      </c>
      <c r="CS2379" s="20">
        <v>0</v>
      </c>
      <c r="CT2379" s="20">
        <v>0</v>
      </c>
      <c r="CU2379" s="20">
        <v>0</v>
      </c>
      <c r="CV2379" s="20">
        <v>0</v>
      </c>
      <c r="CW2379" s="20">
        <v>0</v>
      </c>
      <c r="CX2379" s="20">
        <v>0</v>
      </c>
      <c r="CY2379" s="6" t="s">
        <v>732</v>
      </c>
      <c r="CZ2379" s="6" t="s">
        <v>733</v>
      </c>
      <c r="DA2379" s="6" t="s">
        <v>73</v>
      </c>
      <c r="DB2379" s="6"/>
      <c r="DC2379" s="6"/>
      <c r="DD2379" s="6"/>
      <c r="DE2379" s="6"/>
      <c r="DF2379" s="6"/>
      <c r="DG2379" s="6"/>
      <c r="DH2379" s="6" t="s">
        <v>333</v>
      </c>
      <c r="DI2379" s="6"/>
      <c r="DJ2379" s="6"/>
      <c r="DK2379" s="6"/>
      <c r="DL2379" s="6">
        <v>10</v>
      </c>
      <c r="DM2379" s="6" t="s">
        <v>383</v>
      </c>
      <c r="DN2379" s="6">
        <v>9</v>
      </c>
      <c r="DO2379" s="6" t="s">
        <v>384</v>
      </c>
      <c r="DP2379" s="6"/>
      <c r="DQ2379" s="6"/>
    </row>
    <row r="2380" spans="1:121" x14ac:dyDescent="0.2">
      <c r="A2380" s="6" t="s">
        <v>319</v>
      </c>
      <c r="B2380" s="6" t="s">
        <v>319</v>
      </c>
      <c r="C2380" s="6" t="s">
        <v>188</v>
      </c>
      <c r="D2380" s="6" t="s">
        <v>73</v>
      </c>
      <c r="E2380" s="6" t="s">
        <v>214</v>
      </c>
      <c r="F2380" s="11">
        <v>5</v>
      </c>
      <c r="G2380" s="13">
        <v>0.11363636363600001</v>
      </c>
      <c r="H2380" s="11">
        <v>4.3294750935999957</v>
      </c>
      <c r="I2380" s="13">
        <v>9.7669956989138745E-2</v>
      </c>
      <c r="J2380" s="11">
        <v>10.588097300900003</v>
      </c>
      <c r="K2380" s="13">
        <v>0.21760651650227544</v>
      </c>
      <c r="L2380" s="11">
        <v>-10.518542494599998</v>
      </c>
      <c r="M2380" s="13">
        <v>-0.17754259983205098</v>
      </c>
      <c r="N2380" s="11">
        <v>6.9554806300004657E-2</v>
      </c>
      <c r="O2380" s="13">
        <v>1.4294899900143519E-3</v>
      </c>
      <c r="P2380" s="7">
        <v>44.327603155200002</v>
      </c>
      <c r="Q2380" s="7">
        <v>60.663465047000003</v>
      </c>
      <c r="R2380" s="7">
        <v>55.158720192099999</v>
      </c>
      <c r="S2380" s="7">
        <v>54.826020558899998</v>
      </c>
      <c r="T2380" s="7">
        <v>71.048983799799998</v>
      </c>
      <c r="U2380" s="7">
        <v>50.062553294200001</v>
      </c>
      <c r="V2380" s="7">
        <v>48.657078248799998</v>
      </c>
      <c r="W2380" s="7">
        <v>59.578388447899997</v>
      </c>
      <c r="X2380" s="7">
        <v>104.503854351</v>
      </c>
      <c r="Y2380" s="7">
        <v>59.245175549700001</v>
      </c>
      <c r="Z2380" s="7">
        <v>54.118124151000004</v>
      </c>
      <c r="AA2380" s="7">
        <v>55.051760760699999</v>
      </c>
      <c r="AB2380" s="7">
        <v>42.755918205500002</v>
      </c>
      <c r="AC2380" s="7">
        <v>55.909453110400001</v>
      </c>
      <c r="AD2380" s="7">
        <v>53.786811922799998</v>
      </c>
      <c r="AE2380" s="7">
        <v>47.862439277699998</v>
      </c>
      <c r="AF2380" s="7">
        <v>48.726633055100002</v>
      </c>
      <c r="AG2380" s="9">
        <v>3502.9104488000012</v>
      </c>
      <c r="AH2380" s="13">
        <v>0.20692603146407457</v>
      </c>
      <c r="AI2380" s="9">
        <v>-1645.7860579999997</v>
      </c>
      <c r="AJ2380" s="13">
        <v>-9.7220863221755521E-2</v>
      </c>
      <c r="AK2380" s="9">
        <v>1958.3845378999995</v>
      </c>
      <c r="AL2380" s="13">
        <v>0.12814526145044988</v>
      </c>
      <c r="AM2380" s="9">
        <v>3190.3119689000014</v>
      </c>
      <c r="AN2380" s="13">
        <v>0.18504302077044549</v>
      </c>
      <c r="AO2380" s="9">
        <v>5148.6965068000009</v>
      </c>
      <c r="AP2380" s="13">
        <v>0.33690066849710515</v>
      </c>
      <c r="AQ2380" s="9">
        <v>16928.321797000001</v>
      </c>
      <c r="AR2380" s="9">
        <v>15266.002435300001</v>
      </c>
      <c r="AS2380" s="9">
        <v>16318.5964059</v>
      </c>
      <c r="AT2380" s="9">
        <v>17132.4080225</v>
      </c>
      <c r="AU2380" s="9">
        <v>16915.201375699999</v>
      </c>
      <c r="AV2380" s="9">
        <v>17192.267644799998</v>
      </c>
      <c r="AW2380" s="9">
        <v>15282.535739000001</v>
      </c>
      <c r="AX2380" s="9">
        <v>14983.200617099999</v>
      </c>
      <c r="AY2380" s="9">
        <v>42978.839399999997</v>
      </c>
      <c r="AZ2380" s="9">
        <v>17240.9202769</v>
      </c>
      <c r="BA2380" s="9">
        <v>25666.9191182</v>
      </c>
      <c r="BB2380" s="9">
        <v>19111.219131099999</v>
      </c>
      <c r="BC2380" s="9">
        <v>19219.779650299999</v>
      </c>
      <c r="BD2380" s="9">
        <v>18091.005558100002</v>
      </c>
      <c r="BE2380" s="9">
        <v>17243.8197798</v>
      </c>
      <c r="BF2380" s="9">
        <v>20431.232245800002</v>
      </c>
      <c r="BG2380" s="11">
        <v>0</v>
      </c>
      <c r="BH2380" s="13">
        <v>0</v>
      </c>
      <c r="BI2380" s="6">
        <v>1</v>
      </c>
      <c r="BJ2380" s="13">
        <v>0.2</v>
      </c>
      <c r="BK2380" s="6">
        <v>-1</v>
      </c>
      <c r="BL2380" s="13">
        <v>-0.16666666666666666</v>
      </c>
      <c r="BM2380" s="11">
        <v>0</v>
      </c>
      <c r="BN2380" s="13">
        <v>0</v>
      </c>
      <c r="BO2380" s="11">
        <v>-1</v>
      </c>
      <c r="BP2380" s="13">
        <v>-0.16666666666666666</v>
      </c>
      <c r="BQ2380" s="6">
        <v>5</v>
      </c>
      <c r="BR2380" s="6">
        <v>5</v>
      </c>
      <c r="BS2380" s="6">
        <v>5</v>
      </c>
      <c r="BT2380" s="6">
        <v>6</v>
      </c>
      <c r="BU2380" s="6">
        <v>6</v>
      </c>
      <c r="BV2380" s="6">
        <v>6</v>
      </c>
      <c r="BW2380" s="6">
        <v>5</v>
      </c>
      <c r="BX2380" s="6">
        <v>6</v>
      </c>
      <c r="BY2380" s="6">
        <v>7</v>
      </c>
      <c r="BZ2380" s="6">
        <v>8</v>
      </c>
      <c r="CA2380" s="6">
        <v>8</v>
      </c>
      <c r="CB2380" s="6">
        <v>6</v>
      </c>
      <c r="CC2380" s="11">
        <v>5</v>
      </c>
      <c r="CD2380" s="11">
        <v>-4.4347799999999999</v>
      </c>
      <c r="CE2380" s="11">
        <v>3.98827</v>
      </c>
      <c r="CF2380" s="11">
        <v>4.8455399999999997</v>
      </c>
      <c r="CG2380" s="11">
        <v>9</v>
      </c>
      <c r="CH2380" s="20">
        <v>0.245255</v>
      </c>
      <c r="CI2380" s="20">
        <v>0.31998399999999999</v>
      </c>
      <c r="CJ2380" s="20">
        <v>0.284136</v>
      </c>
      <c r="CK2380" s="20">
        <v>0.28085500000000002</v>
      </c>
      <c r="CL2380" s="20">
        <v>0.35034700000000002</v>
      </c>
      <c r="CM2380" s="20">
        <v>0.24970200000000001</v>
      </c>
      <c r="CN2380" s="20">
        <v>0.241094</v>
      </c>
      <c r="CO2380" s="20">
        <v>0.30674600000000002</v>
      </c>
      <c r="CP2380" s="20">
        <v>0.56043600000000005</v>
      </c>
      <c r="CQ2380" s="20">
        <v>0.294908</v>
      </c>
      <c r="CR2380" s="20">
        <v>0.26645099999999999</v>
      </c>
      <c r="CS2380" s="20">
        <v>0.27675</v>
      </c>
      <c r="CT2380" s="20">
        <v>0.21770999999999999</v>
      </c>
      <c r="CU2380" s="20">
        <v>0.27995700000000001</v>
      </c>
      <c r="CV2380" s="20">
        <v>0.25840800000000003</v>
      </c>
      <c r="CW2380" s="20">
        <v>0.228883</v>
      </c>
      <c r="CX2380" s="20">
        <v>0.226463</v>
      </c>
      <c r="CY2380" s="6" t="s">
        <v>732</v>
      </c>
      <c r="CZ2380" s="6" t="s">
        <v>733</v>
      </c>
      <c r="DA2380" s="6" t="s">
        <v>73</v>
      </c>
      <c r="DB2380" s="6"/>
      <c r="DC2380" s="6"/>
      <c r="DD2380" s="6"/>
      <c r="DE2380" s="6"/>
      <c r="DF2380" s="6"/>
      <c r="DG2380" s="6"/>
      <c r="DH2380" s="6" t="s">
        <v>333</v>
      </c>
      <c r="DI2380" s="6"/>
      <c r="DJ2380" s="6"/>
      <c r="DK2380" s="6"/>
      <c r="DL2380" s="6">
        <v>10</v>
      </c>
      <c r="DM2380" s="6" t="s">
        <v>383</v>
      </c>
      <c r="DN2380" s="6">
        <v>9</v>
      </c>
      <c r="DO2380" s="6" t="s">
        <v>384</v>
      </c>
      <c r="DP2380" s="6"/>
      <c r="DQ2380" s="6"/>
    </row>
    <row r="2381" spans="1:121" x14ac:dyDescent="0.2">
      <c r="A2381" s="6" t="s">
        <v>320</v>
      </c>
      <c r="B2381" s="6" t="s">
        <v>320</v>
      </c>
      <c r="C2381" s="6" t="s">
        <v>189</v>
      </c>
      <c r="D2381" s="6" t="s">
        <v>73</v>
      </c>
      <c r="E2381" s="6" t="s">
        <v>214</v>
      </c>
      <c r="F2381" s="11">
        <v>1</v>
      </c>
      <c r="G2381" s="13">
        <v>1</v>
      </c>
      <c r="H2381" s="11">
        <v>0</v>
      </c>
      <c r="I2381" s="13">
        <v>0</v>
      </c>
      <c r="J2381" s="11">
        <v>-5</v>
      </c>
      <c r="K2381" s="13">
        <v>-1</v>
      </c>
      <c r="L2381" s="11">
        <v>5</v>
      </c>
      <c r="M2381" s="13"/>
      <c r="N2381" s="11">
        <v>0</v>
      </c>
      <c r="O2381" s="13">
        <v>0</v>
      </c>
      <c r="P2381" s="7">
        <v>5</v>
      </c>
      <c r="Q2381" s="7">
        <v>0</v>
      </c>
      <c r="R2381" s="7">
        <v>5</v>
      </c>
      <c r="S2381" s="7">
        <v>5</v>
      </c>
      <c r="T2381" s="7">
        <v>5</v>
      </c>
      <c r="U2381" s="7">
        <v>5</v>
      </c>
      <c r="V2381" s="7">
        <v>5</v>
      </c>
      <c r="W2381" s="7">
        <v>0</v>
      </c>
      <c r="X2381" s="7">
        <v>5</v>
      </c>
      <c r="Y2381" s="7">
        <v>0</v>
      </c>
      <c r="Z2381" s="7">
        <v>0</v>
      </c>
      <c r="AA2381" s="7">
        <v>0</v>
      </c>
      <c r="AB2381" s="7">
        <v>5</v>
      </c>
      <c r="AC2381" s="7">
        <v>5</v>
      </c>
      <c r="AD2381" s="7">
        <v>5</v>
      </c>
      <c r="AE2381" s="7">
        <v>5</v>
      </c>
      <c r="AF2381" s="7">
        <v>5</v>
      </c>
      <c r="AG2381" s="9">
        <v>0</v>
      </c>
      <c r="AH2381" s="13">
        <v>0</v>
      </c>
      <c r="AI2381" s="9">
        <v>0</v>
      </c>
      <c r="AJ2381" s="13">
        <v>0</v>
      </c>
      <c r="AK2381" s="9">
        <v>-1</v>
      </c>
      <c r="AL2381" s="13">
        <v>-1</v>
      </c>
      <c r="AM2381" s="9">
        <v>1</v>
      </c>
      <c r="AN2381" s="13"/>
      <c r="AO2381" s="9">
        <v>0</v>
      </c>
      <c r="AP2381" s="13">
        <v>0</v>
      </c>
      <c r="AQ2381" s="9">
        <v>1</v>
      </c>
      <c r="AR2381" s="9">
        <v>0</v>
      </c>
      <c r="AS2381" s="9">
        <v>1</v>
      </c>
      <c r="AT2381" s="9">
        <v>1</v>
      </c>
      <c r="AU2381" s="9">
        <v>1</v>
      </c>
      <c r="AV2381" s="9">
        <v>1</v>
      </c>
      <c r="AW2381" s="9">
        <v>1</v>
      </c>
      <c r="AX2381" s="9">
        <v>0</v>
      </c>
      <c r="AY2381" s="9">
        <v>1</v>
      </c>
      <c r="AZ2381" s="9">
        <v>0</v>
      </c>
      <c r="BA2381" s="9">
        <v>0</v>
      </c>
      <c r="BB2381" s="9">
        <v>0</v>
      </c>
      <c r="BC2381" s="9">
        <v>1</v>
      </c>
      <c r="BD2381" s="9">
        <v>1</v>
      </c>
      <c r="BE2381" s="9">
        <v>1</v>
      </c>
      <c r="BF2381" s="9">
        <v>1</v>
      </c>
      <c r="BG2381" s="11">
        <v>0</v>
      </c>
      <c r="BH2381" s="13" t="e">
        <v>#DIV/0!</v>
      </c>
      <c r="BI2381" s="6">
        <v>0</v>
      </c>
      <c r="BJ2381" s="13" t="e">
        <v>#DIV/0!</v>
      </c>
      <c r="BK2381" s="6">
        <v>0</v>
      </c>
      <c r="BL2381" s="13" t="e">
        <v>#DIV/0!</v>
      </c>
      <c r="BM2381" s="11">
        <v>0</v>
      </c>
      <c r="BN2381" s="13" t="e">
        <v>#DIV/0!</v>
      </c>
      <c r="BO2381" s="11">
        <v>0</v>
      </c>
      <c r="BP2381" s="13" t="e">
        <v>#DIV/0!</v>
      </c>
      <c r="BQ2381" s="6">
        <v>0</v>
      </c>
      <c r="BR2381" s="6">
        <v>0</v>
      </c>
      <c r="BS2381" s="6">
        <v>0</v>
      </c>
      <c r="BT2381" s="6">
        <v>0</v>
      </c>
      <c r="BU2381" s="6">
        <v>0</v>
      </c>
      <c r="BV2381" s="6">
        <v>0</v>
      </c>
      <c r="BW2381" s="6">
        <v>0</v>
      </c>
      <c r="BX2381" s="6">
        <v>0</v>
      </c>
      <c r="BY2381" s="6">
        <v>0</v>
      </c>
      <c r="BZ2381" s="6">
        <v>0</v>
      </c>
      <c r="CA2381" s="6">
        <v>0</v>
      </c>
      <c r="CB2381" s="6">
        <v>0</v>
      </c>
      <c r="CC2381" s="11">
        <v>0</v>
      </c>
      <c r="CD2381" s="11">
        <v>1.2656499999999999</v>
      </c>
      <c r="CE2381" s="11">
        <v>0.18757299999999999</v>
      </c>
      <c r="CF2381" s="11">
        <v>5.6624399999999998E-2</v>
      </c>
      <c r="CG2381" s="11">
        <v>0</v>
      </c>
      <c r="CH2381" s="20">
        <v>8.5904599999999994E-3</v>
      </c>
      <c r="CI2381" s="20">
        <v>0</v>
      </c>
      <c r="CJ2381" s="20">
        <v>3.7441099999999998E-2</v>
      </c>
      <c r="CK2381" s="20">
        <v>3.0501799999999999E-2</v>
      </c>
      <c r="CL2381" s="20">
        <v>3.22659E-2</v>
      </c>
      <c r="CM2381" s="20">
        <v>4.0821299999999998E-2</v>
      </c>
      <c r="CN2381" s="20">
        <v>2.1718700000000001E-2</v>
      </c>
      <c r="CO2381" s="20">
        <v>0</v>
      </c>
      <c r="CP2381" s="20">
        <v>6.49426E-3</v>
      </c>
      <c r="CQ2381" s="20">
        <v>0</v>
      </c>
      <c r="CR2381" s="20">
        <v>0</v>
      </c>
      <c r="CS2381" s="20">
        <v>0</v>
      </c>
      <c r="CT2381" s="20">
        <v>2.66635E-2</v>
      </c>
      <c r="CU2381" s="20">
        <v>2.1921199999999998E-2</v>
      </c>
      <c r="CV2381" s="20">
        <v>1.9408399999999999E-2</v>
      </c>
      <c r="CW2381" s="20">
        <v>2.1774700000000001E-2</v>
      </c>
      <c r="CX2381" s="20">
        <v>2.30245E-2</v>
      </c>
      <c r="CY2381" s="6" t="s">
        <v>732</v>
      </c>
      <c r="CZ2381" s="6" t="s">
        <v>733</v>
      </c>
      <c r="DA2381" s="6" t="s">
        <v>73</v>
      </c>
      <c r="DB2381" s="6"/>
      <c r="DC2381" s="6"/>
      <c r="DD2381" s="6"/>
      <c r="DE2381" s="6"/>
      <c r="DF2381" s="6"/>
      <c r="DG2381" s="6"/>
      <c r="DH2381" s="6" t="s">
        <v>333</v>
      </c>
      <c r="DI2381" s="6"/>
      <c r="DJ2381" s="6"/>
      <c r="DK2381" s="6"/>
      <c r="DL2381" s="6">
        <v>10</v>
      </c>
      <c r="DM2381" s="6" t="s">
        <v>383</v>
      </c>
      <c r="DN2381" s="6">
        <v>9</v>
      </c>
      <c r="DO2381" s="6" t="s">
        <v>384</v>
      </c>
      <c r="DP2381" s="6"/>
      <c r="DQ2381" s="6"/>
    </row>
    <row r="2382" spans="1:121" x14ac:dyDescent="0.2">
      <c r="A2382" s="6" t="s">
        <v>321</v>
      </c>
      <c r="B2382" s="6" t="s">
        <v>321</v>
      </c>
      <c r="C2382" s="6" t="s">
        <v>190</v>
      </c>
      <c r="D2382" s="6" t="s">
        <v>73</v>
      </c>
      <c r="E2382" s="6" t="s">
        <v>214</v>
      </c>
      <c r="F2382" s="11">
        <v>489</v>
      </c>
      <c r="G2382" s="13">
        <v>2.0123456790100001</v>
      </c>
      <c r="H2382" s="11">
        <v>40.586768956000014</v>
      </c>
      <c r="I2382" s="13">
        <v>0.16714982164193312</v>
      </c>
      <c r="J2382" s="11">
        <v>53.997307950999982</v>
      </c>
      <c r="K2382" s="13">
        <v>0.19053156678142347</v>
      </c>
      <c r="L2382" s="11">
        <v>394.75455345299997</v>
      </c>
      <c r="M2382" s="13">
        <v>1.1699870731089197</v>
      </c>
      <c r="N2382" s="11">
        <v>448.75186140399995</v>
      </c>
      <c r="O2382" s="13">
        <v>1.5834381100437973</v>
      </c>
      <c r="P2382" s="7">
        <v>242.816705141</v>
      </c>
      <c r="Q2382" s="7">
        <v>260.794678401</v>
      </c>
      <c r="R2382" s="7">
        <v>257.099659347</v>
      </c>
      <c r="S2382" s="7">
        <v>245.58771922899999</v>
      </c>
      <c r="T2382" s="7">
        <v>240.64070107500001</v>
      </c>
      <c r="U2382" s="7">
        <v>272.21134691100002</v>
      </c>
      <c r="V2382" s="7">
        <v>283.40347409700001</v>
      </c>
      <c r="W2382" s="7">
        <v>305.74947058399999</v>
      </c>
      <c r="X2382" s="7">
        <v>332.97588321000001</v>
      </c>
      <c r="Y2382" s="7">
        <v>337.400782048</v>
      </c>
      <c r="Z2382" s="7">
        <v>281.91182410300001</v>
      </c>
      <c r="AA2382" s="7">
        <v>294.14350612700002</v>
      </c>
      <c r="AB2382" s="7">
        <v>620.07280199599995</v>
      </c>
      <c r="AC2382" s="7">
        <v>616.25277414300001</v>
      </c>
      <c r="AD2382" s="7">
        <v>688.49518324899998</v>
      </c>
      <c r="AE2382" s="7">
        <v>668.27511710700003</v>
      </c>
      <c r="AF2382" s="7">
        <v>732.15533550099997</v>
      </c>
      <c r="AG2382" s="9">
        <v>3654.5163734999987</v>
      </c>
      <c r="AH2382" s="13">
        <v>0.21266315994146515</v>
      </c>
      <c r="AI2382" s="9">
        <v>4719.6153316999989</v>
      </c>
      <c r="AJ2382" s="13">
        <v>0.27464326536489336</v>
      </c>
      <c r="AK2382" s="9">
        <v>1785.6288112000002</v>
      </c>
      <c r="AL2382" s="13">
        <v>8.1520133025792391E-2</v>
      </c>
      <c r="AM2382" s="9">
        <v>-2850.7277694000004</v>
      </c>
      <c r="AN2382" s="13">
        <v>-0.12033579537617468</v>
      </c>
      <c r="AO2382" s="9">
        <v>-1065.0989582000002</v>
      </c>
      <c r="AP2382" s="13">
        <v>-4.8625452397212582E-2</v>
      </c>
      <c r="AQ2382" s="9">
        <v>17184.5296313</v>
      </c>
      <c r="AR2382" s="9">
        <v>18076.020997200001</v>
      </c>
      <c r="AS2382" s="9">
        <v>20619.697102900001</v>
      </c>
      <c r="AT2382" s="9">
        <v>20107.621500599998</v>
      </c>
      <c r="AU2382" s="9">
        <v>20623.100850899998</v>
      </c>
      <c r="AV2382" s="9">
        <v>20558.333281300002</v>
      </c>
      <c r="AW2382" s="9">
        <v>21904.144962999999</v>
      </c>
      <c r="AX2382" s="9">
        <v>23160.409078600002</v>
      </c>
      <c r="AY2382" s="9">
        <v>22982.686269400001</v>
      </c>
      <c r="AZ2382" s="9">
        <v>23689.773774199999</v>
      </c>
      <c r="BA2382" s="9">
        <v>23277.160247399999</v>
      </c>
      <c r="BB2382" s="9">
        <v>24086.324083899999</v>
      </c>
      <c r="BC2382" s="9">
        <v>18247.49006</v>
      </c>
      <c r="BD2382" s="9">
        <v>18507.111414899999</v>
      </c>
      <c r="BE2382" s="9">
        <v>19972.634681899999</v>
      </c>
      <c r="BF2382" s="9">
        <v>20839.046004799999</v>
      </c>
      <c r="BG2382" s="11">
        <v>273.75</v>
      </c>
      <c r="BH2382" s="13">
        <v>21.057692307692307</v>
      </c>
      <c r="BI2382" s="6">
        <v>3</v>
      </c>
      <c r="BJ2382" s="13">
        <v>0.23076923076923078</v>
      </c>
      <c r="BK2382" s="6">
        <v>1</v>
      </c>
      <c r="BL2382" s="13">
        <v>6.25E-2</v>
      </c>
      <c r="BM2382" s="11">
        <v>269.75</v>
      </c>
      <c r="BN2382" s="13">
        <v>15.867647058823529</v>
      </c>
      <c r="BO2382" s="11">
        <v>270.75</v>
      </c>
      <c r="BP2382" s="13">
        <v>16.921875</v>
      </c>
      <c r="BQ2382" s="6">
        <v>13</v>
      </c>
      <c r="BR2382" s="6">
        <v>13</v>
      </c>
      <c r="BS2382" s="6">
        <v>13</v>
      </c>
      <c r="BT2382" s="6">
        <v>16</v>
      </c>
      <c r="BU2382" s="6">
        <v>17</v>
      </c>
      <c r="BV2382" s="6">
        <v>17</v>
      </c>
      <c r="BW2382" s="6">
        <v>17</v>
      </c>
      <c r="BX2382" s="6">
        <v>15</v>
      </c>
      <c r="BY2382" s="6">
        <v>19</v>
      </c>
      <c r="BZ2382" s="6">
        <v>291</v>
      </c>
      <c r="CA2382" s="6">
        <v>289</v>
      </c>
      <c r="CB2382" s="6">
        <v>298</v>
      </c>
      <c r="CC2382" s="11">
        <v>286.75</v>
      </c>
      <c r="CD2382" s="11">
        <v>374.37</v>
      </c>
      <c r="CE2382" s="11">
        <v>88.425700000000006</v>
      </c>
      <c r="CF2382" s="11">
        <v>26.5428</v>
      </c>
      <c r="CG2382" s="11">
        <v>115</v>
      </c>
      <c r="CH2382" s="20">
        <v>0.81535199999999997</v>
      </c>
      <c r="CI2382" s="20">
        <v>0.80362699999999998</v>
      </c>
      <c r="CJ2382" s="20">
        <v>0.75005999999999995</v>
      </c>
      <c r="CK2382" s="20">
        <v>0.72130399999999995</v>
      </c>
      <c r="CL2382" s="20">
        <v>0.68804699999999996</v>
      </c>
      <c r="CM2382" s="20">
        <v>0.78862500000000002</v>
      </c>
      <c r="CN2382" s="20">
        <v>0.80114700000000005</v>
      </c>
      <c r="CO2382" s="20">
        <v>0.83752199999999999</v>
      </c>
      <c r="CP2382" s="20">
        <v>0.84754799999999997</v>
      </c>
      <c r="CQ2382" s="20">
        <v>0.80817899999999998</v>
      </c>
      <c r="CR2382" s="20">
        <v>0.68480600000000003</v>
      </c>
      <c r="CS2382" s="20">
        <v>0.72446200000000005</v>
      </c>
      <c r="CT2382" s="20">
        <v>1.55887</v>
      </c>
      <c r="CU2382" s="20">
        <v>1.54495</v>
      </c>
      <c r="CV2382" s="20">
        <v>1.6572899999999999</v>
      </c>
      <c r="CW2382" s="20">
        <v>1.5936300000000001</v>
      </c>
      <c r="CX2382" s="20">
        <v>1.6808700000000001</v>
      </c>
      <c r="CY2382" s="6" t="s">
        <v>732</v>
      </c>
      <c r="CZ2382" s="6" t="s">
        <v>733</v>
      </c>
      <c r="DA2382" s="6" t="s">
        <v>73</v>
      </c>
      <c r="DB2382" s="6"/>
      <c r="DC2382" s="6"/>
      <c r="DD2382" s="6"/>
      <c r="DE2382" s="6"/>
      <c r="DF2382" s="6"/>
      <c r="DG2382" s="6"/>
      <c r="DH2382" s="6" t="s">
        <v>333</v>
      </c>
      <c r="DI2382" s="6"/>
      <c r="DJ2382" s="6"/>
      <c r="DK2382" s="6"/>
      <c r="DL2382" s="6">
        <v>10</v>
      </c>
      <c r="DM2382" s="6" t="s">
        <v>383</v>
      </c>
      <c r="DN2382" s="6">
        <v>9</v>
      </c>
      <c r="DO2382" s="6" t="s">
        <v>384</v>
      </c>
      <c r="DP2382" s="6"/>
      <c r="DQ2382" s="6"/>
    </row>
    <row r="2383" spans="1:121" x14ac:dyDescent="0.2">
      <c r="A2383" s="6" t="s">
        <v>322</v>
      </c>
      <c r="B2383" s="6" t="s">
        <v>322</v>
      </c>
      <c r="C2383" s="6" t="s">
        <v>191</v>
      </c>
      <c r="D2383" s="6" t="s">
        <v>73</v>
      </c>
      <c r="E2383" s="6" t="s">
        <v>214</v>
      </c>
      <c r="F2383" s="11">
        <v>1</v>
      </c>
      <c r="G2383" s="13">
        <v>1</v>
      </c>
      <c r="H2383" s="11">
        <v>6</v>
      </c>
      <c r="I2383" s="13">
        <v>0.5</v>
      </c>
      <c r="J2383" s="11">
        <v>-3</v>
      </c>
      <c r="K2383" s="13">
        <v>-0.16666666666666666</v>
      </c>
      <c r="L2383" s="11">
        <v>-10</v>
      </c>
      <c r="M2383" s="13">
        <v>-0.66666666666666663</v>
      </c>
      <c r="N2383" s="11">
        <v>-13</v>
      </c>
      <c r="O2383" s="13">
        <v>-0.72222222222222221</v>
      </c>
      <c r="P2383" s="7">
        <v>12</v>
      </c>
      <c r="Q2383" s="7">
        <v>12</v>
      </c>
      <c r="R2383" s="7">
        <v>13</v>
      </c>
      <c r="S2383" s="7">
        <v>16</v>
      </c>
      <c r="T2383" s="7">
        <v>14</v>
      </c>
      <c r="U2383" s="7">
        <v>16</v>
      </c>
      <c r="V2383" s="7">
        <v>18</v>
      </c>
      <c r="W2383" s="7">
        <v>22</v>
      </c>
      <c r="X2383" s="7">
        <v>31</v>
      </c>
      <c r="Y2383" s="7">
        <v>15</v>
      </c>
      <c r="Z2383" s="7">
        <v>12</v>
      </c>
      <c r="AA2383" s="7">
        <v>17</v>
      </c>
      <c r="AB2383" s="7">
        <v>5</v>
      </c>
      <c r="AC2383" s="7">
        <v>11</v>
      </c>
      <c r="AD2383" s="7">
        <v>5</v>
      </c>
      <c r="AE2383" s="7">
        <v>5</v>
      </c>
      <c r="AF2383" s="7">
        <v>5</v>
      </c>
      <c r="AG2383" s="9">
        <v>-13620</v>
      </c>
      <c r="AH2383" s="13">
        <v>-0.99992658395125189</v>
      </c>
      <c r="AI2383" s="9">
        <v>-425</v>
      </c>
      <c r="AJ2383" s="13">
        <v>-3.1201820718008956E-2</v>
      </c>
      <c r="AK2383" s="9">
        <v>-332</v>
      </c>
      <c r="AL2383" s="13">
        <v>-2.5159139133070628E-2</v>
      </c>
      <c r="AM2383" s="9">
        <v>-12863</v>
      </c>
      <c r="AN2383" s="13">
        <v>-0.9999222636815922</v>
      </c>
      <c r="AO2383" s="9">
        <v>-13195</v>
      </c>
      <c r="AP2383" s="13">
        <v>-0.99992421946044252</v>
      </c>
      <c r="AQ2383" s="9">
        <v>13621</v>
      </c>
      <c r="AR2383" s="9">
        <v>15589</v>
      </c>
      <c r="AS2383" s="9">
        <v>13538</v>
      </c>
      <c r="AT2383" s="9">
        <v>18019</v>
      </c>
      <c r="AU2383" s="9">
        <v>17024</v>
      </c>
      <c r="AV2383" s="9">
        <v>20141</v>
      </c>
      <c r="AW2383" s="9">
        <v>13196</v>
      </c>
      <c r="AX2383" s="9">
        <v>17899</v>
      </c>
      <c r="AY2383" s="9">
        <v>20175</v>
      </c>
      <c r="AZ2383" s="9">
        <v>12864</v>
      </c>
      <c r="BA2383" s="9">
        <v>14112</v>
      </c>
      <c r="BB2383" s="9">
        <v>21893</v>
      </c>
      <c r="BC2383" s="9">
        <v>1</v>
      </c>
      <c r="BD2383" s="9">
        <v>22167</v>
      </c>
      <c r="BE2383" s="9">
        <v>1</v>
      </c>
      <c r="BF2383" s="9">
        <v>1</v>
      </c>
      <c r="BG2383" s="11">
        <v>-1</v>
      </c>
      <c r="BH2383" s="13">
        <v>-0.33333333333333331</v>
      </c>
      <c r="BI2383" s="6">
        <v>0</v>
      </c>
      <c r="BJ2383" s="13">
        <v>0</v>
      </c>
      <c r="BK2383" s="6">
        <v>0</v>
      </c>
      <c r="BL2383" s="13">
        <v>0</v>
      </c>
      <c r="BM2383" s="11">
        <v>-1</v>
      </c>
      <c r="BN2383" s="13">
        <v>-0.33333333333333331</v>
      </c>
      <c r="BO2383" s="11">
        <v>-1</v>
      </c>
      <c r="BP2383" s="13">
        <v>-0.33333333333333331</v>
      </c>
      <c r="BQ2383" s="6">
        <v>3</v>
      </c>
      <c r="BR2383" s="6">
        <v>2</v>
      </c>
      <c r="BS2383" s="6">
        <v>2</v>
      </c>
      <c r="BT2383" s="6">
        <v>3</v>
      </c>
      <c r="BU2383" s="6">
        <v>2</v>
      </c>
      <c r="BV2383" s="6">
        <v>2</v>
      </c>
      <c r="BW2383" s="6">
        <v>3</v>
      </c>
      <c r="BX2383" s="6">
        <v>3</v>
      </c>
      <c r="BY2383" s="6">
        <v>2</v>
      </c>
      <c r="BZ2383" s="6">
        <v>2</v>
      </c>
      <c r="CA2383" s="6">
        <v>2</v>
      </c>
      <c r="CB2383" s="6">
        <v>2</v>
      </c>
      <c r="CC2383" s="11">
        <v>2</v>
      </c>
      <c r="CD2383" s="11">
        <v>-10</v>
      </c>
      <c r="CE2383" s="11">
        <v>2</v>
      </c>
      <c r="CF2383" s="11">
        <v>1</v>
      </c>
      <c r="CG2383" s="11">
        <v>3</v>
      </c>
      <c r="CH2383" s="20">
        <v>0.26</v>
      </c>
      <c r="CI2383" s="20">
        <v>0.25</v>
      </c>
      <c r="CJ2383" s="20">
        <v>0.26</v>
      </c>
      <c r="CK2383" s="20">
        <v>0.31</v>
      </c>
      <c r="CL2383" s="20">
        <v>0.26</v>
      </c>
      <c r="CM2383" s="20">
        <v>0.31</v>
      </c>
      <c r="CN2383" s="20">
        <v>0.35</v>
      </c>
      <c r="CO2383" s="20">
        <v>0.42</v>
      </c>
      <c r="CP2383" s="20">
        <v>0.56999999999999995</v>
      </c>
      <c r="CQ2383" s="20">
        <v>0.27</v>
      </c>
      <c r="CR2383" s="20">
        <v>0.22</v>
      </c>
      <c r="CS2383" s="20">
        <v>0.31</v>
      </c>
      <c r="CT2383" s="20">
        <v>0.16</v>
      </c>
      <c r="CU2383" s="20">
        <v>0.2</v>
      </c>
      <c r="CV2383" s="20">
        <v>0.17</v>
      </c>
      <c r="CW2383" s="20">
        <v>0.1</v>
      </c>
      <c r="CX2383" s="20">
        <v>0.09</v>
      </c>
      <c r="CY2383" s="6" t="s">
        <v>732</v>
      </c>
      <c r="CZ2383" s="6" t="s">
        <v>733</v>
      </c>
      <c r="DA2383" s="6" t="s">
        <v>73</v>
      </c>
      <c r="DB2383" s="6"/>
      <c r="DC2383" s="6"/>
      <c r="DD2383" s="6"/>
      <c r="DE2383" s="6"/>
      <c r="DF2383" s="6"/>
      <c r="DG2383" s="6"/>
      <c r="DH2383" s="6" t="s">
        <v>333</v>
      </c>
      <c r="DI2383" s="6"/>
      <c r="DJ2383" s="6"/>
      <c r="DK2383" s="6"/>
      <c r="DL2383" s="6">
        <v>10</v>
      </c>
      <c r="DM2383" s="6" t="s">
        <v>383</v>
      </c>
      <c r="DN2383" s="6">
        <v>9</v>
      </c>
      <c r="DO2383" s="6" t="s">
        <v>384</v>
      </c>
      <c r="DP2383" s="6"/>
      <c r="DQ2383" s="6"/>
    </row>
    <row r="2384" spans="1:121" x14ac:dyDescent="0.2">
      <c r="A2384" s="6" t="s">
        <v>323</v>
      </c>
      <c r="B2384" s="6" t="s">
        <v>323</v>
      </c>
      <c r="C2384" s="6" t="s">
        <v>192</v>
      </c>
      <c r="D2384" s="6" t="s">
        <v>73</v>
      </c>
      <c r="E2384" s="6" t="s">
        <v>214</v>
      </c>
      <c r="F2384" s="11">
        <v>18</v>
      </c>
      <c r="G2384" s="13">
        <v>9.0452261306499998E-2</v>
      </c>
      <c r="H2384" s="11">
        <v>-17.594886617999975</v>
      </c>
      <c r="I2384" s="13">
        <v>-8.8285239685412353E-2</v>
      </c>
      <c r="J2384" s="11">
        <v>2.2361122529999875</v>
      </c>
      <c r="K2384" s="13">
        <v>1.2306547811850052E-2</v>
      </c>
      <c r="L2384" s="11">
        <v>33.110253040000003</v>
      </c>
      <c r="M2384" s="13">
        <v>0.18000853431271052</v>
      </c>
      <c r="N2384" s="11">
        <v>35.346365292999991</v>
      </c>
      <c r="O2384" s="13">
        <v>0.19453036575862101</v>
      </c>
      <c r="P2384" s="7">
        <v>199.29590360399999</v>
      </c>
      <c r="Q2384" s="7">
        <v>257.70080288700001</v>
      </c>
      <c r="R2384" s="7">
        <v>221.17952556500001</v>
      </c>
      <c r="S2384" s="7">
        <v>185.165128259</v>
      </c>
      <c r="T2384" s="7">
        <v>171.03594029800001</v>
      </c>
      <c r="U2384" s="7">
        <v>169.45941018600001</v>
      </c>
      <c r="V2384" s="7">
        <v>181.70101698600001</v>
      </c>
      <c r="W2384" s="7">
        <v>162.07813968299999</v>
      </c>
      <c r="X2384" s="7">
        <v>144.51042112299999</v>
      </c>
      <c r="Y2384" s="7">
        <v>183.937129239</v>
      </c>
      <c r="Z2384" s="7">
        <v>208.81028399300001</v>
      </c>
      <c r="AA2384" s="7">
        <v>193.318795658</v>
      </c>
      <c r="AB2384" s="7">
        <v>181.91216114400001</v>
      </c>
      <c r="AC2384" s="7">
        <v>194.75715994800001</v>
      </c>
      <c r="AD2384" s="7">
        <v>189.788441259</v>
      </c>
      <c r="AE2384" s="7">
        <v>212.340131023</v>
      </c>
      <c r="AF2384" s="7">
        <v>217.047382279</v>
      </c>
      <c r="AG2384" s="9">
        <v>5619.6944800000001</v>
      </c>
      <c r="AH2384" s="13">
        <v>0.48959063729319646</v>
      </c>
      <c r="AI2384" s="9">
        <v>548.27974970000105</v>
      </c>
      <c r="AJ2384" s="13">
        <v>4.7766410260541022E-2</v>
      </c>
      <c r="AK2384" s="9">
        <v>3237.7933472000004</v>
      </c>
      <c r="AL2384" s="13">
        <v>0.26921859499766843</v>
      </c>
      <c r="AM2384" s="9">
        <v>1833.6213830999986</v>
      </c>
      <c r="AN2384" s="13">
        <v>0.12012382863470608</v>
      </c>
      <c r="AO2384" s="9">
        <v>5071.4147302999991</v>
      </c>
      <c r="AP2384" s="13">
        <v>0.42168199200315071</v>
      </c>
      <c r="AQ2384" s="9">
        <v>11478.353652899999</v>
      </c>
      <c r="AR2384" s="9">
        <v>10298.7280412</v>
      </c>
      <c r="AS2384" s="9">
        <v>9926.6141381300004</v>
      </c>
      <c r="AT2384" s="9">
        <v>10546.4839373</v>
      </c>
      <c r="AU2384" s="9">
        <v>11384.4605042</v>
      </c>
      <c r="AV2384" s="9">
        <v>10932.8204147</v>
      </c>
      <c r="AW2384" s="9">
        <v>12026.6334026</v>
      </c>
      <c r="AX2384" s="9">
        <v>12029.957682800001</v>
      </c>
      <c r="AY2384" s="9">
        <v>14362.971191000001</v>
      </c>
      <c r="AZ2384" s="9">
        <v>15264.426749800001</v>
      </c>
      <c r="BA2384" s="9">
        <v>13881.9537851</v>
      </c>
      <c r="BB2384" s="9">
        <v>15145.015443300001</v>
      </c>
      <c r="BC2384" s="9">
        <v>14950.448464999999</v>
      </c>
      <c r="BD2384" s="9">
        <v>14325.7551793</v>
      </c>
      <c r="BE2384" s="9">
        <v>17086.724058700001</v>
      </c>
      <c r="BF2384" s="9">
        <v>17098.048132899999</v>
      </c>
      <c r="BG2384" s="11">
        <v>0.75</v>
      </c>
      <c r="BH2384" s="13">
        <v>3.125E-2</v>
      </c>
      <c r="BI2384" s="6">
        <v>2</v>
      </c>
      <c r="BJ2384" s="13">
        <v>8.3333333333333329E-2</v>
      </c>
      <c r="BK2384" s="6">
        <v>3</v>
      </c>
      <c r="BL2384" s="13">
        <v>0.11538461538461539</v>
      </c>
      <c r="BM2384" s="11">
        <v>-4.25</v>
      </c>
      <c r="BN2384" s="13">
        <v>-0.14655172413793102</v>
      </c>
      <c r="BO2384" s="11">
        <v>-1.25</v>
      </c>
      <c r="BP2384" s="13">
        <v>-4.807692307692308E-2</v>
      </c>
      <c r="BQ2384" s="6">
        <v>24</v>
      </c>
      <c r="BR2384" s="6">
        <v>21</v>
      </c>
      <c r="BS2384" s="6">
        <v>23</v>
      </c>
      <c r="BT2384" s="6">
        <v>26</v>
      </c>
      <c r="BU2384" s="6">
        <v>25</v>
      </c>
      <c r="BV2384" s="6">
        <v>25</v>
      </c>
      <c r="BW2384" s="6">
        <v>29</v>
      </c>
      <c r="BX2384" s="6">
        <v>29</v>
      </c>
      <c r="BY2384" s="6">
        <v>28</v>
      </c>
      <c r="BZ2384" s="6">
        <v>25</v>
      </c>
      <c r="CA2384" s="6">
        <v>25</v>
      </c>
      <c r="CB2384" s="6">
        <v>24</v>
      </c>
      <c r="CC2384" s="11">
        <v>24.75</v>
      </c>
      <c r="CD2384" s="11">
        <v>-49.354999999999997</v>
      </c>
      <c r="CE2384" s="11">
        <v>45.320999999999998</v>
      </c>
      <c r="CF2384" s="11">
        <v>21.785399999999999</v>
      </c>
      <c r="CG2384" s="11">
        <v>67</v>
      </c>
      <c r="CH2384" s="20">
        <v>0.90175700000000003</v>
      </c>
      <c r="CI2384" s="20">
        <v>1.09724</v>
      </c>
      <c r="CJ2384" s="20">
        <v>0.90251400000000004</v>
      </c>
      <c r="CK2384" s="20">
        <v>0.75667899999999999</v>
      </c>
      <c r="CL2384" s="20">
        <v>0.67990899999999999</v>
      </c>
      <c r="CM2384" s="20">
        <v>0.68526600000000004</v>
      </c>
      <c r="CN2384" s="20">
        <v>0.72097699999999998</v>
      </c>
      <c r="CO2384" s="20">
        <v>0.63744800000000001</v>
      </c>
      <c r="CP2384" s="20">
        <v>0.55430900000000005</v>
      </c>
      <c r="CQ2384" s="20">
        <v>0.67263099999999998</v>
      </c>
      <c r="CR2384" s="20">
        <v>0.76590000000000003</v>
      </c>
      <c r="CS2384" s="20">
        <v>0.72340300000000002</v>
      </c>
      <c r="CT2384" s="20">
        <v>0.68741699999999994</v>
      </c>
      <c r="CU2384" s="20">
        <v>0.72617399999999999</v>
      </c>
      <c r="CV2384" s="20">
        <v>0.67294799999999999</v>
      </c>
      <c r="CW2384" s="20">
        <v>0.74414100000000005</v>
      </c>
      <c r="CX2384" s="20">
        <v>0.74014100000000005</v>
      </c>
      <c r="CY2384" s="6" t="s">
        <v>732</v>
      </c>
      <c r="CZ2384" s="6" t="s">
        <v>733</v>
      </c>
      <c r="DA2384" s="6" t="s">
        <v>73</v>
      </c>
      <c r="DB2384" s="6"/>
      <c r="DC2384" s="6"/>
      <c r="DD2384" s="6"/>
      <c r="DE2384" s="6"/>
      <c r="DF2384" s="6"/>
      <c r="DG2384" s="6"/>
      <c r="DH2384" s="6" t="s">
        <v>333</v>
      </c>
      <c r="DI2384" s="6"/>
      <c r="DJ2384" s="6"/>
      <c r="DK2384" s="6"/>
      <c r="DL2384" s="6">
        <v>10</v>
      </c>
      <c r="DM2384" s="6" t="s">
        <v>383</v>
      </c>
      <c r="DN2384" s="6">
        <v>9</v>
      </c>
      <c r="DO2384" s="6" t="s">
        <v>384</v>
      </c>
      <c r="DP2384" s="6"/>
      <c r="DQ2384" s="6"/>
    </row>
    <row r="2385" spans="1:121" x14ac:dyDescent="0.2">
      <c r="A2385" s="6" t="s">
        <v>325</v>
      </c>
      <c r="B2385" s="6" t="s">
        <v>325</v>
      </c>
      <c r="C2385" s="6" t="s">
        <v>193</v>
      </c>
      <c r="D2385" s="6" t="s">
        <v>73</v>
      </c>
      <c r="E2385" s="6" t="s">
        <v>214</v>
      </c>
      <c r="F2385" s="11">
        <v>-102</v>
      </c>
      <c r="G2385" s="13">
        <v>-0.33333333333300003</v>
      </c>
      <c r="H2385" s="11">
        <v>189.46192050299999</v>
      </c>
      <c r="I2385" s="13">
        <v>0.62005424582115676</v>
      </c>
      <c r="J2385" s="11">
        <v>106.81833111000003</v>
      </c>
      <c r="K2385" s="13">
        <v>0.21578635651461969</v>
      </c>
      <c r="L2385" s="11">
        <v>-398.17449505700006</v>
      </c>
      <c r="M2385" s="13">
        <v>-0.66159827814125494</v>
      </c>
      <c r="N2385" s="11">
        <v>-291.35616394700003</v>
      </c>
      <c r="O2385" s="13">
        <v>-0.58857580354308259</v>
      </c>
      <c r="P2385" s="7">
        <v>305.55700856800001</v>
      </c>
      <c r="Q2385" s="7">
        <v>366.77890795299999</v>
      </c>
      <c r="R2385" s="7">
        <v>417.68794916399997</v>
      </c>
      <c r="S2385" s="7">
        <v>416.71633833200002</v>
      </c>
      <c r="T2385" s="7">
        <v>440.219401463</v>
      </c>
      <c r="U2385" s="7">
        <v>439.81564524700002</v>
      </c>
      <c r="V2385" s="7">
        <v>495.018929071</v>
      </c>
      <c r="W2385" s="7">
        <v>509.24977755800001</v>
      </c>
      <c r="X2385" s="7">
        <v>538.44031812599997</v>
      </c>
      <c r="Y2385" s="7">
        <v>601.83726018100003</v>
      </c>
      <c r="Z2385" s="7">
        <v>596.41619545000003</v>
      </c>
      <c r="AA2385" s="7">
        <v>578.09848036000005</v>
      </c>
      <c r="AB2385" s="7">
        <v>219.35629954199999</v>
      </c>
      <c r="AC2385" s="7">
        <v>221.429385258</v>
      </c>
      <c r="AD2385" s="7">
        <v>216.820501597</v>
      </c>
      <c r="AE2385" s="7">
        <v>214.44252376</v>
      </c>
      <c r="AF2385" s="7">
        <v>203.662765124</v>
      </c>
      <c r="AG2385" s="9">
        <v>2494.719626099999</v>
      </c>
      <c r="AH2385" s="13">
        <v>0.16756405803203442</v>
      </c>
      <c r="AI2385" s="9">
        <v>-4160.0340465000008</v>
      </c>
      <c r="AJ2385" s="13">
        <v>-0.27941904937537998</v>
      </c>
      <c r="AK2385" s="9">
        <v>-620.30705390000003</v>
      </c>
      <c r="AL2385" s="13">
        <v>-5.7820663207320121E-2</v>
      </c>
      <c r="AM2385" s="9">
        <v>7275.0607264999999</v>
      </c>
      <c r="AN2385" s="13">
        <v>0.71974622608790029</v>
      </c>
      <c r="AO2385" s="9">
        <v>6654.7536725999998</v>
      </c>
      <c r="AP2385" s="13">
        <v>0.62030935874721194</v>
      </c>
      <c r="AQ2385" s="9">
        <v>14888.154747500001</v>
      </c>
      <c r="AR2385" s="9">
        <v>13866.862066600001</v>
      </c>
      <c r="AS2385" s="9">
        <v>12768.088844100001</v>
      </c>
      <c r="AT2385" s="9">
        <v>11896.744246</v>
      </c>
      <c r="AU2385" s="9">
        <v>12038.0814995</v>
      </c>
      <c r="AV2385" s="9">
        <v>11189.472309999999</v>
      </c>
      <c r="AW2385" s="9">
        <v>10728.120701</v>
      </c>
      <c r="AX2385" s="9">
        <v>10623.7958707</v>
      </c>
      <c r="AY2385" s="9">
        <v>10457.450745800001</v>
      </c>
      <c r="AZ2385" s="9">
        <v>10107.8136471</v>
      </c>
      <c r="BA2385" s="9">
        <v>10162.025171400001</v>
      </c>
      <c r="BB2385" s="9">
        <v>10477.779067400001</v>
      </c>
      <c r="BC2385" s="9">
        <v>15947.543530999999</v>
      </c>
      <c r="BD2385" s="9">
        <v>16213.6045718</v>
      </c>
      <c r="BE2385" s="9">
        <v>16520.876548299999</v>
      </c>
      <c r="BF2385" s="9">
        <v>17382.8743736</v>
      </c>
      <c r="BG2385" s="11">
        <v>-91.5</v>
      </c>
      <c r="BH2385" s="13">
        <v>-0.8169642857142857</v>
      </c>
      <c r="BI2385" s="6">
        <v>68</v>
      </c>
      <c r="BJ2385" s="13">
        <v>0.6071428571428571</v>
      </c>
      <c r="BK2385" s="6">
        <v>86</v>
      </c>
      <c r="BL2385" s="13">
        <v>0.4777777777777778</v>
      </c>
      <c r="BM2385" s="11">
        <v>-245.5</v>
      </c>
      <c r="BN2385" s="13">
        <v>-0.92293233082706772</v>
      </c>
      <c r="BO2385" s="11">
        <v>-159.5</v>
      </c>
      <c r="BP2385" s="13">
        <v>-0.88611111111111107</v>
      </c>
      <c r="BQ2385" s="6">
        <v>112</v>
      </c>
      <c r="BR2385" s="6">
        <v>121</v>
      </c>
      <c r="BS2385" s="6">
        <v>150</v>
      </c>
      <c r="BT2385" s="6">
        <v>180</v>
      </c>
      <c r="BU2385" s="6">
        <v>196</v>
      </c>
      <c r="BV2385" s="6">
        <v>233</v>
      </c>
      <c r="BW2385" s="6">
        <v>266</v>
      </c>
      <c r="BX2385" s="6">
        <v>273</v>
      </c>
      <c r="BY2385" s="6">
        <v>280</v>
      </c>
      <c r="BZ2385" s="6">
        <v>16</v>
      </c>
      <c r="CA2385" s="6">
        <v>20</v>
      </c>
      <c r="CB2385" s="6">
        <v>20</v>
      </c>
      <c r="CC2385" s="11">
        <v>20.5</v>
      </c>
      <c r="CD2385" s="11">
        <v>-132.48099999999999</v>
      </c>
      <c r="CE2385" s="11">
        <v>-2.8138899999999998</v>
      </c>
      <c r="CF2385" s="11">
        <v>33.4011</v>
      </c>
      <c r="CG2385" s="11">
        <v>30</v>
      </c>
      <c r="CH2385" s="20">
        <v>2.0354000000000001</v>
      </c>
      <c r="CI2385" s="20">
        <v>2.2895599999999998</v>
      </c>
      <c r="CJ2385" s="20">
        <v>2.5131000000000001</v>
      </c>
      <c r="CK2385" s="20">
        <v>2.5564300000000002</v>
      </c>
      <c r="CL2385" s="20">
        <v>2.6706400000000001</v>
      </c>
      <c r="CM2385" s="20">
        <v>2.7396199999999999</v>
      </c>
      <c r="CN2385" s="20">
        <v>3.0405700000000002</v>
      </c>
      <c r="CO2385" s="20">
        <v>3.0974599999999999</v>
      </c>
      <c r="CP2385" s="20">
        <v>3.1289799999999999</v>
      </c>
      <c r="CQ2385" s="20">
        <v>3.3589600000000002</v>
      </c>
      <c r="CR2385" s="20">
        <v>3.3875099999999998</v>
      </c>
      <c r="CS2385" s="20">
        <v>3.3757000000000001</v>
      </c>
      <c r="CT2385" s="20">
        <v>1.411</v>
      </c>
      <c r="CU2385" s="20">
        <v>1.4203600000000001</v>
      </c>
      <c r="CV2385" s="20">
        <v>1.34877</v>
      </c>
      <c r="CW2385" s="20">
        <v>1.3324499999999999</v>
      </c>
      <c r="CX2385" s="20">
        <v>1.2423500000000001</v>
      </c>
      <c r="CY2385" s="6" t="s">
        <v>732</v>
      </c>
      <c r="CZ2385" s="6" t="s">
        <v>733</v>
      </c>
      <c r="DA2385" s="6" t="s">
        <v>73</v>
      </c>
      <c r="DB2385" s="6"/>
      <c r="DC2385" s="6"/>
      <c r="DD2385" s="6"/>
      <c r="DE2385" s="6"/>
      <c r="DF2385" s="6"/>
      <c r="DG2385" s="6"/>
      <c r="DH2385" s="6" t="s">
        <v>333</v>
      </c>
      <c r="DI2385" s="6"/>
      <c r="DJ2385" s="6"/>
      <c r="DK2385" s="6"/>
      <c r="DL2385" s="6">
        <v>10</v>
      </c>
      <c r="DM2385" s="6" t="s">
        <v>383</v>
      </c>
      <c r="DN2385" s="6">
        <v>9</v>
      </c>
      <c r="DO2385" s="6" t="s">
        <v>384</v>
      </c>
      <c r="DP2385" s="6"/>
      <c r="DQ2385" s="6"/>
    </row>
    <row r="2386" spans="1:121" x14ac:dyDescent="0.2">
      <c r="A2386" s="6" t="s">
        <v>327</v>
      </c>
      <c r="B2386" s="6" t="s">
        <v>327</v>
      </c>
      <c r="C2386" s="6" t="s">
        <v>194</v>
      </c>
      <c r="D2386" s="6" t="s">
        <v>73</v>
      </c>
      <c r="E2386" s="6" t="s">
        <v>214</v>
      </c>
      <c r="F2386" s="11">
        <v>-86</v>
      </c>
      <c r="G2386" s="13">
        <v>-0.12027972028</v>
      </c>
      <c r="H2386" s="11">
        <v>12.9394309999999</v>
      </c>
      <c r="I2386" s="13">
        <v>1.8097243554338033E-2</v>
      </c>
      <c r="J2386" s="11">
        <v>4.9390340000001061</v>
      </c>
      <c r="K2386" s="13">
        <v>6.7850024119220798E-3</v>
      </c>
      <c r="L2386" s="11">
        <v>-103.86172470700001</v>
      </c>
      <c r="M2386" s="13">
        <v>-0.14171857709974275</v>
      </c>
      <c r="N2386" s="11">
        <v>-98.922690706999902</v>
      </c>
      <c r="O2386" s="13">
        <v>-0.13589513557525659</v>
      </c>
      <c r="P2386" s="7">
        <v>714.99457700000005</v>
      </c>
      <c r="Q2386" s="7">
        <v>723.68232999999998</v>
      </c>
      <c r="R2386" s="7">
        <v>728.80803900000001</v>
      </c>
      <c r="S2386" s="7">
        <v>735.41147000000001</v>
      </c>
      <c r="T2386" s="7">
        <v>719.77688899999998</v>
      </c>
      <c r="U2386" s="7">
        <v>731.19705599999998</v>
      </c>
      <c r="V2386" s="7">
        <v>727.93400799999995</v>
      </c>
      <c r="W2386" s="7">
        <v>709.37579000000005</v>
      </c>
      <c r="X2386" s="7">
        <v>730.455512</v>
      </c>
      <c r="Y2386" s="7">
        <v>732.87304200000005</v>
      </c>
      <c r="Z2386" s="7">
        <v>696.37617899999998</v>
      </c>
      <c r="AA2386" s="7">
        <v>673.113878</v>
      </c>
      <c r="AB2386" s="7">
        <v>666.46670900000004</v>
      </c>
      <c r="AC2386" s="7">
        <v>658.07153300000004</v>
      </c>
      <c r="AD2386" s="7">
        <v>647.37234599999999</v>
      </c>
      <c r="AE2386" s="7">
        <v>639.02993524999999</v>
      </c>
      <c r="AF2386" s="7">
        <v>629.01131729300005</v>
      </c>
      <c r="AG2386" s="9">
        <v>12217.331563600001</v>
      </c>
      <c r="AH2386" s="13">
        <v>0.41946694589248024</v>
      </c>
      <c r="AI2386" s="9">
        <v>7124.7393860999982</v>
      </c>
      <c r="AJ2386" s="13">
        <v>0.24461910156153624</v>
      </c>
      <c r="AK2386" s="9">
        <v>3739.8447653999974</v>
      </c>
      <c r="AL2386" s="13">
        <v>0.10316645260729394</v>
      </c>
      <c r="AM2386" s="9">
        <v>1352.747412100005</v>
      </c>
      <c r="AN2386" s="13">
        <v>3.3826774408832395E-2</v>
      </c>
      <c r="AO2386" s="9">
        <v>5092.5921775000024</v>
      </c>
      <c r="AP2386" s="13">
        <v>0.14048301533503277</v>
      </c>
      <c r="AQ2386" s="9">
        <v>29125.850518700001</v>
      </c>
      <c r="AR2386" s="9">
        <v>29937.462805300001</v>
      </c>
      <c r="AS2386" s="9">
        <v>31903.573699</v>
      </c>
      <c r="AT2386" s="9">
        <v>33157.111318000003</v>
      </c>
      <c r="AU2386" s="9">
        <v>34596.754169200001</v>
      </c>
      <c r="AV2386" s="9">
        <v>35337.714120500001</v>
      </c>
      <c r="AW2386" s="9">
        <v>36250.589904799999</v>
      </c>
      <c r="AX2386" s="9">
        <v>38310.84115</v>
      </c>
      <c r="AY2386" s="9">
        <v>39564.701999600002</v>
      </c>
      <c r="AZ2386" s="9">
        <v>39990.434670199997</v>
      </c>
      <c r="BA2386" s="9">
        <v>40918.131227899998</v>
      </c>
      <c r="BB2386" s="9">
        <v>40994.237376600002</v>
      </c>
      <c r="BC2386" s="9">
        <v>39926.486550100002</v>
      </c>
      <c r="BD2386" s="9">
        <v>39427.392858899999</v>
      </c>
      <c r="BE2386" s="9">
        <v>40553.598754400002</v>
      </c>
      <c r="BF2386" s="9">
        <v>41343.182082300002</v>
      </c>
      <c r="BG2386" s="11">
        <v>-1</v>
      </c>
      <c r="BH2386" s="13">
        <v>-2.9411764705882353E-2</v>
      </c>
      <c r="BI2386" s="6">
        <v>6</v>
      </c>
      <c r="BJ2386" s="13">
        <v>0.17647058823529413</v>
      </c>
      <c r="BK2386" s="6">
        <v>1</v>
      </c>
      <c r="BL2386" s="13">
        <v>2.5000000000000001E-2</v>
      </c>
      <c r="BM2386" s="11">
        <v>-8</v>
      </c>
      <c r="BN2386" s="13">
        <v>-0.1951219512195122</v>
      </c>
      <c r="BO2386" s="11">
        <v>-7</v>
      </c>
      <c r="BP2386" s="13">
        <v>-0.17499999999999999</v>
      </c>
      <c r="BQ2386" s="6">
        <v>34</v>
      </c>
      <c r="BR2386" s="6">
        <v>37</v>
      </c>
      <c r="BS2386" s="6">
        <v>37</v>
      </c>
      <c r="BT2386" s="6">
        <v>40</v>
      </c>
      <c r="BU2386" s="6">
        <v>41</v>
      </c>
      <c r="BV2386" s="6">
        <v>42</v>
      </c>
      <c r="BW2386" s="6">
        <v>41</v>
      </c>
      <c r="BX2386" s="6">
        <v>40</v>
      </c>
      <c r="BY2386" s="6">
        <v>37</v>
      </c>
      <c r="BZ2386" s="6">
        <v>37</v>
      </c>
      <c r="CA2386" s="6">
        <v>34</v>
      </c>
      <c r="CB2386" s="6">
        <v>34</v>
      </c>
      <c r="CC2386" s="11">
        <v>33</v>
      </c>
      <c r="CD2386" s="11">
        <v>-122.224</v>
      </c>
      <c r="CE2386" s="11">
        <v>-41.9163</v>
      </c>
      <c r="CF2386" s="11">
        <v>78.157499999999999</v>
      </c>
      <c r="CG2386" s="11">
        <v>36</v>
      </c>
      <c r="CH2386" s="20">
        <v>1.4338</v>
      </c>
      <c r="CI2386" s="20">
        <v>1.35727</v>
      </c>
      <c r="CJ2386" s="20">
        <v>1.3271900000000001</v>
      </c>
      <c r="CK2386" s="20">
        <v>1.37537</v>
      </c>
      <c r="CL2386" s="20">
        <v>1.33426</v>
      </c>
      <c r="CM2386" s="20">
        <v>1.4009</v>
      </c>
      <c r="CN2386" s="20">
        <v>1.3851100000000001</v>
      </c>
      <c r="CO2386" s="20">
        <v>1.32325</v>
      </c>
      <c r="CP2386" s="20">
        <v>1.2872600000000001</v>
      </c>
      <c r="CQ2386" s="20">
        <v>1.2333000000000001</v>
      </c>
      <c r="CR2386" s="20">
        <v>1.22058</v>
      </c>
      <c r="CS2386" s="20">
        <v>1.2540800000000001</v>
      </c>
      <c r="CT2386" s="20">
        <v>1.2991999999999999</v>
      </c>
      <c r="CU2386" s="20">
        <v>1.30345</v>
      </c>
      <c r="CV2386" s="20">
        <v>1.2542</v>
      </c>
      <c r="CW2386" s="20">
        <v>1.2428600000000001</v>
      </c>
      <c r="CX2386" s="20">
        <v>1.20943</v>
      </c>
      <c r="CY2386" s="6" t="s">
        <v>732</v>
      </c>
      <c r="CZ2386" s="6" t="s">
        <v>733</v>
      </c>
      <c r="DA2386" s="6" t="s">
        <v>73</v>
      </c>
      <c r="DB2386" s="6"/>
      <c r="DC2386" s="6"/>
      <c r="DD2386" s="6"/>
      <c r="DE2386" s="6"/>
      <c r="DF2386" s="6"/>
      <c r="DG2386" s="6"/>
      <c r="DH2386" s="6" t="s">
        <v>333</v>
      </c>
      <c r="DI2386" s="6"/>
      <c r="DJ2386" s="6"/>
      <c r="DK2386" s="6"/>
      <c r="DL2386" s="6">
        <v>10</v>
      </c>
      <c r="DM2386" s="6" t="s">
        <v>383</v>
      </c>
      <c r="DN2386" s="6">
        <v>9</v>
      </c>
      <c r="DO2386" s="6" t="s">
        <v>384</v>
      </c>
      <c r="DP2386" s="6"/>
      <c r="DQ2386" s="6"/>
    </row>
    <row r="2387" spans="1:121" x14ac:dyDescent="0.2">
      <c r="A2387" s="6" t="s">
        <v>1</v>
      </c>
      <c r="B2387" s="6" t="s">
        <v>1</v>
      </c>
      <c r="C2387" s="6" t="s">
        <v>2</v>
      </c>
      <c r="D2387" s="6" t="s">
        <v>75</v>
      </c>
      <c r="E2387" s="6" t="s">
        <v>216</v>
      </c>
      <c r="F2387" s="11">
        <v>89</v>
      </c>
      <c r="G2387" s="13">
        <v>1.390625</v>
      </c>
      <c r="H2387" s="11">
        <v>142.19155115629999</v>
      </c>
      <c r="I2387" s="13">
        <v>2.2123312963598565</v>
      </c>
      <c r="J2387" s="11">
        <v>-61.090072368999984</v>
      </c>
      <c r="K2387" s="13">
        <v>-0.29588754321172916</v>
      </c>
      <c r="L2387" s="11">
        <v>7.1981116519999944</v>
      </c>
      <c r="M2387" s="13">
        <v>4.9514522290629893E-2</v>
      </c>
      <c r="N2387" s="11">
        <v>-53.891960716999989</v>
      </c>
      <c r="O2387" s="13">
        <v>-0.26102375127497618</v>
      </c>
      <c r="P2387" s="7">
        <v>64.2722685297</v>
      </c>
      <c r="Q2387" s="7">
        <v>90.297678425200004</v>
      </c>
      <c r="R2387" s="7">
        <v>87.628003089100005</v>
      </c>
      <c r="S2387" s="7">
        <v>88.233247324399997</v>
      </c>
      <c r="T2387" s="7">
        <v>101.438008466</v>
      </c>
      <c r="U2387" s="7">
        <v>122.50422374</v>
      </c>
      <c r="V2387" s="7">
        <v>206.46381968599999</v>
      </c>
      <c r="W2387" s="7">
        <v>250.84575837200001</v>
      </c>
      <c r="X2387" s="7">
        <v>309.09991878099999</v>
      </c>
      <c r="Y2387" s="7">
        <v>145.37374731700001</v>
      </c>
      <c r="Z2387" s="7">
        <v>130.29681010499999</v>
      </c>
      <c r="AA2387" s="7">
        <v>119.597449923</v>
      </c>
      <c r="AB2387" s="7">
        <v>103.350212132</v>
      </c>
      <c r="AC2387" s="7">
        <v>140.60538607800001</v>
      </c>
      <c r="AD2387" s="7">
        <v>154.84652264900001</v>
      </c>
      <c r="AE2387" s="7">
        <v>151.25850538099999</v>
      </c>
      <c r="AF2387" s="7">
        <v>152.571858969</v>
      </c>
      <c r="AG2387" s="9">
        <v>10519.7468802</v>
      </c>
      <c r="AH2387" s="13">
        <v>0.67626534592267828</v>
      </c>
      <c r="AI2387" s="9">
        <v>6300.728100100001</v>
      </c>
      <c r="AJ2387" s="13">
        <v>0.40504435293958879</v>
      </c>
      <c r="AK2387" s="9">
        <v>-542.48649389999991</v>
      </c>
      <c r="AL2387" s="13">
        <v>-2.4820512202486562E-2</v>
      </c>
      <c r="AM2387" s="9">
        <v>4761.5052739999992</v>
      </c>
      <c r="AN2387" s="13">
        <v>0.22339915257612264</v>
      </c>
      <c r="AO2387" s="9">
        <v>4219.0187800999993</v>
      </c>
      <c r="AP2387" s="13">
        <v>0.19303375898109529</v>
      </c>
      <c r="AQ2387" s="9">
        <v>15555.649781</v>
      </c>
      <c r="AR2387" s="9">
        <v>17247.933000000001</v>
      </c>
      <c r="AS2387" s="9">
        <v>17154.132734499999</v>
      </c>
      <c r="AT2387" s="9">
        <v>18094.4834572</v>
      </c>
      <c r="AU2387" s="9">
        <v>18572.428566800001</v>
      </c>
      <c r="AV2387" s="9">
        <v>18106.191045299998</v>
      </c>
      <c r="AW2387" s="9">
        <v>21856.377881100001</v>
      </c>
      <c r="AX2387" s="9">
        <v>23868.716570199998</v>
      </c>
      <c r="AY2387" s="9">
        <v>24080.105076100001</v>
      </c>
      <c r="AZ2387" s="9">
        <v>21313.891387200001</v>
      </c>
      <c r="BA2387" s="9">
        <v>22964.9905841</v>
      </c>
      <c r="BB2387" s="9">
        <v>23528.421865200002</v>
      </c>
      <c r="BC2387" s="9">
        <v>23599.3668005</v>
      </c>
      <c r="BD2387" s="9">
        <v>25313.1926208</v>
      </c>
      <c r="BE2387" s="9">
        <v>28102.371749400001</v>
      </c>
      <c r="BF2387" s="9">
        <v>26075.3966612</v>
      </c>
      <c r="BG2387" s="11">
        <v>4.5</v>
      </c>
      <c r="BH2387" s="13">
        <v>0.75</v>
      </c>
      <c r="BI2387" s="6">
        <v>1</v>
      </c>
      <c r="BJ2387" s="13">
        <v>0.16666666666666666</v>
      </c>
      <c r="BK2387" s="6">
        <v>2</v>
      </c>
      <c r="BL2387" s="13">
        <v>0.2857142857142857</v>
      </c>
      <c r="BM2387" s="11">
        <v>1.5</v>
      </c>
      <c r="BN2387" s="13">
        <v>0.16666666666666666</v>
      </c>
      <c r="BO2387" s="11">
        <v>3.5</v>
      </c>
      <c r="BP2387" s="13">
        <v>0.5</v>
      </c>
      <c r="BQ2387" s="6">
        <v>6</v>
      </c>
      <c r="BR2387" s="6">
        <v>8</v>
      </c>
      <c r="BS2387" s="6">
        <v>8</v>
      </c>
      <c r="BT2387" s="6">
        <v>7</v>
      </c>
      <c r="BU2387" s="6">
        <v>9</v>
      </c>
      <c r="BV2387" s="6">
        <v>10</v>
      </c>
      <c r="BW2387" s="6">
        <v>9</v>
      </c>
      <c r="BX2387" s="6">
        <v>8</v>
      </c>
      <c r="BY2387" s="6">
        <v>9</v>
      </c>
      <c r="BZ2387" s="6">
        <v>8</v>
      </c>
      <c r="CA2387" s="6">
        <v>10</v>
      </c>
      <c r="CB2387" s="6">
        <v>10</v>
      </c>
      <c r="CC2387" s="11">
        <v>10.5</v>
      </c>
      <c r="CD2387" s="11">
        <v>87.133799999999994</v>
      </c>
      <c r="CE2387" s="11">
        <v>-5.8599399999999999</v>
      </c>
      <c r="CF2387" s="11">
        <v>7.0257300000000003</v>
      </c>
      <c r="CG2387" s="11">
        <v>1</v>
      </c>
      <c r="CH2387" s="20">
        <v>0.60853400000000002</v>
      </c>
      <c r="CI2387" s="20">
        <v>0.90262900000000001</v>
      </c>
      <c r="CJ2387" s="20">
        <v>0.81486499999999995</v>
      </c>
      <c r="CK2387" s="20">
        <v>0.80607700000000004</v>
      </c>
      <c r="CL2387" s="20">
        <v>0.91168499999999997</v>
      </c>
      <c r="CM2387" s="20">
        <v>1.0827</v>
      </c>
      <c r="CN2387" s="20">
        <v>1.8452200000000001</v>
      </c>
      <c r="CO2387" s="20">
        <v>2.3506999999999998</v>
      </c>
      <c r="CP2387" s="20">
        <v>2.8931399999999998</v>
      </c>
      <c r="CQ2387" s="20">
        <v>1.43943</v>
      </c>
      <c r="CR2387" s="20">
        <v>1.2864599999999999</v>
      </c>
      <c r="CS2387" s="20">
        <v>1.1624699999999999</v>
      </c>
      <c r="CT2387" s="20">
        <v>1.0278799999999999</v>
      </c>
      <c r="CU2387" s="20">
        <v>1.3556600000000001</v>
      </c>
      <c r="CV2387" s="20">
        <v>1.4604999999999999</v>
      </c>
      <c r="CW2387" s="20">
        <v>1.43527</v>
      </c>
      <c r="CX2387" s="20">
        <v>1.4227300000000001</v>
      </c>
      <c r="CY2387" s="6" t="s">
        <v>734</v>
      </c>
      <c r="CZ2387" s="6" t="s">
        <v>735</v>
      </c>
      <c r="DA2387" s="6" t="s">
        <v>75</v>
      </c>
      <c r="DB2387" s="6"/>
      <c r="DC2387" s="6">
        <v>44180</v>
      </c>
      <c r="DD2387" s="6">
        <v>520</v>
      </c>
      <c r="DE2387" s="6" t="s">
        <v>460</v>
      </c>
      <c r="DF2387" s="6" t="s">
        <v>375</v>
      </c>
      <c r="DG2387" s="6" t="s">
        <v>376</v>
      </c>
      <c r="DH2387" s="6" t="s">
        <v>328</v>
      </c>
      <c r="DI2387" s="6" t="s">
        <v>461</v>
      </c>
      <c r="DJ2387" s="6">
        <v>29</v>
      </c>
      <c r="DK2387" s="6">
        <v>225</v>
      </c>
      <c r="DL2387" s="6">
        <v>2</v>
      </c>
      <c r="DM2387" s="6" t="s">
        <v>379</v>
      </c>
      <c r="DN2387" s="6">
        <v>2</v>
      </c>
      <c r="DO2387" s="6" t="s">
        <v>463</v>
      </c>
      <c r="DP2387" s="6"/>
      <c r="DQ2387" s="6"/>
    </row>
    <row r="2388" spans="1:121" x14ac:dyDescent="0.2">
      <c r="A2388" s="6" t="s">
        <v>310</v>
      </c>
      <c r="B2388" s="6" t="s">
        <v>310</v>
      </c>
      <c r="C2388" s="6" t="s">
        <v>173</v>
      </c>
      <c r="D2388" s="6" t="s">
        <v>75</v>
      </c>
      <c r="E2388" s="6" t="s">
        <v>216</v>
      </c>
      <c r="F2388" s="11">
        <v>14</v>
      </c>
      <c r="G2388" s="13">
        <v>1.4</v>
      </c>
      <c r="H2388" s="11">
        <v>11.511211000000001</v>
      </c>
      <c r="I2388" s="13">
        <v>1.0998505755549866</v>
      </c>
      <c r="J2388" s="11">
        <v>-6.0515939999999997</v>
      </c>
      <c r="K2388" s="13">
        <v>-0.27535569542670479</v>
      </c>
      <c r="L2388" s="11">
        <v>8.351588851299999</v>
      </c>
      <c r="M2388" s="13">
        <v>0.52440702740638812</v>
      </c>
      <c r="N2388" s="11">
        <v>2.2999948512999993</v>
      </c>
      <c r="O2388" s="13">
        <v>0.10465287026154628</v>
      </c>
      <c r="P2388" s="7">
        <v>10.466158999999999</v>
      </c>
      <c r="Q2388" s="7">
        <v>5</v>
      </c>
      <c r="R2388" s="7">
        <v>11.929475</v>
      </c>
      <c r="S2388" s="7">
        <v>16.969833999999999</v>
      </c>
      <c r="T2388" s="7">
        <v>20.888594999999999</v>
      </c>
      <c r="U2388" s="7">
        <v>23.135718000000001</v>
      </c>
      <c r="V2388" s="7">
        <v>21.977370000000001</v>
      </c>
      <c r="W2388" s="7">
        <v>26.4926975025</v>
      </c>
      <c r="X2388" s="7">
        <v>20.880103999999999</v>
      </c>
      <c r="Y2388" s="7">
        <v>15.925776000000001</v>
      </c>
      <c r="Z2388" s="7">
        <v>14.423557000000001</v>
      </c>
      <c r="AA2388" s="7">
        <v>14.787145000000001</v>
      </c>
      <c r="AB2388" s="7">
        <v>20.91769</v>
      </c>
      <c r="AC2388" s="7">
        <v>20.744472999999999</v>
      </c>
      <c r="AD2388" s="7">
        <v>22.953301</v>
      </c>
      <c r="AE2388" s="7">
        <v>23.506224750000001</v>
      </c>
      <c r="AF2388" s="7">
        <v>24.2773648513</v>
      </c>
      <c r="AG2388" s="9">
        <v>15075.446834599999</v>
      </c>
      <c r="AH2388" s="13">
        <v>0.5088740206340624</v>
      </c>
      <c r="AI2388" s="9">
        <v>5180.3978379999971</v>
      </c>
      <c r="AJ2388" s="13">
        <v>0.17486512374921653</v>
      </c>
      <c r="AK2388" s="9">
        <v>-361.16137470000103</v>
      </c>
      <c r="AL2388" s="13">
        <v>-1.0376559285417288E-2</v>
      </c>
      <c r="AM2388" s="9">
        <v>10256.210371300003</v>
      </c>
      <c r="AN2388" s="13">
        <v>0.29776182730477591</v>
      </c>
      <c r="AO2388" s="9">
        <v>9895.0489966000023</v>
      </c>
      <c r="AP2388" s="13">
        <v>0.28429552476539643</v>
      </c>
      <c r="AQ2388" s="9">
        <v>29625.106064200001</v>
      </c>
      <c r="AR2388" s="9">
        <v>1</v>
      </c>
      <c r="AS2388" s="9">
        <v>26419.528660100001</v>
      </c>
      <c r="AT2388" s="9">
        <v>29130.2901752</v>
      </c>
      <c r="AU2388" s="9">
        <v>29651.132264700002</v>
      </c>
      <c r="AV2388" s="9">
        <v>30737.757152900002</v>
      </c>
      <c r="AW2388" s="9">
        <v>34805.503902199998</v>
      </c>
      <c r="AX2388" s="9">
        <v>33426.019909299997</v>
      </c>
      <c r="AY2388" s="9">
        <v>32996.985116099997</v>
      </c>
      <c r="AZ2388" s="9">
        <v>34444.342527499997</v>
      </c>
      <c r="BA2388" s="9">
        <v>30124.776383799999</v>
      </c>
      <c r="BB2388" s="9">
        <v>25027.996834099999</v>
      </c>
      <c r="BC2388" s="9">
        <v>37222.988033200003</v>
      </c>
      <c r="BD2388" s="9">
        <v>37688.885175900003</v>
      </c>
      <c r="BE2388" s="9">
        <v>41036.032889299997</v>
      </c>
      <c r="BF2388" s="9">
        <v>44700.552898800001</v>
      </c>
      <c r="BG2388" s="11">
        <v>0</v>
      </c>
      <c r="BH2388" s="13">
        <v>0</v>
      </c>
      <c r="BI2388" s="6">
        <v>0</v>
      </c>
      <c r="BJ2388" s="13">
        <v>0</v>
      </c>
      <c r="BK2388" s="6">
        <v>0</v>
      </c>
      <c r="BL2388" s="13">
        <v>0</v>
      </c>
      <c r="BM2388" s="11">
        <v>0</v>
      </c>
      <c r="BN2388" s="13">
        <v>0</v>
      </c>
      <c r="BO2388" s="11">
        <v>0</v>
      </c>
      <c r="BP2388" s="13">
        <v>0</v>
      </c>
      <c r="BQ2388" s="6">
        <v>3</v>
      </c>
      <c r="BR2388" s="6">
        <v>3</v>
      </c>
      <c r="BS2388" s="6">
        <v>3</v>
      </c>
      <c r="BT2388" s="6">
        <v>3</v>
      </c>
      <c r="BU2388" s="6">
        <v>3</v>
      </c>
      <c r="BV2388" s="6">
        <v>3</v>
      </c>
      <c r="BW2388" s="6">
        <v>3</v>
      </c>
      <c r="BX2388" s="6">
        <v>3</v>
      </c>
      <c r="BY2388" s="6">
        <v>2</v>
      </c>
      <c r="BZ2388" s="6">
        <v>3</v>
      </c>
      <c r="CA2388" s="6">
        <v>3</v>
      </c>
      <c r="CB2388" s="6">
        <v>3</v>
      </c>
      <c r="CC2388" s="11">
        <v>3</v>
      </c>
      <c r="CD2388" s="11">
        <v>11.581300000000001</v>
      </c>
      <c r="CE2388" s="11">
        <v>1.0858399999999999</v>
      </c>
      <c r="CF2388" s="11">
        <v>1.14408</v>
      </c>
      <c r="CG2388" s="11">
        <v>2</v>
      </c>
      <c r="CH2388" s="20">
        <v>0.34926600000000002</v>
      </c>
      <c r="CI2388" s="20">
        <v>0.36077100000000001</v>
      </c>
      <c r="CJ2388" s="20">
        <v>0.414213</v>
      </c>
      <c r="CK2388" s="20">
        <v>0.56012200000000001</v>
      </c>
      <c r="CL2388" s="20">
        <v>0.63283400000000001</v>
      </c>
      <c r="CM2388" s="20">
        <v>0.62566999999999995</v>
      </c>
      <c r="CN2388" s="20">
        <v>0.55772600000000006</v>
      </c>
      <c r="CO2388" s="20">
        <v>0.63602899999999996</v>
      </c>
      <c r="CP2388" s="20">
        <v>0.55001100000000003</v>
      </c>
      <c r="CQ2388" s="20">
        <v>0.43518699999999999</v>
      </c>
      <c r="CR2388" s="20">
        <v>0.35379500000000003</v>
      </c>
      <c r="CS2388" s="20">
        <v>0.33136300000000002</v>
      </c>
      <c r="CT2388" s="20">
        <v>0.47600599999999998</v>
      </c>
      <c r="CU2388" s="20">
        <v>0.44910299999999997</v>
      </c>
      <c r="CV2388" s="20">
        <v>0.54946099999999998</v>
      </c>
      <c r="CW2388" s="20">
        <v>0.66634199999999999</v>
      </c>
      <c r="CX2388" s="20">
        <v>0.66969999999999996</v>
      </c>
      <c r="CY2388" s="6" t="s">
        <v>734</v>
      </c>
      <c r="CZ2388" s="6" t="s">
        <v>735</v>
      </c>
      <c r="DA2388" s="6" t="s">
        <v>75</v>
      </c>
      <c r="DB2388" s="6"/>
      <c r="DC2388" s="6">
        <v>44180</v>
      </c>
      <c r="DD2388" s="6">
        <v>520</v>
      </c>
      <c r="DE2388" s="6" t="s">
        <v>460</v>
      </c>
      <c r="DF2388" s="6" t="s">
        <v>375</v>
      </c>
      <c r="DG2388" s="6" t="s">
        <v>376</v>
      </c>
      <c r="DH2388" s="6" t="s">
        <v>328</v>
      </c>
      <c r="DI2388" s="6" t="s">
        <v>461</v>
      </c>
      <c r="DJ2388" s="6">
        <v>29</v>
      </c>
      <c r="DK2388" s="6">
        <v>225</v>
      </c>
      <c r="DL2388" s="6">
        <v>2</v>
      </c>
      <c r="DM2388" s="6" t="s">
        <v>379</v>
      </c>
      <c r="DN2388" s="6">
        <v>2</v>
      </c>
      <c r="DO2388" s="6" t="s">
        <v>463</v>
      </c>
      <c r="DP2388" s="6"/>
      <c r="DQ2388" s="6"/>
    </row>
    <row r="2389" spans="1:121" x14ac:dyDescent="0.2">
      <c r="A2389" s="6" t="s">
        <v>311</v>
      </c>
      <c r="B2389" s="6" t="s">
        <v>311</v>
      </c>
      <c r="C2389" s="6" t="s">
        <v>174</v>
      </c>
      <c r="D2389" s="6" t="s">
        <v>75</v>
      </c>
      <c r="E2389" s="6" t="s">
        <v>216</v>
      </c>
      <c r="F2389" s="11">
        <v>-19</v>
      </c>
      <c r="G2389" s="13">
        <v>-0.103825136612</v>
      </c>
      <c r="H2389" s="11">
        <v>-28.589571000000007</v>
      </c>
      <c r="I2389" s="13">
        <v>-0.1562300887665799</v>
      </c>
      <c r="J2389" s="11">
        <v>6.3914073979999841</v>
      </c>
      <c r="K2389" s="13">
        <v>4.1393248193542002E-2</v>
      </c>
      <c r="L2389" s="11">
        <v>3.3668291600000089</v>
      </c>
      <c r="M2389" s="13">
        <v>2.0938199274897096E-2</v>
      </c>
      <c r="N2389" s="11">
        <v>9.758236557999993</v>
      </c>
      <c r="O2389" s="13">
        <v>6.3198147547750758E-2</v>
      </c>
      <c r="P2389" s="7">
        <v>182.99657400000001</v>
      </c>
      <c r="Q2389" s="7">
        <v>184.281576</v>
      </c>
      <c r="R2389" s="7">
        <v>147.71825100000001</v>
      </c>
      <c r="S2389" s="7">
        <v>167.18945199999999</v>
      </c>
      <c r="T2389" s="7">
        <v>162.77951300000001</v>
      </c>
      <c r="U2389" s="7">
        <v>135.95053899999999</v>
      </c>
      <c r="V2389" s="7">
        <v>154.407003</v>
      </c>
      <c r="W2389" s="7">
        <v>145.60708299999999</v>
      </c>
      <c r="X2389" s="7">
        <v>158.83337299999999</v>
      </c>
      <c r="Y2389" s="7">
        <v>160.79841039799999</v>
      </c>
      <c r="Z2389" s="7">
        <v>161.32861140399999</v>
      </c>
      <c r="AA2389" s="7">
        <v>151.36089123400001</v>
      </c>
      <c r="AB2389" s="7">
        <v>162.836846888</v>
      </c>
      <c r="AC2389" s="7">
        <v>161.93822499999999</v>
      </c>
      <c r="AD2389" s="7">
        <v>166.20239708599999</v>
      </c>
      <c r="AE2389" s="7">
        <v>165.67191536199999</v>
      </c>
      <c r="AF2389" s="7">
        <v>164.165239558</v>
      </c>
      <c r="AG2389" s="9">
        <v>42896.735480100004</v>
      </c>
      <c r="AH2389" s="13">
        <v>0.65503154424084908</v>
      </c>
      <c r="AI2389" s="9">
        <v>35975.019407100001</v>
      </c>
      <c r="AJ2389" s="13">
        <v>0.54933719903368949</v>
      </c>
      <c r="AK2389" s="9">
        <v>10911.479634999996</v>
      </c>
      <c r="AL2389" s="13">
        <v>0.10754139607621968</v>
      </c>
      <c r="AM2389" s="9">
        <v>-3989.7635619999928</v>
      </c>
      <c r="AN2389" s="13">
        <v>-3.5504157843775808E-2</v>
      </c>
      <c r="AO2389" s="9">
        <v>6921.7160730000032</v>
      </c>
      <c r="AP2389" s="13">
        <v>6.8219071531413766E-2</v>
      </c>
      <c r="AQ2389" s="9">
        <v>65488.045357900002</v>
      </c>
      <c r="AR2389" s="9">
        <v>68879.068499700006</v>
      </c>
      <c r="AS2389" s="9">
        <v>84405.342768200004</v>
      </c>
      <c r="AT2389" s="9">
        <v>96800.221256399993</v>
      </c>
      <c r="AU2389" s="9">
        <v>94084.717159199994</v>
      </c>
      <c r="AV2389" s="9">
        <v>119166.674258</v>
      </c>
      <c r="AW2389" s="9">
        <v>101463.064765</v>
      </c>
      <c r="AX2389" s="9">
        <v>99915.621288800001</v>
      </c>
      <c r="AY2389" s="9">
        <v>106290.427757</v>
      </c>
      <c r="AZ2389" s="9">
        <v>112374.5444</v>
      </c>
      <c r="BA2389" s="9">
        <v>112398.78026100001</v>
      </c>
      <c r="BB2389" s="9">
        <v>103890.730428</v>
      </c>
      <c r="BC2389" s="9">
        <v>108177.513752</v>
      </c>
      <c r="BD2389" s="9">
        <v>112326.97296899999</v>
      </c>
      <c r="BE2389" s="9">
        <v>110976.312978</v>
      </c>
      <c r="BF2389" s="9">
        <v>108384.78083800001</v>
      </c>
      <c r="BG2389" s="11">
        <v>0</v>
      </c>
      <c r="BH2389" s="13">
        <v>0</v>
      </c>
      <c r="BI2389" s="6">
        <v>0</v>
      </c>
      <c r="BJ2389" s="13">
        <v>0</v>
      </c>
      <c r="BK2389" s="6">
        <v>0</v>
      </c>
      <c r="BL2389" s="13">
        <v>0</v>
      </c>
      <c r="BM2389" s="11">
        <v>0</v>
      </c>
      <c r="BN2389" s="13">
        <v>0</v>
      </c>
      <c r="BO2389" s="11">
        <v>0</v>
      </c>
      <c r="BP2389" s="13">
        <v>0</v>
      </c>
      <c r="BQ2389" s="6">
        <v>2</v>
      </c>
      <c r="BR2389" s="6">
        <v>2</v>
      </c>
      <c r="BS2389" s="6">
        <v>2</v>
      </c>
      <c r="BT2389" s="6">
        <v>2</v>
      </c>
      <c r="BU2389" s="6">
        <v>2</v>
      </c>
      <c r="BV2389" s="6">
        <v>2</v>
      </c>
      <c r="BW2389" s="6">
        <v>2</v>
      </c>
      <c r="BX2389" s="6">
        <v>2</v>
      </c>
      <c r="BY2389" s="6">
        <v>2</v>
      </c>
      <c r="BZ2389" s="6">
        <v>2</v>
      </c>
      <c r="CA2389" s="6">
        <v>2</v>
      </c>
      <c r="CB2389" s="6">
        <v>2</v>
      </c>
      <c r="CC2389" s="11">
        <v>2</v>
      </c>
      <c r="CD2389" s="11">
        <v>-9.0352099999999993</v>
      </c>
      <c r="CE2389" s="11">
        <v>-29.799900000000001</v>
      </c>
      <c r="CF2389" s="11">
        <v>20.003699999999998</v>
      </c>
      <c r="CG2389" s="11">
        <v>-10</v>
      </c>
      <c r="CH2389" s="20">
        <v>5.5736699999999999</v>
      </c>
      <c r="CI2389" s="20">
        <v>5.9456199999999999</v>
      </c>
      <c r="CJ2389" s="20">
        <v>4.5781200000000002</v>
      </c>
      <c r="CK2389" s="20">
        <v>5.2290400000000004</v>
      </c>
      <c r="CL2389" s="20">
        <v>5.1621699999999997</v>
      </c>
      <c r="CM2389" s="20">
        <v>4.2618099999999997</v>
      </c>
      <c r="CN2389" s="20">
        <v>4.8287500000000003</v>
      </c>
      <c r="CO2389" s="20">
        <v>4.5725499999999997</v>
      </c>
      <c r="CP2389" s="20">
        <v>4.9135099999999996</v>
      </c>
      <c r="CQ2389" s="20">
        <v>5.3174299999999999</v>
      </c>
      <c r="CR2389" s="20">
        <v>5.36538</v>
      </c>
      <c r="CS2389" s="20">
        <v>5.0207499999999996</v>
      </c>
      <c r="CT2389" s="20">
        <v>5.5953499999999998</v>
      </c>
      <c r="CU2389" s="20">
        <v>5.4347399999999997</v>
      </c>
      <c r="CV2389" s="20">
        <v>5.4645700000000001</v>
      </c>
      <c r="CW2389" s="20">
        <v>5.47302</v>
      </c>
      <c r="CX2389" s="20">
        <v>5.2974300000000003</v>
      </c>
      <c r="CY2389" s="6" t="s">
        <v>734</v>
      </c>
      <c r="CZ2389" s="6" t="s">
        <v>735</v>
      </c>
      <c r="DA2389" s="6" t="s">
        <v>75</v>
      </c>
      <c r="DB2389" s="6"/>
      <c r="DC2389" s="6">
        <v>44180</v>
      </c>
      <c r="DD2389" s="6">
        <v>520</v>
      </c>
      <c r="DE2389" s="6" t="s">
        <v>460</v>
      </c>
      <c r="DF2389" s="6" t="s">
        <v>375</v>
      </c>
      <c r="DG2389" s="6" t="s">
        <v>376</v>
      </c>
      <c r="DH2389" s="6" t="s">
        <v>328</v>
      </c>
      <c r="DI2389" s="6" t="s">
        <v>461</v>
      </c>
      <c r="DJ2389" s="6">
        <v>29</v>
      </c>
      <c r="DK2389" s="6">
        <v>225</v>
      </c>
      <c r="DL2389" s="6">
        <v>2</v>
      </c>
      <c r="DM2389" s="6" t="s">
        <v>379</v>
      </c>
      <c r="DN2389" s="6">
        <v>2</v>
      </c>
      <c r="DO2389" s="6" t="s">
        <v>463</v>
      </c>
      <c r="DP2389" s="6"/>
      <c r="DQ2389" s="6"/>
    </row>
    <row r="2390" spans="1:121" x14ac:dyDescent="0.2">
      <c r="A2390" s="6" t="s">
        <v>312</v>
      </c>
      <c r="B2390" s="6" t="s">
        <v>312</v>
      </c>
      <c r="C2390" s="6" t="s">
        <v>175</v>
      </c>
      <c r="D2390" s="6" t="s">
        <v>75</v>
      </c>
      <c r="E2390" s="6" t="s">
        <v>216</v>
      </c>
      <c r="F2390" s="11">
        <v>79</v>
      </c>
      <c r="G2390" s="13">
        <v>9.0079817559899994E-2</v>
      </c>
      <c r="H2390" s="11">
        <v>176.25273043599998</v>
      </c>
      <c r="I2390" s="13">
        <v>0.20088788489508444</v>
      </c>
      <c r="J2390" s="11">
        <v>-199.00034278600003</v>
      </c>
      <c r="K2390" s="13">
        <v>-0.1888727281935273</v>
      </c>
      <c r="L2390" s="11">
        <v>101.554492869</v>
      </c>
      <c r="M2390" s="13">
        <v>0.11882985503527346</v>
      </c>
      <c r="N2390" s="11">
        <v>-97.445849917000032</v>
      </c>
      <c r="O2390" s="13">
        <v>-9.2486592069607285E-2</v>
      </c>
      <c r="P2390" s="7">
        <v>877.36864036400004</v>
      </c>
      <c r="Q2390" s="7">
        <v>813.49450312800002</v>
      </c>
      <c r="R2390" s="7">
        <v>997.97347839500003</v>
      </c>
      <c r="S2390" s="7">
        <v>983.13372569000001</v>
      </c>
      <c r="T2390" s="7">
        <v>1119.94528304</v>
      </c>
      <c r="U2390" s="7">
        <v>1113.0317677</v>
      </c>
      <c r="V2390" s="7">
        <v>1053.6213708</v>
      </c>
      <c r="W2390" s="7">
        <v>996.67769235399999</v>
      </c>
      <c r="X2390" s="7">
        <v>925.12946805900003</v>
      </c>
      <c r="Y2390" s="7">
        <v>854.62102801399999</v>
      </c>
      <c r="Z2390" s="7">
        <v>821.38930785100001</v>
      </c>
      <c r="AA2390" s="7">
        <v>808.83777712300002</v>
      </c>
      <c r="AB2390" s="7">
        <v>807.87055204299998</v>
      </c>
      <c r="AC2390" s="7">
        <v>869.06840388099999</v>
      </c>
      <c r="AD2390" s="7">
        <v>904.25752725500001</v>
      </c>
      <c r="AE2390" s="7">
        <v>940.32220806600003</v>
      </c>
      <c r="AF2390" s="7">
        <v>956.17552088299999</v>
      </c>
      <c r="AG2390" s="9">
        <v>3183.2611156000021</v>
      </c>
      <c r="AH2390" s="13">
        <v>0.121279228878033</v>
      </c>
      <c r="AI2390" s="9">
        <v>2184.9150916000035</v>
      </c>
      <c r="AJ2390" s="13">
        <v>8.3243192389914636E-2</v>
      </c>
      <c r="AK2390" s="9">
        <v>-1709.7480982000016</v>
      </c>
      <c r="AL2390" s="13">
        <v>-6.0134031896203553E-2</v>
      </c>
      <c r="AM2390" s="9">
        <v>2708.0941222000001</v>
      </c>
      <c r="AN2390" s="13">
        <v>0.10134119578050474</v>
      </c>
      <c r="AO2390" s="9">
        <v>998.34602399999858</v>
      </c>
      <c r="AP2390" s="13">
        <v>3.5113109184836913E-2</v>
      </c>
      <c r="AQ2390" s="9">
        <v>26247.372654399998</v>
      </c>
      <c r="AR2390" s="9">
        <v>27222.319788500001</v>
      </c>
      <c r="AS2390" s="9">
        <v>27670.402409800001</v>
      </c>
      <c r="AT2390" s="9">
        <v>25929.610044500001</v>
      </c>
      <c r="AU2390" s="9">
        <v>26828.866543600001</v>
      </c>
      <c r="AV2390" s="9">
        <v>29290.697238699999</v>
      </c>
      <c r="AW2390" s="9">
        <v>28432.287746000002</v>
      </c>
      <c r="AX2390" s="9">
        <v>29013.412731699998</v>
      </c>
      <c r="AY2390" s="9">
        <v>29223.429640900002</v>
      </c>
      <c r="AZ2390" s="9">
        <v>26722.5396478</v>
      </c>
      <c r="BA2390" s="9">
        <v>26733.824935000001</v>
      </c>
      <c r="BB2390" s="9">
        <v>26999.378129199999</v>
      </c>
      <c r="BC2390" s="9">
        <v>27937.836996099999</v>
      </c>
      <c r="BD2390" s="9">
        <v>28029.0435306</v>
      </c>
      <c r="BE2390" s="9">
        <v>29118.326510300001</v>
      </c>
      <c r="BF2390" s="9">
        <v>29430.63377</v>
      </c>
      <c r="BG2390" s="11">
        <v>-11.25</v>
      </c>
      <c r="BH2390" s="13">
        <v>-0.1125</v>
      </c>
      <c r="BI2390" s="6">
        <v>16</v>
      </c>
      <c r="BJ2390" s="13">
        <v>0.16</v>
      </c>
      <c r="BK2390" s="6">
        <v>-19</v>
      </c>
      <c r="BL2390" s="13">
        <v>-0.16379310344827586</v>
      </c>
      <c r="BM2390" s="11">
        <v>-8.25</v>
      </c>
      <c r="BN2390" s="13">
        <v>-8.505154639175258E-2</v>
      </c>
      <c r="BO2390" s="11">
        <v>-27.25</v>
      </c>
      <c r="BP2390" s="13">
        <v>-0.23491379310344829</v>
      </c>
      <c r="BQ2390" s="6">
        <v>100</v>
      </c>
      <c r="BR2390" s="6">
        <v>108</v>
      </c>
      <c r="BS2390" s="6">
        <v>114</v>
      </c>
      <c r="BT2390" s="6">
        <v>116</v>
      </c>
      <c r="BU2390" s="6">
        <v>114</v>
      </c>
      <c r="BV2390" s="6">
        <v>108</v>
      </c>
      <c r="BW2390" s="6">
        <v>97</v>
      </c>
      <c r="BX2390" s="6">
        <v>91</v>
      </c>
      <c r="BY2390" s="6">
        <v>81</v>
      </c>
      <c r="BZ2390" s="6">
        <v>80</v>
      </c>
      <c r="CA2390" s="6">
        <v>86</v>
      </c>
      <c r="CB2390" s="6">
        <v>90</v>
      </c>
      <c r="CC2390" s="11">
        <v>88.75</v>
      </c>
      <c r="CD2390" s="11">
        <v>89.171599999999998</v>
      </c>
      <c r="CE2390" s="11">
        <v>-106.27200000000001</v>
      </c>
      <c r="CF2390" s="11">
        <v>95.906999999999996</v>
      </c>
      <c r="CG2390" s="11">
        <v>-10</v>
      </c>
      <c r="CH2390" s="20">
        <v>1.84239</v>
      </c>
      <c r="CI2390" s="20">
        <v>1.79705</v>
      </c>
      <c r="CJ2390" s="20">
        <v>2.0236999999999998</v>
      </c>
      <c r="CK2390" s="20">
        <v>1.8863399999999999</v>
      </c>
      <c r="CL2390" s="20">
        <v>2.0313300000000001</v>
      </c>
      <c r="CM2390" s="20">
        <v>1.90055</v>
      </c>
      <c r="CN2390" s="20">
        <v>1.8189500000000001</v>
      </c>
      <c r="CO2390" s="20">
        <v>1.85432</v>
      </c>
      <c r="CP2390" s="20">
        <v>1.95577</v>
      </c>
      <c r="CQ2390" s="20">
        <v>2.06623</v>
      </c>
      <c r="CR2390" s="20">
        <v>2.01823</v>
      </c>
      <c r="CS2390" s="20">
        <v>1.9635400000000001</v>
      </c>
      <c r="CT2390" s="20">
        <v>1.9824200000000001</v>
      </c>
      <c r="CU2390" s="20">
        <v>2.0196499999999999</v>
      </c>
      <c r="CV2390" s="20">
        <v>2.0017399999999999</v>
      </c>
      <c r="CW2390" s="20">
        <v>2.04833</v>
      </c>
      <c r="CX2390" s="20">
        <v>2.0374699999999999</v>
      </c>
      <c r="CY2390" s="6" t="s">
        <v>734</v>
      </c>
      <c r="CZ2390" s="6" t="s">
        <v>735</v>
      </c>
      <c r="DA2390" s="6" t="s">
        <v>75</v>
      </c>
      <c r="DB2390" s="6"/>
      <c r="DC2390" s="6">
        <v>44180</v>
      </c>
      <c r="DD2390" s="6">
        <v>520</v>
      </c>
      <c r="DE2390" s="6" t="s">
        <v>460</v>
      </c>
      <c r="DF2390" s="6" t="s">
        <v>375</v>
      </c>
      <c r="DG2390" s="6" t="s">
        <v>376</v>
      </c>
      <c r="DH2390" s="6" t="s">
        <v>328</v>
      </c>
      <c r="DI2390" s="6" t="s">
        <v>461</v>
      </c>
      <c r="DJ2390" s="6">
        <v>29</v>
      </c>
      <c r="DK2390" s="6">
        <v>225</v>
      </c>
      <c r="DL2390" s="6">
        <v>2</v>
      </c>
      <c r="DM2390" s="6" t="s">
        <v>379</v>
      </c>
      <c r="DN2390" s="6">
        <v>2</v>
      </c>
      <c r="DO2390" s="6" t="s">
        <v>463</v>
      </c>
      <c r="DP2390" s="6"/>
      <c r="DQ2390" s="6"/>
    </row>
    <row r="2391" spans="1:121" x14ac:dyDescent="0.2">
      <c r="A2391" s="6" t="s">
        <v>792</v>
      </c>
      <c r="B2391" s="6" t="s">
        <v>176</v>
      </c>
      <c r="C2391" s="6" t="s">
        <v>177</v>
      </c>
      <c r="D2391" s="6" t="s">
        <v>75</v>
      </c>
      <c r="E2391" s="6" t="s">
        <v>216</v>
      </c>
      <c r="F2391" s="11">
        <v>-279</v>
      </c>
      <c r="G2391" s="13">
        <v>-0.21594427244600001</v>
      </c>
      <c r="H2391" s="11">
        <v>-179.86932507999995</v>
      </c>
      <c r="I2391" s="13">
        <v>-0.13925734243684706</v>
      </c>
      <c r="J2391" s="11">
        <v>-349.34060452899996</v>
      </c>
      <c r="K2391" s="13">
        <v>-0.314222108563883</v>
      </c>
      <c r="L2391" s="11">
        <v>250.25106390899998</v>
      </c>
      <c r="M2391" s="13">
        <v>0.32823139891670827</v>
      </c>
      <c r="N2391" s="11">
        <v>-99.08954061999998</v>
      </c>
      <c r="O2391" s="13">
        <v>-8.9128271911655801E-2</v>
      </c>
      <c r="P2391" s="7">
        <v>1291.6326129199999</v>
      </c>
      <c r="Q2391" s="7">
        <v>1001.53466652</v>
      </c>
      <c r="R2391" s="7">
        <v>1116.34021117</v>
      </c>
      <c r="S2391" s="7">
        <v>1312.2505367700001</v>
      </c>
      <c r="T2391" s="7">
        <v>1354.8188345399999</v>
      </c>
      <c r="U2391" s="7">
        <v>1358.7870702</v>
      </c>
      <c r="V2391" s="7">
        <v>1111.76328784</v>
      </c>
      <c r="W2391" s="7">
        <v>973.65950560399995</v>
      </c>
      <c r="X2391" s="7">
        <v>768.68988270900002</v>
      </c>
      <c r="Y2391" s="7">
        <v>762.42268331100001</v>
      </c>
      <c r="Z2391" s="7">
        <v>898.05142363899995</v>
      </c>
      <c r="AA2391" s="7">
        <v>969.44404598000006</v>
      </c>
      <c r="AB2391" s="7">
        <v>916.14484790200004</v>
      </c>
      <c r="AC2391" s="7">
        <v>999.13555768200001</v>
      </c>
      <c r="AD2391" s="7">
        <v>1015.3243077</v>
      </c>
      <c r="AE2391" s="7">
        <v>954.913939433</v>
      </c>
      <c r="AF2391" s="7">
        <v>1012.67374722</v>
      </c>
      <c r="AG2391" s="9">
        <v>14973.856737599999</v>
      </c>
      <c r="AH2391" s="13">
        <v>0.45781018713534422</v>
      </c>
      <c r="AI2391" s="9">
        <v>6392.1337643000006</v>
      </c>
      <c r="AJ2391" s="13">
        <v>0.19543288052703617</v>
      </c>
      <c r="AK2391" s="9">
        <v>1033.6868404999987</v>
      </c>
      <c r="AL2391" s="13">
        <v>2.643720685213025E-2</v>
      </c>
      <c r="AM2391" s="9">
        <v>7548.0361327999999</v>
      </c>
      <c r="AN2391" s="13">
        <v>0.18807374215498696</v>
      </c>
      <c r="AO2391" s="9">
        <v>8581.7229732999986</v>
      </c>
      <c r="AP2391" s="13">
        <v>0.21948309343192279</v>
      </c>
      <c r="AQ2391" s="9">
        <v>32707.5656208</v>
      </c>
      <c r="AR2391" s="9">
        <v>34813.989238900002</v>
      </c>
      <c r="AS2391" s="9">
        <v>34153.870496000003</v>
      </c>
      <c r="AT2391" s="9">
        <v>36988.379400099999</v>
      </c>
      <c r="AU2391" s="9">
        <v>38457.484636100002</v>
      </c>
      <c r="AV2391" s="9">
        <v>39235.0907391</v>
      </c>
      <c r="AW2391" s="9">
        <v>39099.699385100001</v>
      </c>
      <c r="AX2391" s="9">
        <v>39522.185684299999</v>
      </c>
      <c r="AY2391" s="9">
        <v>38599.595217800001</v>
      </c>
      <c r="AZ2391" s="9">
        <v>40133.386225599999</v>
      </c>
      <c r="BA2391" s="9">
        <v>43294.3718725</v>
      </c>
      <c r="BB2391" s="9">
        <v>41981.981809800003</v>
      </c>
      <c r="BC2391" s="9">
        <v>42418.988812900003</v>
      </c>
      <c r="BD2391" s="9">
        <v>44453.986580500001</v>
      </c>
      <c r="BE2391" s="9">
        <v>47262.581032499998</v>
      </c>
      <c r="BF2391" s="9">
        <v>47681.422358399999</v>
      </c>
      <c r="BG2391" s="11">
        <v>-9.25</v>
      </c>
      <c r="BH2391" s="13">
        <v>-0.17452830188679244</v>
      </c>
      <c r="BI2391" s="6">
        <v>1</v>
      </c>
      <c r="BJ2391" s="13">
        <v>1.8867924528301886E-2</v>
      </c>
      <c r="BK2391" s="6">
        <v>-5</v>
      </c>
      <c r="BL2391" s="13">
        <v>-9.2592592592592587E-2</v>
      </c>
      <c r="BM2391" s="11">
        <v>-5.25</v>
      </c>
      <c r="BN2391" s="13">
        <v>-0.10714285714285714</v>
      </c>
      <c r="BO2391" s="11">
        <v>-10.25</v>
      </c>
      <c r="BP2391" s="13">
        <v>-0.18981481481481483</v>
      </c>
      <c r="BQ2391" s="6">
        <v>53</v>
      </c>
      <c r="BR2391" s="6">
        <v>51</v>
      </c>
      <c r="BS2391" s="6">
        <v>55</v>
      </c>
      <c r="BT2391" s="6">
        <v>54</v>
      </c>
      <c r="BU2391" s="6">
        <v>54</v>
      </c>
      <c r="BV2391" s="6">
        <v>53</v>
      </c>
      <c r="BW2391" s="6">
        <v>49</v>
      </c>
      <c r="BX2391" s="6">
        <v>50</v>
      </c>
      <c r="BY2391" s="6">
        <v>50</v>
      </c>
      <c r="BZ2391" s="6">
        <v>45</v>
      </c>
      <c r="CA2391" s="6">
        <v>50</v>
      </c>
      <c r="CB2391" s="6">
        <v>48</v>
      </c>
      <c r="CC2391" s="11">
        <v>43.75</v>
      </c>
      <c r="CD2391" s="11">
        <v>35.767600000000002</v>
      </c>
      <c r="CE2391" s="11">
        <v>-455.91800000000001</v>
      </c>
      <c r="CF2391" s="11">
        <v>141.191</v>
      </c>
      <c r="CG2391" s="11">
        <v>-315</v>
      </c>
      <c r="CH2391" s="20">
        <v>1.41675</v>
      </c>
      <c r="CI2391" s="20">
        <v>1.23498</v>
      </c>
      <c r="CJ2391" s="20">
        <v>1.3507400000000001</v>
      </c>
      <c r="CK2391" s="20">
        <v>1.5912500000000001</v>
      </c>
      <c r="CL2391" s="20">
        <v>1.63537</v>
      </c>
      <c r="CM2391" s="20">
        <v>1.6184499999999999</v>
      </c>
      <c r="CN2391" s="20">
        <v>1.35544</v>
      </c>
      <c r="CO2391" s="20">
        <v>1.2516499999999999</v>
      </c>
      <c r="CP2391" s="20">
        <v>1.10626</v>
      </c>
      <c r="CQ2391" s="20">
        <v>1.18709</v>
      </c>
      <c r="CR2391" s="20">
        <v>1.3787100000000001</v>
      </c>
      <c r="CS2391" s="20">
        <v>1.4599</v>
      </c>
      <c r="CT2391" s="20">
        <v>1.4165300000000001</v>
      </c>
      <c r="CU2391" s="20">
        <v>1.4988900000000001</v>
      </c>
      <c r="CV2391" s="20">
        <v>1.4915700000000001</v>
      </c>
      <c r="CW2391" s="20">
        <v>1.4105300000000001</v>
      </c>
      <c r="CX2391" s="20">
        <v>1.4726600000000001</v>
      </c>
      <c r="CY2391" s="6" t="s">
        <v>734</v>
      </c>
      <c r="CZ2391" s="6" t="s">
        <v>735</v>
      </c>
      <c r="DA2391" s="6" t="s">
        <v>75</v>
      </c>
      <c r="DB2391" s="6"/>
      <c r="DC2391" s="6">
        <v>44180</v>
      </c>
      <c r="DD2391" s="6">
        <v>520</v>
      </c>
      <c r="DE2391" s="6" t="s">
        <v>460</v>
      </c>
      <c r="DF2391" s="6" t="s">
        <v>375</v>
      </c>
      <c r="DG2391" s="6" t="s">
        <v>376</v>
      </c>
      <c r="DH2391" s="6" t="s">
        <v>328</v>
      </c>
      <c r="DI2391" s="6" t="s">
        <v>461</v>
      </c>
      <c r="DJ2391" s="6">
        <v>29</v>
      </c>
      <c r="DK2391" s="6">
        <v>225</v>
      </c>
      <c r="DL2391" s="6">
        <v>2</v>
      </c>
      <c r="DM2391" s="6" t="s">
        <v>379</v>
      </c>
      <c r="DN2391" s="6">
        <v>2</v>
      </c>
      <c r="DO2391" s="6" t="s">
        <v>463</v>
      </c>
      <c r="DP2391" s="6"/>
      <c r="DQ2391" s="6"/>
    </row>
    <row r="2392" spans="1:121" x14ac:dyDescent="0.2">
      <c r="A2392" s="6" t="s">
        <v>313</v>
      </c>
      <c r="B2392" s="6" t="s">
        <v>313</v>
      </c>
      <c r="C2392" s="6" t="s">
        <v>178</v>
      </c>
      <c r="D2392" s="6" t="s">
        <v>75</v>
      </c>
      <c r="E2392" s="6" t="s">
        <v>216</v>
      </c>
      <c r="F2392" s="11">
        <v>116</v>
      </c>
      <c r="G2392" s="13">
        <v>0.58291457286399995</v>
      </c>
      <c r="H2392" s="11">
        <v>-2.1923625969999989</v>
      </c>
      <c r="I2392" s="13">
        <v>-1.1032890530093624E-2</v>
      </c>
      <c r="J2392" s="11">
        <v>-32.784888370999994</v>
      </c>
      <c r="K2392" s="13">
        <v>-0.1668279395228581</v>
      </c>
      <c r="L2392" s="11">
        <v>151.55331826499997</v>
      </c>
      <c r="M2392" s="13">
        <v>0.92560529079156162</v>
      </c>
      <c r="N2392" s="11">
        <v>118.76842989399998</v>
      </c>
      <c r="O2392" s="13">
        <v>0.60436052779449134</v>
      </c>
      <c r="P2392" s="7">
        <v>198.711533575</v>
      </c>
      <c r="Q2392" s="7">
        <v>178.676093248</v>
      </c>
      <c r="R2392" s="7">
        <v>175.81189838099999</v>
      </c>
      <c r="S2392" s="7">
        <v>130.73473662000001</v>
      </c>
      <c r="T2392" s="7">
        <v>133.229383506</v>
      </c>
      <c r="U2392" s="7">
        <v>156.01127688700001</v>
      </c>
      <c r="V2392" s="7">
        <v>196.51917097800001</v>
      </c>
      <c r="W2392" s="7">
        <v>194.63007076100001</v>
      </c>
      <c r="X2392" s="7">
        <v>175.890721068</v>
      </c>
      <c r="Y2392" s="7">
        <v>163.73428260700001</v>
      </c>
      <c r="Z2392" s="7">
        <v>216.02010028699999</v>
      </c>
      <c r="AA2392" s="7">
        <v>236.764796924</v>
      </c>
      <c r="AB2392" s="7">
        <v>213.32458497299999</v>
      </c>
      <c r="AC2392" s="7">
        <v>241.686354532</v>
      </c>
      <c r="AD2392" s="7">
        <v>256.316684275</v>
      </c>
      <c r="AE2392" s="7">
        <v>292.785660361</v>
      </c>
      <c r="AF2392" s="7">
        <v>315.28760087199998</v>
      </c>
      <c r="AG2392" s="9">
        <v>19160.441345700001</v>
      </c>
      <c r="AH2392" s="13">
        <v>0.66718079272664677</v>
      </c>
      <c r="AI2392" s="9">
        <v>8921.9193802000045</v>
      </c>
      <c r="AJ2392" s="13">
        <v>0.31066785661808066</v>
      </c>
      <c r="AK2392" s="9">
        <v>-2219.9695877000049</v>
      </c>
      <c r="AL2392" s="13">
        <v>-5.8978320708987203E-2</v>
      </c>
      <c r="AM2392" s="9">
        <v>12458.491553200001</v>
      </c>
      <c r="AN2392" s="13">
        <v>0.35173145700271469</v>
      </c>
      <c r="AO2392" s="9">
        <v>10238.521965499996</v>
      </c>
      <c r="AP2392" s="13">
        <v>0.27200860561918205</v>
      </c>
      <c r="AQ2392" s="9">
        <v>28718.514613399999</v>
      </c>
      <c r="AR2392" s="9">
        <v>32025.932064100001</v>
      </c>
      <c r="AS2392" s="9">
        <v>36874.7509144</v>
      </c>
      <c r="AT2392" s="9">
        <v>37780.975099800002</v>
      </c>
      <c r="AU2392" s="9">
        <v>33528.638721099996</v>
      </c>
      <c r="AV2392" s="9">
        <v>39626.584920900001</v>
      </c>
      <c r="AW2392" s="9">
        <v>37640.433993600003</v>
      </c>
      <c r="AX2392" s="9">
        <v>41822.237855599997</v>
      </c>
      <c r="AY2392" s="9">
        <v>37458.162275199997</v>
      </c>
      <c r="AZ2392" s="9">
        <v>35420.464405899998</v>
      </c>
      <c r="BA2392" s="9">
        <v>35311.597822999996</v>
      </c>
      <c r="BB2392" s="9">
        <v>39318.247479700003</v>
      </c>
      <c r="BC2392" s="9">
        <v>41693.598403999997</v>
      </c>
      <c r="BD2392" s="9">
        <v>42311.337416199996</v>
      </c>
      <c r="BE2392" s="9">
        <v>46242.878871699999</v>
      </c>
      <c r="BF2392" s="9">
        <v>47878.9559591</v>
      </c>
      <c r="BG2392" s="11">
        <v>8.5</v>
      </c>
      <c r="BH2392" s="13">
        <v>0.27419354838709675</v>
      </c>
      <c r="BI2392" s="6">
        <v>6</v>
      </c>
      <c r="BJ2392" s="13">
        <v>0.19354838709677419</v>
      </c>
      <c r="BK2392" s="6">
        <v>-2</v>
      </c>
      <c r="BL2392" s="13">
        <v>-5.4054054054054057E-2</v>
      </c>
      <c r="BM2392" s="11">
        <v>4.5</v>
      </c>
      <c r="BN2392" s="13">
        <v>0.12857142857142856</v>
      </c>
      <c r="BO2392" s="11">
        <v>2.5</v>
      </c>
      <c r="BP2392" s="13">
        <v>6.7567567567567571E-2</v>
      </c>
      <c r="BQ2392" s="6">
        <v>31</v>
      </c>
      <c r="BR2392" s="6">
        <v>34</v>
      </c>
      <c r="BS2392" s="6">
        <v>36</v>
      </c>
      <c r="BT2392" s="6">
        <v>37</v>
      </c>
      <c r="BU2392" s="6">
        <v>37</v>
      </c>
      <c r="BV2392" s="6">
        <v>37</v>
      </c>
      <c r="BW2392" s="6">
        <v>35</v>
      </c>
      <c r="BX2392" s="6">
        <v>34</v>
      </c>
      <c r="BY2392" s="6">
        <v>35</v>
      </c>
      <c r="BZ2392" s="6">
        <v>35</v>
      </c>
      <c r="CA2392" s="6">
        <v>36</v>
      </c>
      <c r="CB2392" s="6">
        <v>36</v>
      </c>
      <c r="CC2392" s="11">
        <v>39.5</v>
      </c>
      <c r="CD2392" s="11">
        <v>111.10299999999999</v>
      </c>
      <c r="CE2392" s="11">
        <v>-16.248100000000001</v>
      </c>
      <c r="CF2392" s="11">
        <v>21.721599999999999</v>
      </c>
      <c r="CG2392" s="11">
        <v>6</v>
      </c>
      <c r="CH2392" s="20">
        <v>0.61211300000000002</v>
      </c>
      <c r="CI2392" s="20">
        <v>0.58765800000000001</v>
      </c>
      <c r="CJ2392" s="20">
        <v>0.54238799999999998</v>
      </c>
      <c r="CK2392" s="20">
        <v>0.39463399999999998</v>
      </c>
      <c r="CL2392" s="20">
        <v>0.39083499999999999</v>
      </c>
      <c r="CM2392" s="20">
        <v>0.43939899999999998</v>
      </c>
      <c r="CN2392" s="20">
        <v>0.54648200000000002</v>
      </c>
      <c r="CO2392" s="20">
        <v>0.55605300000000002</v>
      </c>
      <c r="CP2392" s="20">
        <v>0.53179200000000004</v>
      </c>
      <c r="CQ2392" s="20">
        <v>0.53024000000000004</v>
      </c>
      <c r="CR2392" s="20">
        <v>0.69280799999999998</v>
      </c>
      <c r="CS2392" s="20">
        <v>0.74397199999999997</v>
      </c>
      <c r="CT2392" s="20">
        <v>0.68433999999999995</v>
      </c>
      <c r="CU2392" s="20">
        <v>0.75320299999999996</v>
      </c>
      <c r="CV2392" s="20">
        <v>0.78272699999999995</v>
      </c>
      <c r="CW2392" s="20">
        <v>0.90132900000000005</v>
      </c>
      <c r="CX2392" s="20">
        <v>0.94777800000000001</v>
      </c>
      <c r="CY2392" s="6" t="s">
        <v>734</v>
      </c>
      <c r="CZ2392" s="6" t="s">
        <v>735</v>
      </c>
      <c r="DA2392" s="6" t="s">
        <v>75</v>
      </c>
      <c r="DB2392" s="6"/>
      <c r="DC2392" s="6">
        <v>44180</v>
      </c>
      <c r="DD2392" s="6">
        <v>520</v>
      </c>
      <c r="DE2392" s="6" t="s">
        <v>460</v>
      </c>
      <c r="DF2392" s="6" t="s">
        <v>375</v>
      </c>
      <c r="DG2392" s="6" t="s">
        <v>376</v>
      </c>
      <c r="DH2392" s="6" t="s">
        <v>328</v>
      </c>
      <c r="DI2392" s="6" t="s">
        <v>461</v>
      </c>
      <c r="DJ2392" s="6">
        <v>29</v>
      </c>
      <c r="DK2392" s="6">
        <v>225</v>
      </c>
      <c r="DL2392" s="6">
        <v>2</v>
      </c>
      <c r="DM2392" s="6" t="s">
        <v>379</v>
      </c>
      <c r="DN2392" s="6">
        <v>2</v>
      </c>
      <c r="DO2392" s="6" t="s">
        <v>463</v>
      </c>
      <c r="DP2392" s="6"/>
      <c r="DQ2392" s="6"/>
    </row>
    <row r="2393" spans="1:121" x14ac:dyDescent="0.2">
      <c r="A2393" s="6" t="s">
        <v>793</v>
      </c>
      <c r="B2393" s="6" t="s">
        <v>179</v>
      </c>
      <c r="C2393" s="6" t="s">
        <v>180</v>
      </c>
      <c r="D2393" s="6" t="s">
        <v>75</v>
      </c>
      <c r="E2393" s="6" t="s">
        <v>216</v>
      </c>
      <c r="F2393" s="11">
        <v>110</v>
      </c>
      <c r="G2393" s="13">
        <v>0.09</v>
      </c>
      <c r="H2393" s="11">
        <v>179</v>
      </c>
      <c r="I2393" s="13">
        <v>0.1536480686695279</v>
      </c>
      <c r="J2393" s="11">
        <v>-121</v>
      </c>
      <c r="K2393" s="13">
        <v>-9.0029761904761904E-2</v>
      </c>
      <c r="L2393" s="11">
        <v>52</v>
      </c>
      <c r="M2393" s="13">
        <v>4.2518397383483238E-2</v>
      </c>
      <c r="N2393" s="11">
        <v>-69</v>
      </c>
      <c r="O2393" s="13">
        <v>-5.1339285714285712E-2</v>
      </c>
      <c r="P2393" s="7">
        <v>1165</v>
      </c>
      <c r="Q2393" s="7">
        <v>1188</v>
      </c>
      <c r="R2393" s="7">
        <v>1226</v>
      </c>
      <c r="S2393" s="7">
        <v>1259</v>
      </c>
      <c r="T2393" s="7">
        <v>1219</v>
      </c>
      <c r="U2393" s="7">
        <v>1310</v>
      </c>
      <c r="V2393" s="7">
        <v>1344</v>
      </c>
      <c r="W2393" s="7">
        <v>1293</v>
      </c>
      <c r="X2393" s="7">
        <v>1233</v>
      </c>
      <c r="Y2393" s="7">
        <v>1223</v>
      </c>
      <c r="Z2393" s="7">
        <v>1158</v>
      </c>
      <c r="AA2393" s="7">
        <v>1179</v>
      </c>
      <c r="AB2393" s="7">
        <v>1178</v>
      </c>
      <c r="AC2393" s="7">
        <v>1172</v>
      </c>
      <c r="AD2393" s="7">
        <v>1190</v>
      </c>
      <c r="AE2393" s="7">
        <v>1221</v>
      </c>
      <c r="AF2393" s="7">
        <v>1275</v>
      </c>
      <c r="AG2393" s="9">
        <v>8292</v>
      </c>
      <c r="AH2393" s="13">
        <v>0.40434973423708975</v>
      </c>
      <c r="AI2393" s="9">
        <v>3358</v>
      </c>
      <c r="AJ2393" s="13">
        <v>0.16374896376846931</v>
      </c>
      <c r="AK2393" s="9">
        <v>1531</v>
      </c>
      <c r="AL2393" s="13">
        <v>6.4152524617640899E-2</v>
      </c>
      <c r="AM2393" s="9">
        <v>3403</v>
      </c>
      <c r="AN2393" s="13">
        <v>0.13399747991809735</v>
      </c>
      <c r="AO2393" s="9">
        <v>4934</v>
      </c>
      <c r="AP2393" s="13">
        <v>0.2067462811648858</v>
      </c>
      <c r="AQ2393" s="9">
        <v>20507</v>
      </c>
      <c r="AR2393" s="9">
        <v>21301</v>
      </c>
      <c r="AS2393" s="9">
        <v>21990</v>
      </c>
      <c r="AT2393" s="9">
        <v>22364</v>
      </c>
      <c r="AU2393" s="9">
        <v>22741</v>
      </c>
      <c r="AV2393" s="9">
        <v>22887</v>
      </c>
      <c r="AW2393" s="9">
        <v>23865</v>
      </c>
      <c r="AX2393" s="9">
        <v>24554</v>
      </c>
      <c r="AY2393" s="9">
        <v>24533</v>
      </c>
      <c r="AZ2393" s="9">
        <v>25396</v>
      </c>
      <c r="BA2393" s="9">
        <v>25862</v>
      </c>
      <c r="BB2393" s="9">
        <v>26672</v>
      </c>
      <c r="BC2393" s="9">
        <v>27600</v>
      </c>
      <c r="BD2393" s="9">
        <v>27823</v>
      </c>
      <c r="BE2393" s="9">
        <v>29119</v>
      </c>
      <c r="BF2393" s="9">
        <v>28799</v>
      </c>
      <c r="BG2393" s="11">
        <v>-13</v>
      </c>
      <c r="BH2393" s="13">
        <v>-0.11711711711711711</v>
      </c>
      <c r="BI2393" s="6">
        <v>-2</v>
      </c>
      <c r="BJ2393" s="13">
        <v>-1.8018018018018018E-2</v>
      </c>
      <c r="BK2393" s="6">
        <v>-7</v>
      </c>
      <c r="BL2393" s="13">
        <v>-6.4220183486238536E-2</v>
      </c>
      <c r="BM2393" s="11">
        <v>-4</v>
      </c>
      <c r="BN2393" s="13">
        <v>-3.9215686274509803E-2</v>
      </c>
      <c r="BO2393" s="11">
        <v>-11</v>
      </c>
      <c r="BP2393" s="13">
        <v>-0.10091743119266056</v>
      </c>
      <c r="BQ2393" s="6">
        <v>111</v>
      </c>
      <c r="BR2393" s="6">
        <v>108</v>
      </c>
      <c r="BS2393" s="6">
        <v>113</v>
      </c>
      <c r="BT2393" s="6">
        <v>109</v>
      </c>
      <c r="BU2393" s="6">
        <v>107</v>
      </c>
      <c r="BV2393" s="6">
        <v>103</v>
      </c>
      <c r="BW2393" s="6">
        <v>102</v>
      </c>
      <c r="BX2393" s="6">
        <v>94</v>
      </c>
      <c r="BY2393" s="6">
        <v>99</v>
      </c>
      <c r="BZ2393" s="6">
        <v>107</v>
      </c>
      <c r="CA2393" s="6">
        <v>102</v>
      </c>
      <c r="CB2393" s="6">
        <v>101</v>
      </c>
      <c r="CC2393" s="11">
        <v>98</v>
      </c>
      <c r="CD2393" s="11">
        <v>57</v>
      </c>
      <c r="CE2393" s="11">
        <v>-75</v>
      </c>
      <c r="CF2393" s="11">
        <v>127</v>
      </c>
      <c r="CG2393" s="11">
        <v>52</v>
      </c>
      <c r="CH2393" s="20">
        <v>1.34</v>
      </c>
      <c r="CI2393" s="20">
        <v>1.43</v>
      </c>
      <c r="CJ2393" s="20">
        <v>1.39</v>
      </c>
      <c r="CK2393" s="20">
        <v>1.4</v>
      </c>
      <c r="CL2393" s="20">
        <v>1.33</v>
      </c>
      <c r="CM2393" s="20">
        <v>1.39</v>
      </c>
      <c r="CN2393" s="20">
        <v>1.42</v>
      </c>
      <c r="CO2393" s="20">
        <v>1.41</v>
      </c>
      <c r="CP2393" s="20">
        <v>1.4</v>
      </c>
      <c r="CQ2393" s="20">
        <v>1.47</v>
      </c>
      <c r="CR2393" s="20">
        <v>1.38</v>
      </c>
      <c r="CS2393" s="20">
        <v>1.39</v>
      </c>
      <c r="CT2393" s="20">
        <v>1.42</v>
      </c>
      <c r="CU2393" s="20">
        <v>1.36</v>
      </c>
      <c r="CV2393" s="20">
        <v>1.34</v>
      </c>
      <c r="CW2393" s="20">
        <v>1.38</v>
      </c>
      <c r="CX2393" s="20">
        <v>1.4</v>
      </c>
      <c r="CY2393" s="6" t="s">
        <v>734</v>
      </c>
      <c r="CZ2393" s="6" t="s">
        <v>735</v>
      </c>
      <c r="DA2393" s="6" t="s">
        <v>75</v>
      </c>
      <c r="DB2393" s="6"/>
      <c r="DC2393" s="6">
        <v>44180</v>
      </c>
      <c r="DD2393" s="6">
        <v>520</v>
      </c>
      <c r="DE2393" s="6" t="s">
        <v>460</v>
      </c>
      <c r="DF2393" s="6" t="s">
        <v>375</v>
      </c>
      <c r="DG2393" s="6" t="s">
        <v>376</v>
      </c>
      <c r="DH2393" s="6" t="s">
        <v>328</v>
      </c>
      <c r="DI2393" s="6" t="s">
        <v>461</v>
      </c>
      <c r="DJ2393" s="6">
        <v>29</v>
      </c>
      <c r="DK2393" s="6">
        <v>225</v>
      </c>
      <c r="DL2393" s="6">
        <v>2</v>
      </c>
      <c r="DM2393" s="6" t="s">
        <v>379</v>
      </c>
      <c r="DN2393" s="6">
        <v>2</v>
      </c>
      <c r="DO2393" s="6" t="s">
        <v>463</v>
      </c>
      <c r="DP2393" s="6"/>
      <c r="DQ2393" s="6"/>
    </row>
    <row r="2394" spans="1:121" x14ac:dyDescent="0.2">
      <c r="A2394" s="6" t="s">
        <v>794</v>
      </c>
      <c r="B2394" s="6" t="s">
        <v>181</v>
      </c>
      <c r="C2394" s="6" t="s">
        <v>182</v>
      </c>
      <c r="D2394" s="6" t="s">
        <v>75</v>
      </c>
      <c r="E2394" s="6" t="s">
        <v>216</v>
      </c>
      <c r="F2394" s="11">
        <v>221</v>
      </c>
      <c r="G2394" s="13">
        <v>1.04739336493</v>
      </c>
      <c r="H2394" s="11">
        <v>129.79525742599998</v>
      </c>
      <c r="I2394" s="13">
        <v>0.61393185345637624</v>
      </c>
      <c r="J2394" s="11">
        <v>51.568683355000019</v>
      </c>
      <c r="K2394" s="13">
        <v>0.15113400563341678</v>
      </c>
      <c r="L2394" s="11">
        <v>39.448596753000004</v>
      </c>
      <c r="M2394" s="13">
        <v>0.10043424646052934</v>
      </c>
      <c r="N2394" s="11">
        <v>91.017280108000023</v>
      </c>
      <c r="O2394" s="13">
        <v>0.26674728206429976</v>
      </c>
      <c r="P2394" s="7">
        <v>211.41639205600001</v>
      </c>
      <c r="Q2394" s="7">
        <v>210.26760686</v>
      </c>
      <c r="R2394" s="7">
        <v>272.47285434200001</v>
      </c>
      <c r="S2394" s="7">
        <v>287.08977294300001</v>
      </c>
      <c r="T2394" s="7">
        <v>263.52654275399999</v>
      </c>
      <c r="U2394" s="7">
        <v>295.92929802700002</v>
      </c>
      <c r="V2394" s="7">
        <v>341.21164948199998</v>
      </c>
      <c r="W2394" s="7">
        <v>328.81018707800001</v>
      </c>
      <c r="X2394" s="7">
        <v>364.89237270400002</v>
      </c>
      <c r="Y2394" s="7">
        <v>392.780332837</v>
      </c>
      <c r="Z2394" s="7">
        <v>426.214362698</v>
      </c>
      <c r="AA2394" s="7">
        <v>419.91504580100002</v>
      </c>
      <c r="AB2394" s="7">
        <v>399.37651776299998</v>
      </c>
      <c r="AC2394" s="7">
        <v>426.68780036499999</v>
      </c>
      <c r="AD2394" s="7">
        <v>423.86841415499998</v>
      </c>
      <c r="AE2394" s="7">
        <v>414.410013354</v>
      </c>
      <c r="AF2394" s="7">
        <v>432.22892959000001</v>
      </c>
      <c r="AG2394" s="9">
        <v>28849.341070000002</v>
      </c>
      <c r="AH2394" s="13">
        <v>0.81486099215276897</v>
      </c>
      <c r="AI2394" s="9">
        <v>10434.050916799999</v>
      </c>
      <c r="AJ2394" s="13">
        <v>0.29471387445578684</v>
      </c>
      <c r="AK2394" s="9">
        <v>5167.7274084000019</v>
      </c>
      <c r="AL2394" s="13">
        <v>0.11273880452219372</v>
      </c>
      <c r="AM2394" s="9">
        <v>13247.562744800001</v>
      </c>
      <c r="AN2394" s="13">
        <v>0.25972668944045285</v>
      </c>
      <c r="AO2394" s="9">
        <v>18415.290153200003</v>
      </c>
      <c r="AP2394" s="13">
        <v>0.40174677043267032</v>
      </c>
      <c r="AQ2394" s="9">
        <v>35404.003072699998</v>
      </c>
      <c r="AR2394" s="9">
        <v>37290.964765199999</v>
      </c>
      <c r="AS2394" s="9">
        <v>34648.956699800001</v>
      </c>
      <c r="AT2394" s="9">
        <v>33274.892751699997</v>
      </c>
      <c r="AU2394" s="9">
        <v>36222.030987600003</v>
      </c>
      <c r="AV2394" s="9">
        <v>36238.795083700003</v>
      </c>
      <c r="AW2394" s="9">
        <v>45838.053989499997</v>
      </c>
      <c r="AX2394" s="9">
        <v>51101.974796399998</v>
      </c>
      <c r="AY2394" s="9">
        <v>48896.695937999997</v>
      </c>
      <c r="AZ2394" s="9">
        <v>51005.781397899998</v>
      </c>
      <c r="BA2394" s="9">
        <v>51555.436794300003</v>
      </c>
      <c r="BB2394" s="9">
        <v>54506.506225999998</v>
      </c>
      <c r="BC2394" s="9">
        <v>56540.885535499998</v>
      </c>
      <c r="BD2394" s="9">
        <v>58559.169747699998</v>
      </c>
      <c r="BE2394" s="9">
        <v>60023.420224599999</v>
      </c>
      <c r="BF2394" s="9">
        <v>64253.3441427</v>
      </c>
      <c r="BG2394" s="11">
        <v>3</v>
      </c>
      <c r="BH2394" s="13">
        <v>0.10714285714285714</v>
      </c>
      <c r="BI2394" s="6">
        <v>2</v>
      </c>
      <c r="BJ2394" s="13">
        <v>7.1428571428571425E-2</v>
      </c>
      <c r="BK2394" s="6">
        <v>-1</v>
      </c>
      <c r="BL2394" s="13">
        <v>-3.3333333333333333E-2</v>
      </c>
      <c r="BM2394" s="11">
        <v>2</v>
      </c>
      <c r="BN2394" s="13">
        <v>6.8965517241379309E-2</v>
      </c>
      <c r="BO2394" s="11">
        <v>1</v>
      </c>
      <c r="BP2394" s="13">
        <v>3.3333333333333333E-2</v>
      </c>
      <c r="BQ2394" s="6">
        <v>28</v>
      </c>
      <c r="BR2394" s="6">
        <v>27</v>
      </c>
      <c r="BS2394" s="6">
        <v>27</v>
      </c>
      <c r="BT2394" s="6">
        <v>30</v>
      </c>
      <c r="BU2394" s="6">
        <v>29</v>
      </c>
      <c r="BV2394" s="6">
        <v>30</v>
      </c>
      <c r="BW2394" s="6">
        <v>29</v>
      </c>
      <c r="BX2394" s="6">
        <v>30</v>
      </c>
      <c r="BY2394" s="6">
        <v>32</v>
      </c>
      <c r="BZ2394" s="6">
        <v>28</v>
      </c>
      <c r="CA2394" s="6">
        <v>28</v>
      </c>
      <c r="CB2394" s="6">
        <v>25</v>
      </c>
      <c r="CC2394" s="11">
        <v>31</v>
      </c>
      <c r="CD2394" s="11">
        <v>184.37700000000001</v>
      </c>
      <c r="CE2394" s="11">
        <v>13.325699999999999</v>
      </c>
      <c r="CF2394" s="11">
        <v>23.110399999999998</v>
      </c>
      <c r="CG2394" s="11">
        <v>36</v>
      </c>
      <c r="CH2394" s="20">
        <v>0.82269499999999995</v>
      </c>
      <c r="CI2394" s="20">
        <v>0.88103299999999996</v>
      </c>
      <c r="CJ2394" s="20">
        <v>1.07314</v>
      </c>
      <c r="CK2394" s="20">
        <v>1.0956999999999999</v>
      </c>
      <c r="CL2394" s="20">
        <v>0.97158100000000003</v>
      </c>
      <c r="CM2394" s="20">
        <v>1.0444800000000001</v>
      </c>
      <c r="CN2394" s="20">
        <v>1.18651</v>
      </c>
      <c r="CO2394" s="20">
        <v>1.17483</v>
      </c>
      <c r="CP2394" s="20">
        <v>1.37568</v>
      </c>
      <c r="CQ2394" s="20">
        <v>1.5765499999999999</v>
      </c>
      <c r="CR2394" s="20">
        <v>1.6722699999999999</v>
      </c>
      <c r="CS2394" s="20">
        <v>1.60791</v>
      </c>
      <c r="CT2394" s="20">
        <v>1.55189</v>
      </c>
      <c r="CU2394" s="20">
        <v>1.5748200000000001</v>
      </c>
      <c r="CV2394" s="20">
        <v>1.4804600000000001</v>
      </c>
      <c r="CW2394" s="20">
        <v>1.4218299999999999</v>
      </c>
      <c r="CX2394" s="20">
        <v>1.4386399999999999</v>
      </c>
      <c r="CY2394" s="6" t="s">
        <v>734</v>
      </c>
      <c r="CZ2394" s="6" t="s">
        <v>735</v>
      </c>
      <c r="DA2394" s="6" t="s">
        <v>75</v>
      </c>
      <c r="DB2394" s="6"/>
      <c r="DC2394" s="6">
        <v>44180</v>
      </c>
      <c r="DD2394" s="6">
        <v>520</v>
      </c>
      <c r="DE2394" s="6" t="s">
        <v>460</v>
      </c>
      <c r="DF2394" s="6" t="s">
        <v>375</v>
      </c>
      <c r="DG2394" s="6" t="s">
        <v>376</v>
      </c>
      <c r="DH2394" s="6" t="s">
        <v>328</v>
      </c>
      <c r="DI2394" s="6" t="s">
        <v>461</v>
      </c>
      <c r="DJ2394" s="6">
        <v>29</v>
      </c>
      <c r="DK2394" s="6">
        <v>225</v>
      </c>
      <c r="DL2394" s="6">
        <v>2</v>
      </c>
      <c r="DM2394" s="6" t="s">
        <v>379</v>
      </c>
      <c r="DN2394" s="6">
        <v>2</v>
      </c>
      <c r="DO2394" s="6" t="s">
        <v>463</v>
      </c>
      <c r="DP2394" s="6"/>
      <c r="DQ2394" s="6"/>
    </row>
    <row r="2395" spans="1:121" x14ac:dyDescent="0.2">
      <c r="A2395" s="6" t="s">
        <v>314</v>
      </c>
      <c r="B2395" s="6" t="s">
        <v>314</v>
      </c>
      <c r="C2395" s="6" t="s">
        <v>183</v>
      </c>
      <c r="D2395" s="6" t="s">
        <v>75</v>
      </c>
      <c r="E2395" s="6" t="s">
        <v>216</v>
      </c>
      <c r="F2395" s="11">
        <v>-48</v>
      </c>
      <c r="G2395" s="13">
        <v>-0.56470588235300001</v>
      </c>
      <c r="H2395" s="11">
        <v>-16.661207610700004</v>
      </c>
      <c r="I2395" s="13">
        <v>-0.19634088418569015</v>
      </c>
      <c r="J2395" s="11">
        <v>-8.4417688549999923</v>
      </c>
      <c r="K2395" s="13">
        <v>-0.12378438054970226</v>
      </c>
      <c r="L2395" s="11">
        <v>-23.194682991299999</v>
      </c>
      <c r="M2395" s="13">
        <v>-0.38815916216190094</v>
      </c>
      <c r="N2395" s="11">
        <v>-31.636451846299991</v>
      </c>
      <c r="O2395" s="13">
        <v>-0.46389550126870088</v>
      </c>
      <c r="P2395" s="7">
        <v>84.858574818999998</v>
      </c>
      <c r="Q2395" s="7">
        <v>69.747594910399997</v>
      </c>
      <c r="R2395" s="7">
        <v>67.061993899399994</v>
      </c>
      <c r="S2395" s="7">
        <v>68.577184635699993</v>
      </c>
      <c r="T2395" s="7">
        <v>67.741674373999999</v>
      </c>
      <c r="U2395" s="7">
        <v>65.093588464299998</v>
      </c>
      <c r="V2395" s="7">
        <v>68.197367208299994</v>
      </c>
      <c r="W2395" s="7">
        <v>61.314133443199999</v>
      </c>
      <c r="X2395" s="7">
        <v>64.905900055000004</v>
      </c>
      <c r="Y2395" s="7">
        <v>59.755598353300002</v>
      </c>
      <c r="Z2395" s="7">
        <v>56.7726261579</v>
      </c>
      <c r="AA2395" s="7">
        <v>51.0386926571</v>
      </c>
      <c r="AB2395" s="7">
        <v>47.729588171899998</v>
      </c>
      <c r="AC2395" s="7">
        <v>38.681951362500001</v>
      </c>
      <c r="AD2395" s="7">
        <v>40.368574858499997</v>
      </c>
      <c r="AE2395" s="7">
        <v>36.426110593200001</v>
      </c>
      <c r="AF2395" s="7">
        <v>36.560915362000003</v>
      </c>
      <c r="AG2395" s="9">
        <v>15007.532922499999</v>
      </c>
      <c r="AH2395" s="13">
        <v>0.50300964017341709</v>
      </c>
      <c r="AI2395" s="9">
        <v>6598.7800683999994</v>
      </c>
      <c r="AJ2395" s="13">
        <v>0.22117226095256637</v>
      </c>
      <c r="AK2395" s="9">
        <v>5245.4913503999996</v>
      </c>
      <c r="AL2395" s="13">
        <v>0.14397140674461181</v>
      </c>
      <c r="AM2395" s="9">
        <v>3163.2615036999996</v>
      </c>
      <c r="AN2395" s="13">
        <v>7.5894446764369489E-2</v>
      </c>
      <c r="AO2395" s="9">
        <v>8408.7528540999992</v>
      </c>
      <c r="AP2395" s="13">
        <v>0.23079248377375164</v>
      </c>
      <c r="AQ2395" s="9">
        <v>29835.4777402</v>
      </c>
      <c r="AR2395" s="9">
        <v>33336.728102900001</v>
      </c>
      <c r="AS2395" s="9">
        <v>29639.134554100001</v>
      </c>
      <c r="AT2395" s="9">
        <v>30437.1142344</v>
      </c>
      <c r="AU2395" s="9">
        <v>35327.870590400002</v>
      </c>
      <c r="AV2395" s="9">
        <v>37874.1412155</v>
      </c>
      <c r="AW2395" s="9">
        <v>36434.257808599999</v>
      </c>
      <c r="AX2395" s="9">
        <v>40154.967101499999</v>
      </c>
      <c r="AY2395" s="9">
        <v>42027.626824699997</v>
      </c>
      <c r="AZ2395" s="9">
        <v>41679.749158999999</v>
      </c>
      <c r="BA2395" s="9">
        <v>43416.257268100002</v>
      </c>
      <c r="BB2395" s="9">
        <v>44156.584895400003</v>
      </c>
      <c r="BC2395" s="9">
        <v>42095.6670381</v>
      </c>
      <c r="BD2395" s="9">
        <v>47143.411845900002</v>
      </c>
      <c r="BE2395" s="9">
        <v>38358.435934699999</v>
      </c>
      <c r="BF2395" s="9">
        <v>44843.010662699999</v>
      </c>
      <c r="BG2395" s="11">
        <v>-0.75</v>
      </c>
      <c r="BH2395" s="13">
        <v>-0.10714285714285714</v>
      </c>
      <c r="BI2395" s="6">
        <v>0</v>
      </c>
      <c r="BJ2395" s="13">
        <v>0</v>
      </c>
      <c r="BK2395" s="6">
        <v>1</v>
      </c>
      <c r="BL2395" s="13">
        <v>0.14285714285714285</v>
      </c>
      <c r="BM2395" s="11">
        <v>-1.75</v>
      </c>
      <c r="BN2395" s="13">
        <v>-0.21875</v>
      </c>
      <c r="BO2395" s="11">
        <v>-0.75</v>
      </c>
      <c r="BP2395" s="13">
        <v>-0.10714285714285714</v>
      </c>
      <c r="BQ2395" s="6">
        <v>7</v>
      </c>
      <c r="BR2395" s="6">
        <v>7</v>
      </c>
      <c r="BS2395" s="6">
        <v>7</v>
      </c>
      <c r="BT2395" s="6">
        <v>7</v>
      </c>
      <c r="BU2395" s="6">
        <v>7</v>
      </c>
      <c r="BV2395" s="6">
        <v>8</v>
      </c>
      <c r="BW2395" s="6">
        <v>8</v>
      </c>
      <c r="BX2395" s="6">
        <v>6</v>
      </c>
      <c r="BY2395" s="6">
        <v>5</v>
      </c>
      <c r="BZ2395" s="6">
        <v>5</v>
      </c>
      <c r="CA2395" s="6">
        <v>5</v>
      </c>
      <c r="CB2395" s="6">
        <v>6</v>
      </c>
      <c r="CC2395" s="11">
        <v>6.25</v>
      </c>
      <c r="CD2395" s="11">
        <v>-31.5824</v>
      </c>
      <c r="CE2395" s="11">
        <v>-25.991399999999999</v>
      </c>
      <c r="CF2395" s="11">
        <v>9.2760599999999993</v>
      </c>
      <c r="CG2395" s="11">
        <v>-17</v>
      </c>
      <c r="CH2395" s="20">
        <v>0.41932999999999998</v>
      </c>
      <c r="CI2395" s="20">
        <v>0.38158500000000001</v>
      </c>
      <c r="CJ2395" s="20">
        <v>0.36009999999999998</v>
      </c>
      <c r="CK2395" s="20">
        <v>0.37192799999999998</v>
      </c>
      <c r="CL2395" s="20">
        <v>0.36836400000000002</v>
      </c>
      <c r="CM2395" s="20">
        <v>0.34895700000000002</v>
      </c>
      <c r="CN2395" s="20">
        <v>0.36843999999999999</v>
      </c>
      <c r="CO2395" s="20">
        <v>0.34332200000000002</v>
      </c>
      <c r="CP2395" s="20">
        <v>0.38167000000000001</v>
      </c>
      <c r="CQ2395" s="20">
        <v>0.38372499999999998</v>
      </c>
      <c r="CR2395" s="20">
        <v>0.36963400000000002</v>
      </c>
      <c r="CS2395" s="20">
        <v>0.33085700000000001</v>
      </c>
      <c r="CT2395" s="20">
        <v>0.31724200000000002</v>
      </c>
      <c r="CU2395" s="20">
        <v>0.249446</v>
      </c>
      <c r="CV2395" s="20">
        <v>0.25534800000000002</v>
      </c>
      <c r="CW2395" s="20">
        <v>0.22880400000000001</v>
      </c>
      <c r="CX2395" s="20">
        <v>0.225601</v>
      </c>
      <c r="CY2395" s="6" t="s">
        <v>734</v>
      </c>
      <c r="CZ2395" s="6" t="s">
        <v>735</v>
      </c>
      <c r="DA2395" s="6" t="s">
        <v>75</v>
      </c>
      <c r="DB2395" s="6"/>
      <c r="DC2395" s="6">
        <v>44180</v>
      </c>
      <c r="DD2395" s="6">
        <v>520</v>
      </c>
      <c r="DE2395" s="6" t="s">
        <v>460</v>
      </c>
      <c r="DF2395" s="6" t="s">
        <v>375</v>
      </c>
      <c r="DG2395" s="6" t="s">
        <v>376</v>
      </c>
      <c r="DH2395" s="6" t="s">
        <v>328</v>
      </c>
      <c r="DI2395" s="6" t="s">
        <v>461</v>
      </c>
      <c r="DJ2395" s="6">
        <v>29</v>
      </c>
      <c r="DK2395" s="6">
        <v>225</v>
      </c>
      <c r="DL2395" s="6">
        <v>2</v>
      </c>
      <c r="DM2395" s="6" t="s">
        <v>379</v>
      </c>
      <c r="DN2395" s="6">
        <v>2</v>
      </c>
      <c r="DO2395" s="6" t="s">
        <v>463</v>
      </c>
      <c r="DP2395" s="6"/>
      <c r="DQ2395" s="6"/>
    </row>
    <row r="2396" spans="1:121" x14ac:dyDescent="0.2">
      <c r="A2396" s="6" t="s">
        <v>315</v>
      </c>
      <c r="B2396" s="6" t="s">
        <v>315</v>
      </c>
      <c r="C2396" s="6" t="s">
        <v>184</v>
      </c>
      <c r="D2396" s="6" t="s">
        <v>75</v>
      </c>
      <c r="E2396" s="6" t="s">
        <v>216</v>
      </c>
      <c r="F2396" s="11">
        <v>-28</v>
      </c>
      <c r="G2396" s="13">
        <v>-0.11</v>
      </c>
      <c r="H2396" s="11">
        <v>21</v>
      </c>
      <c r="I2396" s="13">
        <v>7.9245283018867921E-2</v>
      </c>
      <c r="J2396" s="11">
        <v>-15</v>
      </c>
      <c r="K2396" s="13">
        <v>-5.2447552447552448E-2</v>
      </c>
      <c r="L2396" s="11">
        <v>-34</v>
      </c>
      <c r="M2396" s="13">
        <v>-0.12546125461254612</v>
      </c>
      <c r="N2396" s="11">
        <v>-49</v>
      </c>
      <c r="O2396" s="13">
        <v>-0.17132867132867133</v>
      </c>
      <c r="P2396" s="7">
        <v>265</v>
      </c>
      <c r="Q2396" s="7">
        <v>285</v>
      </c>
      <c r="R2396" s="7">
        <v>296</v>
      </c>
      <c r="S2396" s="7">
        <v>290</v>
      </c>
      <c r="T2396" s="7">
        <v>273</v>
      </c>
      <c r="U2396" s="7">
        <v>281</v>
      </c>
      <c r="V2396" s="7">
        <v>286</v>
      </c>
      <c r="W2396" s="7">
        <v>285</v>
      </c>
      <c r="X2396" s="7">
        <v>271</v>
      </c>
      <c r="Y2396" s="7">
        <v>271</v>
      </c>
      <c r="Z2396" s="7">
        <v>249</v>
      </c>
      <c r="AA2396" s="7">
        <v>263</v>
      </c>
      <c r="AB2396" s="7">
        <v>255</v>
      </c>
      <c r="AC2396" s="7">
        <v>241</v>
      </c>
      <c r="AD2396" s="7">
        <v>239</v>
      </c>
      <c r="AE2396" s="7">
        <v>240</v>
      </c>
      <c r="AF2396" s="7">
        <v>237</v>
      </c>
      <c r="AG2396" s="9">
        <v>15578</v>
      </c>
      <c r="AH2396" s="13">
        <v>0.50402821367327788</v>
      </c>
      <c r="AI2396" s="9">
        <v>6420</v>
      </c>
      <c r="AJ2396" s="13">
        <v>0.20771993399553496</v>
      </c>
      <c r="AK2396" s="9">
        <v>3672</v>
      </c>
      <c r="AL2396" s="13">
        <v>9.8373831274948434E-2</v>
      </c>
      <c r="AM2396" s="9">
        <v>5486</v>
      </c>
      <c r="AN2396" s="13">
        <v>0.13380814166199176</v>
      </c>
      <c r="AO2396" s="9">
        <v>9158</v>
      </c>
      <c r="AP2396" s="13">
        <v>0.24534519248801137</v>
      </c>
      <c r="AQ2396" s="9">
        <v>30907</v>
      </c>
      <c r="AR2396" s="9">
        <v>31884</v>
      </c>
      <c r="AS2396" s="9">
        <v>31684</v>
      </c>
      <c r="AT2396" s="9">
        <v>33893</v>
      </c>
      <c r="AU2396" s="9">
        <v>35854</v>
      </c>
      <c r="AV2396" s="9">
        <v>35426</v>
      </c>
      <c r="AW2396" s="9">
        <v>37327</v>
      </c>
      <c r="AX2396" s="9">
        <v>39101</v>
      </c>
      <c r="AY2396" s="9">
        <v>38402</v>
      </c>
      <c r="AZ2396" s="9">
        <v>40999</v>
      </c>
      <c r="BA2396" s="9">
        <v>43994</v>
      </c>
      <c r="BB2396" s="9">
        <v>43655</v>
      </c>
      <c r="BC2396" s="9">
        <v>43006</v>
      </c>
      <c r="BD2396" s="9">
        <v>44862</v>
      </c>
      <c r="BE2396" s="9">
        <v>45470</v>
      </c>
      <c r="BF2396" s="9">
        <v>46485</v>
      </c>
      <c r="BG2396" s="11">
        <v>5</v>
      </c>
      <c r="BH2396" s="13">
        <v>0.15151515151515152</v>
      </c>
      <c r="BI2396" s="6">
        <v>3</v>
      </c>
      <c r="BJ2396" s="13">
        <v>9.0909090909090912E-2</v>
      </c>
      <c r="BK2396" s="6">
        <v>2</v>
      </c>
      <c r="BL2396" s="13">
        <v>5.5555555555555552E-2</v>
      </c>
      <c r="BM2396" s="11">
        <v>0</v>
      </c>
      <c r="BN2396" s="13">
        <v>0</v>
      </c>
      <c r="BO2396" s="11">
        <v>2</v>
      </c>
      <c r="BP2396" s="13">
        <v>5.5555555555555552E-2</v>
      </c>
      <c r="BQ2396" s="6">
        <v>33</v>
      </c>
      <c r="BR2396" s="6">
        <v>32</v>
      </c>
      <c r="BS2396" s="6">
        <v>35</v>
      </c>
      <c r="BT2396" s="6">
        <v>36</v>
      </c>
      <c r="BU2396" s="6">
        <v>38</v>
      </c>
      <c r="BV2396" s="6">
        <v>38</v>
      </c>
      <c r="BW2396" s="6">
        <v>38</v>
      </c>
      <c r="BX2396" s="6">
        <v>38</v>
      </c>
      <c r="BY2396" s="6">
        <v>41</v>
      </c>
      <c r="BZ2396" s="6">
        <v>42</v>
      </c>
      <c r="CA2396" s="6">
        <v>38</v>
      </c>
      <c r="CB2396" s="6">
        <v>37</v>
      </c>
      <c r="CC2396" s="11">
        <v>38</v>
      </c>
      <c r="CD2396" s="11">
        <v>-36</v>
      </c>
      <c r="CE2396" s="11">
        <v>-21</v>
      </c>
      <c r="CF2396" s="11">
        <v>29</v>
      </c>
      <c r="CG2396" s="11">
        <v>8</v>
      </c>
      <c r="CH2396" s="20">
        <v>0.8</v>
      </c>
      <c r="CI2396" s="20">
        <v>0.91</v>
      </c>
      <c r="CJ2396" s="20">
        <v>0.86</v>
      </c>
      <c r="CK2396" s="20">
        <v>0.83</v>
      </c>
      <c r="CL2396" s="20">
        <v>0.76</v>
      </c>
      <c r="CM2396" s="20">
        <v>0.75</v>
      </c>
      <c r="CN2396" s="20">
        <v>0.77</v>
      </c>
      <c r="CO2396" s="20">
        <v>0.8</v>
      </c>
      <c r="CP2396" s="20">
        <v>0.79</v>
      </c>
      <c r="CQ2396" s="20">
        <v>0.85</v>
      </c>
      <c r="CR2396" s="20">
        <v>0.78</v>
      </c>
      <c r="CS2396" s="20">
        <v>0.81</v>
      </c>
      <c r="CT2396" s="20">
        <v>0.81</v>
      </c>
      <c r="CU2396" s="20">
        <v>0.75</v>
      </c>
      <c r="CV2396" s="20">
        <v>0.72</v>
      </c>
      <c r="CW2396" s="20">
        <v>0.73</v>
      </c>
      <c r="CX2396" s="20">
        <v>0.7</v>
      </c>
      <c r="CY2396" s="6" t="s">
        <v>734</v>
      </c>
      <c r="CZ2396" s="6" t="s">
        <v>735</v>
      </c>
      <c r="DA2396" s="6" t="s">
        <v>75</v>
      </c>
      <c r="DB2396" s="6"/>
      <c r="DC2396" s="6">
        <v>44180</v>
      </c>
      <c r="DD2396" s="6">
        <v>520</v>
      </c>
      <c r="DE2396" s="6" t="s">
        <v>460</v>
      </c>
      <c r="DF2396" s="6" t="s">
        <v>375</v>
      </c>
      <c r="DG2396" s="6" t="s">
        <v>376</v>
      </c>
      <c r="DH2396" s="6" t="s">
        <v>328</v>
      </c>
      <c r="DI2396" s="6" t="s">
        <v>461</v>
      </c>
      <c r="DJ2396" s="6">
        <v>29</v>
      </c>
      <c r="DK2396" s="6">
        <v>225</v>
      </c>
      <c r="DL2396" s="6">
        <v>2</v>
      </c>
      <c r="DM2396" s="6" t="s">
        <v>379</v>
      </c>
      <c r="DN2396" s="6">
        <v>2</v>
      </c>
      <c r="DO2396" s="6" t="s">
        <v>463</v>
      </c>
      <c r="DP2396" s="6"/>
      <c r="DQ2396" s="6"/>
    </row>
    <row r="2397" spans="1:121" x14ac:dyDescent="0.2">
      <c r="A2397" s="6" t="s">
        <v>316</v>
      </c>
      <c r="B2397" s="6" t="s">
        <v>316</v>
      </c>
      <c r="C2397" s="6" t="s">
        <v>185</v>
      </c>
      <c r="D2397" s="6" t="s">
        <v>75</v>
      </c>
      <c r="E2397" s="6" t="s">
        <v>216</v>
      </c>
      <c r="F2397" s="11">
        <v>15</v>
      </c>
      <c r="G2397" s="13">
        <v>0.25</v>
      </c>
      <c r="H2397" s="11">
        <v>21</v>
      </c>
      <c r="I2397" s="13">
        <v>0.3559322033898305</v>
      </c>
      <c r="J2397" s="11">
        <v>-13</v>
      </c>
      <c r="K2397" s="13">
        <v>-0.16250000000000001</v>
      </c>
      <c r="L2397" s="11">
        <v>7</v>
      </c>
      <c r="M2397" s="13">
        <v>0.1044776119402985</v>
      </c>
      <c r="N2397" s="11">
        <v>-6</v>
      </c>
      <c r="O2397" s="13">
        <v>-7.4999999999999997E-2</v>
      </c>
      <c r="P2397" s="7">
        <v>59</v>
      </c>
      <c r="Q2397" s="7">
        <v>69</v>
      </c>
      <c r="R2397" s="7">
        <v>81</v>
      </c>
      <c r="S2397" s="7">
        <v>84</v>
      </c>
      <c r="T2397" s="7">
        <v>84</v>
      </c>
      <c r="U2397" s="7">
        <v>82</v>
      </c>
      <c r="V2397" s="7">
        <v>80</v>
      </c>
      <c r="W2397" s="7">
        <v>76</v>
      </c>
      <c r="X2397" s="7">
        <v>69</v>
      </c>
      <c r="Y2397" s="7">
        <v>67</v>
      </c>
      <c r="Z2397" s="7">
        <v>56</v>
      </c>
      <c r="AA2397" s="7">
        <v>62</v>
      </c>
      <c r="AB2397" s="7">
        <v>60</v>
      </c>
      <c r="AC2397" s="7">
        <v>62</v>
      </c>
      <c r="AD2397" s="7">
        <v>66</v>
      </c>
      <c r="AE2397" s="7">
        <v>72</v>
      </c>
      <c r="AF2397" s="7">
        <v>74</v>
      </c>
      <c r="AG2397" s="9">
        <v>5464</v>
      </c>
      <c r="AH2397" s="13">
        <v>0.23133917608704857</v>
      </c>
      <c r="AI2397" s="9">
        <v>-317</v>
      </c>
      <c r="AJ2397" s="13">
        <v>-1.3421398027012152E-2</v>
      </c>
      <c r="AK2397" s="9">
        <v>-650</v>
      </c>
      <c r="AL2397" s="13">
        <v>-2.7894601321774955E-2</v>
      </c>
      <c r="AM2397" s="9">
        <v>6431</v>
      </c>
      <c r="AN2397" s="13">
        <v>0.28390429101183118</v>
      </c>
      <c r="AO2397" s="9">
        <v>5781</v>
      </c>
      <c r="AP2397" s="13">
        <v>0.24809029267874003</v>
      </c>
      <c r="AQ2397" s="9">
        <v>23619</v>
      </c>
      <c r="AR2397" s="9">
        <v>24802</v>
      </c>
      <c r="AS2397" s="9">
        <v>24169</v>
      </c>
      <c r="AT2397" s="9">
        <v>24146</v>
      </c>
      <c r="AU2397" s="9">
        <v>25922</v>
      </c>
      <c r="AV2397" s="9">
        <v>23304</v>
      </c>
      <c r="AW2397" s="9">
        <v>23302</v>
      </c>
      <c r="AX2397" s="9">
        <v>23020</v>
      </c>
      <c r="AY2397" s="9">
        <v>22170</v>
      </c>
      <c r="AZ2397" s="9">
        <v>22652</v>
      </c>
      <c r="BA2397" s="9">
        <v>25137</v>
      </c>
      <c r="BB2397" s="9">
        <v>24512</v>
      </c>
      <c r="BC2397" s="9">
        <v>27057</v>
      </c>
      <c r="BD2397" s="9">
        <v>26435</v>
      </c>
      <c r="BE2397" s="9">
        <v>30118</v>
      </c>
      <c r="BF2397" s="9">
        <v>29083</v>
      </c>
      <c r="BG2397" s="11">
        <v>1</v>
      </c>
      <c r="BH2397" s="13">
        <v>4.5454545454545456E-2</v>
      </c>
      <c r="BI2397" s="6">
        <v>-4</v>
      </c>
      <c r="BJ2397" s="13">
        <v>-0.18181818181818182</v>
      </c>
      <c r="BK2397" s="6">
        <v>5</v>
      </c>
      <c r="BL2397" s="13">
        <v>0.27777777777777779</v>
      </c>
      <c r="BM2397" s="11">
        <v>0</v>
      </c>
      <c r="BN2397" s="13">
        <v>0</v>
      </c>
      <c r="BO2397" s="11">
        <v>5</v>
      </c>
      <c r="BP2397" s="13">
        <v>0.27777777777777779</v>
      </c>
      <c r="BQ2397" s="6">
        <v>22</v>
      </c>
      <c r="BR2397" s="6">
        <v>20</v>
      </c>
      <c r="BS2397" s="6">
        <v>21</v>
      </c>
      <c r="BT2397" s="6">
        <v>18</v>
      </c>
      <c r="BU2397" s="6">
        <v>17</v>
      </c>
      <c r="BV2397" s="6">
        <v>21</v>
      </c>
      <c r="BW2397" s="6">
        <v>23</v>
      </c>
      <c r="BX2397" s="6">
        <v>19</v>
      </c>
      <c r="BY2397" s="6">
        <v>20</v>
      </c>
      <c r="BZ2397" s="6">
        <v>20</v>
      </c>
      <c r="CA2397" s="6">
        <v>20</v>
      </c>
      <c r="CB2397" s="6">
        <v>22</v>
      </c>
      <c r="CC2397" s="11">
        <v>23</v>
      </c>
      <c r="CD2397" s="11">
        <v>11</v>
      </c>
      <c r="CE2397" s="11">
        <v>-3</v>
      </c>
      <c r="CF2397" s="11">
        <v>6</v>
      </c>
      <c r="CG2397" s="11">
        <v>3</v>
      </c>
      <c r="CH2397" s="20">
        <v>0.44</v>
      </c>
      <c r="CI2397" s="20">
        <v>0.53</v>
      </c>
      <c r="CJ2397" s="20">
        <v>0.56999999999999995</v>
      </c>
      <c r="CK2397" s="20">
        <v>0.56999999999999995</v>
      </c>
      <c r="CL2397" s="20">
        <v>0.54</v>
      </c>
      <c r="CM2397" s="20">
        <v>0.51</v>
      </c>
      <c r="CN2397" s="20">
        <v>0.5</v>
      </c>
      <c r="CO2397" s="20">
        <v>0.5</v>
      </c>
      <c r="CP2397" s="20">
        <v>0.47</v>
      </c>
      <c r="CQ2397" s="20">
        <v>0.51</v>
      </c>
      <c r="CR2397" s="20">
        <v>0.43</v>
      </c>
      <c r="CS2397" s="20">
        <v>0.47</v>
      </c>
      <c r="CT2397" s="20">
        <v>0.47</v>
      </c>
      <c r="CU2397" s="20">
        <v>0.46</v>
      </c>
      <c r="CV2397" s="20">
        <v>0.47</v>
      </c>
      <c r="CW2397" s="20">
        <v>0.51</v>
      </c>
      <c r="CX2397" s="20">
        <v>0.51</v>
      </c>
      <c r="CY2397" s="6" t="s">
        <v>734</v>
      </c>
      <c r="CZ2397" s="6" t="s">
        <v>735</v>
      </c>
      <c r="DA2397" s="6" t="s">
        <v>75</v>
      </c>
      <c r="DB2397" s="6"/>
      <c r="DC2397" s="6">
        <v>44180</v>
      </c>
      <c r="DD2397" s="6">
        <v>520</v>
      </c>
      <c r="DE2397" s="6" t="s">
        <v>460</v>
      </c>
      <c r="DF2397" s="6" t="s">
        <v>375</v>
      </c>
      <c r="DG2397" s="6" t="s">
        <v>376</v>
      </c>
      <c r="DH2397" s="6" t="s">
        <v>328</v>
      </c>
      <c r="DI2397" s="6" t="s">
        <v>461</v>
      </c>
      <c r="DJ2397" s="6">
        <v>29</v>
      </c>
      <c r="DK2397" s="6">
        <v>225</v>
      </c>
      <c r="DL2397" s="6">
        <v>2</v>
      </c>
      <c r="DM2397" s="6" t="s">
        <v>379</v>
      </c>
      <c r="DN2397" s="6">
        <v>2</v>
      </c>
      <c r="DO2397" s="6" t="s">
        <v>463</v>
      </c>
      <c r="DP2397" s="6"/>
      <c r="DQ2397" s="6"/>
    </row>
    <row r="2398" spans="1:121" x14ac:dyDescent="0.2">
      <c r="A2398" s="6" t="s">
        <v>317</v>
      </c>
      <c r="B2398" s="6" t="s">
        <v>317</v>
      </c>
      <c r="C2398" s="6" t="s">
        <v>186</v>
      </c>
      <c r="D2398" s="6" t="s">
        <v>75</v>
      </c>
      <c r="E2398" s="6" t="s">
        <v>216</v>
      </c>
      <c r="F2398" s="11">
        <v>64</v>
      </c>
      <c r="G2398" s="13">
        <v>0.47</v>
      </c>
      <c r="H2398" s="11">
        <v>42</v>
      </c>
      <c r="I2398" s="13">
        <v>0.30656934306569344</v>
      </c>
      <c r="J2398" s="11">
        <v>-13</v>
      </c>
      <c r="K2398" s="13">
        <v>-7.2625698324022353E-2</v>
      </c>
      <c r="L2398" s="11">
        <v>35</v>
      </c>
      <c r="M2398" s="13">
        <v>0.21084337349397592</v>
      </c>
      <c r="N2398" s="11">
        <v>22</v>
      </c>
      <c r="O2398" s="13">
        <v>0.12290502793296088</v>
      </c>
      <c r="P2398" s="7">
        <v>137</v>
      </c>
      <c r="Q2398" s="7">
        <v>145</v>
      </c>
      <c r="R2398" s="7">
        <v>155</v>
      </c>
      <c r="S2398" s="7">
        <v>166</v>
      </c>
      <c r="T2398" s="7">
        <v>173</v>
      </c>
      <c r="U2398" s="7">
        <v>167</v>
      </c>
      <c r="V2398" s="7">
        <v>179</v>
      </c>
      <c r="W2398" s="7">
        <v>177</v>
      </c>
      <c r="X2398" s="7">
        <v>187</v>
      </c>
      <c r="Y2398" s="7">
        <v>166</v>
      </c>
      <c r="Z2398" s="7">
        <v>177</v>
      </c>
      <c r="AA2398" s="7">
        <v>169</v>
      </c>
      <c r="AB2398" s="7">
        <v>187</v>
      </c>
      <c r="AC2398" s="7">
        <v>194</v>
      </c>
      <c r="AD2398" s="7">
        <v>204</v>
      </c>
      <c r="AE2398" s="7">
        <v>193</v>
      </c>
      <c r="AF2398" s="7">
        <v>201</v>
      </c>
      <c r="AG2398" s="9">
        <v>6608</v>
      </c>
      <c r="AH2398" s="13">
        <v>0.21708991753999804</v>
      </c>
      <c r="AI2398" s="9">
        <v>4607</v>
      </c>
      <c r="AJ2398" s="13">
        <v>0.15135188409606098</v>
      </c>
      <c r="AK2398" s="9">
        <v>1371</v>
      </c>
      <c r="AL2398" s="13">
        <v>3.9120013696284886E-2</v>
      </c>
      <c r="AM2398" s="9">
        <v>630</v>
      </c>
      <c r="AN2398" s="13">
        <v>1.7299612818189307E-2</v>
      </c>
      <c r="AO2398" s="9">
        <v>2001</v>
      </c>
      <c r="AP2398" s="13">
        <v>5.709638760486218E-2</v>
      </c>
      <c r="AQ2398" s="9">
        <v>30439</v>
      </c>
      <c r="AR2398" s="9">
        <v>31933</v>
      </c>
      <c r="AS2398" s="9">
        <v>31583</v>
      </c>
      <c r="AT2398" s="9">
        <v>32176</v>
      </c>
      <c r="AU2398" s="9">
        <v>32885</v>
      </c>
      <c r="AV2398" s="9">
        <v>34393</v>
      </c>
      <c r="AW2398" s="9">
        <v>35046</v>
      </c>
      <c r="AX2398" s="9">
        <v>36524</v>
      </c>
      <c r="AY2398" s="9">
        <v>35788</v>
      </c>
      <c r="AZ2398" s="9">
        <v>36417</v>
      </c>
      <c r="BA2398" s="9">
        <v>34773</v>
      </c>
      <c r="BB2398" s="9">
        <v>37455</v>
      </c>
      <c r="BC2398" s="9">
        <v>36845</v>
      </c>
      <c r="BD2398" s="9">
        <v>37135</v>
      </c>
      <c r="BE2398" s="9">
        <v>39339</v>
      </c>
      <c r="BF2398" s="9">
        <v>37047</v>
      </c>
      <c r="BG2398" s="11">
        <v>8</v>
      </c>
      <c r="BH2398" s="13">
        <v>0.23529411764705882</v>
      </c>
      <c r="BI2398" s="6">
        <v>3</v>
      </c>
      <c r="BJ2398" s="13">
        <v>8.8235294117647065E-2</v>
      </c>
      <c r="BK2398" s="6">
        <v>14</v>
      </c>
      <c r="BL2398" s="13">
        <v>0.3783783783783784</v>
      </c>
      <c r="BM2398" s="11">
        <v>-9</v>
      </c>
      <c r="BN2398" s="13">
        <v>-0.17647058823529413</v>
      </c>
      <c r="BO2398" s="11">
        <v>5</v>
      </c>
      <c r="BP2398" s="13">
        <v>0.13513513513513514</v>
      </c>
      <c r="BQ2398" s="6">
        <v>34</v>
      </c>
      <c r="BR2398" s="6">
        <v>36</v>
      </c>
      <c r="BS2398" s="6">
        <v>37</v>
      </c>
      <c r="BT2398" s="6">
        <v>37</v>
      </c>
      <c r="BU2398" s="6">
        <v>44</v>
      </c>
      <c r="BV2398" s="6">
        <v>47</v>
      </c>
      <c r="BW2398" s="6">
        <v>51</v>
      </c>
      <c r="BX2398" s="6">
        <v>43</v>
      </c>
      <c r="BY2398" s="6">
        <v>39</v>
      </c>
      <c r="BZ2398" s="6">
        <v>43</v>
      </c>
      <c r="CA2398" s="6">
        <v>42</v>
      </c>
      <c r="CB2398" s="6">
        <v>44</v>
      </c>
      <c r="CC2398" s="11">
        <v>42</v>
      </c>
      <c r="CD2398" s="11">
        <v>21</v>
      </c>
      <c r="CE2398" s="11">
        <v>27</v>
      </c>
      <c r="CF2398" s="11">
        <v>15</v>
      </c>
      <c r="CG2398" s="11">
        <v>42</v>
      </c>
      <c r="CH2398" s="20">
        <v>0.32</v>
      </c>
      <c r="CI2398" s="20">
        <v>0.36</v>
      </c>
      <c r="CJ2398" s="20">
        <v>0.36</v>
      </c>
      <c r="CK2398" s="20">
        <v>0.37</v>
      </c>
      <c r="CL2398" s="20">
        <v>0.37</v>
      </c>
      <c r="CM2398" s="20">
        <v>0.33</v>
      </c>
      <c r="CN2398" s="20">
        <v>0.35</v>
      </c>
      <c r="CO2398" s="20">
        <v>0.34</v>
      </c>
      <c r="CP2398" s="20">
        <v>0.37</v>
      </c>
      <c r="CQ2398" s="20">
        <v>0.35</v>
      </c>
      <c r="CR2398" s="20">
        <v>0.37</v>
      </c>
      <c r="CS2398" s="20">
        <v>0.34</v>
      </c>
      <c r="CT2398" s="20">
        <v>0.38</v>
      </c>
      <c r="CU2398" s="20">
        <v>0.38</v>
      </c>
      <c r="CV2398" s="20">
        <v>0.38</v>
      </c>
      <c r="CW2398" s="20">
        <v>0.35</v>
      </c>
      <c r="CX2398" s="20">
        <v>0.36</v>
      </c>
      <c r="CY2398" s="6" t="s">
        <v>734</v>
      </c>
      <c r="CZ2398" s="6" t="s">
        <v>735</v>
      </c>
      <c r="DA2398" s="6" t="s">
        <v>75</v>
      </c>
      <c r="DB2398" s="6"/>
      <c r="DC2398" s="6">
        <v>44180</v>
      </c>
      <c r="DD2398" s="6">
        <v>520</v>
      </c>
      <c r="DE2398" s="6" t="s">
        <v>460</v>
      </c>
      <c r="DF2398" s="6" t="s">
        <v>375</v>
      </c>
      <c r="DG2398" s="6" t="s">
        <v>376</v>
      </c>
      <c r="DH2398" s="6" t="s">
        <v>328</v>
      </c>
      <c r="DI2398" s="6" t="s">
        <v>461</v>
      </c>
      <c r="DJ2398" s="6">
        <v>29</v>
      </c>
      <c r="DK2398" s="6">
        <v>225</v>
      </c>
      <c r="DL2398" s="6">
        <v>2</v>
      </c>
      <c r="DM2398" s="6" t="s">
        <v>379</v>
      </c>
      <c r="DN2398" s="6">
        <v>2</v>
      </c>
      <c r="DO2398" s="6" t="s">
        <v>463</v>
      </c>
      <c r="DP2398" s="6"/>
      <c r="DQ2398" s="6"/>
    </row>
    <row r="2399" spans="1:121" x14ac:dyDescent="0.2">
      <c r="A2399" s="6" t="s">
        <v>318</v>
      </c>
      <c r="B2399" s="6" t="s">
        <v>318</v>
      </c>
      <c r="C2399" s="6" t="s">
        <v>187</v>
      </c>
      <c r="D2399" s="6" t="s">
        <v>75</v>
      </c>
      <c r="E2399" s="6" t="s">
        <v>216</v>
      </c>
      <c r="F2399" s="11">
        <v>1</v>
      </c>
      <c r="G2399" s="13">
        <v>1</v>
      </c>
      <c r="H2399" s="11">
        <v>-4.0918719999999986</v>
      </c>
      <c r="I2399" s="13">
        <v>-0.23770261485121999</v>
      </c>
      <c r="J2399" s="11">
        <v>-2.0769110000000008</v>
      </c>
      <c r="K2399" s="13">
        <v>-0.15827246847122292</v>
      </c>
      <c r="L2399" s="11">
        <v>-6.0454659999999993</v>
      </c>
      <c r="M2399" s="13">
        <v>-0.54732557232080559</v>
      </c>
      <c r="N2399" s="11">
        <v>-8.1223770000000002</v>
      </c>
      <c r="O2399" s="13">
        <v>-0.61897147140338982</v>
      </c>
      <c r="P2399" s="7">
        <v>17.214248999999999</v>
      </c>
      <c r="Q2399" s="7">
        <v>13.737019</v>
      </c>
      <c r="R2399" s="7">
        <v>5</v>
      </c>
      <c r="S2399" s="7">
        <v>5</v>
      </c>
      <c r="T2399" s="7">
        <v>11.715178999999999</v>
      </c>
      <c r="U2399" s="7">
        <v>14.365430999999999</v>
      </c>
      <c r="V2399" s="7">
        <v>13.122377</v>
      </c>
      <c r="W2399" s="7">
        <v>11.046077</v>
      </c>
      <c r="X2399" s="7">
        <v>21.125053999999999</v>
      </c>
      <c r="Y2399" s="7">
        <v>11.045465999999999</v>
      </c>
      <c r="Z2399" s="7">
        <v>5</v>
      </c>
      <c r="AA2399" s="7">
        <v>5</v>
      </c>
      <c r="AB2399" s="7">
        <v>10.763342</v>
      </c>
      <c r="AC2399" s="7">
        <v>10.138451999999999</v>
      </c>
      <c r="AD2399" s="7">
        <v>5</v>
      </c>
      <c r="AE2399" s="7">
        <v>5</v>
      </c>
      <c r="AF2399" s="7">
        <v>5</v>
      </c>
      <c r="AG2399" s="9">
        <v>-29992.243450499998</v>
      </c>
      <c r="AH2399" s="13">
        <v>-0.99996665915769845</v>
      </c>
      <c r="AI2399" s="9">
        <v>20676.956907200001</v>
      </c>
      <c r="AJ2399" s="13">
        <v>0.68938715952226592</v>
      </c>
      <c r="AK2399" s="9">
        <v>-5993.9625556000028</v>
      </c>
      <c r="AL2399" s="13">
        <v>-0.11829364228454528</v>
      </c>
      <c r="AM2399" s="9">
        <v>-44675.237802099997</v>
      </c>
      <c r="AN2399" s="13">
        <v>-0.99997761673656516</v>
      </c>
      <c r="AO2399" s="9">
        <v>-50669.2003577</v>
      </c>
      <c r="AP2399" s="13">
        <v>-0.99998026453432309</v>
      </c>
      <c r="AQ2399" s="9">
        <v>29993.243450499998</v>
      </c>
      <c r="AR2399" s="9">
        <v>44309.970402899999</v>
      </c>
      <c r="AS2399" s="9">
        <v>1</v>
      </c>
      <c r="AT2399" s="9">
        <v>1</v>
      </c>
      <c r="AU2399" s="9">
        <v>31234.688715600001</v>
      </c>
      <c r="AV2399" s="9">
        <v>48579.563708499998</v>
      </c>
      <c r="AW2399" s="9">
        <v>50670.2003577</v>
      </c>
      <c r="AX2399" s="9">
        <v>54329.016049500002</v>
      </c>
      <c r="AY2399" s="9">
        <v>29796.893134400001</v>
      </c>
      <c r="AZ2399" s="9">
        <v>44676.237802099997</v>
      </c>
      <c r="BA2399" s="9">
        <v>1</v>
      </c>
      <c r="BB2399" s="9">
        <v>1</v>
      </c>
      <c r="BC2399" s="9">
        <v>28239.7388574</v>
      </c>
      <c r="BD2399" s="9">
        <v>36624.450378699999</v>
      </c>
      <c r="BE2399" s="9">
        <v>1</v>
      </c>
      <c r="BF2399" s="9">
        <v>1</v>
      </c>
      <c r="BG2399" s="11">
        <v>-2</v>
      </c>
      <c r="BH2399" s="13">
        <v>-0.66666666666666663</v>
      </c>
      <c r="BI2399" s="6">
        <v>0</v>
      </c>
      <c r="BJ2399" s="13">
        <v>0</v>
      </c>
      <c r="BK2399" s="6">
        <v>-2</v>
      </c>
      <c r="BL2399" s="13">
        <v>-0.66666666666666663</v>
      </c>
      <c r="BM2399" s="11">
        <v>0</v>
      </c>
      <c r="BN2399" s="13">
        <v>0</v>
      </c>
      <c r="BO2399" s="11">
        <v>-2</v>
      </c>
      <c r="BP2399" s="13">
        <v>-0.66666666666666663</v>
      </c>
      <c r="BQ2399" s="6">
        <v>3</v>
      </c>
      <c r="BR2399" s="6">
        <v>3</v>
      </c>
      <c r="BS2399" s="6">
        <v>3</v>
      </c>
      <c r="BT2399" s="6">
        <v>3</v>
      </c>
      <c r="BU2399" s="6">
        <v>3</v>
      </c>
      <c r="BV2399" s="6">
        <v>3</v>
      </c>
      <c r="BW2399" s="6">
        <v>1</v>
      </c>
      <c r="BX2399" s="6">
        <v>1</v>
      </c>
      <c r="BY2399" s="6">
        <v>1</v>
      </c>
      <c r="BZ2399" s="6">
        <v>1</v>
      </c>
      <c r="CA2399" s="6">
        <v>1</v>
      </c>
      <c r="CB2399" s="6">
        <v>1</v>
      </c>
      <c r="CC2399" s="11">
        <v>1</v>
      </c>
      <c r="CD2399" s="11">
        <v>-15.075200000000001</v>
      </c>
      <c r="CE2399" s="11">
        <v>3.6857099999999998</v>
      </c>
      <c r="CF2399" s="11">
        <v>1.8817200000000001</v>
      </c>
      <c r="CG2399" s="11">
        <v>6</v>
      </c>
      <c r="CH2399" s="20">
        <v>0.18328</v>
      </c>
      <c r="CI2399" s="20">
        <v>0.15478500000000001</v>
      </c>
      <c r="CJ2399" s="20">
        <v>6.9755300000000006E-2</v>
      </c>
      <c r="CK2399" s="20">
        <v>8.2623000000000002E-2</v>
      </c>
      <c r="CL2399" s="20">
        <v>0.117344</v>
      </c>
      <c r="CM2399" s="20">
        <v>0.13786000000000001</v>
      </c>
      <c r="CN2399" s="20">
        <v>0.122589</v>
      </c>
      <c r="CO2399" s="20">
        <v>0.102118</v>
      </c>
      <c r="CP2399" s="20">
        <v>0.197521</v>
      </c>
      <c r="CQ2399" s="20">
        <v>0.10860300000000001</v>
      </c>
      <c r="CR2399" s="20">
        <v>8.7507799999999997E-2</v>
      </c>
      <c r="CS2399" s="20">
        <v>8.6789000000000005E-2</v>
      </c>
      <c r="CT2399" s="20">
        <v>9.7387199999999993E-2</v>
      </c>
      <c r="CU2399" s="20">
        <v>8.7410199999999993E-2</v>
      </c>
      <c r="CV2399" s="20">
        <v>8.2604899999999995E-2</v>
      </c>
      <c r="CW2399" s="20">
        <v>6.8824099999999999E-2</v>
      </c>
      <c r="CX2399" s="20">
        <v>6.2169599999999998E-2</v>
      </c>
      <c r="CY2399" s="6" t="s">
        <v>734</v>
      </c>
      <c r="CZ2399" s="6" t="s">
        <v>735</v>
      </c>
      <c r="DA2399" s="6" t="s">
        <v>75</v>
      </c>
      <c r="DB2399" s="6"/>
      <c r="DC2399" s="6">
        <v>44180</v>
      </c>
      <c r="DD2399" s="6">
        <v>520</v>
      </c>
      <c r="DE2399" s="6" t="s">
        <v>460</v>
      </c>
      <c r="DF2399" s="6" t="s">
        <v>375</v>
      </c>
      <c r="DG2399" s="6" t="s">
        <v>376</v>
      </c>
      <c r="DH2399" s="6" t="s">
        <v>328</v>
      </c>
      <c r="DI2399" s="6" t="s">
        <v>461</v>
      </c>
      <c r="DJ2399" s="6">
        <v>29</v>
      </c>
      <c r="DK2399" s="6">
        <v>225</v>
      </c>
      <c r="DL2399" s="6">
        <v>2</v>
      </c>
      <c r="DM2399" s="6" t="s">
        <v>379</v>
      </c>
      <c r="DN2399" s="6">
        <v>2</v>
      </c>
      <c r="DO2399" s="6" t="s">
        <v>463</v>
      </c>
      <c r="DP2399" s="6"/>
      <c r="DQ2399" s="6"/>
    </row>
    <row r="2400" spans="1:121" x14ac:dyDescent="0.2">
      <c r="A2400" s="6" t="s">
        <v>319</v>
      </c>
      <c r="B2400" s="6" t="s">
        <v>319</v>
      </c>
      <c r="C2400" s="6" t="s">
        <v>188</v>
      </c>
      <c r="D2400" s="6" t="s">
        <v>75</v>
      </c>
      <c r="E2400" s="6" t="s">
        <v>216</v>
      </c>
      <c r="F2400" s="11">
        <v>126</v>
      </c>
      <c r="G2400" s="13">
        <v>0.34520547945199997</v>
      </c>
      <c r="H2400" s="11">
        <v>148.92681007100003</v>
      </c>
      <c r="I2400" s="13">
        <v>0.40787682396732122</v>
      </c>
      <c r="J2400" s="11">
        <v>-95.516310296000029</v>
      </c>
      <c r="K2400" s="13">
        <v>-0.18580997273484873</v>
      </c>
      <c r="L2400" s="11">
        <v>72.876250346000006</v>
      </c>
      <c r="M2400" s="13">
        <v>0.17412122840453978</v>
      </c>
      <c r="N2400" s="11">
        <v>-22.640059950000023</v>
      </c>
      <c r="O2400" s="13">
        <v>-4.4042205032714839E-2</v>
      </c>
      <c r="P2400" s="7">
        <v>365.12692391399997</v>
      </c>
      <c r="Q2400" s="7">
        <v>356.608370847</v>
      </c>
      <c r="R2400" s="7">
        <v>373.02007031300002</v>
      </c>
      <c r="S2400" s="7">
        <v>382.24348648500001</v>
      </c>
      <c r="T2400" s="7">
        <v>462.84393090899999</v>
      </c>
      <c r="U2400" s="7">
        <v>568.40317439499995</v>
      </c>
      <c r="V2400" s="7">
        <v>514.05373398500001</v>
      </c>
      <c r="W2400" s="7">
        <v>465.90657926799997</v>
      </c>
      <c r="X2400" s="7">
        <v>416.58983482100001</v>
      </c>
      <c r="Y2400" s="7">
        <v>418.53742368899998</v>
      </c>
      <c r="Z2400" s="7">
        <v>403.91185339899999</v>
      </c>
      <c r="AA2400" s="7">
        <v>432.906125573</v>
      </c>
      <c r="AB2400" s="7">
        <v>424.14495305000003</v>
      </c>
      <c r="AC2400" s="7">
        <v>468.60929335600002</v>
      </c>
      <c r="AD2400" s="7">
        <v>479.01672994</v>
      </c>
      <c r="AE2400" s="7">
        <v>476.96611004499999</v>
      </c>
      <c r="AF2400" s="7">
        <v>491.41367403499999</v>
      </c>
      <c r="AG2400" s="9">
        <v>4583.9675046999982</v>
      </c>
      <c r="AH2400" s="13">
        <v>0.26597696802701437</v>
      </c>
      <c r="AI2400" s="9">
        <v>15.45950989999983</v>
      </c>
      <c r="AJ2400" s="13">
        <v>8.970119369671823E-4</v>
      </c>
      <c r="AK2400" s="9">
        <v>4885.7266342000003</v>
      </c>
      <c r="AL2400" s="13">
        <v>0.28323196911715781</v>
      </c>
      <c r="AM2400" s="9">
        <v>-317.21863940000185</v>
      </c>
      <c r="AN2400" s="13">
        <v>-1.4330674620259214E-2</v>
      </c>
      <c r="AO2400" s="9">
        <v>4568.5079947999984</v>
      </c>
      <c r="AP2400" s="13">
        <v>0.26484238930542531</v>
      </c>
      <c r="AQ2400" s="9">
        <v>17234.4528126</v>
      </c>
      <c r="AR2400" s="9">
        <v>18140.599117500002</v>
      </c>
      <c r="AS2400" s="9">
        <v>18667.990699000002</v>
      </c>
      <c r="AT2400" s="9">
        <v>19939.838955800002</v>
      </c>
      <c r="AU2400" s="9">
        <v>18508.295957400001</v>
      </c>
      <c r="AV2400" s="9">
        <v>16144.1175573</v>
      </c>
      <c r="AW2400" s="9">
        <v>17249.9123225</v>
      </c>
      <c r="AX2400" s="9">
        <v>20581.7622176</v>
      </c>
      <c r="AY2400" s="9">
        <v>20845.931453500001</v>
      </c>
      <c r="AZ2400" s="9">
        <v>22135.638956700001</v>
      </c>
      <c r="BA2400" s="9">
        <v>23376.017379100002</v>
      </c>
      <c r="BB2400" s="9">
        <v>23502.129757499999</v>
      </c>
      <c r="BC2400" s="9">
        <v>19752.156888400001</v>
      </c>
      <c r="BD2400" s="9">
        <v>20707.730465299999</v>
      </c>
      <c r="BE2400" s="9">
        <v>21142.473189</v>
      </c>
      <c r="BF2400" s="9">
        <v>21818.420317299999</v>
      </c>
      <c r="BG2400" s="11">
        <v>11</v>
      </c>
      <c r="BH2400" s="13">
        <v>0.6470588235294118</v>
      </c>
      <c r="BI2400" s="6">
        <v>6</v>
      </c>
      <c r="BJ2400" s="13">
        <v>0.35294117647058826</v>
      </c>
      <c r="BK2400" s="6">
        <v>2</v>
      </c>
      <c r="BL2400" s="13">
        <v>8.6956521739130432E-2</v>
      </c>
      <c r="BM2400" s="11">
        <v>3</v>
      </c>
      <c r="BN2400" s="13">
        <v>0.12</v>
      </c>
      <c r="BO2400" s="11">
        <v>5</v>
      </c>
      <c r="BP2400" s="13">
        <v>0.21739130434782608</v>
      </c>
      <c r="BQ2400" s="6">
        <v>17</v>
      </c>
      <c r="BR2400" s="6">
        <v>16</v>
      </c>
      <c r="BS2400" s="6">
        <v>18</v>
      </c>
      <c r="BT2400" s="6">
        <v>23</v>
      </c>
      <c r="BU2400" s="6">
        <v>26</v>
      </c>
      <c r="BV2400" s="6">
        <v>26</v>
      </c>
      <c r="BW2400" s="6">
        <v>25</v>
      </c>
      <c r="BX2400" s="6">
        <v>28</v>
      </c>
      <c r="BY2400" s="6">
        <v>27</v>
      </c>
      <c r="BZ2400" s="6">
        <v>25</v>
      </c>
      <c r="CA2400" s="6">
        <v>30</v>
      </c>
      <c r="CB2400" s="6">
        <v>29</v>
      </c>
      <c r="CC2400" s="11">
        <v>28</v>
      </c>
      <c r="CD2400" s="11">
        <v>53.522599999999997</v>
      </c>
      <c r="CE2400" s="11">
        <v>32.851399999999998</v>
      </c>
      <c r="CF2400" s="11">
        <v>39.912799999999997</v>
      </c>
      <c r="CG2400" s="11">
        <v>73</v>
      </c>
      <c r="CH2400" s="20">
        <v>0.79252100000000003</v>
      </c>
      <c r="CI2400" s="20">
        <v>0.811168</v>
      </c>
      <c r="CJ2400" s="20">
        <v>0.795184</v>
      </c>
      <c r="CK2400" s="20">
        <v>0.77876199999999995</v>
      </c>
      <c r="CL2400" s="20">
        <v>0.90211699999999995</v>
      </c>
      <c r="CM2400" s="20">
        <v>1.0565899999999999</v>
      </c>
      <c r="CN2400" s="20">
        <v>0.949739</v>
      </c>
      <c r="CO2400" s="20">
        <v>0.91787700000000005</v>
      </c>
      <c r="CP2400" s="20">
        <v>0.89359200000000005</v>
      </c>
      <c r="CQ2400" s="20">
        <v>0.91766400000000004</v>
      </c>
      <c r="CR2400" s="20">
        <v>0.85629500000000003</v>
      </c>
      <c r="CS2400" s="20">
        <v>0.88642399999999999</v>
      </c>
      <c r="CT2400" s="20">
        <v>0.87186600000000003</v>
      </c>
      <c r="CU2400" s="20">
        <v>0.91670799999999997</v>
      </c>
      <c r="CV2400" s="20">
        <v>0.906559</v>
      </c>
      <c r="CW2400" s="20">
        <v>0.89453800000000006</v>
      </c>
      <c r="CX2400" s="20">
        <v>0.89183400000000002</v>
      </c>
      <c r="CY2400" s="6" t="s">
        <v>734</v>
      </c>
      <c r="CZ2400" s="6" t="s">
        <v>735</v>
      </c>
      <c r="DA2400" s="6" t="s">
        <v>75</v>
      </c>
      <c r="DB2400" s="6"/>
      <c r="DC2400" s="6">
        <v>44180</v>
      </c>
      <c r="DD2400" s="6">
        <v>520</v>
      </c>
      <c r="DE2400" s="6" t="s">
        <v>460</v>
      </c>
      <c r="DF2400" s="6" t="s">
        <v>375</v>
      </c>
      <c r="DG2400" s="6" t="s">
        <v>376</v>
      </c>
      <c r="DH2400" s="6" t="s">
        <v>328</v>
      </c>
      <c r="DI2400" s="6" t="s">
        <v>461</v>
      </c>
      <c r="DJ2400" s="6">
        <v>29</v>
      </c>
      <c r="DK2400" s="6">
        <v>225</v>
      </c>
      <c r="DL2400" s="6">
        <v>2</v>
      </c>
      <c r="DM2400" s="6" t="s">
        <v>379</v>
      </c>
      <c r="DN2400" s="6">
        <v>2</v>
      </c>
      <c r="DO2400" s="6" t="s">
        <v>463</v>
      </c>
      <c r="DP2400" s="6"/>
      <c r="DQ2400" s="6"/>
    </row>
    <row r="2401" spans="1:121" x14ac:dyDescent="0.2">
      <c r="A2401" s="6" t="s">
        <v>320</v>
      </c>
      <c r="B2401" s="6" t="s">
        <v>320</v>
      </c>
      <c r="C2401" s="6" t="s">
        <v>189</v>
      </c>
      <c r="D2401" s="6" t="s">
        <v>75</v>
      </c>
      <c r="E2401" s="6" t="s">
        <v>216</v>
      </c>
      <c r="F2401" s="11">
        <v>1</v>
      </c>
      <c r="G2401" s="13">
        <v>1</v>
      </c>
      <c r="H2401" s="11">
        <v>17.364634353900001</v>
      </c>
      <c r="I2401" s="13">
        <v>3.4729268707800003</v>
      </c>
      <c r="J2401" s="11">
        <v>19.415272759899999</v>
      </c>
      <c r="K2401" s="13">
        <v>0.86812386255330443</v>
      </c>
      <c r="L2401" s="11">
        <v>-14.268822501999999</v>
      </c>
      <c r="M2401" s="13">
        <v>-0.34152355731990064</v>
      </c>
      <c r="N2401" s="11">
        <v>5.1464502578999998</v>
      </c>
      <c r="O2401" s="13">
        <v>0.23011555549990689</v>
      </c>
      <c r="P2401" s="7">
        <v>5</v>
      </c>
      <c r="Q2401" s="7">
        <v>12.793572385899999</v>
      </c>
      <c r="R2401" s="7">
        <v>18.760198342599999</v>
      </c>
      <c r="S2401" s="7">
        <v>15.819928282299999</v>
      </c>
      <c r="T2401" s="7">
        <v>24.020400379400002</v>
      </c>
      <c r="U2401" s="7">
        <v>24.819394446800001</v>
      </c>
      <c r="V2401" s="7">
        <v>22.364634353900001</v>
      </c>
      <c r="W2401" s="7">
        <v>26.517636296700001</v>
      </c>
      <c r="X2401" s="7">
        <v>30.845314676600001</v>
      </c>
      <c r="Y2401" s="7">
        <v>41.7799071138</v>
      </c>
      <c r="Z2401" s="7">
        <v>43.411803514399999</v>
      </c>
      <c r="AA2401" s="7">
        <v>46.920199478100002</v>
      </c>
      <c r="AB2401" s="7">
        <v>28.3793657708</v>
      </c>
      <c r="AC2401" s="7">
        <v>28.554971529900001</v>
      </c>
      <c r="AD2401" s="7">
        <v>23.0758313358</v>
      </c>
      <c r="AE2401" s="7">
        <v>25.117290953800001</v>
      </c>
      <c r="AF2401" s="7">
        <v>27.511084611800001</v>
      </c>
      <c r="AG2401" s="9">
        <v>15748.214330700001</v>
      </c>
      <c r="AH2401" s="13">
        <v>15748.214330700001</v>
      </c>
      <c r="AI2401" s="9">
        <v>18587.696320499999</v>
      </c>
      <c r="AJ2401" s="13">
        <v>18587.696320499999</v>
      </c>
      <c r="AK2401" s="9">
        <v>-839.97642009999981</v>
      </c>
      <c r="AL2401" s="13">
        <v>-4.5187484136456429E-2</v>
      </c>
      <c r="AM2401" s="9">
        <v>-1999.5055696999989</v>
      </c>
      <c r="AN2401" s="13">
        <v>-0.11265632569112416</v>
      </c>
      <c r="AO2401" s="9">
        <v>-2839.4819897999987</v>
      </c>
      <c r="AP2401" s="13">
        <v>-0.15275315389754143</v>
      </c>
      <c r="AQ2401" s="9">
        <v>1</v>
      </c>
      <c r="AR2401" s="9">
        <v>16110.627688</v>
      </c>
      <c r="AS2401" s="9">
        <v>25019.748659100002</v>
      </c>
      <c r="AT2401" s="9">
        <v>20430.719663799999</v>
      </c>
      <c r="AU2401" s="9">
        <v>11810.0727895</v>
      </c>
      <c r="AV2401" s="9">
        <v>14030.6557319</v>
      </c>
      <c r="AW2401" s="9">
        <v>18588.696320499999</v>
      </c>
      <c r="AX2401" s="9">
        <v>16911.725346800002</v>
      </c>
      <c r="AY2401" s="9">
        <v>16701.033031300001</v>
      </c>
      <c r="AZ2401" s="9">
        <v>17748.719900399999</v>
      </c>
      <c r="BA2401" s="9">
        <v>20299.544846500001</v>
      </c>
      <c r="BB2401" s="9">
        <v>22988.206768299999</v>
      </c>
      <c r="BC2401" s="9">
        <v>34687.5095697</v>
      </c>
      <c r="BD2401" s="9">
        <v>30555.7020576</v>
      </c>
      <c r="BE2401" s="9">
        <v>15747.7348195</v>
      </c>
      <c r="BF2401" s="9">
        <v>15749.214330700001</v>
      </c>
      <c r="BG2401" s="11">
        <v>-1</v>
      </c>
      <c r="BH2401" s="13">
        <v>-0.33333333333333331</v>
      </c>
      <c r="BI2401" s="6">
        <v>2</v>
      </c>
      <c r="BJ2401" s="13">
        <v>0.66666666666666663</v>
      </c>
      <c r="BK2401" s="6">
        <v>-1</v>
      </c>
      <c r="BL2401" s="13">
        <v>-0.2</v>
      </c>
      <c r="BM2401" s="11">
        <v>-2</v>
      </c>
      <c r="BN2401" s="13">
        <v>-0.5</v>
      </c>
      <c r="BO2401" s="11">
        <v>-3</v>
      </c>
      <c r="BP2401" s="13">
        <v>-0.6</v>
      </c>
      <c r="BQ2401" s="6">
        <v>3</v>
      </c>
      <c r="BR2401" s="6">
        <v>4</v>
      </c>
      <c r="BS2401" s="6">
        <v>5</v>
      </c>
      <c r="BT2401" s="6">
        <v>5</v>
      </c>
      <c r="BU2401" s="6">
        <v>6</v>
      </c>
      <c r="BV2401" s="6">
        <v>4</v>
      </c>
      <c r="BW2401" s="6">
        <v>4</v>
      </c>
      <c r="BX2401" s="6">
        <v>4</v>
      </c>
      <c r="BY2401" s="6">
        <v>4</v>
      </c>
      <c r="BZ2401" s="6">
        <v>3</v>
      </c>
      <c r="CA2401" s="6">
        <v>1</v>
      </c>
      <c r="CB2401" s="6">
        <v>1</v>
      </c>
      <c r="CC2401" s="11">
        <v>2</v>
      </c>
      <c r="CD2401" s="11">
        <v>15.8101</v>
      </c>
      <c r="CE2401" s="11">
        <v>2.8795299999999999</v>
      </c>
      <c r="CF2401" s="11">
        <v>0.86926999999999999</v>
      </c>
      <c r="CG2401" s="11">
        <v>4</v>
      </c>
      <c r="CH2401" s="20">
        <v>5.1735700000000003E-2</v>
      </c>
      <c r="CI2401" s="20">
        <v>8.3355499999999999E-2</v>
      </c>
      <c r="CJ2401" s="20">
        <v>0.111244</v>
      </c>
      <c r="CK2401" s="20">
        <v>8.9312500000000003E-2</v>
      </c>
      <c r="CL2401" s="20">
        <v>0.13263800000000001</v>
      </c>
      <c r="CM2401" s="20">
        <v>0.13134899999999999</v>
      </c>
      <c r="CN2401" s="20">
        <v>0.115802</v>
      </c>
      <c r="CO2401" s="20">
        <v>0.13607900000000001</v>
      </c>
      <c r="CP2401" s="20">
        <v>0.15257499999999999</v>
      </c>
      <c r="CQ2401" s="20">
        <v>0.21282699999999999</v>
      </c>
      <c r="CR2401" s="20">
        <v>0.215389</v>
      </c>
      <c r="CS2401" s="20">
        <v>0.227016</v>
      </c>
      <c r="CT2401" s="20">
        <v>0.13964499999999999</v>
      </c>
      <c r="CU2401" s="20">
        <v>0.13532</v>
      </c>
      <c r="CV2401" s="20">
        <v>0.10693800000000001</v>
      </c>
      <c r="CW2401" s="20">
        <v>0.115499</v>
      </c>
      <c r="CX2401" s="20">
        <v>0.121974</v>
      </c>
      <c r="CY2401" s="6" t="s">
        <v>734</v>
      </c>
      <c r="CZ2401" s="6" t="s">
        <v>735</v>
      </c>
      <c r="DA2401" s="6" t="s">
        <v>75</v>
      </c>
      <c r="DB2401" s="6"/>
      <c r="DC2401" s="6">
        <v>44180</v>
      </c>
      <c r="DD2401" s="6">
        <v>520</v>
      </c>
      <c r="DE2401" s="6" t="s">
        <v>460</v>
      </c>
      <c r="DF2401" s="6" t="s">
        <v>375</v>
      </c>
      <c r="DG2401" s="6" t="s">
        <v>376</v>
      </c>
      <c r="DH2401" s="6" t="s">
        <v>328</v>
      </c>
      <c r="DI2401" s="6" t="s">
        <v>461</v>
      </c>
      <c r="DJ2401" s="6">
        <v>29</v>
      </c>
      <c r="DK2401" s="6">
        <v>225</v>
      </c>
      <c r="DL2401" s="6">
        <v>2</v>
      </c>
      <c r="DM2401" s="6" t="s">
        <v>379</v>
      </c>
      <c r="DN2401" s="6">
        <v>2</v>
      </c>
      <c r="DO2401" s="6" t="s">
        <v>463</v>
      </c>
      <c r="DP2401" s="6"/>
      <c r="DQ2401" s="6"/>
    </row>
    <row r="2402" spans="1:121" x14ac:dyDescent="0.2">
      <c r="A2402" s="6" t="s">
        <v>321</v>
      </c>
      <c r="B2402" s="6" t="s">
        <v>321</v>
      </c>
      <c r="C2402" s="6" t="s">
        <v>190</v>
      </c>
      <c r="D2402" s="6" t="s">
        <v>75</v>
      </c>
      <c r="E2402" s="6" t="s">
        <v>216</v>
      </c>
      <c r="F2402" s="11">
        <v>223</v>
      </c>
      <c r="G2402" s="13">
        <v>0.47751605995700003</v>
      </c>
      <c r="H2402" s="11">
        <v>-43.913474022999992</v>
      </c>
      <c r="I2402" s="13">
        <v>-9.4016959351945248E-2</v>
      </c>
      <c r="J2402" s="11">
        <v>49.779267245000028</v>
      </c>
      <c r="K2402" s="13">
        <v>0.11763507588273504</v>
      </c>
      <c r="L2402" s="11">
        <v>217.03848350899995</v>
      </c>
      <c r="M2402" s="13">
        <v>0.45890739965665672</v>
      </c>
      <c r="N2402" s="11">
        <v>266.81775075399997</v>
      </c>
      <c r="O2402" s="13">
        <v>0.63052608232115126</v>
      </c>
      <c r="P2402" s="7">
        <v>467.08034726599999</v>
      </c>
      <c r="Q2402" s="7">
        <v>448.00793715600003</v>
      </c>
      <c r="R2402" s="7">
        <v>480.481694581</v>
      </c>
      <c r="S2402" s="7">
        <v>473.56859480999998</v>
      </c>
      <c r="T2402" s="7">
        <v>405.53036651399998</v>
      </c>
      <c r="U2402" s="7">
        <v>422.31016667799997</v>
      </c>
      <c r="V2402" s="7">
        <v>423.166873243</v>
      </c>
      <c r="W2402" s="7">
        <v>463.863762329</v>
      </c>
      <c r="X2402" s="7">
        <v>503.42602441399998</v>
      </c>
      <c r="Y2402" s="7">
        <v>472.94614048800003</v>
      </c>
      <c r="Z2402" s="7">
        <v>485.04834224699999</v>
      </c>
      <c r="AA2402" s="7">
        <v>525.42437465399996</v>
      </c>
      <c r="AB2402" s="7">
        <v>525.22205673500002</v>
      </c>
      <c r="AC2402" s="7">
        <v>555.95114700600004</v>
      </c>
      <c r="AD2402" s="7">
        <v>600.834617912</v>
      </c>
      <c r="AE2402" s="7">
        <v>656.02039558199999</v>
      </c>
      <c r="AF2402" s="7">
        <v>689.98462399699997</v>
      </c>
      <c r="AG2402" s="9">
        <v>11730.835885</v>
      </c>
      <c r="AH2402" s="13">
        <v>0.54467702582845279</v>
      </c>
      <c r="AI2402" s="9">
        <v>3522.7884584999993</v>
      </c>
      <c r="AJ2402" s="13">
        <v>0.16356736715173809</v>
      </c>
      <c r="AK2402" s="9">
        <v>5445.1683501999978</v>
      </c>
      <c r="AL2402" s="13">
        <v>0.21728506542116385</v>
      </c>
      <c r="AM2402" s="9">
        <v>2762.8790763000034</v>
      </c>
      <c r="AN2402" s="13">
        <v>9.0570788618115239E-2</v>
      </c>
      <c r="AO2402" s="9">
        <v>8208.0474265000012</v>
      </c>
      <c r="AP2402" s="13">
        <v>0.32753553376941269</v>
      </c>
      <c r="AQ2402" s="9">
        <v>21537.232761300002</v>
      </c>
      <c r="AR2402" s="9">
        <v>21872.218539699999</v>
      </c>
      <c r="AS2402" s="9">
        <v>22618.567074400002</v>
      </c>
      <c r="AT2402" s="9">
        <v>21651.974816499998</v>
      </c>
      <c r="AU2402" s="9">
        <v>22461.245291300002</v>
      </c>
      <c r="AV2402" s="9">
        <v>23149.094555899999</v>
      </c>
      <c r="AW2402" s="9">
        <v>25060.021219800001</v>
      </c>
      <c r="AX2402" s="9">
        <v>26560.262041400001</v>
      </c>
      <c r="AY2402" s="9">
        <v>27867.533560100001</v>
      </c>
      <c r="AZ2402" s="9">
        <v>30505.189569999999</v>
      </c>
      <c r="BA2402" s="9">
        <v>32689.199316400001</v>
      </c>
      <c r="BB2402" s="9">
        <v>32171.393861</v>
      </c>
      <c r="BC2402" s="9">
        <v>30369.915778300001</v>
      </c>
      <c r="BD2402" s="9">
        <v>30785.370329500001</v>
      </c>
      <c r="BE2402" s="9">
        <v>33320.631102899999</v>
      </c>
      <c r="BF2402" s="9">
        <v>33268.068646300002</v>
      </c>
      <c r="BG2402" s="11">
        <v>61.75</v>
      </c>
      <c r="BH2402" s="13">
        <v>1.54375</v>
      </c>
      <c r="BI2402" s="6">
        <v>-2</v>
      </c>
      <c r="BJ2402" s="13">
        <v>-0.05</v>
      </c>
      <c r="BK2402" s="6">
        <v>6</v>
      </c>
      <c r="BL2402" s="13">
        <v>0.15789473684210525</v>
      </c>
      <c r="BM2402" s="11">
        <v>57.75</v>
      </c>
      <c r="BN2402" s="13">
        <v>1.3125</v>
      </c>
      <c r="BO2402" s="11">
        <v>63.75</v>
      </c>
      <c r="BP2402" s="13">
        <v>1.6776315789473684</v>
      </c>
      <c r="BQ2402" s="6">
        <v>40</v>
      </c>
      <c r="BR2402" s="6">
        <v>36</v>
      </c>
      <c r="BS2402" s="6">
        <v>37</v>
      </c>
      <c r="BT2402" s="6">
        <v>38</v>
      </c>
      <c r="BU2402" s="6">
        <v>40</v>
      </c>
      <c r="BV2402" s="6">
        <v>43</v>
      </c>
      <c r="BW2402" s="6">
        <v>44</v>
      </c>
      <c r="BX2402" s="6">
        <v>43</v>
      </c>
      <c r="BY2402" s="6">
        <v>46</v>
      </c>
      <c r="BZ2402" s="6">
        <v>78</v>
      </c>
      <c r="CA2402" s="6">
        <v>86</v>
      </c>
      <c r="CB2402" s="6">
        <v>95</v>
      </c>
      <c r="CC2402" s="11">
        <v>101.75</v>
      </c>
      <c r="CD2402" s="11">
        <v>1.75173</v>
      </c>
      <c r="CE2402" s="11">
        <v>170.095</v>
      </c>
      <c r="CF2402" s="11">
        <v>51.057499999999997</v>
      </c>
      <c r="CG2402" s="11">
        <v>221</v>
      </c>
      <c r="CH2402" s="20">
        <v>0.61529199999999995</v>
      </c>
      <c r="CI2402" s="20">
        <v>0.595333</v>
      </c>
      <c r="CJ2402" s="20">
        <v>0.58008999999999999</v>
      </c>
      <c r="CK2402" s="20">
        <v>0.55317700000000003</v>
      </c>
      <c r="CL2402" s="20">
        <v>0.45831100000000002</v>
      </c>
      <c r="CM2402" s="20">
        <v>0.45597300000000002</v>
      </c>
      <c r="CN2402" s="20">
        <v>0.44604100000000002</v>
      </c>
      <c r="CO2402" s="20">
        <v>0.48620099999999999</v>
      </c>
      <c r="CP2402" s="20">
        <v>0.51253599999999999</v>
      </c>
      <c r="CQ2402" s="20">
        <v>0.49898700000000001</v>
      </c>
      <c r="CR2402" s="20">
        <v>0.50734199999999996</v>
      </c>
      <c r="CS2402" s="20">
        <v>0.52710500000000005</v>
      </c>
      <c r="CT2402" s="20">
        <v>0.53304499999999999</v>
      </c>
      <c r="CU2402" s="20">
        <v>0.54451000000000005</v>
      </c>
      <c r="CV2402" s="20">
        <v>0.56972800000000001</v>
      </c>
      <c r="CW2402" s="20">
        <v>0.61353899999999995</v>
      </c>
      <c r="CX2402" s="20">
        <v>0.61855400000000005</v>
      </c>
      <c r="CY2402" s="6" t="s">
        <v>734</v>
      </c>
      <c r="CZ2402" s="6" t="s">
        <v>735</v>
      </c>
      <c r="DA2402" s="6" t="s">
        <v>75</v>
      </c>
      <c r="DB2402" s="6"/>
      <c r="DC2402" s="6">
        <v>44180</v>
      </c>
      <c r="DD2402" s="6">
        <v>520</v>
      </c>
      <c r="DE2402" s="6" t="s">
        <v>460</v>
      </c>
      <c r="DF2402" s="6" t="s">
        <v>375</v>
      </c>
      <c r="DG2402" s="6" t="s">
        <v>376</v>
      </c>
      <c r="DH2402" s="6" t="s">
        <v>328</v>
      </c>
      <c r="DI2402" s="6" t="s">
        <v>461</v>
      </c>
      <c r="DJ2402" s="6">
        <v>29</v>
      </c>
      <c r="DK2402" s="6">
        <v>225</v>
      </c>
      <c r="DL2402" s="6">
        <v>2</v>
      </c>
      <c r="DM2402" s="6" t="s">
        <v>379</v>
      </c>
      <c r="DN2402" s="6">
        <v>2</v>
      </c>
      <c r="DO2402" s="6" t="s">
        <v>463</v>
      </c>
      <c r="DP2402" s="6"/>
      <c r="DQ2402" s="6"/>
    </row>
    <row r="2403" spans="1:121" x14ac:dyDescent="0.2">
      <c r="A2403" s="6" t="s">
        <v>322</v>
      </c>
      <c r="B2403" s="6" t="s">
        <v>322</v>
      </c>
      <c r="C2403" s="6" t="s">
        <v>191</v>
      </c>
      <c r="D2403" s="6" t="s">
        <v>75</v>
      </c>
      <c r="E2403" s="6" t="s">
        <v>216</v>
      </c>
      <c r="F2403" s="11">
        <v>-34</v>
      </c>
      <c r="G2403" s="13">
        <v>-0.4</v>
      </c>
      <c r="H2403" s="11">
        <v>-19</v>
      </c>
      <c r="I2403" s="13">
        <v>-0.22619047619047619</v>
      </c>
      <c r="J2403" s="11">
        <v>-14</v>
      </c>
      <c r="K2403" s="13">
        <v>-0.2153846153846154</v>
      </c>
      <c r="L2403" s="11">
        <v>-1</v>
      </c>
      <c r="M2403" s="13">
        <v>-1.9607843137254905E-2</v>
      </c>
      <c r="N2403" s="11">
        <v>-15</v>
      </c>
      <c r="O2403" s="13">
        <v>-0.23076923076923081</v>
      </c>
      <c r="P2403" s="7">
        <v>84</v>
      </c>
      <c r="Q2403" s="7">
        <v>87</v>
      </c>
      <c r="R2403" s="7">
        <v>79</v>
      </c>
      <c r="S2403" s="7">
        <v>67</v>
      </c>
      <c r="T2403" s="7">
        <v>71</v>
      </c>
      <c r="U2403" s="7">
        <v>62</v>
      </c>
      <c r="V2403" s="7">
        <v>65</v>
      </c>
      <c r="W2403" s="7">
        <v>50</v>
      </c>
      <c r="X2403" s="7">
        <v>53</v>
      </c>
      <c r="Y2403" s="7">
        <v>51</v>
      </c>
      <c r="Z2403" s="7">
        <v>42</v>
      </c>
      <c r="AA2403" s="7">
        <v>31</v>
      </c>
      <c r="AB2403" s="7">
        <v>47</v>
      </c>
      <c r="AC2403" s="7">
        <v>46</v>
      </c>
      <c r="AD2403" s="7">
        <v>48</v>
      </c>
      <c r="AE2403" s="7">
        <v>47</v>
      </c>
      <c r="AF2403" s="7">
        <v>50</v>
      </c>
      <c r="AG2403" s="9">
        <v>9626</v>
      </c>
      <c r="AH2403" s="13">
        <v>0.96327429200440307</v>
      </c>
      <c r="AI2403" s="9">
        <v>6962</v>
      </c>
      <c r="AJ2403" s="13">
        <v>0.69668768137696391</v>
      </c>
      <c r="AK2403" s="9">
        <v>-1515</v>
      </c>
      <c r="AL2403" s="13">
        <v>-8.9354172810380439E-2</v>
      </c>
      <c r="AM2403" s="9">
        <v>4179</v>
      </c>
      <c r="AN2403" s="13">
        <v>0.270660621761658</v>
      </c>
      <c r="AO2403" s="9">
        <v>2664</v>
      </c>
      <c r="AP2403" s="13">
        <v>0.1571217929814214</v>
      </c>
      <c r="AQ2403" s="9">
        <v>9993</v>
      </c>
      <c r="AR2403" s="9">
        <v>11146</v>
      </c>
      <c r="AS2403" s="9">
        <v>11934</v>
      </c>
      <c r="AT2403" s="9">
        <v>13225</v>
      </c>
      <c r="AU2403" s="9">
        <v>13372</v>
      </c>
      <c r="AV2403" s="9">
        <v>16148</v>
      </c>
      <c r="AW2403" s="9">
        <v>16955</v>
      </c>
      <c r="AX2403" s="9">
        <v>17105</v>
      </c>
      <c r="AY2403" s="9">
        <v>16164</v>
      </c>
      <c r="AZ2403" s="9">
        <v>15440</v>
      </c>
      <c r="BA2403" s="9">
        <v>14982</v>
      </c>
      <c r="BB2403" s="9">
        <v>18195</v>
      </c>
      <c r="BC2403" s="9">
        <v>16768</v>
      </c>
      <c r="BD2403" s="9">
        <v>19035</v>
      </c>
      <c r="BE2403" s="9">
        <v>18807</v>
      </c>
      <c r="BF2403" s="9">
        <v>19619</v>
      </c>
      <c r="BG2403" s="11">
        <v>4</v>
      </c>
      <c r="BH2403" s="13">
        <v>0.66666666666666663</v>
      </c>
      <c r="BI2403" s="6">
        <v>3</v>
      </c>
      <c r="BJ2403" s="13">
        <v>0.5</v>
      </c>
      <c r="BK2403" s="6">
        <v>1</v>
      </c>
      <c r="BL2403" s="13">
        <v>0.1111111111111111</v>
      </c>
      <c r="BM2403" s="11">
        <v>0</v>
      </c>
      <c r="BN2403" s="13">
        <v>0</v>
      </c>
      <c r="BO2403" s="11">
        <v>1</v>
      </c>
      <c r="BP2403" s="13">
        <v>0.1111111111111111</v>
      </c>
      <c r="BQ2403" s="6">
        <v>6</v>
      </c>
      <c r="BR2403" s="6">
        <v>6</v>
      </c>
      <c r="BS2403" s="6">
        <v>6</v>
      </c>
      <c r="BT2403" s="6">
        <v>9</v>
      </c>
      <c r="BU2403" s="6">
        <v>7</v>
      </c>
      <c r="BV2403" s="6">
        <v>10</v>
      </c>
      <c r="BW2403" s="6">
        <v>10</v>
      </c>
      <c r="BX2403" s="6">
        <v>10</v>
      </c>
      <c r="BY2403" s="6">
        <v>6</v>
      </c>
      <c r="BZ2403" s="6">
        <v>7</v>
      </c>
      <c r="CA2403" s="6">
        <v>9</v>
      </c>
      <c r="CB2403" s="6">
        <v>10</v>
      </c>
      <c r="CC2403" s="11">
        <v>10</v>
      </c>
      <c r="CD2403" s="11">
        <v>-59</v>
      </c>
      <c r="CE2403" s="11">
        <v>15</v>
      </c>
      <c r="CF2403" s="11">
        <v>9</v>
      </c>
      <c r="CG2403" s="11">
        <v>24</v>
      </c>
      <c r="CH2403" s="20">
        <v>0.73</v>
      </c>
      <c r="CI2403" s="20">
        <v>0.77</v>
      </c>
      <c r="CJ2403" s="20">
        <v>0.65</v>
      </c>
      <c r="CK2403" s="20">
        <v>0.52</v>
      </c>
      <c r="CL2403" s="20">
        <v>0.55000000000000004</v>
      </c>
      <c r="CM2403" s="20">
        <v>0.46</v>
      </c>
      <c r="CN2403" s="20">
        <v>0.47</v>
      </c>
      <c r="CO2403" s="20">
        <v>0.37</v>
      </c>
      <c r="CP2403" s="20">
        <v>0.39</v>
      </c>
      <c r="CQ2403" s="20">
        <v>0.4</v>
      </c>
      <c r="CR2403" s="20">
        <v>0.33</v>
      </c>
      <c r="CS2403" s="20">
        <v>0.24</v>
      </c>
      <c r="CT2403" s="20">
        <v>0.36</v>
      </c>
      <c r="CU2403" s="20">
        <v>0.34</v>
      </c>
      <c r="CV2403" s="20">
        <v>0.34</v>
      </c>
      <c r="CW2403" s="20">
        <v>0.33</v>
      </c>
      <c r="CX2403" s="20">
        <v>0.33</v>
      </c>
      <c r="CY2403" s="6" t="s">
        <v>734</v>
      </c>
      <c r="CZ2403" s="6" t="s">
        <v>735</v>
      </c>
      <c r="DA2403" s="6" t="s">
        <v>75</v>
      </c>
      <c r="DB2403" s="6"/>
      <c r="DC2403" s="6">
        <v>44180</v>
      </c>
      <c r="DD2403" s="6">
        <v>520</v>
      </c>
      <c r="DE2403" s="6" t="s">
        <v>460</v>
      </c>
      <c r="DF2403" s="6" t="s">
        <v>375</v>
      </c>
      <c r="DG2403" s="6" t="s">
        <v>376</v>
      </c>
      <c r="DH2403" s="6" t="s">
        <v>328</v>
      </c>
      <c r="DI2403" s="6" t="s">
        <v>461</v>
      </c>
      <c r="DJ2403" s="6">
        <v>29</v>
      </c>
      <c r="DK2403" s="6">
        <v>225</v>
      </c>
      <c r="DL2403" s="6">
        <v>2</v>
      </c>
      <c r="DM2403" s="6" t="s">
        <v>379</v>
      </c>
      <c r="DN2403" s="6">
        <v>2</v>
      </c>
      <c r="DO2403" s="6" t="s">
        <v>463</v>
      </c>
      <c r="DP2403" s="6"/>
      <c r="DQ2403" s="6"/>
    </row>
    <row r="2404" spans="1:121" x14ac:dyDescent="0.2">
      <c r="A2404" s="6" t="s">
        <v>323</v>
      </c>
      <c r="B2404" s="6" t="s">
        <v>323</v>
      </c>
      <c r="C2404" s="6" t="s">
        <v>192</v>
      </c>
      <c r="D2404" s="6" t="s">
        <v>75</v>
      </c>
      <c r="E2404" s="6" t="s">
        <v>216</v>
      </c>
      <c r="F2404" s="11">
        <v>104</v>
      </c>
      <c r="G2404" s="13">
        <v>0.192949907236</v>
      </c>
      <c r="H2404" s="11">
        <v>82.747067656000013</v>
      </c>
      <c r="I2404" s="13">
        <v>0.15340483627460252</v>
      </c>
      <c r="J2404" s="11">
        <v>-127.94899318899996</v>
      </c>
      <c r="K2404" s="13">
        <v>-0.20565607541561823</v>
      </c>
      <c r="L2404" s="11">
        <v>149.07347671299993</v>
      </c>
      <c r="M2404" s="13">
        <v>0.30164523755545691</v>
      </c>
      <c r="N2404" s="11">
        <v>21.12448352399997</v>
      </c>
      <c r="O2404" s="13">
        <v>3.3953986416371568E-2</v>
      </c>
      <c r="P2404" s="7">
        <v>539.40325263199998</v>
      </c>
      <c r="Q2404" s="7">
        <v>512.84015370700001</v>
      </c>
      <c r="R2404" s="7">
        <v>555.51102597500005</v>
      </c>
      <c r="S2404" s="7">
        <v>534.99889019399996</v>
      </c>
      <c r="T2404" s="7">
        <v>587.22925547499995</v>
      </c>
      <c r="U2404" s="7">
        <v>629.89794744799997</v>
      </c>
      <c r="V2404" s="7">
        <v>622.15032028799999</v>
      </c>
      <c r="W2404" s="7">
        <v>635.97615452299999</v>
      </c>
      <c r="X2404" s="7">
        <v>621.51644870099994</v>
      </c>
      <c r="Y2404" s="7">
        <v>494.20132709900003</v>
      </c>
      <c r="Z2404" s="7">
        <v>504.61179594700002</v>
      </c>
      <c r="AA2404" s="7">
        <v>493.628945671</v>
      </c>
      <c r="AB2404" s="7">
        <v>517.40327537999997</v>
      </c>
      <c r="AC2404" s="7">
        <v>540.47305710099999</v>
      </c>
      <c r="AD2404" s="7">
        <v>608.611674354</v>
      </c>
      <c r="AE2404" s="7">
        <v>631.30148591199998</v>
      </c>
      <c r="AF2404" s="7">
        <v>643.27480381199996</v>
      </c>
      <c r="AG2404" s="9">
        <v>4179.6291502399999</v>
      </c>
      <c r="AH2404" s="13">
        <v>0.44514873333171262</v>
      </c>
      <c r="AI2404" s="9">
        <v>2410.1275503399993</v>
      </c>
      <c r="AJ2404" s="13">
        <v>0.25668909552420671</v>
      </c>
      <c r="AK2404" s="9">
        <v>926.47112790000028</v>
      </c>
      <c r="AL2404" s="13">
        <v>7.8518398973037876E-2</v>
      </c>
      <c r="AM2404" s="9">
        <v>843.03047200000037</v>
      </c>
      <c r="AN2404" s="13">
        <v>6.6245328847295462E-2</v>
      </c>
      <c r="AO2404" s="9">
        <v>1769.5015999000007</v>
      </c>
      <c r="AP2404" s="13">
        <v>0.14996520498086538</v>
      </c>
      <c r="AQ2404" s="9">
        <v>9389.2868546600002</v>
      </c>
      <c r="AR2404" s="9">
        <v>9825.9227651399997</v>
      </c>
      <c r="AS2404" s="9">
        <v>10109.431122800001</v>
      </c>
      <c r="AT2404" s="9">
        <v>10864.7830756</v>
      </c>
      <c r="AU2404" s="9">
        <v>11030.7587296</v>
      </c>
      <c r="AV2404" s="9">
        <v>11016.2806227</v>
      </c>
      <c r="AW2404" s="9">
        <v>11799.414405</v>
      </c>
      <c r="AX2404" s="9">
        <v>11896.426342299999</v>
      </c>
      <c r="AY2404" s="9">
        <v>12136.4890244</v>
      </c>
      <c r="AZ2404" s="9">
        <v>12725.8855329</v>
      </c>
      <c r="BA2404" s="9">
        <v>12698.749598</v>
      </c>
      <c r="BB2404" s="9">
        <v>12840.6856322</v>
      </c>
      <c r="BC2404" s="9">
        <v>12202.6029805</v>
      </c>
      <c r="BD2404" s="9">
        <v>12709.366352999999</v>
      </c>
      <c r="BE2404" s="9">
        <v>13111.1861001</v>
      </c>
      <c r="BF2404" s="9">
        <v>13568.9160049</v>
      </c>
      <c r="BG2404" s="11">
        <v>1.25</v>
      </c>
      <c r="BH2404" s="13">
        <v>3.4722222222222224E-2</v>
      </c>
      <c r="BI2404" s="6">
        <v>-3</v>
      </c>
      <c r="BJ2404" s="13">
        <v>-8.3333333333333329E-2</v>
      </c>
      <c r="BK2404" s="6">
        <v>-4</v>
      </c>
      <c r="BL2404" s="13">
        <v>-0.12121212121212122</v>
      </c>
      <c r="BM2404" s="11">
        <v>8.25</v>
      </c>
      <c r="BN2404" s="13">
        <v>0.28448275862068967</v>
      </c>
      <c r="BO2404" s="11">
        <v>4.25</v>
      </c>
      <c r="BP2404" s="13">
        <v>0.12878787878787878</v>
      </c>
      <c r="BQ2404" s="6">
        <v>36</v>
      </c>
      <c r="BR2404" s="6">
        <v>36</v>
      </c>
      <c r="BS2404" s="6">
        <v>32</v>
      </c>
      <c r="BT2404" s="6">
        <v>33</v>
      </c>
      <c r="BU2404" s="6">
        <v>34</v>
      </c>
      <c r="BV2404" s="6">
        <v>35</v>
      </c>
      <c r="BW2404" s="6">
        <v>29</v>
      </c>
      <c r="BX2404" s="6">
        <v>30</v>
      </c>
      <c r="BY2404" s="6">
        <v>29</v>
      </c>
      <c r="BZ2404" s="6">
        <v>31</v>
      </c>
      <c r="CA2404" s="6">
        <v>33</v>
      </c>
      <c r="CB2404" s="6">
        <v>40</v>
      </c>
      <c r="CC2404" s="11">
        <v>37.25</v>
      </c>
      <c r="CD2404" s="11">
        <v>-77.754999999999995</v>
      </c>
      <c r="CE2404" s="11">
        <v>122.663</v>
      </c>
      <c r="CF2404" s="11">
        <v>58.963299999999997</v>
      </c>
      <c r="CG2404" s="11">
        <v>182</v>
      </c>
      <c r="CH2404" s="20">
        <v>0.95747599999999999</v>
      </c>
      <c r="CI2404" s="20">
        <v>0.94164400000000004</v>
      </c>
      <c r="CJ2404" s="20">
        <v>0.93804900000000002</v>
      </c>
      <c r="CK2404" s="20">
        <v>0.86951000000000001</v>
      </c>
      <c r="CL2404" s="20">
        <v>0.92269599999999996</v>
      </c>
      <c r="CM2404" s="20">
        <v>0.94930700000000001</v>
      </c>
      <c r="CN2404" s="20">
        <v>0.92048099999999999</v>
      </c>
      <c r="CO2404" s="20">
        <v>0.95709699999999998</v>
      </c>
      <c r="CP2404" s="20">
        <v>0.95354799999999995</v>
      </c>
      <c r="CQ2404" s="20">
        <v>0.79602700000000004</v>
      </c>
      <c r="CR2404" s="20">
        <v>0.79696500000000003</v>
      </c>
      <c r="CS2404" s="20">
        <v>0.75238099999999997</v>
      </c>
      <c r="CT2404" s="20">
        <v>0.78929899999999997</v>
      </c>
      <c r="CU2404" s="20">
        <v>0.78729300000000002</v>
      </c>
      <c r="CV2404" s="20">
        <v>0.85009299999999999</v>
      </c>
      <c r="CW2404" s="20">
        <v>0.86766600000000005</v>
      </c>
      <c r="CX2404" s="20">
        <v>0.85657099999999997</v>
      </c>
      <c r="CY2404" s="6" t="s">
        <v>734</v>
      </c>
      <c r="CZ2404" s="6" t="s">
        <v>735</v>
      </c>
      <c r="DA2404" s="6" t="s">
        <v>75</v>
      </c>
      <c r="DB2404" s="6"/>
      <c r="DC2404" s="6">
        <v>44180</v>
      </c>
      <c r="DD2404" s="6">
        <v>520</v>
      </c>
      <c r="DE2404" s="6" t="s">
        <v>460</v>
      </c>
      <c r="DF2404" s="6" t="s">
        <v>375</v>
      </c>
      <c r="DG2404" s="6" t="s">
        <v>376</v>
      </c>
      <c r="DH2404" s="6" t="s">
        <v>328</v>
      </c>
      <c r="DI2404" s="6" t="s">
        <v>461</v>
      </c>
      <c r="DJ2404" s="6">
        <v>29</v>
      </c>
      <c r="DK2404" s="6">
        <v>225</v>
      </c>
      <c r="DL2404" s="6">
        <v>2</v>
      </c>
      <c r="DM2404" s="6" t="s">
        <v>379</v>
      </c>
      <c r="DN2404" s="6">
        <v>2</v>
      </c>
      <c r="DO2404" s="6" t="s">
        <v>463</v>
      </c>
      <c r="DP2404" s="6"/>
      <c r="DQ2404" s="6"/>
    </row>
    <row r="2405" spans="1:121" x14ac:dyDescent="0.2">
      <c r="A2405" s="6" t="s">
        <v>325</v>
      </c>
      <c r="B2405" s="6" t="s">
        <v>325</v>
      </c>
      <c r="C2405" s="6" t="s">
        <v>193</v>
      </c>
      <c r="D2405" s="6" t="s">
        <v>75</v>
      </c>
      <c r="E2405" s="6" t="s">
        <v>216</v>
      </c>
      <c r="F2405" s="11">
        <v>-78</v>
      </c>
      <c r="G2405" s="13">
        <v>-0.16182572614099999</v>
      </c>
      <c r="H2405" s="11">
        <v>-39.988472916000035</v>
      </c>
      <c r="I2405" s="13">
        <v>-8.2988604450007913E-2</v>
      </c>
      <c r="J2405" s="11">
        <v>-2.0315679020000061</v>
      </c>
      <c r="K2405" s="13">
        <v>-4.5976959950106856E-3</v>
      </c>
      <c r="L2405" s="11">
        <v>-35.869787305999978</v>
      </c>
      <c r="M2405" s="13">
        <v>-8.1552836171235918E-2</v>
      </c>
      <c r="N2405" s="11">
        <v>-37.901355207999984</v>
      </c>
      <c r="O2405" s="13">
        <v>-8.5775577018000329E-2</v>
      </c>
      <c r="P2405" s="7">
        <v>481.85498697100002</v>
      </c>
      <c r="Q2405" s="7">
        <v>446.27730437899999</v>
      </c>
      <c r="R2405" s="7">
        <v>445.93652531100003</v>
      </c>
      <c r="S2405" s="7">
        <v>461.01940305199997</v>
      </c>
      <c r="T2405" s="7">
        <v>451.76302797400001</v>
      </c>
      <c r="U2405" s="7">
        <v>453.05018100900003</v>
      </c>
      <c r="V2405" s="7">
        <v>441.86651405499998</v>
      </c>
      <c r="W2405" s="7">
        <v>428.079673593</v>
      </c>
      <c r="X2405" s="7">
        <v>444.07262294600002</v>
      </c>
      <c r="Y2405" s="7">
        <v>439.83494615299998</v>
      </c>
      <c r="Z2405" s="7">
        <v>424.682249426</v>
      </c>
      <c r="AA2405" s="7">
        <v>430.93352763000001</v>
      </c>
      <c r="AB2405" s="7">
        <v>412.11675294399998</v>
      </c>
      <c r="AC2405" s="7">
        <v>404.24472528299998</v>
      </c>
      <c r="AD2405" s="7">
        <v>409.08015239100001</v>
      </c>
      <c r="AE2405" s="7">
        <v>403.57761970500002</v>
      </c>
      <c r="AF2405" s="7">
        <v>403.965158847</v>
      </c>
      <c r="AG2405" s="9">
        <v>4622.356183099997</v>
      </c>
      <c r="AH2405" s="13">
        <v>0.27727304308298434</v>
      </c>
      <c r="AI2405" s="9">
        <v>1176.6525852999985</v>
      </c>
      <c r="AJ2405" s="13">
        <v>7.0581761779938842E-2</v>
      </c>
      <c r="AK2405" s="9">
        <v>-559.64129939999839</v>
      </c>
      <c r="AL2405" s="13">
        <v>-3.135697479301134E-2</v>
      </c>
      <c r="AM2405" s="9">
        <v>4005.3448971999969</v>
      </c>
      <c r="AN2405" s="13">
        <v>0.23168641190533629</v>
      </c>
      <c r="AO2405" s="9">
        <v>3445.7035977999985</v>
      </c>
      <c r="AP2405" s="13">
        <v>0.19306445213432608</v>
      </c>
      <c r="AQ2405" s="9">
        <v>16670.773803700002</v>
      </c>
      <c r="AR2405" s="9">
        <v>16766.404927799998</v>
      </c>
      <c r="AS2405" s="9">
        <v>16429.016381199999</v>
      </c>
      <c r="AT2405" s="9">
        <v>17206.407230500001</v>
      </c>
      <c r="AU2405" s="9">
        <v>16879.6974768</v>
      </c>
      <c r="AV2405" s="9">
        <v>16814.7814268</v>
      </c>
      <c r="AW2405" s="9">
        <v>17847.426389</v>
      </c>
      <c r="AX2405" s="9">
        <v>17618.179582799999</v>
      </c>
      <c r="AY2405" s="9">
        <v>16824.343569299999</v>
      </c>
      <c r="AZ2405" s="9">
        <v>17287.785089600002</v>
      </c>
      <c r="BA2405" s="9">
        <v>17417.726908100001</v>
      </c>
      <c r="BB2405" s="9">
        <v>16934.4346004</v>
      </c>
      <c r="BC2405" s="9">
        <v>18755.062637700001</v>
      </c>
      <c r="BD2405" s="9">
        <v>19684.196430200001</v>
      </c>
      <c r="BE2405" s="9">
        <v>21023.590101199999</v>
      </c>
      <c r="BF2405" s="9">
        <v>21293.129986799999</v>
      </c>
      <c r="BG2405" s="11">
        <v>-1.75</v>
      </c>
      <c r="BH2405" s="13">
        <v>-3.5714285714285712E-2</v>
      </c>
      <c r="BI2405" s="6">
        <v>8</v>
      </c>
      <c r="BJ2405" s="13">
        <v>0.16326530612244897</v>
      </c>
      <c r="BK2405" s="6">
        <v>6</v>
      </c>
      <c r="BL2405" s="13">
        <v>0.10526315789473684</v>
      </c>
      <c r="BM2405" s="11">
        <v>-15.75</v>
      </c>
      <c r="BN2405" s="13">
        <v>-0.25</v>
      </c>
      <c r="BO2405" s="11">
        <v>-9.75</v>
      </c>
      <c r="BP2405" s="13">
        <v>-0.17105263157894737</v>
      </c>
      <c r="BQ2405" s="6">
        <v>49</v>
      </c>
      <c r="BR2405" s="6">
        <v>51</v>
      </c>
      <c r="BS2405" s="6">
        <v>54</v>
      </c>
      <c r="BT2405" s="6">
        <v>57</v>
      </c>
      <c r="BU2405" s="6">
        <v>62</v>
      </c>
      <c r="BV2405" s="6">
        <v>61</v>
      </c>
      <c r="BW2405" s="6">
        <v>63</v>
      </c>
      <c r="BX2405" s="6">
        <v>61</v>
      </c>
      <c r="BY2405" s="6">
        <v>63</v>
      </c>
      <c r="BZ2405" s="6">
        <v>41</v>
      </c>
      <c r="CA2405" s="6">
        <v>43</v>
      </c>
      <c r="CB2405" s="6">
        <v>48</v>
      </c>
      <c r="CC2405" s="11">
        <v>47.25</v>
      </c>
      <c r="CD2405" s="11">
        <v>-126.125</v>
      </c>
      <c r="CE2405" s="11">
        <v>-4.43743</v>
      </c>
      <c r="CF2405" s="11">
        <v>52.672600000000003</v>
      </c>
      <c r="CG2405" s="11">
        <v>49</v>
      </c>
      <c r="CH2405" s="20">
        <v>1.2592099999999999</v>
      </c>
      <c r="CI2405" s="20">
        <v>1.20136</v>
      </c>
      <c r="CJ2405" s="20">
        <v>1.1103400000000001</v>
      </c>
      <c r="CK2405" s="20">
        <v>1.1248199999999999</v>
      </c>
      <c r="CL2405" s="20">
        <v>1.0832900000000001</v>
      </c>
      <c r="CM2405" s="20">
        <v>1.0517399999999999</v>
      </c>
      <c r="CN2405" s="20">
        <v>1.012</v>
      </c>
      <c r="CO2405" s="20">
        <v>0.99631199999999998</v>
      </c>
      <c r="CP2405" s="20">
        <v>1.0321800000000001</v>
      </c>
      <c r="CQ2405" s="20">
        <v>1.0812600000000001</v>
      </c>
      <c r="CR2405" s="20">
        <v>1.0386200000000001</v>
      </c>
      <c r="CS2405" s="20">
        <v>1.02495</v>
      </c>
      <c r="CT2405" s="20">
        <v>1.07016</v>
      </c>
      <c r="CU2405" s="20">
        <v>1.0130300000000001</v>
      </c>
      <c r="CV2405" s="20">
        <v>1.0024500000000001</v>
      </c>
      <c r="CW2405" s="20">
        <v>0.98346599999999995</v>
      </c>
      <c r="CX2405" s="20">
        <v>0.96224200000000004</v>
      </c>
      <c r="CY2405" s="6" t="s">
        <v>734</v>
      </c>
      <c r="CZ2405" s="6" t="s">
        <v>735</v>
      </c>
      <c r="DA2405" s="6" t="s">
        <v>75</v>
      </c>
      <c r="DB2405" s="6"/>
      <c r="DC2405" s="6">
        <v>44180</v>
      </c>
      <c r="DD2405" s="6">
        <v>520</v>
      </c>
      <c r="DE2405" s="6" t="s">
        <v>460</v>
      </c>
      <c r="DF2405" s="6" t="s">
        <v>375</v>
      </c>
      <c r="DG2405" s="6" t="s">
        <v>376</v>
      </c>
      <c r="DH2405" s="6" t="s">
        <v>328</v>
      </c>
      <c r="DI2405" s="6" t="s">
        <v>461</v>
      </c>
      <c r="DJ2405" s="6">
        <v>29</v>
      </c>
      <c r="DK2405" s="6">
        <v>225</v>
      </c>
      <c r="DL2405" s="6">
        <v>2</v>
      </c>
      <c r="DM2405" s="6" t="s">
        <v>379</v>
      </c>
      <c r="DN2405" s="6">
        <v>2</v>
      </c>
      <c r="DO2405" s="6" t="s">
        <v>463</v>
      </c>
      <c r="DP2405" s="6"/>
      <c r="DQ2405" s="6"/>
    </row>
    <row r="2406" spans="1:121" x14ac:dyDescent="0.2">
      <c r="A2406" s="6" t="s">
        <v>327</v>
      </c>
      <c r="B2406" s="6" t="s">
        <v>327</v>
      </c>
      <c r="C2406" s="6" t="s">
        <v>194</v>
      </c>
      <c r="D2406" s="6" t="s">
        <v>75</v>
      </c>
      <c r="E2406" s="6" t="s">
        <v>216</v>
      </c>
      <c r="F2406" s="11">
        <v>159</v>
      </c>
      <c r="G2406" s="13">
        <v>0.11252653927800001</v>
      </c>
      <c r="H2406" s="11">
        <v>313.6923089999998</v>
      </c>
      <c r="I2406" s="13">
        <v>0.22201025153259268</v>
      </c>
      <c r="J2406" s="11">
        <v>-30.449268999999958</v>
      </c>
      <c r="K2406" s="13">
        <v>-1.7634826027946211E-2</v>
      </c>
      <c r="L2406" s="11">
        <v>-124.21975599999996</v>
      </c>
      <c r="M2406" s="13">
        <v>-7.3233876396883418E-2</v>
      </c>
      <c r="N2406" s="11">
        <v>-154.66902499999992</v>
      </c>
      <c r="O2406" s="13">
        <v>-8.9577235755218476E-2</v>
      </c>
      <c r="P2406" s="7">
        <v>1412.9631710000001</v>
      </c>
      <c r="Q2406" s="7">
        <v>1415.488374</v>
      </c>
      <c r="R2406" s="7">
        <v>1475.5402630000001</v>
      </c>
      <c r="S2406" s="7">
        <v>1476.8489059999999</v>
      </c>
      <c r="T2406" s="7">
        <v>1512.9878679999999</v>
      </c>
      <c r="U2406" s="7">
        <v>1527.5624379999999</v>
      </c>
      <c r="V2406" s="7">
        <v>1726.6554799999999</v>
      </c>
      <c r="W2406" s="7">
        <v>1756.9440790000001</v>
      </c>
      <c r="X2406" s="7">
        <v>1745.06035</v>
      </c>
      <c r="Y2406" s="7">
        <v>1696.2062109999999</v>
      </c>
      <c r="Z2406" s="7">
        <v>1683.905377</v>
      </c>
      <c r="AA2406" s="7">
        <v>1713.7085340000001</v>
      </c>
      <c r="AB2406" s="7">
        <v>1637.345697</v>
      </c>
      <c r="AC2406" s="7">
        <v>1620.2791950000001</v>
      </c>
      <c r="AD2406" s="7">
        <v>1621.578336</v>
      </c>
      <c r="AE2406" s="7">
        <v>1581.4940285</v>
      </c>
      <c r="AF2406" s="7">
        <v>1571.986455</v>
      </c>
      <c r="AG2406" s="9">
        <v>12549.181697899996</v>
      </c>
      <c r="AH2406" s="13">
        <v>0.39646566976330411</v>
      </c>
      <c r="AI2406" s="9">
        <v>8234.8419979999999</v>
      </c>
      <c r="AJ2406" s="13">
        <v>0.26016295139613754</v>
      </c>
      <c r="AK2406" s="9">
        <v>3489.0018474999961</v>
      </c>
      <c r="AL2406" s="13">
        <v>8.7471116930985374E-2</v>
      </c>
      <c r="AM2406" s="9">
        <v>825.33785239999997</v>
      </c>
      <c r="AN2406" s="13">
        <v>1.9027314879841536E-2</v>
      </c>
      <c r="AO2406" s="9">
        <v>4314.339699899996</v>
      </c>
      <c r="AP2406" s="13">
        <v>0.10816277229556422</v>
      </c>
      <c r="AQ2406" s="9">
        <v>31652.631375100002</v>
      </c>
      <c r="AR2406" s="9">
        <v>33604.603345099997</v>
      </c>
      <c r="AS2406" s="9">
        <v>34108.1028191</v>
      </c>
      <c r="AT2406" s="9">
        <v>35970.679549599998</v>
      </c>
      <c r="AU2406" s="9">
        <v>37072.587479100002</v>
      </c>
      <c r="AV2406" s="9">
        <v>38969.703440500001</v>
      </c>
      <c r="AW2406" s="9">
        <v>39887.473373100001</v>
      </c>
      <c r="AX2406" s="9">
        <v>40357.211610699997</v>
      </c>
      <c r="AY2406" s="9">
        <v>40873.209970099997</v>
      </c>
      <c r="AZ2406" s="9">
        <v>43376.475220599998</v>
      </c>
      <c r="BA2406" s="9">
        <v>41415.798804799997</v>
      </c>
      <c r="BB2406" s="9">
        <v>40825.616954199999</v>
      </c>
      <c r="BC2406" s="9">
        <v>42157.679573599999</v>
      </c>
      <c r="BD2406" s="9">
        <v>41715.546494499999</v>
      </c>
      <c r="BE2406" s="9">
        <v>43076.563153900002</v>
      </c>
      <c r="BF2406" s="9">
        <v>44201.813072999998</v>
      </c>
      <c r="BG2406" s="11">
        <v>3.25</v>
      </c>
      <c r="BH2406" s="13">
        <v>6.9148936170212769E-2</v>
      </c>
      <c r="BI2406" s="6">
        <v>9</v>
      </c>
      <c r="BJ2406" s="13">
        <v>0.19148936170212766</v>
      </c>
      <c r="BK2406" s="6">
        <v>1</v>
      </c>
      <c r="BL2406" s="13">
        <v>1.7857142857142856E-2</v>
      </c>
      <c r="BM2406" s="11">
        <v>-6.75</v>
      </c>
      <c r="BN2406" s="13">
        <v>-0.11842105263157894</v>
      </c>
      <c r="BO2406" s="11">
        <v>-5.75</v>
      </c>
      <c r="BP2406" s="13">
        <v>-0.10267857142857142</v>
      </c>
      <c r="BQ2406" s="6">
        <v>47</v>
      </c>
      <c r="BR2406" s="6">
        <v>47</v>
      </c>
      <c r="BS2406" s="6">
        <v>51</v>
      </c>
      <c r="BT2406" s="6">
        <v>56</v>
      </c>
      <c r="BU2406" s="6">
        <v>56</v>
      </c>
      <c r="BV2406" s="6">
        <v>57</v>
      </c>
      <c r="BW2406" s="6">
        <v>57</v>
      </c>
      <c r="BX2406" s="6">
        <v>58</v>
      </c>
      <c r="BY2406" s="6">
        <v>56</v>
      </c>
      <c r="BZ2406" s="6">
        <v>52</v>
      </c>
      <c r="CA2406" s="6">
        <v>51</v>
      </c>
      <c r="CB2406" s="6">
        <v>51</v>
      </c>
      <c r="CC2406" s="11">
        <v>50.25</v>
      </c>
      <c r="CD2406" s="11">
        <v>87.403800000000004</v>
      </c>
      <c r="CE2406" s="11">
        <v>-82.834500000000006</v>
      </c>
      <c r="CF2406" s="11">
        <v>154.45400000000001</v>
      </c>
      <c r="CG2406" s="11">
        <v>71</v>
      </c>
      <c r="CH2406" s="20">
        <v>1.11158</v>
      </c>
      <c r="CI2406" s="20">
        <v>1.1448400000000001</v>
      </c>
      <c r="CJ2406" s="20">
        <v>1.1119699999999999</v>
      </c>
      <c r="CK2406" s="20">
        <v>1.09849</v>
      </c>
      <c r="CL2406" s="20">
        <v>1.1085799999999999</v>
      </c>
      <c r="CM2406" s="20">
        <v>1.0907199999999999</v>
      </c>
      <c r="CN2406" s="20">
        <v>1.22505</v>
      </c>
      <c r="CO2406" s="20">
        <v>1.25406</v>
      </c>
      <c r="CP2406" s="20">
        <v>1.23004</v>
      </c>
      <c r="CQ2406" s="20">
        <v>1.25728</v>
      </c>
      <c r="CR2406" s="20">
        <v>1.2708699999999999</v>
      </c>
      <c r="CS2406" s="20">
        <v>1.3004800000000001</v>
      </c>
      <c r="CT2406" s="20">
        <v>1.2885200000000001</v>
      </c>
      <c r="CU2406" s="20">
        <v>1.25379</v>
      </c>
      <c r="CV2406" s="20">
        <v>1.23756</v>
      </c>
      <c r="CW2406" s="20">
        <v>1.2063200000000001</v>
      </c>
      <c r="CX2406" s="20">
        <v>1.1802600000000001</v>
      </c>
      <c r="CY2406" s="6" t="s">
        <v>734</v>
      </c>
      <c r="CZ2406" s="6" t="s">
        <v>735</v>
      </c>
      <c r="DA2406" s="6" t="s">
        <v>75</v>
      </c>
      <c r="DB2406" s="6"/>
      <c r="DC2406" s="6">
        <v>44180</v>
      </c>
      <c r="DD2406" s="6">
        <v>520</v>
      </c>
      <c r="DE2406" s="6" t="s">
        <v>460</v>
      </c>
      <c r="DF2406" s="6" t="s">
        <v>375</v>
      </c>
      <c r="DG2406" s="6" t="s">
        <v>376</v>
      </c>
      <c r="DH2406" s="6" t="s">
        <v>328</v>
      </c>
      <c r="DI2406" s="6" t="s">
        <v>461</v>
      </c>
      <c r="DJ2406" s="6">
        <v>29</v>
      </c>
      <c r="DK2406" s="6">
        <v>225</v>
      </c>
      <c r="DL2406" s="6">
        <v>2</v>
      </c>
      <c r="DM2406" s="6" t="s">
        <v>379</v>
      </c>
      <c r="DN2406" s="6">
        <v>2</v>
      </c>
      <c r="DO2406" s="6" t="s">
        <v>463</v>
      </c>
      <c r="DP2406" s="6"/>
      <c r="DQ2406" s="6"/>
    </row>
    <row r="2407" spans="1:121" x14ac:dyDescent="0.2">
      <c r="A2407" s="6" t="s">
        <v>1</v>
      </c>
      <c r="B2407" s="6" t="s">
        <v>1</v>
      </c>
      <c r="C2407" s="6" t="s">
        <v>2</v>
      </c>
      <c r="D2407" s="6" t="s">
        <v>113</v>
      </c>
      <c r="E2407" s="6" t="s">
        <v>254</v>
      </c>
      <c r="F2407" s="11">
        <v>5</v>
      </c>
      <c r="G2407" s="13">
        <v>0.35714285714299998</v>
      </c>
      <c r="H2407" s="11">
        <v>16.707667815499999</v>
      </c>
      <c r="I2407" s="13">
        <v>1.1759057814122305</v>
      </c>
      <c r="J2407" s="11">
        <v>27.139117351600003</v>
      </c>
      <c r="K2407" s="13">
        <v>0.87783385584547524</v>
      </c>
      <c r="L2407" s="11">
        <v>-39.398303548599998</v>
      </c>
      <c r="M2407" s="13">
        <v>-0.67863611017149217</v>
      </c>
      <c r="N2407" s="11">
        <v>-12.259186196999998</v>
      </c>
      <c r="O2407" s="13">
        <v>-0.39653200763383278</v>
      </c>
      <c r="P2407" s="7">
        <v>14.2083388649</v>
      </c>
      <c r="Q2407" s="7">
        <v>5</v>
      </c>
      <c r="R2407" s="7">
        <v>5</v>
      </c>
      <c r="S2407" s="7">
        <v>19.501985192700001</v>
      </c>
      <c r="T2407" s="7">
        <v>23.996491903999999</v>
      </c>
      <c r="U2407" s="7">
        <v>33.4746826023</v>
      </c>
      <c r="V2407" s="7">
        <v>30.916006680399999</v>
      </c>
      <c r="W2407" s="7">
        <v>40.5721607005</v>
      </c>
      <c r="X2407" s="7">
        <v>54.423235437300001</v>
      </c>
      <c r="Y2407" s="7">
        <v>58.055124032000002</v>
      </c>
      <c r="Z2407" s="7">
        <v>42.413654965799999</v>
      </c>
      <c r="AA2407" s="7">
        <v>30.269621822200001</v>
      </c>
      <c r="AB2407" s="7">
        <v>28.837968695400001</v>
      </c>
      <c r="AC2407" s="7">
        <v>24.460012478199999</v>
      </c>
      <c r="AD2407" s="7">
        <v>19.661724700899999</v>
      </c>
      <c r="AE2407" s="7">
        <v>18.207787062600001</v>
      </c>
      <c r="AF2407" s="7">
        <v>18.656820483400001</v>
      </c>
      <c r="AG2407" s="9">
        <v>-5238.5098564999989</v>
      </c>
      <c r="AH2407" s="13">
        <v>-0.29074893174358102</v>
      </c>
      <c r="AI2407" s="9">
        <v>-2886.9020757999988</v>
      </c>
      <c r="AJ2407" s="13">
        <v>-0.16022947700397755</v>
      </c>
      <c r="AK2407" s="9">
        <v>7662.9770555000014</v>
      </c>
      <c r="AL2407" s="13">
        <v>0.50646246131849926</v>
      </c>
      <c r="AM2407" s="9">
        <v>-10014.584836200002</v>
      </c>
      <c r="AN2407" s="13">
        <v>-0.43936390121851793</v>
      </c>
      <c r="AO2407" s="9">
        <v>-2351.6077807000001</v>
      </c>
      <c r="AP2407" s="13">
        <v>-0.15542276272564726</v>
      </c>
      <c r="AQ2407" s="9">
        <v>18017.297002899999</v>
      </c>
      <c r="AR2407" s="9">
        <v>1</v>
      </c>
      <c r="AS2407" s="9">
        <v>1</v>
      </c>
      <c r="AT2407" s="9">
        <v>14903.523989900001</v>
      </c>
      <c r="AU2407" s="9">
        <v>64463.953344900001</v>
      </c>
      <c r="AV2407" s="9">
        <v>15887.472418900001</v>
      </c>
      <c r="AW2407" s="9">
        <v>15130.3949271</v>
      </c>
      <c r="AX2407" s="9">
        <v>17431.729469499998</v>
      </c>
      <c r="AY2407" s="9">
        <v>18733.023839199999</v>
      </c>
      <c r="AZ2407" s="9">
        <v>22793.371982600002</v>
      </c>
      <c r="BA2407" s="9">
        <v>18823.234504799999</v>
      </c>
      <c r="BB2407" s="9">
        <v>21074.2565679</v>
      </c>
      <c r="BC2407" s="9">
        <v>14512.1392041</v>
      </c>
      <c r="BD2407" s="9">
        <v>18218.337449999999</v>
      </c>
      <c r="BE2407" s="9">
        <v>14661.4597626</v>
      </c>
      <c r="BF2407" s="9">
        <v>12778.7871464</v>
      </c>
      <c r="BG2407" s="11">
        <v>0.25</v>
      </c>
      <c r="BH2407" s="13">
        <v>0.25</v>
      </c>
      <c r="BI2407" s="6">
        <v>3</v>
      </c>
      <c r="BJ2407" s="13">
        <v>3</v>
      </c>
      <c r="BK2407" s="6">
        <v>-2</v>
      </c>
      <c r="BL2407" s="13">
        <v>-0.5</v>
      </c>
      <c r="BM2407" s="11">
        <v>-0.75</v>
      </c>
      <c r="BN2407" s="13">
        <v>-0.375</v>
      </c>
      <c r="BO2407" s="11">
        <v>-2.75</v>
      </c>
      <c r="BP2407" s="13">
        <v>-0.6875</v>
      </c>
      <c r="BQ2407" s="6">
        <v>1</v>
      </c>
      <c r="BR2407" s="6">
        <v>1</v>
      </c>
      <c r="BS2407" s="6">
        <v>2</v>
      </c>
      <c r="BT2407" s="6">
        <v>4</v>
      </c>
      <c r="BU2407" s="6">
        <v>4</v>
      </c>
      <c r="BV2407" s="6">
        <v>3</v>
      </c>
      <c r="BW2407" s="6">
        <v>2</v>
      </c>
      <c r="BX2407" s="6">
        <v>3</v>
      </c>
      <c r="BY2407" s="6">
        <v>3</v>
      </c>
      <c r="BZ2407" s="6">
        <v>3</v>
      </c>
      <c r="CA2407" s="6">
        <v>3</v>
      </c>
      <c r="CB2407" s="6">
        <v>2</v>
      </c>
      <c r="CC2407" s="11">
        <v>1.25</v>
      </c>
      <c r="CD2407" s="11">
        <v>4.1907699999999997</v>
      </c>
      <c r="CE2407" s="11">
        <v>-1.2954300000000001</v>
      </c>
      <c r="CF2407" s="11">
        <v>1.55314</v>
      </c>
      <c r="CG2407" s="11">
        <v>1</v>
      </c>
      <c r="CH2407" s="20">
        <v>1.7501800000000001</v>
      </c>
      <c r="CI2407" s="20">
        <v>1.0301899999999999</v>
      </c>
      <c r="CJ2407" s="20">
        <v>0.89346800000000004</v>
      </c>
      <c r="CK2407" s="20">
        <v>2.4884300000000001</v>
      </c>
      <c r="CL2407" s="20">
        <v>3.1232000000000002</v>
      </c>
      <c r="CM2407" s="20">
        <v>4.2723100000000001</v>
      </c>
      <c r="CN2407" s="20">
        <v>4.0573899999999998</v>
      </c>
      <c r="CO2407" s="20">
        <v>5.6498699999999999</v>
      </c>
      <c r="CP2407" s="20">
        <v>7.5327700000000002</v>
      </c>
      <c r="CQ2407" s="20">
        <v>8.0159199999999995</v>
      </c>
      <c r="CR2407" s="20">
        <v>6.0474399999999999</v>
      </c>
      <c r="CS2407" s="20">
        <v>4.3264100000000001</v>
      </c>
      <c r="CT2407" s="20">
        <v>3.8391099999999998</v>
      </c>
      <c r="CU2407" s="20">
        <v>3.46759</v>
      </c>
      <c r="CV2407" s="20">
        <v>3.1801400000000002</v>
      </c>
      <c r="CW2407" s="20">
        <v>3.0026000000000002</v>
      </c>
      <c r="CX2407" s="20">
        <v>3.1014300000000001</v>
      </c>
      <c r="CY2407" s="6" t="s">
        <v>737</v>
      </c>
      <c r="CZ2407" s="6" t="s">
        <v>738</v>
      </c>
      <c r="DA2407" s="6" t="s">
        <v>113</v>
      </c>
      <c r="DB2407" s="6"/>
      <c r="DC2407" s="6"/>
      <c r="DD2407" s="6"/>
      <c r="DE2407" s="6"/>
      <c r="DF2407" s="6"/>
      <c r="DG2407" s="6"/>
      <c r="DH2407" s="6" t="s">
        <v>333</v>
      </c>
      <c r="DI2407" s="6"/>
      <c r="DJ2407" s="6"/>
      <c r="DK2407" s="6"/>
      <c r="DL2407" s="6">
        <v>10</v>
      </c>
      <c r="DM2407" s="6" t="s">
        <v>383</v>
      </c>
      <c r="DN2407" s="6">
        <v>9</v>
      </c>
      <c r="DO2407" s="6" t="s">
        <v>384</v>
      </c>
      <c r="DP2407" s="6"/>
      <c r="DQ2407" s="6"/>
    </row>
    <row r="2408" spans="1:121" x14ac:dyDescent="0.2">
      <c r="A2408" s="6" t="s">
        <v>310</v>
      </c>
      <c r="B2408" s="6" t="s">
        <v>310</v>
      </c>
      <c r="C2408" s="6" t="s">
        <v>173</v>
      </c>
      <c r="D2408" s="6" t="s">
        <v>113</v>
      </c>
      <c r="E2408" s="6" t="s">
        <v>254</v>
      </c>
      <c r="F2408" s="11">
        <v>1</v>
      </c>
      <c r="G2408" s="13">
        <v>1</v>
      </c>
      <c r="H2408" s="11">
        <v>5.4651849999999982</v>
      </c>
      <c r="I2408" s="13">
        <v>0.29503914278401594</v>
      </c>
      <c r="J2408" s="11">
        <v>-18.988778</v>
      </c>
      <c r="K2408" s="13">
        <v>-0.79156920790212837</v>
      </c>
      <c r="L2408" s="11">
        <v>0</v>
      </c>
      <c r="M2408" s="13">
        <v>0</v>
      </c>
      <c r="N2408" s="11">
        <v>-18.988778</v>
      </c>
      <c r="O2408" s="13">
        <v>-0.79156920790212837</v>
      </c>
      <c r="P2408" s="7">
        <v>18.523593000000002</v>
      </c>
      <c r="Q2408" s="7">
        <v>29.877535000000002</v>
      </c>
      <c r="R2408" s="7">
        <v>28.059221000000001</v>
      </c>
      <c r="S2408" s="7">
        <v>26.458179999999999</v>
      </c>
      <c r="T2408" s="7">
        <v>23.830555</v>
      </c>
      <c r="U2408" s="7">
        <v>22.491101</v>
      </c>
      <c r="V2408" s="7">
        <v>23.988778</v>
      </c>
      <c r="W2408" s="7">
        <v>11.392128</v>
      </c>
      <c r="X2408" s="7">
        <v>5</v>
      </c>
      <c r="Y2408" s="7">
        <v>5</v>
      </c>
      <c r="Z2408" s="7">
        <v>5</v>
      </c>
      <c r="AA2408" s="7">
        <v>5</v>
      </c>
      <c r="AB2408" s="7">
        <v>5</v>
      </c>
      <c r="AC2408" s="7">
        <v>5</v>
      </c>
      <c r="AD2408" s="7">
        <v>5</v>
      </c>
      <c r="AE2408" s="7">
        <v>5</v>
      </c>
      <c r="AF2408" s="7">
        <v>5</v>
      </c>
      <c r="AG2408" s="9">
        <v>-27349.527654699999</v>
      </c>
      <c r="AH2408" s="13">
        <v>-0.99996343763408801</v>
      </c>
      <c r="AI2408" s="9">
        <v>1291.0915578999993</v>
      </c>
      <c r="AJ2408" s="13">
        <v>4.7205361965955858E-2</v>
      </c>
      <c r="AK2408" s="9">
        <v>-28640.619212599999</v>
      </c>
      <c r="AL2408" s="13">
        <v>-0.99996508577281973</v>
      </c>
      <c r="AM2408" s="9">
        <v>0</v>
      </c>
      <c r="AN2408" s="13">
        <v>0</v>
      </c>
      <c r="AO2408" s="9">
        <v>-28640.619212599999</v>
      </c>
      <c r="AP2408" s="13">
        <v>-0.99996508577281973</v>
      </c>
      <c r="AQ2408" s="9">
        <v>27350.527654699999</v>
      </c>
      <c r="AR2408" s="9">
        <v>24618.873197699999</v>
      </c>
      <c r="AS2408" s="9">
        <v>25747.274218300001</v>
      </c>
      <c r="AT2408" s="9">
        <v>17034.299640599998</v>
      </c>
      <c r="AU2408" s="9">
        <v>118048.03820700001</v>
      </c>
      <c r="AV2408" s="9">
        <v>26888.347317899999</v>
      </c>
      <c r="AW2408" s="9">
        <v>28641.619212599999</v>
      </c>
      <c r="AX2408" s="9">
        <v>39145.968073299999</v>
      </c>
      <c r="AY2408" s="9">
        <v>1</v>
      </c>
      <c r="AZ2408" s="9">
        <v>1</v>
      </c>
      <c r="BA2408" s="9">
        <v>1</v>
      </c>
      <c r="BB2408" s="9">
        <v>1</v>
      </c>
      <c r="BC2408" s="9">
        <v>1</v>
      </c>
      <c r="BD2408" s="9">
        <v>1</v>
      </c>
      <c r="BE2408" s="9">
        <v>1</v>
      </c>
      <c r="BF2408" s="9">
        <v>1</v>
      </c>
      <c r="BG2408" s="11">
        <v>0</v>
      </c>
      <c r="BH2408" s="13">
        <v>0</v>
      </c>
      <c r="BI2408" s="6">
        <v>0</v>
      </c>
      <c r="BJ2408" s="13">
        <v>0</v>
      </c>
      <c r="BK2408" s="6">
        <v>0</v>
      </c>
      <c r="BL2408" s="13">
        <v>0</v>
      </c>
      <c r="BM2408" s="11">
        <v>0</v>
      </c>
      <c r="BN2408" s="13">
        <v>0</v>
      </c>
      <c r="BO2408" s="11">
        <v>0</v>
      </c>
      <c r="BP2408" s="13">
        <v>0</v>
      </c>
      <c r="BQ2408" s="6">
        <v>1</v>
      </c>
      <c r="BR2408" s="6">
        <v>1</v>
      </c>
      <c r="BS2408" s="6">
        <v>1</v>
      </c>
      <c r="BT2408" s="6">
        <v>1</v>
      </c>
      <c r="BU2408" s="6">
        <v>1</v>
      </c>
      <c r="BV2408" s="6">
        <v>1</v>
      </c>
      <c r="BW2408" s="6">
        <v>1</v>
      </c>
      <c r="BX2408" s="6">
        <v>1</v>
      </c>
      <c r="BY2408" s="6">
        <v>1</v>
      </c>
      <c r="BZ2408" s="6">
        <v>1</v>
      </c>
      <c r="CA2408" s="6">
        <v>1</v>
      </c>
      <c r="CB2408" s="6">
        <v>1</v>
      </c>
      <c r="CC2408" s="11">
        <v>1</v>
      </c>
      <c r="CD2408" s="11">
        <v>-20.0608</v>
      </c>
      <c r="CE2408" s="11">
        <v>1.92178</v>
      </c>
      <c r="CF2408" s="11">
        <v>2.0248499999999998</v>
      </c>
      <c r="CG2408" s="11">
        <v>4</v>
      </c>
      <c r="CH2408" s="20">
        <v>8.0421600000000009</v>
      </c>
      <c r="CI2408" s="20">
        <v>14.1265</v>
      </c>
      <c r="CJ2408" s="20">
        <v>12.907500000000001</v>
      </c>
      <c r="CK2408" s="20">
        <v>12.1974</v>
      </c>
      <c r="CL2408" s="20">
        <v>10.455</v>
      </c>
      <c r="CM2408" s="20">
        <v>8.7834199999999996</v>
      </c>
      <c r="CN2408" s="20">
        <v>8.9394600000000004</v>
      </c>
      <c r="CO2408" s="20">
        <v>4.0642100000000001</v>
      </c>
      <c r="CP2408" s="20">
        <v>0.45139899999999999</v>
      </c>
      <c r="CQ2408" s="20">
        <v>0.21216599999999999</v>
      </c>
      <c r="CR2408" s="20">
        <v>0.48369899999999999</v>
      </c>
      <c r="CS2408" s="20">
        <v>0.30268400000000001</v>
      </c>
      <c r="CT2408" s="20">
        <v>1.0962099999999999</v>
      </c>
      <c r="CU2408" s="20">
        <v>1.2080200000000001</v>
      </c>
      <c r="CV2408" s="20">
        <v>1.0833600000000001</v>
      </c>
      <c r="CW2408" s="20">
        <v>1.4522999999999999</v>
      </c>
      <c r="CX2408" s="20">
        <v>1.1848799999999999</v>
      </c>
      <c r="CY2408" s="6" t="s">
        <v>737</v>
      </c>
      <c r="CZ2408" s="6" t="s">
        <v>738</v>
      </c>
      <c r="DA2408" s="6" t="s">
        <v>113</v>
      </c>
      <c r="DB2408" s="6"/>
      <c r="DC2408" s="6"/>
      <c r="DD2408" s="6"/>
      <c r="DE2408" s="6"/>
      <c r="DF2408" s="6"/>
      <c r="DG2408" s="6"/>
      <c r="DH2408" s="6" t="s">
        <v>333</v>
      </c>
      <c r="DI2408" s="6"/>
      <c r="DJ2408" s="6"/>
      <c r="DK2408" s="6"/>
      <c r="DL2408" s="6">
        <v>10</v>
      </c>
      <c r="DM2408" s="6" t="s">
        <v>383</v>
      </c>
      <c r="DN2408" s="6">
        <v>9</v>
      </c>
      <c r="DO2408" s="6" t="s">
        <v>384</v>
      </c>
      <c r="DP2408" s="6"/>
      <c r="DQ2408" s="6"/>
    </row>
    <row r="2409" spans="1:121" x14ac:dyDescent="0.2">
      <c r="A2409" s="6" t="s">
        <v>311</v>
      </c>
      <c r="B2409" s="6" t="s">
        <v>311</v>
      </c>
      <c r="C2409" s="6" t="s">
        <v>174</v>
      </c>
      <c r="D2409" s="6" t="s">
        <v>113</v>
      </c>
      <c r="E2409" s="6" t="s">
        <v>254</v>
      </c>
      <c r="F2409" s="11">
        <v>0</v>
      </c>
      <c r="G2409" s="13">
        <v>0</v>
      </c>
      <c r="H2409" s="11">
        <v>0</v>
      </c>
      <c r="I2409" s="13"/>
      <c r="J2409" s="11">
        <v>0</v>
      </c>
      <c r="K2409" s="13"/>
      <c r="L2409" s="11">
        <v>0</v>
      </c>
      <c r="M2409" s="13"/>
      <c r="N2409" s="11">
        <v>0</v>
      </c>
      <c r="O2409" s="13"/>
      <c r="P2409" s="7">
        <v>0</v>
      </c>
      <c r="Q2409" s="7">
        <v>0</v>
      </c>
      <c r="R2409" s="7">
        <v>0</v>
      </c>
      <c r="S2409" s="7">
        <v>0</v>
      </c>
      <c r="T2409" s="7">
        <v>0</v>
      </c>
      <c r="U2409" s="7">
        <v>0</v>
      </c>
      <c r="V2409" s="7">
        <v>0</v>
      </c>
      <c r="W2409" s="7">
        <v>0</v>
      </c>
      <c r="X2409" s="7">
        <v>0</v>
      </c>
      <c r="Y2409" s="7">
        <v>0</v>
      </c>
      <c r="Z2409" s="7">
        <v>0</v>
      </c>
      <c r="AA2409" s="7">
        <v>0</v>
      </c>
      <c r="AB2409" s="7">
        <v>0</v>
      </c>
      <c r="AC2409" s="7">
        <v>0</v>
      </c>
      <c r="AD2409" s="7">
        <v>0</v>
      </c>
      <c r="AE2409" s="7">
        <v>0</v>
      </c>
      <c r="AF2409" s="7">
        <v>0</v>
      </c>
      <c r="AG2409" s="9">
        <v>0</v>
      </c>
      <c r="AH2409" s="13"/>
      <c r="AI2409" s="9">
        <v>0</v>
      </c>
      <c r="AJ2409" s="13"/>
      <c r="AK2409" s="9">
        <v>0</v>
      </c>
      <c r="AL2409" s="13"/>
      <c r="AM2409" s="9">
        <v>0</v>
      </c>
      <c r="AN2409" s="13"/>
      <c r="AO2409" s="9">
        <v>0</v>
      </c>
      <c r="AP2409" s="13"/>
      <c r="AQ2409" s="9">
        <v>0</v>
      </c>
      <c r="AR2409" s="9">
        <v>0</v>
      </c>
      <c r="AS2409" s="9">
        <v>0</v>
      </c>
      <c r="AT2409" s="9">
        <v>0</v>
      </c>
      <c r="AU2409" s="9">
        <v>0</v>
      </c>
      <c r="AV2409" s="9">
        <v>0</v>
      </c>
      <c r="AW2409" s="9">
        <v>0</v>
      </c>
      <c r="AX2409" s="9">
        <v>0</v>
      </c>
      <c r="AY2409" s="9">
        <v>0</v>
      </c>
      <c r="AZ2409" s="9">
        <v>0</v>
      </c>
      <c r="BA2409" s="9">
        <v>0</v>
      </c>
      <c r="BB2409" s="9">
        <v>0</v>
      </c>
      <c r="BC2409" s="9">
        <v>0</v>
      </c>
      <c r="BD2409" s="9">
        <v>0</v>
      </c>
      <c r="BE2409" s="9">
        <v>0</v>
      </c>
      <c r="BF2409" s="9">
        <v>0</v>
      </c>
      <c r="BG2409" s="11">
        <v>0</v>
      </c>
      <c r="BH2409" s="13" t="e">
        <v>#DIV/0!</v>
      </c>
      <c r="BI2409" s="6">
        <v>0</v>
      </c>
      <c r="BJ2409" s="13" t="e">
        <v>#DIV/0!</v>
      </c>
      <c r="BK2409" s="6">
        <v>0</v>
      </c>
      <c r="BL2409" s="13" t="e">
        <v>#DIV/0!</v>
      </c>
      <c r="BM2409" s="11">
        <v>0</v>
      </c>
      <c r="BN2409" s="13" t="e">
        <v>#DIV/0!</v>
      </c>
      <c r="BO2409" s="11">
        <v>0</v>
      </c>
      <c r="BP2409" s="13" t="e">
        <v>#DIV/0!</v>
      </c>
      <c r="BQ2409" s="6">
        <v>0</v>
      </c>
      <c r="BR2409" s="6">
        <v>0</v>
      </c>
      <c r="BS2409" s="6">
        <v>0</v>
      </c>
      <c r="BT2409" s="6">
        <v>0</v>
      </c>
      <c r="BU2409" s="6">
        <v>0</v>
      </c>
      <c r="BV2409" s="6">
        <v>0</v>
      </c>
      <c r="BW2409" s="6">
        <v>0</v>
      </c>
      <c r="BX2409" s="6">
        <v>0</v>
      </c>
      <c r="BY2409" s="6">
        <v>0</v>
      </c>
      <c r="BZ2409" s="6">
        <v>0</v>
      </c>
      <c r="CA2409" s="6">
        <v>0</v>
      </c>
      <c r="CB2409" s="6">
        <v>0</v>
      </c>
      <c r="CC2409" s="11">
        <v>0</v>
      </c>
      <c r="CD2409" s="11">
        <v>0</v>
      </c>
      <c r="CE2409" s="11">
        <v>0</v>
      </c>
      <c r="CF2409" s="11">
        <v>0</v>
      </c>
      <c r="CG2409" s="11">
        <v>0</v>
      </c>
      <c r="CH2409" s="20">
        <v>0</v>
      </c>
      <c r="CI2409" s="20">
        <v>0</v>
      </c>
      <c r="CJ2409" s="20">
        <v>0</v>
      </c>
      <c r="CK2409" s="20">
        <v>0</v>
      </c>
      <c r="CL2409" s="20">
        <v>0</v>
      </c>
      <c r="CM2409" s="20">
        <v>0</v>
      </c>
      <c r="CN2409" s="20">
        <v>0</v>
      </c>
      <c r="CO2409" s="20">
        <v>0</v>
      </c>
      <c r="CP2409" s="20">
        <v>0</v>
      </c>
      <c r="CQ2409" s="20">
        <v>3.32213E-3</v>
      </c>
      <c r="CR2409" s="20">
        <v>0</v>
      </c>
      <c r="CS2409" s="20">
        <v>0</v>
      </c>
      <c r="CT2409" s="20">
        <v>0</v>
      </c>
      <c r="CU2409" s="20">
        <v>0</v>
      </c>
      <c r="CV2409" s="20">
        <v>0</v>
      </c>
      <c r="CW2409" s="20">
        <v>0</v>
      </c>
      <c r="CX2409" s="20">
        <v>0</v>
      </c>
      <c r="CY2409" s="6" t="s">
        <v>737</v>
      </c>
      <c r="CZ2409" s="6" t="s">
        <v>738</v>
      </c>
      <c r="DA2409" s="6" t="s">
        <v>113</v>
      </c>
      <c r="DB2409" s="6"/>
      <c r="DC2409" s="6"/>
      <c r="DD2409" s="6"/>
      <c r="DE2409" s="6"/>
      <c r="DF2409" s="6"/>
      <c r="DG2409" s="6"/>
      <c r="DH2409" s="6" t="s">
        <v>333</v>
      </c>
      <c r="DI2409" s="6"/>
      <c r="DJ2409" s="6"/>
      <c r="DK2409" s="6"/>
      <c r="DL2409" s="6">
        <v>10</v>
      </c>
      <c r="DM2409" s="6" t="s">
        <v>383</v>
      </c>
      <c r="DN2409" s="6">
        <v>9</v>
      </c>
      <c r="DO2409" s="6" t="s">
        <v>384</v>
      </c>
      <c r="DP2409" s="6"/>
      <c r="DQ2409" s="6"/>
    </row>
    <row r="2410" spans="1:121" x14ac:dyDescent="0.2">
      <c r="A2410" s="6" t="s">
        <v>312</v>
      </c>
      <c r="B2410" s="6" t="s">
        <v>312</v>
      </c>
      <c r="C2410" s="6" t="s">
        <v>175</v>
      </c>
      <c r="D2410" s="6" t="s">
        <v>113</v>
      </c>
      <c r="E2410" s="6" t="s">
        <v>254</v>
      </c>
      <c r="F2410" s="11">
        <v>-18</v>
      </c>
      <c r="G2410" s="13">
        <v>-0.38297872340400002</v>
      </c>
      <c r="H2410" s="11">
        <v>20.483881643599993</v>
      </c>
      <c r="I2410" s="13">
        <v>0.44024743166756009</v>
      </c>
      <c r="J2410" s="11">
        <v>-15.005289798999996</v>
      </c>
      <c r="K2410" s="13">
        <v>-0.2239194667539002</v>
      </c>
      <c r="L2410" s="11">
        <v>-23.389481015699999</v>
      </c>
      <c r="M2410" s="13">
        <v>-0.44973973459041289</v>
      </c>
      <c r="N2410" s="11">
        <v>-38.394770814699996</v>
      </c>
      <c r="O2410" s="13">
        <v>-0.57295371979678722</v>
      </c>
      <c r="P2410" s="7">
        <v>46.528111625800001</v>
      </c>
      <c r="Q2410" s="7">
        <v>44.074247257099998</v>
      </c>
      <c r="R2410" s="7">
        <v>46.650652349600001</v>
      </c>
      <c r="S2410" s="7">
        <v>45.1600493388</v>
      </c>
      <c r="T2410" s="7">
        <v>51.105577999799998</v>
      </c>
      <c r="U2410" s="7">
        <v>54.501274361699998</v>
      </c>
      <c r="V2410" s="7">
        <v>67.011993269399994</v>
      </c>
      <c r="W2410" s="7">
        <v>65.745236376700007</v>
      </c>
      <c r="X2410" s="7">
        <v>51.215971283499997</v>
      </c>
      <c r="Y2410" s="7">
        <v>52.006703470399998</v>
      </c>
      <c r="Z2410" s="7">
        <v>54.674204169200003</v>
      </c>
      <c r="AA2410" s="7">
        <v>48.3673666619</v>
      </c>
      <c r="AB2410" s="7">
        <v>62.716890573299999</v>
      </c>
      <c r="AC2410" s="7">
        <v>32.359432070799997</v>
      </c>
      <c r="AD2410" s="7">
        <v>32.014509950499999</v>
      </c>
      <c r="AE2410" s="7">
        <v>29.929778474799999</v>
      </c>
      <c r="AF2410" s="7">
        <v>28.617222454699998</v>
      </c>
      <c r="AG2410" s="9">
        <v>1107.2249467000001</v>
      </c>
      <c r="AH2410" s="13">
        <v>5.0547854631898696E-2</v>
      </c>
      <c r="AI2410" s="9">
        <v>2971.1034806000025</v>
      </c>
      <c r="AJ2410" s="13">
        <v>0.13563902012983534</v>
      </c>
      <c r="AK2410" s="9">
        <v>-2545.1614257000001</v>
      </c>
      <c r="AL2410" s="13">
        <v>-0.10231560857477329</v>
      </c>
      <c r="AM2410" s="9">
        <v>681.28289179999774</v>
      </c>
      <c r="AN2410" s="13">
        <v>3.0509168295278132E-2</v>
      </c>
      <c r="AO2410" s="9">
        <v>-1863.8785339000024</v>
      </c>
      <c r="AP2410" s="13">
        <v>-7.4928004400736714E-2</v>
      </c>
      <c r="AQ2410" s="9">
        <v>21904.489414299998</v>
      </c>
      <c r="AR2410" s="9">
        <v>22312.823524200001</v>
      </c>
      <c r="AS2410" s="9">
        <v>23046.422472300001</v>
      </c>
      <c r="AT2410" s="9">
        <v>23358.910157599999</v>
      </c>
      <c r="AU2410" s="9">
        <v>26206.499544400001</v>
      </c>
      <c r="AV2410" s="9">
        <v>26511.818026500001</v>
      </c>
      <c r="AW2410" s="9">
        <v>24875.592894900001</v>
      </c>
      <c r="AX2410" s="9">
        <v>24377.8373483</v>
      </c>
      <c r="AY2410" s="9">
        <v>29068.741503199999</v>
      </c>
      <c r="AZ2410" s="9">
        <v>22330.431469200001</v>
      </c>
      <c r="BA2410" s="9">
        <v>24093.174640599998</v>
      </c>
      <c r="BB2410" s="9">
        <v>25320.423342499998</v>
      </c>
      <c r="BC2410" s="9">
        <v>22462.4205072</v>
      </c>
      <c r="BD2410" s="9">
        <v>21497.137681799999</v>
      </c>
      <c r="BE2410" s="9">
        <v>22496.804543099999</v>
      </c>
      <c r="BF2410" s="9">
        <v>23011.714360999998</v>
      </c>
      <c r="BG2410" s="11">
        <v>-2.5</v>
      </c>
      <c r="BH2410" s="13">
        <v>-0.41666666666666669</v>
      </c>
      <c r="BI2410" s="6">
        <v>1</v>
      </c>
      <c r="BJ2410" s="13">
        <v>0.16666666666666666</v>
      </c>
      <c r="BK2410" s="6">
        <v>-2</v>
      </c>
      <c r="BL2410" s="13">
        <v>-0.2857142857142857</v>
      </c>
      <c r="BM2410" s="11">
        <v>-1.5</v>
      </c>
      <c r="BN2410" s="13">
        <v>-0.3</v>
      </c>
      <c r="BO2410" s="11">
        <v>-3.5</v>
      </c>
      <c r="BP2410" s="13">
        <v>-0.5</v>
      </c>
      <c r="BQ2410" s="6">
        <v>6</v>
      </c>
      <c r="BR2410" s="6">
        <v>6</v>
      </c>
      <c r="BS2410" s="6">
        <v>6</v>
      </c>
      <c r="BT2410" s="6">
        <v>7</v>
      </c>
      <c r="BU2410" s="6">
        <v>7</v>
      </c>
      <c r="BV2410" s="6">
        <v>5</v>
      </c>
      <c r="BW2410" s="6">
        <v>5</v>
      </c>
      <c r="BX2410" s="6">
        <v>3</v>
      </c>
      <c r="BY2410" s="6">
        <v>5</v>
      </c>
      <c r="BZ2410" s="6">
        <v>5</v>
      </c>
      <c r="CA2410" s="6">
        <v>4</v>
      </c>
      <c r="CB2410" s="6">
        <v>4</v>
      </c>
      <c r="CC2410" s="11">
        <v>3.5</v>
      </c>
      <c r="CD2410" s="11">
        <v>-17.3612</v>
      </c>
      <c r="CE2410" s="11">
        <v>-5.6357400000000002</v>
      </c>
      <c r="CF2410" s="11">
        <v>5.0860799999999999</v>
      </c>
      <c r="CG2410" s="11">
        <v>-1</v>
      </c>
      <c r="CH2410" s="20">
        <v>1.2711399999999999</v>
      </c>
      <c r="CI2410" s="20">
        <v>1.2508300000000001</v>
      </c>
      <c r="CJ2410" s="20">
        <v>1.2532799999999999</v>
      </c>
      <c r="CK2410" s="20">
        <v>1.2102200000000001</v>
      </c>
      <c r="CL2410" s="20">
        <v>1.34233</v>
      </c>
      <c r="CM2410" s="20">
        <v>1.3439099999999999</v>
      </c>
      <c r="CN2410" s="20">
        <v>1.6988099999999999</v>
      </c>
      <c r="CO2410" s="20">
        <v>1.8176699999999999</v>
      </c>
      <c r="CP2410" s="20">
        <v>1.60111</v>
      </c>
      <c r="CQ2410" s="20">
        <v>1.7533700000000001</v>
      </c>
      <c r="CR2410" s="20">
        <v>1.9400200000000001</v>
      </c>
      <c r="CS2410" s="20">
        <v>1.72661</v>
      </c>
      <c r="CT2410" s="20">
        <v>2.0600200000000002</v>
      </c>
      <c r="CU2410" s="20">
        <v>1.10572</v>
      </c>
      <c r="CV2410" s="20">
        <v>1.2153099999999999</v>
      </c>
      <c r="CW2410" s="20">
        <v>1.13306</v>
      </c>
      <c r="CX2410" s="20">
        <v>1.08707</v>
      </c>
      <c r="CY2410" s="6" t="s">
        <v>737</v>
      </c>
      <c r="CZ2410" s="6" t="s">
        <v>738</v>
      </c>
      <c r="DA2410" s="6" t="s">
        <v>113</v>
      </c>
      <c r="DB2410" s="6"/>
      <c r="DC2410" s="6"/>
      <c r="DD2410" s="6"/>
      <c r="DE2410" s="6"/>
      <c r="DF2410" s="6"/>
      <c r="DG2410" s="6"/>
      <c r="DH2410" s="6" t="s">
        <v>333</v>
      </c>
      <c r="DI2410" s="6"/>
      <c r="DJ2410" s="6"/>
      <c r="DK2410" s="6"/>
      <c r="DL2410" s="6">
        <v>10</v>
      </c>
      <c r="DM2410" s="6" t="s">
        <v>383</v>
      </c>
      <c r="DN2410" s="6">
        <v>9</v>
      </c>
      <c r="DO2410" s="6" t="s">
        <v>384</v>
      </c>
      <c r="DP2410" s="6"/>
      <c r="DQ2410" s="6"/>
    </row>
    <row r="2411" spans="1:121" x14ac:dyDescent="0.2">
      <c r="A2411" s="6" t="s">
        <v>792</v>
      </c>
      <c r="B2411" s="6" t="s">
        <v>176</v>
      </c>
      <c r="C2411" s="6" t="s">
        <v>177</v>
      </c>
      <c r="D2411" s="6" t="s">
        <v>113</v>
      </c>
      <c r="E2411" s="6" t="s">
        <v>254</v>
      </c>
      <c r="F2411" s="11">
        <v>20</v>
      </c>
      <c r="G2411" s="13">
        <v>0.95238095238099996</v>
      </c>
      <c r="H2411" s="11">
        <v>-16.4447440866</v>
      </c>
      <c r="I2411" s="13">
        <v>-0.76684263613458981</v>
      </c>
      <c r="J2411" s="11">
        <v>0</v>
      </c>
      <c r="K2411" s="13">
        <v>0</v>
      </c>
      <c r="L2411" s="11">
        <v>35.699381406500002</v>
      </c>
      <c r="M2411" s="13">
        <v>7.1398762813000003</v>
      </c>
      <c r="N2411" s="11">
        <v>35.699381406500002</v>
      </c>
      <c r="O2411" s="13">
        <v>7.1398762813000003</v>
      </c>
      <c r="P2411" s="7">
        <v>21.4447440866</v>
      </c>
      <c r="Q2411" s="7">
        <v>5</v>
      </c>
      <c r="R2411" s="7">
        <v>5</v>
      </c>
      <c r="S2411" s="7">
        <v>5</v>
      </c>
      <c r="T2411" s="7">
        <v>5</v>
      </c>
      <c r="U2411" s="7">
        <v>5</v>
      </c>
      <c r="V2411" s="7">
        <v>5</v>
      </c>
      <c r="W2411" s="7">
        <v>5</v>
      </c>
      <c r="X2411" s="7">
        <v>5</v>
      </c>
      <c r="Y2411" s="7">
        <v>5</v>
      </c>
      <c r="Z2411" s="7">
        <v>5</v>
      </c>
      <c r="AA2411" s="7">
        <v>11.044924999999999</v>
      </c>
      <c r="AB2411" s="7">
        <v>53.9942079984</v>
      </c>
      <c r="AC2411" s="7">
        <v>70.203558574400006</v>
      </c>
      <c r="AD2411" s="7">
        <v>33.122325509699998</v>
      </c>
      <c r="AE2411" s="7">
        <v>36.150743317100002</v>
      </c>
      <c r="AF2411" s="7">
        <v>40.699381406500002</v>
      </c>
      <c r="AG2411" s="9">
        <v>20726.429295599999</v>
      </c>
      <c r="AH2411" s="13">
        <v>1.1357539971504975</v>
      </c>
      <c r="AI2411" s="9">
        <v>-18248.0480752</v>
      </c>
      <c r="AJ2411" s="13">
        <v>-0.99994520262120645</v>
      </c>
      <c r="AK2411" s="9">
        <v>0</v>
      </c>
      <c r="AL2411" s="13">
        <v>0</v>
      </c>
      <c r="AM2411" s="9">
        <v>38974.477370799999</v>
      </c>
      <c r="AN2411" s="13">
        <v>38974.477370799999</v>
      </c>
      <c r="AO2411" s="9">
        <v>38974.477370799999</v>
      </c>
      <c r="AP2411" s="13">
        <v>38974.477370799999</v>
      </c>
      <c r="AQ2411" s="9">
        <v>18249.0480752</v>
      </c>
      <c r="AR2411" s="9">
        <v>1</v>
      </c>
      <c r="AS2411" s="9">
        <v>1</v>
      </c>
      <c r="AT2411" s="9">
        <v>1</v>
      </c>
      <c r="AU2411" s="9">
        <v>1</v>
      </c>
      <c r="AV2411" s="9">
        <v>1</v>
      </c>
      <c r="AW2411" s="9">
        <v>1</v>
      </c>
      <c r="AX2411" s="9">
        <v>1</v>
      </c>
      <c r="AY2411" s="9">
        <v>1</v>
      </c>
      <c r="AZ2411" s="9">
        <v>1</v>
      </c>
      <c r="BA2411" s="9">
        <v>1</v>
      </c>
      <c r="BB2411" s="9">
        <v>22540.072807199998</v>
      </c>
      <c r="BC2411" s="9">
        <v>35720.873684300001</v>
      </c>
      <c r="BD2411" s="9">
        <v>31626.703868000001</v>
      </c>
      <c r="BE2411" s="9">
        <v>37184.455924399997</v>
      </c>
      <c r="BF2411" s="9">
        <v>38975.477370799999</v>
      </c>
      <c r="BG2411" s="11">
        <v>0</v>
      </c>
      <c r="BH2411" s="13">
        <v>0</v>
      </c>
      <c r="BI2411" s="6">
        <v>-1</v>
      </c>
      <c r="BJ2411" s="13">
        <v>-0.5</v>
      </c>
      <c r="BK2411" s="6">
        <v>1</v>
      </c>
      <c r="BL2411" s="13">
        <v>1</v>
      </c>
      <c r="BM2411" s="11">
        <v>0</v>
      </c>
      <c r="BN2411" s="13">
        <v>0</v>
      </c>
      <c r="BO2411" s="11">
        <v>1</v>
      </c>
      <c r="BP2411" s="13">
        <v>1</v>
      </c>
      <c r="BQ2411" s="6">
        <v>2</v>
      </c>
      <c r="BR2411" s="6">
        <v>2</v>
      </c>
      <c r="BS2411" s="6">
        <v>1</v>
      </c>
      <c r="BT2411" s="6">
        <v>1</v>
      </c>
      <c r="BU2411" s="6">
        <v>1</v>
      </c>
      <c r="BV2411" s="6">
        <v>1</v>
      </c>
      <c r="BW2411" s="6">
        <v>2</v>
      </c>
      <c r="BX2411" s="6">
        <v>2</v>
      </c>
      <c r="BY2411" s="6">
        <v>2</v>
      </c>
      <c r="BZ2411" s="6">
        <v>2</v>
      </c>
      <c r="CA2411" s="6">
        <v>2</v>
      </c>
      <c r="CB2411" s="6">
        <v>2</v>
      </c>
      <c r="CC2411" s="11">
        <v>2</v>
      </c>
      <c r="CD2411" s="11">
        <v>24.48</v>
      </c>
      <c r="CE2411" s="11">
        <v>-7.5695199999999998</v>
      </c>
      <c r="CF2411" s="11">
        <v>2.3441700000000001</v>
      </c>
      <c r="CG2411" s="11">
        <v>-6</v>
      </c>
      <c r="CH2411" s="20">
        <v>0.30602299999999999</v>
      </c>
      <c r="CI2411" s="20">
        <v>1.1855299999999999E-2</v>
      </c>
      <c r="CJ2411" s="20">
        <v>3.7163099999999998E-2</v>
      </c>
      <c r="CK2411" s="20">
        <v>0.105591</v>
      </c>
      <c r="CL2411" s="20">
        <v>7.3458300000000004E-2</v>
      </c>
      <c r="CM2411" s="20">
        <v>6.0072399999999998E-2</v>
      </c>
      <c r="CN2411" s="20">
        <v>0.108888</v>
      </c>
      <c r="CO2411" s="20">
        <v>2.6888499999999999E-2</v>
      </c>
      <c r="CP2411" s="20">
        <v>4.7742300000000001E-2</v>
      </c>
      <c r="CQ2411" s="20">
        <v>4.9398900000000003E-2</v>
      </c>
      <c r="CR2411" s="20">
        <v>0.13745399999999999</v>
      </c>
      <c r="CS2411" s="20">
        <v>0.24458299999999999</v>
      </c>
      <c r="CT2411" s="20">
        <v>1.11748</v>
      </c>
      <c r="CU2411" s="20">
        <v>1.5485599999999999</v>
      </c>
      <c r="CV2411" s="20">
        <v>0.83441900000000002</v>
      </c>
      <c r="CW2411" s="20">
        <v>0.92803199999999997</v>
      </c>
      <c r="CX2411" s="20">
        <v>1.05511</v>
      </c>
      <c r="CY2411" s="6" t="s">
        <v>737</v>
      </c>
      <c r="CZ2411" s="6" t="s">
        <v>738</v>
      </c>
      <c r="DA2411" s="6" t="s">
        <v>113</v>
      </c>
      <c r="DB2411" s="6"/>
      <c r="DC2411" s="6"/>
      <c r="DD2411" s="6"/>
      <c r="DE2411" s="6"/>
      <c r="DF2411" s="6"/>
      <c r="DG2411" s="6"/>
      <c r="DH2411" s="6" t="s">
        <v>333</v>
      </c>
      <c r="DI2411" s="6"/>
      <c r="DJ2411" s="6"/>
      <c r="DK2411" s="6"/>
      <c r="DL2411" s="6">
        <v>10</v>
      </c>
      <c r="DM2411" s="6" t="s">
        <v>383</v>
      </c>
      <c r="DN2411" s="6">
        <v>9</v>
      </c>
      <c r="DO2411" s="6" t="s">
        <v>384</v>
      </c>
      <c r="DP2411" s="6"/>
      <c r="DQ2411" s="6"/>
    </row>
    <row r="2412" spans="1:121" x14ac:dyDescent="0.2">
      <c r="A2412" s="6" t="s">
        <v>313</v>
      </c>
      <c r="B2412" s="6" t="s">
        <v>313</v>
      </c>
      <c r="C2412" s="6" t="s">
        <v>178</v>
      </c>
      <c r="D2412" s="6" t="s">
        <v>113</v>
      </c>
      <c r="E2412" s="6" t="s">
        <v>254</v>
      </c>
      <c r="F2412" s="11">
        <v>3</v>
      </c>
      <c r="G2412" s="13">
        <v>0.27272727272699998</v>
      </c>
      <c r="H2412" s="11">
        <v>0.11685838460000042</v>
      </c>
      <c r="I2412" s="13">
        <v>1.0667123265385051E-2</v>
      </c>
      <c r="J2412" s="11">
        <v>-6.0718629995000004</v>
      </c>
      <c r="K2412" s="13">
        <v>-0.54840481676608555</v>
      </c>
      <c r="L2412" s="11">
        <v>8.5406597241999993</v>
      </c>
      <c r="M2412" s="13">
        <v>1.7081319448400001</v>
      </c>
      <c r="N2412" s="11">
        <v>2.4687967246999989</v>
      </c>
      <c r="O2412" s="13">
        <v>0.22297934185163676</v>
      </c>
      <c r="P2412" s="7">
        <v>10.9550046149</v>
      </c>
      <c r="Q2412" s="7">
        <v>5</v>
      </c>
      <c r="R2412" s="7">
        <v>14.2737071242</v>
      </c>
      <c r="S2412" s="7">
        <v>18.824529999999999</v>
      </c>
      <c r="T2412" s="7">
        <v>16.902818173099998</v>
      </c>
      <c r="U2412" s="7">
        <v>16.2732055864</v>
      </c>
      <c r="V2412" s="7">
        <v>11.0718629995</v>
      </c>
      <c r="W2412" s="7">
        <v>12.062488285400001</v>
      </c>
      <c r="X2412" s="7">
        <v>10.8918821628</v>
      </c>
      <c r="Y2412" s="7">
        <v>5</v>
      </c>
      <c r="Z2412" s="7">
        <v>5</v>
      </c>
      <c r="AA2412" s="7">
        <v>10.1398559134</v>
      </c>
      <c r="AB2412" s="7">
        <v>11.511354000000001</v>
      </c>
      <c r="AC2412" s="7">
        <v>13.647259999999999</v>
      </c>
      <c r="AD2412" s="7">
        <v>13.356534</v>
      </c>
      <c r="AE2412" s="7">
        <v>12.80365525</v>
      </c>
      <c r="AF2412" s="7">
        <v>13.540659724199999</v>
      </c>
      <c r="AG2412" s="9">
        <v>4296.5053942999984</v>
      </c>
      <c r="AH2412" s="13">
        <v>0.19546997749516759</v>
      </c>
      <c r="AI2412" s="9">
        <v>10062.0724768</v>
      </c>
      <c r="AJ2412" s="13">
        <v>0.45777507534475798</v>
      </c>
      <c r="AK2412" s="9">
        <v>-32041.4576457</v>
      </c>
      <c r="AL2412" s="13">
        <v>-0.99996879140760497</v>
      </c>
      <c r="AM2412" s="9">
        <v>26275.890563199999</v>
      </c>
      <c r="AN2412" s="13">
        <v>26275.890563199999</v>
      </c>
      <c r="AO2412" s="9">
        <v>-5765.5670825000016</v>
      </c>
      <c r="AP2412" s="13">
        <v>-0.17993523300400532</v>
      </c>
      <c r="AQ2412" s="9">
        <v>21980.3851689</v>
      </c>
      <c r="AR2412" s="9">
        <v>1</v>
      </c>
      <c r="AS2412" s="9">
        <v>22785.946331899999</v>
      </c>
      <c r="AT2412" s="9">
        <v>20362.634196499999</v>
      </c>
      <c r="AU2412" s="9">
        <v>25750.4546601</v>
      </c>
      <c r="AV2412" s="9">
        <v>26941.143503399999</v>
      </c>
      <c r="AW2412" s="9">
        <v>32042.4576457</v>
      </c>
      <c r="AX2412" s="9">
        <v>35138.0840474</v>
      </c>
      <c r="AY2412" s="9">
        <v>33053.1451313</v>
      </c>
      <c r="AZ2412" s="9">
        <v>1</v>
      </c>
      <c r="BA2412" s="9">
        <v>1</v>
      </c>
      <c r="BB2412" s="9">
        <v>34397.959218299999</v>
      </c>
      <c r="BC2412" s="9">
        <v>39702.786869199997</v>
      </c>
      <c r="BD2412" s="9">
        <v>23919.3854546</v>
      </c>
      <c r="BE2412" s="9">
        <v>24201.180608300001</v>
      </c>
      <c r="BF2412" s="9">
        <v>26276.890563199999</v>
      </c>
      <c r="BG2412" s="11">
        <v>-2</v>
      </c>
      <c r="BH2412" s="13">
        <v>-0.33333333333333331</v>
      </c>
      <c r="BI2412" s="6">
        <v>-2</v>
      </c>
      <c r="BJ2412" s="13">
        <v>-0.33333333333333331</v>
      </c>
      <c r="BK2412" s="6">
        <v>0</v>
      </c>
      <c r="BL2412" s="13">
        <v>0</v>
      </c>
      <c r="BM2412" s="11">
        <v>0</v>
      </c>
      <c r="BN2412" s="13">
        <v>0</v>
      </c>
      <c r="BO2412" s="11">
        <v>0</v>
      </c>
      <c r="BP2412" s="13">
        <v>0</v>
      </c>
      <c r="BQ2412" s="6">
        <v>6</v>
      </c>
      <c r="BR2412" s="6">
        <v>6</v>
      </c>
      <c r="BS2412" s="6">
        <v>5</v>
      </c>
      <c r="BT2412" s="6">
        <v>4</v>
      </c>
      <c r="BU2412" s="6">
        <v>4</v>
      </c>
      <c r="BV2412" s="6">
        <v>4</v>
      </c>
      <c r="BW2412" s="6">
        <v>4</v>
      </c>
      <c r="BX2412" s="6">
        <v>4</v>
      </c>
      <c r="BY2412" s="6">
        <v>4</v>
      </c>
      <c r="BZ2412" s="6">
        <v>5</v>
      </c>
      <c r="CA2412" s="6">
        <v>4</v>
      </c>
      <c r="CB2412" s="6">
        <v>4</v>
      </c>
      <c r="CC2412" s="11">
        <v>4</v>
      </c>
      <c r="CD2412" s="11">
        <v>2.2839</v>
      </c>
      <c r="CE2412" s="11">
        <v>-0.895764</v>
      </c>
      <c r="CF2412" s="11">
        <v>1.1975100000000001</v>
      </c>
      <c r="CG2412" s="11">
        <v>0</v>
      </c>
      <c r="CH2412" s="20">
        <v>0.43903500000000001</v>
      </c>
      <c r="CI2412" s="20">
        <v>0.36410700000000001</v>
      </c>
      <c r="CJ2412" s="20">
        <v>0.583395</v>
      </c>
      <c r="CK2412" s="20">
        <v>0.793651</v>
      </c>
      <c r="CL2412" s="20">
        <v>0.71805799999999997</v>
      </c>
      <c r="CM2412" s="20">
        <v>0.66186199999999995</v>
      </c>
      <c r="CN2412" s="20">
        <v>0.45211499999999999</v>
      </c>
      <c r="CO2412" s="20">
        <v>0.51211099999999998</v>
      </c>
      <c r="CP2412" s="20">
        <v>0.48696899999999999</v>
      </c>
      <c r="CQ2412" s="20">
        <v>0.43634800000000001</v>
      </c>
      <c r="CR2412" s="20">
        <v>0.39768700000000001</v>
      </c>
      <c r="CS2412" s="20">
        <v>0.468526</v>
      </c>
      <c r="CT2412" s="20">
        <v>0.49430000000000002</v>
      </c>
      <c r="CU2412" s="20">
        <v>0.62535499999999999</v>
      </c>
      <c r="CV2412" s="20">
        <v>0.69944300000000004</v>
      </c>
      <c r="CW2412" s="20">
        <v>0.68500700000000003</v>
      </c>
      <c r="CX2412" s="20">
        <v>0.725634</v>
      </c>
      <c r="CY2412" s="6" t="s">
        <v>737</v>
      </c>
      <c r="CZ2412" s="6" t="s">
        <v>738</v>
      </c>
      <c r="DA2412" s="6" t="s">
        <v>113</v>
      </c>
      <c r="DB2412" s="6"/>
      <c r="DC2412" s="6"/>
      <c r="DD2412" s="6"/>
      <c r="DE2412" s="6"/>
      <c r="DF2412" s="6"/>
      <c r="DG2412" s="6"/>
      <c r="DH2412" s="6" t="s">
        <v>333</v>
      </c>
      <c r="DI2412" s="6"/>
      <c r="DJ2412" s="6"/>
      <c r="DK2412" s="6"/>
      <c r="DL2412" s="6">
        <v>10</v>
      </c>
      <c r="DM2412" s="6" t="s">
        <v>383</v>
      </c>
      <c r="DN2412" s="6">
        <v>9</v>
      </c>
      <c r="DO2412" s="6" t="s">
        <v>384</v>
      </c>
      <c r="DP2412" s="6"/>
      <c r="DQ2412" s="6"/>
    </row>
    <row r="2413" spans="1:121" x14ac:dyDescent="0.2">
      <c r="A2413" s="6" t="s">
        <v>793</v>
      </c>
      <c r="B2413" s="6" t="s">
        <v>179</v>
      </c>
      <c r="C2413" s="6" t="s">
        <v>180</v>
      </c>
      <c r="D2413" s="6" t="s">
        <v>113</v>
      </c>
      <c r="E2413" s="6" t="s">
        <v>254</v>
      </c>
      <c r="F2413" s="11">
        <v>-12</v>
      </c>
      <c r="G2413" s="13">
        <v>-0.15</v>
      </c>
      <c r="H2413" s="11">
        <v>-21</v>
      </c>
      <c r="I2413" s="13">
        <v>-0.26582278481012656</v>
      </c>
      <c r="J2413" s="11">
        <v>-10</v>
      </c>
      <c r="K2413" s="13">
        <v>-0.17241379310344829</v>
      </c>
      <c r="L2413" s="11">
        <v>19</v>
      </c>
      <c r="M2413" s="13">
        <v>0.39583333333333326</v>
      </c>
      <c r="N2413" s="11">
        <v>9</v>
      </c>
      <c r="O2413" s="13">
        <v>0.15517241379310345</v>
      </c>
      <c r="P2413" s="7">
        <v>79</v>
      </c>
      <c r="Q2413" s="7">
        <v>76</v>
      </c>
      <c r="R2413" s="7">
        <v>79</v>
      </c>
      <c r="S2413" s="7">
        <v>65</v>
      </c>
      <c r="T2413" s="7">
        <v>60</v>
      </c>
      <c r="U2413" s="7">
        <v>55</v>
      </c>
      <c r="V2413" s="7">
        <v>58</v>
      </c>
      <c r="W2413" s="7">
        <v>52</v>
      </c>
      <c r="X2413" s="7">
        <v>50</v>
      </c>
      <c r="Y2413" s="7">
        <v>48</v>
      </c>
      <c r="Z2413" s="7">
        <v>64</v>
      </c>
      <c r="AA2413" s="7">
        <v>75</v>
      </c>
      <c r="AB2413" s="7">
        <v>68</v>
      </c>
      <c r="AC2413" s="7">
        <v>61</v>
      </c>
      <c r="AD2413" s="7">
        <v>65</v>
      </c>
      <c r="AE2413" s="7">
        <v>66</v>
      </c>
      <c r="AF2413" s="7">
        <v>67</v>
      </c>
      <c r="AG2413" s="9">
        <v>3159</v>
      </c>
      <c r="AH2413" s="13">
        <v>0.14613498635333302</v>
      </c>
      <c r="AI2413" s="9">
        <v>6822</v>
      </c>
      <c r="AJ2413" s="13">
        <v>0.3155849562844058</v>
      </c>
      <c r="AK2413" s="9">
        <v>-4570</v>
      </c>
      <c r="AL2413" s="13">
        <v>-0.16069482049298495</v>
      </c>
      <c r="AM2413" s="9">
        <v>907</v>
      </c>
      <c r="AN2413" s="13">
        <v>3.7999078302400603E-2</v>
      </c>
      <c r="AO2413" s="9">
        <v>-3663</v>
      </c>
      <c r="AP2413" s="13">
        <v>-0.12880199725728753</v>
      </c>
      <c r="AQ2413" s="9">
        <v>21617</v>
      </c>
      <c r="AR2413" s="9">
        <v>21421</v>
      </c>
      <c r="AS2413" s="9">
        <v>20891</v>
      </c>
      <c r="AT2413" s="9">
        <v>22361</v>
      </c>
      <c r="AU2413" s="9">
        <v>23066</v>
      </c>
      <c r="AV2413" s="9">
        <v>23989</v>
      </c>
      <c r="AW2413" s="9">
        <v>28439</v>
      </c>
      <c r="AX2413" s="9">
        <v>23203</v>
      </c>
      <c r="AY2413" s="9">
        <v>23372</v>
      </c>
      <c r="AZ2413" s="9">
        <v>23869</v>
      </c>
      <c r="BA2413" s="9">
        <v>21352</v>
      </c>
      <c r="BB2413" s="9">
        <v>21120</v>
      </c>
      <c r="BC2413" s="9">
        <v>23342</v>
      </c>
      <c r="BD2413" s="9">
        <v>24538</v>
      </c>
      <c r="BE2413" s="9">
        <v>23275</v>
      </c>
      <c r="BF2413" s="9">
        <v>24776</v>
      </c>
      <c r="BG2413" s="11">
        <v>-2</v>
      </c>
      <c r="BH2413" s="13">
        <v>-0.2</v>
      </c>
      <c r="BI2413" s="6">
        <v>0</v>
      </c>
      <c r="BJ2413" s="13">
        <v>0</v>
      </c>
      <c r="BK2413" s="6">
        <v>-1</v>
      </c>
      <c r="BL2413" s="13">
        <v>-0.1</v>
      </c>
      <c r="BM2413" s="11">
        <v>-1</v>
      </c>
      <c r="BN2413" s="13">
        <v>-0.1111111111111111</v>
      </c>
      <c r="BO2413" s="11">
        <v>-2</v>
      </c>
      <c r="BP2413" s="13">
        <v>-0.2</v>
      </c>
      <c r="BQ2413" s="6">
        <v>10</v>
      </c>
      <c r="BR2413" s="6">
        <v>9</v>
      </c>
      <c r="BS2413" s="6">
        <v>10</v>
      </c>
      <c r="BT2413" s="6">
        <v>10</v>
      </c>
      <c r="BU2413" s="6">
        <v>9</v>
      </c>
      <c r="BV2413" s="6">
        <v>8</v>
      </c>
      <c r="BW2413" s="6">
        <v>9</v>
      </c>
      <c r="BX2413" s="6">
        <v>10</v>
      </c>
      <c r="BY2413" s="6">
        <v>10</v>
      </c>
      <c r="BZ2413" s="6">
        <v>11</v>
      </c>
      <c r="CA2413" s="6">
        <v>9</v>
      </c>
      <c r="CB2413" s="6">
        <v>8</v>
      </c>
      <c r="CC2413" s="11">
        <v>8</v>
      </c>
      <c r="CD2413" s="11">
        <v>-15</v>
      </c>
      <c r="CE2413" s="11">
        <v>-5</v>
      </c>
      <c r="CF2413" s="11">
        <v>9</v>
      </c>
      <c r="CG2413" s="11">
        <v>4</v>
      </c>
      <c r="CH2413" s="20">
        <v>1.17</v>
      </c>
      <c r="CI2413" s="20">
        <v>1.18</v>
      </c>
      <c r="CJ2413" s="20">
        <v>1.19</v>
      </c>
      <c r="CK2413" s="20">
        <v>1.01</v>
      </c>
      <c r="CL2413" s="20">
        <v>0.94</v>
      </c>
      <c r="CM2413" s="20">
        <v>0.84</v>
      </c>
      <c r="CN2413" s="20">
        <v>0.89</v>
      </c>
      <c r="CO2413" s="20">
        <v>0.85</v>
      </c>
      <c r="CP2413" s="20">
        <v>0.84</v>
      </c>
      <c r="CQ2413" s="20">
        <v>0.8</v>
      </c>
      <c r="CR2413" s="20">
        <v>1.1100000000000001</v>
      </c>
      <c r="CS2413" s="20">
        <v>1.3</v>
      </c>
      <c r="CT2413" s="20">
        <v>1.1000000000000001</v>
      </c>
      <c r="CU2413" s="20">
        <v>1.04</v>
      </c>
      <c r="CV2413" s="20">
        <v>1.27</v>
      </c>
      <c r="CW2413" s="20">
        <v>1.3</v>
      </c>
      <c r="CX2413" s="20">
        <v>1.33</v>
      </c>
      <c r="CY2413" s="6" t="s">
        <v>737</v>
      </c>
      <c r="CZ2413" s="6" t="s">
        <v>738</v>
      </c>
      <c r="DA2413" s="6" t="s">
        <v>113</v>
      </c>
      <c r="DB2413" s="6"/>
      <c r="DC2413" s="6"/>
      <c r="DD2413" s="6"/>
      <c r="DE2413" s="6"/>
      <c r="DF2413" s="6"/>
      <c r="DG2413" s="6"/>
      <c r="DH2413" s="6" t="s">
        <v>333</v>
      </c>
      <c r="DI2413" s="6"/>
      <c r="DJ2413" s="6"/>
      <c r="DK2413" s="6"/>
      <c r="DL2413" s="6">
        <v>10</v>
      </c>
      <c r="DM2413" s="6" t="s">
        <v>383</v>
      </c>
      <c r="DN2413" s="6">
        <v>9</v>
      </c>
      <c r="DO2413" s="6" t="s">
        <v>384</v>
      </c>
      <c r="DP2413" s="6"/>
      <c r="DQ2413" s="6"/>
    </row>
    <row r="2414" spans="1:121" x14ac:dyDescent="0.2">
      <c r="A2414" s="6" t="s">
        <v>794</v>
      </c>
      <c r="B2414" s="6" t="s">
        <v>181</v>
      </c>
      <c r="C2414" s="6" t="s">
        <v>182</v>
      </c>
      <c r="D2414" s="6" t="s">
        <v>113</v>
      </c>
      <c r="E2414" s="6" t="s">
        <v>254</v>
      </c>
      <c r="F2414" s="11">
        <v>10</v>
      </c>
      <c r="G2414" s="13">
        <v>0.66666666666700003</v>
      </c>
      <c r="H2414" s="11">
        <v>4.1078668489000005</v>
      </c>
      <c r="I2414" s="13">
        <v>0.27107825535660529</v>
      </c>
      <c r="J2414" s="11">
        <v>6.7689394896999993</v>
      </c>
      <c r="K2414" s="13">
        <v>0.3514201553449447</v>
      </c>
      <c r="L2414" s="11">
        <v>-1.3518380285999996</v>
      </c>
      <c r="M2414" s="13">
        <v>-5.1932628245473615E-2</v>
      </c>
      <c r="N2414" s="11">
        <v>5.4171014610999997</v>
      </c>
      <c r="O2414" s="13">
        <v>0.28123735481397544</v>
      </c>
      <c r="P2414" s="7">
        <v>15.153804363600001</v>
      </c>
      <c r="Q2414" s="7">
        <v>12.973594672500001</v>
      </c>
      <c r="R2414" s="7">
        <v>18.564953875899999</v>
      </c>
      <c r="S2414" s="7">
        <v>17.747663970200001</v>
      </c>
      <c r="T2414" s="7">
        <v>17.603730241600001</v>
      </c>
      <c r="U2414" s="7">
        <v>21.1918991155</v>
      </c>
      <c r="V2414" s="7">
        <v>19.261671212500001</v>
      </c>
      <c r="W2414" s="7">
        <v>17.801070919600001</v>
      </c>
      <c r="X2414" s="7">
        <v>19.340030392700001</v>
      </c>
      <c r="Y2414" s="7">
        <v>26.030610702200001</v>
      </c>
      <c r="Z2414" s="7">
        <v>28.318185201399999</v>
      </c>
      <c r="AA2414" s="7">
        <v>36.977380711400002</v>
      </c>
      <c r="AB2414" s="7">
        <v>44.883717433900003</v>
      </c>
      <c r="AC2414" s="7">
        <v>46.166588979099998</v>
      </c>
      <c r="AD2414" s="7">
        <v>26.9835301044</v>
      </c>
      <c r="AE2414" s="7">
        <v>23.8289036597</v>
      </c>
      <c r="AF2414" s="7">
        <v>24.678772673600001</v>
      </c>
      <c r="AG2414" s="9">
        <v>16357.382538599999</v>
      </c>
      <c r="AH2414" s="13">
        <v>0.51388666754704981</v>
      </c>
      <c r="AI2414" s="9">
        <v>5092.6257747000018</v>
      </c>
      <c r="AJ2414" s="13">
        <v>0.15999090821830131</v>
      </c>
      <c r="AK2414" s="9">
        <v>74.295057999996061</v>
      </c>
      <c r="AL2414" s="13">
        <v>2.0121431789309448E-3</v>
      </c>
      <c r="AM2414" s="9">
        <v>11190.461705900001</v>
      </c>
      <c r="AN2414" s="13">
        <v>0.3024641978712479</v>
      </c>
      <c r="AO2414" s="9">
        <v>11264.756763899997</v>
      </c>
      <c r="AP2414" s="13">
        <v>0.30508494232279632</v>
      </c>
      <c r="AQ2414" s="9">
        <v>31830.719829099999</v>
      </c>
      <c r="AR2414" s="9">
        <v>34873.457949299998</v>
      </c>
      <c r="AS2414" s="9">
        <v>35476.860259599998</v>
      </c>
      <c r="AT2414" s="9">
        <v>38570.690467699998</v>
      </c>
      <c r="AU2414" s="9">
        <v>38072.485558699998</v>
      </c>
      <c r="AV2414" s="9">
        <v>33934.602153699998</v>
      </c>
      <c r="AW2414" s="9">
        <v>36923.3456038</v>
      </c>
      <c r="AX2414" s="9">
        <v>36490.833171799997</v>
      </c>
      <c r="AY2414" s="9">
        <v>39030.751568799998</v>
      </c>
      <c r="AZ2414" s="9">
        <v>36997.640661799996</v>
      </c>
      <c r="BA2414" s="9">
        <v>43514.9787946</v>
      </c>
      <c r="BB2414" s="9">
        <v>43983.614862900002</v>
      </c>
      <c r="BC2414" s="9">
        <v>40034.408639399997</v>
      </c>
      <c r="BD2414" s="9">
        <v>38773.706694</v>
      </c>
      <c r="BE2414" s="9">
        <v>46860.545307400003</v>
      </c>
      <c r="BF2414" s="9">
        <v>48188.102367699998</v>
      </c>
      <c r="BG2414" s="11">
        <v>5.25</v>
      </c>
      <c r="BH2414" s="13">
        <v>5.25</v>
      </c>
      <c r="BI2414" s="6">
        <v>2</v>
      </c>
      <c r="BJ2414" s="13">
        <v>2</v>
      </c>
      <c r="BK2414" s="6">
        <v>1</v>
      </c>
      <c r="BL2414" s="13">
        <v>0.33333333333333331</v>
      </c>
      <c r="BM2414" s="11">
        <v>2.25</v>
      </c>
      <c r="BN2414" s="13">
        <v>0.5625</v>
      </c>
      <c r="BO2414" s="11">
        <v>3.25</v>
      </c>
      <c r="BP2414" s="13">
        <v>1.0833333333333333</v>
      </c>
      <c r="BQ2414" s="6">
        <v>1</v>
      </c>
      <c r="BR2414" s="6">
        <v>1</v>
      </c>
      <c r="BS2414" s="6">
        <v>1</v>
      </c>
      <c r="BT2414" s="6">
        <v>3</v>
      </c>
      <c r="BU2414" s="6">
        <v>3</v>
      </c>
      <c r="BV2414" s="6">
        <v>3</v>
      </c>
      <c r="BW2414" s="6">
        <v>4</v>
      </c>
      <c r="BX2414" s="6">
        <v>5</v>
      </c>
      <c r="BY2414" s="6">
        <v>6</v>
      </c>
      <c r="BZ2414" s="6">
        <v>6</v>
      </c>
      <c r="CA2414" s="6">
        <v>7</v>
      </c>
      <c r="CB2414" s="6">
        <v>7</v>
      </c>
      <c r="CC2414" s="11">
        <v>6.25</v>
      </c>
      <c r="CD2414" s="11">
        <v>6.9133199999999997</v>
      </c>
      <c r="CE2414" s="11">
        <v>0.95515000000000005</v>
      </c>
      <c r="CF2414" s="11">
        <v>1.65649</v>
      </c>
      <c r="CG2414" s="11">
        <v>3</v>
      </c>
      <c r="CH2414" s="20">
        <v>0.76718600000000003</v>
      </c>
      <c r="CI2414" s="20">
        <v>0.69837400000000005</v>
      </c>
      <c r="CJ2414" s="20">
        <v>0.96870800000000001</v>
      </c>
      <c r="CK2414" s="20">
        <v>0.94605700000000004</v>
      </c>
      <c r="CL2414" s="20">
        <v>0.93986800000000004</v>
      </c>
      <c r="CM2414" s="20">
        <v>1.08013</v>
      </c>
      <c r="CN2414" s="20">
        <v>0.98355400000000004</v>
      </c>
      <c r="CO2414" s="20">
        <v>0.94513899999999995</v>
      </c>
      <c r="CP2414" s="20">
        <v>1.07823</v>
      </c>
      <c r="CQ2414" s="20">
        <v>1.4569700000000001</v>
      </c>
      <c r="CR2414" s="20">
        <v>1.60453</v>
      </c>
      <c r="CS2414" s="20">
        <v>2.08209</v>
      </c>
      <c r="CT2414" s="20">
        <v>2.3345400000000001</v>
      </c>
      <c r="CU2414" s="20">
        <v>2.50535</v>
      </c>
      <c r="CV2414" s="20">
        <v>1.6161700000000001</v>
      </c>
      <c r="CW2414" s="20">
        <v>1.4208499999999999</v>
      </c>
      <c r="CX2414" s="20">
        <v>1.4643299999999999</v>
      </c>
      <c r="CY2414" s="6" t="s">
        <v>737</v>
      </c>
      <c r="CZ2414" s="6" t="s">
        <v>738</v>
      </c>
      <c r="DA2414" s="6" t="s">
        <v>113</v>
      </c>
      <c r="DB2414" s="6"/>
      <c r="DC2414" s="6"/>
      <c r="DD2414" s="6"/>
      <c r="DE2414" s="6"/>
      <c r="DF2414" s="6"/>
      <c r="DG2414" s="6"/>
      <c r="DH2414" s="6" t="s">
        <v>333</v>
      </c>
      <c r="DI2414" s="6"/>
      <c r="DJ2414" s="6"/>
      <c r="DK2414" s="6"/>
      <c r="DL2414" s="6">
        <v>10</v>
      </c>
      <c r="DM2414" s="6" t="s">
        <v>383</v>
      </c>
      <c r="DN2414" s="6">
        <v>9</v>
      </c>
      <c r="DO2414" s="6" t="s">
        <v>384</v>
      </c>
      <c r="DP2414" s="6"/>
      <c r="DQ2414" s="6"/>
    </row>
    <row r="2415" spans="1:121" x14ac:dyDescent="0.2">
      <c r="A2415" s="6" t="s">
        <v>314</v>
      </c>
      <c r="B2415" s="6" t="s">
        <v>314</v>
      </c>
      <c r="C2415" s="6" t="s">
        <v>183</v>
      </c>
      <c r="D2415" s="6" t="s">
        <v>113</v>
      </c>
      <c r="E2415" s="6" t="s">
        <v>254</v>
      </c>
      <c r="F2415" s="11">
        <v>1</v>
      </c>
      <c r="G2415" s="13">
        <v>1</v>
      </c>
      <c r="H2415" s="11">
        <v>5</v>
      </c>
      <c r="I2415" s="13"/>
      <c r="J2415" s="11">
        <v>0</v>
      </c>
      <c r="K2415" s="13">
        <v>0</v>
      </c>
      <c r="L2415" s="11">
        <v>0</v>
      </c>
      <c r="M2415" s="13">
        <v>0</v>
      </c>
      <c r="N2415" s="11">
        <v>0</v>
      </c>
      <c r="O2415" s="13">
        <v>0</v>
      </c>
      <c r="P2415" s="7">
        <v>0</v>
      </c>
      <c r="Q2415" s="7">
        <v>0</v>
      </c>
      <c r="R2415" s="7">
        <v>0</v>
      </c>
      <c r="S2415" s="7">
        <v>0</v>
      </c>
      <c r="T2415" s="7">
        <v>0</v>
      </c>
      <c r="U2415" s="7">
        <v>0</v>
      </c>
      <c r="V2415" s="7">
        <v>5</v>
      </c>
      <c r="W2415" s="7">
        <v>5</v>
      </c>
      <c r="X2415" s="7">
        <v>5</v>
      </c>
      <c r="Y2415" s="7">
        <v>5</v>
      </c>
      <c r="Z2415" s="7">
        <v>5</v>
      </c>
      <c r="AA2415" s="7">
        <v>5</v>
      </c>
      <c r="AB2415" s="7">
        <v>5</v>
      </c>
      <c r="AC2415" s="7">
        <v>5</v>
      </c>
      <c r="AD2415" s="7">
        <v>5</v>
      </c>
      <c r="AE2415" s="7">
        <v>5</v>
      </c>
      <c r="AF2415" s="7">
        <v>5</v>
      </c>
      <c r="AG2415" s="9">
        <v>1</v>
      </c>
      <c r="AH2415" s="13"/>
      <c r="AI2415" s="9">
        <v>1</v>
      </c>
      <c r="AJ2415" s="13"/>
      <c r="AK2415" s="9">
        <v>0</v>
      </c>
      <c r="AL2415" s="13">
        <v>0</v>
      </c>
      <c r="AM2415" s="9">
        <v>0</v>
      </c>
      <c r="AN2415" s="13">
        <v>0</v>
      </c>
      <c r="AO2415" s="9">
        <v>0</v>
      </c>
      <c r="AP2415" s="13">
        <v>0</v>
      </c>
      <c r="AQ2415" s="9">
        <v>0</v>
      </c>
      <c r="AR2415" s="9">
        <v>0</v>
      </c>
      <c r="AS2415" s="9">
        <v>0</v>
      </c>
      <c r="AT2415" s="9">
        <v>0</v>
      </c>
      <c r="AU2415" s="9">
        <v>0</v>
      </c>
      <c r="AV2415" s="9">
        <v>0</v>
      </c>
      <c r="AW2415" s="9">
        <v>1</v>
      </c>
      <c r="AX2415" s="9">
        <v>1</v>
      </c>
      <c r="AY2415" s="9">
        <v>1</v>
      </c>
      <c r="AZ2415" s="9">
        <v>1</v>
      </c>
      <c r="BA2415" s="9">
        <v>1</v>
      </c>
      <c r="BB2415" s="9">
        <v>1</v>
      </c>
      <c r="BC2415" s="9">
        <v>1</v>
      </c>
      <c r="BD2415" s="9">
        <v>1</v>
      </c>
      <c r="BE2415" s="9">
        <v>1</v>
      </c>
      <c r="BF2415" s="9">
        <v>1</v>
      </c>
      <c r="BG2415" s="11">
        <v>1</v>
      </c>
      <c r="BH2415" s="13" t="e">
        <v>#DIV/0!</v>
      </c>
      <c r="BI2415" s="6">
        <v>0</v>
      </c>
      <c r="BJ2415" s="13" t="e">
        <v>#DIV/0!</v>
      </c>
      <c r="BK2415" s="6">
        <v>0</v>
      </c>
      <c r="BL2415" s="13" t="e">
        <v>#DIV/0!</v>
      </c>
      <c r="BM2415" s="11">
        <v>1</v>
      </c>
      <c r="BN2415" s="13" t="e">
        <v>#DIV/0!</v>
      </c>
      <c r="BO2415" s="11">
        <v>1</v>
      </c>
      <c r="BP2415" s="13" t="e">
        <v>#DIV/0!</v>
      </c>
      <c r="BQ2415" s="6">
        <v>0</v>
      </c>
      <c r="BR2415" s="6">
        <v>0</v>
      </c>
      <c r="BS2415" s="6">
        <v>0</v>
      </c>
      <c r="BT2415" s="6">
        <v>0</v>
      </c>
      <c r="BU2415" s="6">
        <v>0</v>
      </c>
      <c r="BV2415" s="6">
        <v>0</v>
      </c>
      <c r="BW2415" s="6">
        <v>0</v>
      </c>
      <c r="BX2415" s="6">
        <v>0</v>
      </c>
      <c r="BY2415" s="6">
        <v>0</v>
      </c>
      <c r="BZ2415" s="6">
        <v>0</v>
      </c>
      <c r="CA2415" s="6">
        <v>0</v>
      </c>
      <c r="CB2415" s="6">
        <v>1</v>
      </c>
      <c r="CC2415" s="11">
        <v>1</v>
      </c>
      <c r="CD2415" s="11">
        <v>5.6294599999999999</v>
      </c>
      <c r="CE2415" s="11">
        <v>-0.30629000000000001</v>
      </c>
      <c r="CF2415" s="11">
        <v>0.10931200000000001</v>
      </c>
      <c r="CG2415" s="11">
        <v>0</v>
      </c>
      <c r="CH2415" s="20">
        <v>0</v>
      </c>
      <c r="CI2415" s="20">
        <v>0</v>
      </c>
      <c r="CJ2415" s="20">
        <v>0</v>
      </c>
      <c r="CK2415" s="20">
        <v>0</v>
      </c>
      <c r="CL2415" s="20">
        <v>0</v>
      </c>
      <c r="CM2415" s="20">
        <v>0</v>
      </c>
      <c r="CN2415" s="20">
        <v>6.02438E-2</v>
      </c>
      <c r="CO2415" s="20">
        <v>5.7165899999999999E-2</v>
      </c>
      <c r="CP2415" s="20">
        <v>0.20914199999999999</v>
      </c>
      <c r="CQ2415" s="20">
        <v>0.103669</v>
      </c>
      <c r="CR2415" s="20">
        <v>0.17322599999999999</v>
      </c>
      <c r="CS2415" s="20">
        <v>8.8192499999999993E-2</v>
      </c>
      <c r="CT2415" s="20">
        <v>8.8186600000000004E-2</v>
      </c>
      <c r="CU2415" s="20">
        <v>8.8232599999999994E-2</v>
      </c>
      <c r="CV2415" s="20">
        <v>0.22203100000000001</v>
      </c>
      <c r="CW2415" s="20">
        <v>0.53549199999999997</v>
      </c>
      <c r="CX2415" s="20">
        <v>0.59758699999999998</v>
      </c>
      <c r="CY2415" s="6" t="s">
        <v>737</v>
      </c>
      <c r="CZ2415" s="6" t="s">
        <v>738</v>
      </c>
      <c r="DA2415" s="6" t="s">
        <v>113</v>
      </c>
      <c r="DB2415" s="6"/>
      <c r="DC2415" s="6"/>
      <c r="DD2415" s="6"/>
      <c r="DE2415" s="6"/>
      <c r="DF2415" s="6"/>
      <c r="DG2415" s="6"/>
      <c r="DH2415" s="6" t="s">
        <v>333</v>
      </c>
      <c r="DI2415" s="6"/>
      <c r="DJ2415" s="6"/>
      <c r="DK2415" s="6"/>
      <c r="DL2415" s="6">
        <v>10</v>
      </c>
      <c r="DM2415" s="6" t="s">
        <v>383</v>
      </c>
      <c r="DN2415" s="6">
        <v>9</v>
      </c>
      <c r="DO2415" s="6" t="s">
        <v>384</v>
      </c>
      <c r="DP2415" s="6"/>
      <c r="DQ2415" s="6"/>
    </row>
    <row r="2416" spans="1:121" x14ac:dyDescent="0.2">
      <c r="A2416" s="6" t="s">
        <v>315</v>
      </c>
      <c r="B2416" s="6" t="s">
        <v>315</v>
      </c>
      <c r="C2416" s="6" t="s">
        <v>184</v>
      </c>
      <c r="D2416" s="6" t="s">
        <v>113</v>
      </c>
      <c r="E2416" s="6" t="s">
        <v>254</v>
      </c>
      <c r="F2416" s="11">
        <v>-7</v>
      </c>
      <c r="G2416" s="13">
        <v>-0.28999999999999998</v>
      </c>
      <c r="H2416" s="11">
        <v>-5</v>
      </c>
      <c r="I2416" s="13">
        <v>-0.20833333333333337</v>
      </c>
      <c r="J2416" s="11">
        <v>4</v>
      </c>
      <c r="K2416" s="13">
        <v>0.21052631578947367</v>
      </c>
      <c r="L2416" s="11">
        <v>-6</v>
      </c>
      <c r="M2416" s="13">
        <v>-0.2608695652173913</v>
      </c>
      <c r="N2416" s="11">
        <v>-2</v>
      </c>
      <c r="O2416" s="13">
        <v>-0.10526315789473684</v>
      </c>
      <c r="P2416" s="7">
        <v>24</v>
      </c>
      <c r="Q2416" s="7">
        <v>30</v>
      </c>
      <c r="R2416" s="7">
        <v>32</v>
      </c>
      <c r="S2416" s="7">
        <v>23</v>
      </c>
      <c r="T2416" s="7">
        <v>21</v>
      </c>
      <c r="U2416" s="7">
        <v>19</v>
      </c>
      <c r="V2416" s="7">
        <v>19</v>
      </c>
      <c r="W2416" s="7">
        <v>18</v>
      </c>
      <c r="X2416" s="7">
        <v>19</v>
      </c>
      <c r="Y2416" s="7">
        <v>23</v>
      </c>
      <c r="Z2416" s="7">
        <v>17</v>
      </c>
      <c r="AA2416" s="7">
        <v>16</v>
      </c>
      <c r="AB2416" s="7">
        <v>17</v>
      </c>
      <c r="AC2416" s="7">
        <v>16</v>
      </c>
      <c r="AD2416" s="7">
        <v>16</v>
      </c>
      <c r="AE2416" s="7">
        <v>17</v>
      </c>
      <c r="AF2416" s="7">
        <v>17</v>
      </c>
      <c r="AG2416" s="9">
        <v>6979</v>
      </c>
      <c r="AH2416" s="13">
        <v>0.19946268827345737</v>
      </c>
      <c r="AI2416" s="9">
        <v>-8999</v>
      </c>
      <c r="AJ2416" s="13">
        <v>-0.25719511846580356</v>
      </c>
      <c r="AK2416" s="9">
        <v>16284</v>
      </c>
      <c r="AL2416" s="13">
        <v>0.6265486725663717</v>
      </c>
      <c r="AM2416" s="9">
        <v>-306</v>
      </c>
      <c r="AN2416" s="13">
        <v>-7.2384917443345789E-3</v>
      </c>
      <c r="AO2416" s="9">
        <v>15978</v>
      </c>
      <c r="AP2416" s="13">
        <v>0.61477491342824164</v>
      </c>
      <c r="AQ2416" s="9">
        <v>34989</v>
      </c>
      <c r="AR2416" s="9">
        <v>37398</v>
      </c>
      <c r="AS2416" s="9">
        <v>34799</v>
      </c>
      <c r="AT2416" s="9">
        <v>25957</v>
      </c>
      <c r="AU2416" s="9">
        <v>23338</v>
      </c>
      <c r="AV2416" s="9">
        <v>25393</v>
      </c>
      <c r="AW2416" s="9">
        <v>25990</v>
      </c>
      <c r="AX2416" s="9">
        <v>27987</v>
      </c>
      <c r="AY2416" s="9">
        <v>33197</v>
      </c>
      <c r="AZ2416" s="9">
        <v>42274</v>
      </c>
      <c r="BA2416" s="9">
        <v>36400</v>
      </c>
      <c r="BB2416" s="9">
        <v>36002</v>
      </c>
      <c r="BC2416" s="9">
        <v>41760</v>
      </c>
      <c r="BD2416" s="9">
        <v>43765</v>
      </c>
      <c r="BE2416" s="9">
        <v>43324</v>
      </c>
      <c r="BF2416" s="9">
        <v>41968</v>
      </c>
      <c r="BG2416" s="11">
        <v>-2</v>
      </c>
      <c r="BH2416" s="13">
        <v>-0.2857142857142857</v>
      </c>
      <c r="BI2416" s="6">
        <v>0</v>
      </c>
      <c r="BJ2416" s="13">
        <v>0</v>
      </c>
      <c r="BK2416" s="6">
        <v>-2</v>
      </c>
      <c r="BL2416" s="13">
        <v>-0.2857142857142857</v>
      </c>
      <c r="BM2416" s="11">
        <v>0</v>
      </c>
      <c r="BN2416" s="13">
        <v>0</v>
      </c>
      <c r="BO2416" s="11">
        <v>-2</v>
      </c>
      <c r="BP2416" s="13">
        <v>-0.2857142857142857</v>
      </c>
      <c r="BQ2416" s="6">
        <v>7</v>
      </c>
      <c r="BR2416" s="6">
        <v>4</v>
      </c>
      <c r="BS2416" s="6">
        <v>6</v>
      </c>
      <c r="BT2416" s="6">
        <v>7</v>
      </c>
      <c r="BU2416" s="6">
        <v>7</v>
      </c>
      <c r="BV2416" s="6">
        <v>5</v>
      </c>
      <c r="BW2416" s="6">
        <v>5</v>
      </c>
      <c r="BX2416" s="6">
        <v>5</v>
      </c>
      <c r="BY2416" s="6">
        <v>5</v>
      </c>
      <c r="BZ2416" s="6">
        <v>5</v>
      </c>
      <c r="CA2416" s="6">
        <v>5</v>
      </c>
      <c r="CB2416" s="6">
        <v>5</v>
      </c>
      <c r="CC2416" s="11">
        <v>5</v>
      </c>
      <c r="CD2416" s="11">
        <v>-8</v>
      </c>
      <c r="CE2416" s="11">
        <v>-2</v>
      </c>
      <c r="CF2416" s="11">
        <v>3</v>
      </c>
      <c r="CG2416" s="11">
        <v>1</v>
      </c>
      <c r="CH2416" s="20">
        <v>0.96</v>
      </c>
      <c r="CI2416" s="20">
        <v>1.23</v>
      </c>
      <c r="CJ2416" s="20">
        <v>1.23</v>
      </c>
      <c r="CK2416" s="20">
        <v>0.9</v>
      </c>
      <c r="CL2416" s="20">
        <v>0.84</v>
      </c>
      <c r="CM2416" s="20">
        <v>0.75</v>
      </c>
      <c r="CN2416" s="20">
        <v>0.75</v>
      </c>
      <c r="CO2416" s="20">
        <v>0.75</v>
      </c>
      <c r="CP2416" s="20">
        <v>0.8</v>
      </c>
      <c r="CQ2416" s="20">
        <v>1</v>
      </c>
      <c r="CR2416" s="20">
        <v>0.76</v>
      </c>
      <c r="CS2416" s="20">
        <v>0.72</v>
      </c>
      <c r="CT2416" s="20">
        <v>0.72</v>
      </c>
      <c r="CU2416" s="20">
        <v>0.73</v>
      </c>
      <c r="CV2416" s="20">
        <v>0.84</v>
      </c>
      <c r="CW2416" s="20">
        <v>0.88</v>
      </c>
      <c r="CX2416" s="20">
        <v>0.87</v>
      </c>
      <c r="CY2416" s="6" t="s">
        <v>737</v>
      </c>
      <c r="CZ2416" s="6" t="s">
        <v>738</v>
      </c>
      <c r="DA2416" s="6" t="s">
        <v>113</v>
      </c>
      <c r="DB2416" s="6"/>
      <c r="DC2416" s="6"/>
      <c r="DD2416" s="6"/>
      <c r="DE2416" s="6"/>
      <c r="DF2416" s="6"/>
      <c r="DG2416" s="6"/>
      <c r="DH2416" s="6" t="s">
        <v>333</v>
      </c>
      <c r="DI2416" s="6"/>
      <c r="DJ2416" s="6"/>
      <c r="DK2416" s="6"/>
      <c r="DL2416" s="6">
        <v>10</v>
      </c>
      <c r="DM2416" s="6" t="s">
        <v>383</v>
      </c>
      <c r="DN2416" s="6">
        <v>9</v>
      </c>
      <c r="DO2416" s="6" t="s">
        <v>384</v>
      </c>
      <c r="DP2416" s="6"/>
      <c r="DQ2416" s="6"/>
    </row>
    <row r="2417" spans="1:121" x14ac:dyDescent="0.2">
      <c r="A2417" s="6" t="s">
        <v>316</v>
      </c>
      <c r="B2417" s="6" t="s">
        <v>316</v>
      </c>
      <c r="C2417" s="6" t="s">
        <v>185</v>
      </c>
      <c r="D2417" s="6" t="s">
        <v>113</v>
      </c>
      <c r="E2417" s="6" t="s">
        <v>254</v>
      </c>
      <c r="F2417" s="11">
        <v>1</v>
      </c>
      <c r="G2417" s="13">
        <v>1</v>
      </c>
      <c r="H2417" s="11">
        <v>-5</v>
      </c>
      <c r="I2417" s="13">
        <v>-1</v>
      </c>
      <c r="J2417" s="11">
        <v>5</v>
      </c>
      <c r="K2417" s="13"/>
      <c r="L2417" s="11">
        <v>0</v>
      </c>
      <c r="M2417" s="13">
        <v>0</v>
      </c>
      <c r="N2417" s="11">
        <v>5</v>
      </c>
      <c r="O2417" s="13"/>
      <c r="P2417" s="7">
        <v>5</v>
      </c>
      <c r="Q2417" s="7">
        <v>5</v>
      </c>
      <c r="R2417" s="7">
        <v>5</v>
      </c>
      <c r="S2417" s="7">
        <v>5</v>
      </c>
      <c r="T2417" s="7">
        <v>5</v>
      </c>
      <c r="U2417" s="7">
        <v>5</v>
      </c>
      <c r="V2417" s="7">
        <v>0</v>
      </c>
      <c r="W2417" s="7">
        <v>0</v>
      </c>
      <c r="X2417" s="7">
        <v>0</v>
      </c>
      <c r="Y2417" s="7">
        <v>5</v>
      </c>
      <c r="Z2417" s="7">
        <v>5</v>
      </c>
      <c r="AA2417" s="7">
        <v>5</v>
      </c>
      <c r="AB2417" s="7">
        <v>5</v>
      </c>
      <c r="AC2417" s="7">
        <v>5</v>
      </c>
      <c r="AD2417" s="7">
        <v>5</v>
      </c>
      <c r="AE2417" s="7">
        <v>5</v>
      </c>
      <c r="AF2417" s="7">
        <v>5</v>
      </c>
      <c r="AG2417" s="9">
        <v>0</v>
      </c>
      <c r="AH2417" s="13">
        <v>0</v>
      </c>
      <c r="AI2417" s="9">
        <v>-1</v>
      </c>
      <c r="AJ2417" s="13">
        <v>-1</v>
      </c>
      <c r="AK2417" s="9">
        <v>1</v>
      </c>
      <c r="AL2417" s="13"/>
      <c r="AM2417" s="9">
        <v>0</v>
      </c>
      <c r="AN2417" s="13">
        <v>0</v>
      </c>
      <c r="AO2417" s="9">
        <v>1</v>
      </c>
      <c r="AP2417" s="13"/>
      <c r="AQ2417" s="9">
        <v>1</v>
      </c>
      <c r="AR2417" s="9">
        <v>1</v>
      </c>
      <c r="AS2417" s="9">
        <v>1</v>
      </c>
      <c r="AT2417" s="9">
        <v>1</v>
      </c>
      <c r="AU2417" s="9">
        <v>1</v>
      </c>
      <c r="AV2417" s="9">
        <v>1</v>
      </c>
      <c r="AW2417" s="9">
        <v>0</v>
      </c>
      <c r="AX2417" s="9">
        <v>0</v>
      </c>
      <c r="AY2417" s="9">
        <v>0</v>
      </c>
      <c r="AZ2417" s="9">
        <v>1</v>
      </c>
      <c r="BA2417" s="9">
        <v>1</v>
      </c>
      <c r="BB2417" s="9">
        <v>1</v>
      </c>
      <c r="BC2417" s="9">
        <v>1</v>
      </c>
      <c r="BD2417" s="9">
        <v>1</v>
      </c>
      <c r="BE2417" s="9">
        <v>1</v>
      </c>
      <c r="BF2417" s="9">
        <v>1</v>
      </c>
      <c r="BG2417" s="11">
        <v>-1</v>
      </c>
      <c r="BH2417" s="13">
        <v>-1</v>
      </c>
      <c r="BI2417" s="6">
        <v>-1</v>
      </c>
      <c r="BJ2417" s="13">
        <v>-1</v>
      </c>
      <c r="BK2417" s="6">
        <v>0</v>
      </c>
      <c r="BL2417" s="13" t="e">
        <v>#DIV/0!</v>
      </c>
      <c r="BM2417" s="11">
        <v>0</v>
      </c>
      <c r="BN2417" s="13" t="e">
        <v>#DIV/0!</v>
      </c>
      <c r="BO2417" s="11">
        <v>0</v>
      </c>
      <c r="BP2417" s="13" t="e">
        <v>#DIV/0!</v>
      </c>
      <c r="BQ2417" s="6">
        <v>1</v>
      </c>
      <c r="BR2417" s="6">
        <v>1</v>
      </c>
      <c r="BS2417" s="6">
        <v>1</v>
      </c>
      <c r="BT2417" s="6">
        <v>0</v>
      </c>
      <c r="BU2417" s="6">
        <v>0</v>
      </c>
      <c r="BV2417" s="6">
        <v>0</v>
      </c>
      <c r="BW2417" s="6">
        <v>0</v>
      </c>
      <c r="BX2417" s="6">
        <v>0</v>
      </c>
      <c r="BY2417" s="6">
        <v>0</v>
      </c>
      <c r="BZ2417" s="6">
        <v>0</v>
      </c>
      <c r="CA2417" s="6">
        <v>0</v>
      </c>
      <c r="CB2417" s="6">
        <v>0</v>
      </c>
      <c r="CC2417" s="11">
        <v>0</v>
      </c>
      <c r="CD2417" s="11">
        <v>-2</v>
      </c>
      <c r="CE2417" s="11">
        <v>0</v>
      </c>
      <c r="CF2417" s="11">
        <v>1</v>
      </c>
      <c r="CG2417" s="11">
        <v>1</v>
      </c>
      <c r="CH2417" s="20">
        <v>0.56000000000000005</v>
      </c>
      <c r="CI2417" s="20">
        <v>0.22</v>
      </c>
      <c r="CJ2417" s="20">
        <v>0.19</v>
      </c>
      <c r="CK2417" s="20">
        <v>0.11</v>
      </c>
      <c r="CL2417" s="20">
        <v>0.13</v>
      </c>
      <c r="CM2417" s="20">
        <v>0.11</v>
      </c>
      <c r="CN2417" s="20">
        <v>0</v>
      </c>
      <c r="CO2417" s="20">
        <v>0</v>
      </c>
      <c r="CP2417" s="20">
        <v>0</v>
      </c>
      <c r="CQ2417" s="20">
        <v>0.08</v>
      </c>
      <c r="CR2417" s="20">
        <v>0.08</v>
      </c>
      <c r="CS2417" s="20">
        <v>0.15</v>
      </c>
      <c r="CT2417" s="20">
        <v>0.25</v>
      </c>
      <c r="CU2417" s="20">
        <v>0.34</v>
      </c>
      <c r="CV2417" s="20">
        <v>0.36</v>
      </c>
      <c r="CW2417" s="20">
        <v>0.43</v>
      </c>
      <c r="CX2417" s="20">
        <v>0.48</v>
      </c>
      <c r="CY2417" s="6" t="s">
        <v>737</v>
      </c>
      <c r="CZ2417" s="6" t="s">
        <v>738</v>
      </c>
      <c r="DA2417" s="6" t="s">
        <v>113</v>
      </c>
      <c r="DB2417" s="6"/>
      <c r="DC2417" s="6"/>
      <c r="DD2417" s="6"/>
      <c r="DE2417" s="6"/>
      <c r="DF2417" s="6"/>
      <c r="DG2417" s="6"/>
      <c r="DH2417" s="6" t="s">
        <v>333</v>
      </c>
      <c r="DI2417" s="6"/>
      <c r="DJ2417" s="6"/>
      <c r="DK2417" s="6"/>
      <c r="DL2417" s="6">
        <v>10</v>
      </c>
      <c r="DM2417" s="6" t="s">
        <v>383</v>
      </c>
      <c r="DN2417" s="6">
        <v>9</v>
      </c>
      <c r="DO2417" s="6" t="s">
        <v>384</v>
      </c>
      <c r="DP2417" s="6"/>
      <c r="DQ2417" s="6"/>
    </row>
    <row r="2418" spans="1:121" x14ac:dyDescent="0.2">
      <c r="A2418" s="6" t="s">
        <v>317</v>
      </c>
      <c r="B2418" s="6" t="s">
        <v>317</v>
      </c>
      <c r="C2418" s="6" t="s">
        <v>186</v>
      </c>
      <c r="D2418" s="6" t="s">
        <v>113</v>
      </c>
      <c r="E2418" s="6" t="s">
        <v>254</v>
      </c>
      <c r="F2418" s="11">
        <v>1</v>
      </c>
      <c r="G2418" s="13">
        <v>1</v>
      </c>
      <c r="H2418" s="11">
        <v>0</v>
      </c>
      <c r="I2418" s="13">
        <v>0</v>
      </c>
      <c r="J2418" s="11">
        <v>0</v>
      </c>
      <c r="K2418" s="13">
        <v>0</v>
      </c>
      <c r="L2418" s="11">
        <v>0</v>
      </c>
      <c r="M2418" s="13">
        <v>0</v>
      </c>
      <c r="N2418" s="11">
        <v>0</v>
      </c>
      <c r="O2418" s="13">
        <v>0</v>
      </c>
      <c r="P2418" s="7">
        <v>5</v>
      </c>
      <c r="Q2418" s="7">
        <v>5</v>
      </c>
      <c r="R2418" s="7">
        <v>15</v>
      </c>
      <c r="S2418" s="7">
        <v>15</v>
      </c>
      <c r="T2418" s="7">
        <v>17</v>
      </c>
      <c r="U2418" s="7">
        <v>13</v>
      </c>
      <c r="V2418" s="7">
        <v>5</v>
      </c>
      <c r="W2418" s="7">
        <v>5</v>
      </c>
      <c r="X2418" s="7">
        <v>5</v>
      </c>
      <c r="Y2418" s="7">
        <v>5</v>
      </c>
      <c r="Z2418" s="7">
        <v>5</v>
      </c>
      <c r="AA2418" s="7">
        <v>5</v>
      </c>
      <c r="AB2418" s="7">
        <v>5</v>
      </c>
      <c r="AC2418" s="7">
        <v>5</v>
      </c>
      <c r="AD2418" s="7">
        <v>5</v>
      </c>
      <c r="AE2418" s="7">
        <v>5</v>
      </c>
      <c r="AF2418" s="7">
        <v>5</v>
      </c>
      <c r="AG2418" s="9">
        <v>0</v>
      </c>
      <c r="AH2418" s="13">
        <v>0</v>
      </c>
      <c r="AI2418" s="9">
        <v>0</v>
      </c>
      <c r="AJ2418" s="13">
        <v>0</v>
      </c>
      <c r="AK2418" s="9">
        <v>0</v>
      </c>
      <c r="AL2418" s="13">
        <v>0</v>
      </c>
      <c r="AM2418" s="9">
        <v>0</v>
      </c>
      <c r="AN2418" s="13">
        <v>0</v>
      </c>
      <c r="AO2418" s="9">
        <v>0</v>
      </c>
      <c r="AP2418" s="13">
        <v>0</v>
      </c>
      <c r="AQ2418" s="9">
        <v>1</v>
      </c>
      <c r="AR2418" s="9">
        <v>1</v>
      </c>
      <c r="AS2418" s="9">
        <v>36613</v>
      </c>
      <c r="AT2418" s="9">
        <v>31512</v>
      </c>
      <c r="AU2418" s="9">
        <v>22942</v>
      </c>
      <c r="AV2418" s="9">
        <v>26682</v>
      </c>
      <c r="AW2418" s="9">
        <v>1</v>
      </c>
      <c r="AX2418" s="9">
        <v>1</v>
      </c>
      <c r="AY2418" s="9">
        <v>1</v>
      </c>
      <c r="AZ2418" s="9">
        <v>1</v>
      </c>
      <c r="BA2418" s="9">
        <v>1</v>
      </c>
      <c r="BB2418" s="9">
        <v>1</v>
      </c>
      <c r="BC2418" s="9">
        <v>1</v>
      </c>
      <c r="BD2418" s="9">
        <v>1</v>
      </c>
      <c r="BE2418" s="9">
        <v>1</v>
      </c>
      <c r="BF2418" s="9">
        <v>1</v>
      </c>
      <c r="BG2418" s="11">
        <v>-2</v>
      </c>
      <c r="BH2418" s="13">
        <v>-0.4</v>
      </c>
      <c r="BI2418" s="6">
        <v>1</v>
      </c>
      <c r="BJ2418" s="13">
        <v>0.2</v>
      </c>
      <c r="BK2418" s="6">
        <v>-2</v>
      </c>
      <c r="BL2418" s="13">
        <v>-0.33333333333333331</v>
      </c>
      <c r="BM2418" s="11">
        <v>-1</v>
      </c>
      <c r="BN2418" s="13">
        <v>-0.25</v>
      </c>
      <c r="BO2418" s="11">
        <v>-3</v>
      </c>
      <c r="BP2418" s="13">
        <v>-0.5</v>
      </c>
      <c r="BQ2418" s="6">
        <v>5</v>
      </c>
      <c r="BR2418" s="6">
        <v>5</v>
      </c>
      <c r="BS2418" s="6">
        <v>4</v>
      </c>
      <c r="BT2418" s="6">
        <v>6</v>
      </c>
      <c r="BU2418" s="6">
        <v>5</v>
      </c>
      <c r="BV2418" s="6">
        <v>5</v>
      </c>
      <c r="BW2418" s="6">
        <v>4</v>
      </c>
      <c r="BX2418" s="6">
        <v>5</v>
      </c>
      <c r="BY2418" s="6">
        <v>5</v>
      </c>
      <c r="BZ2418" s="6">
        <v>5</v>
      </c>
      <c r="CA2418" s="6">
        <v>5</v>
      </c>
      <c r="CB2418" s="6">
        <v>4</v>
      </c>
      <c r="CC2418" s="11">
        <v>3</v>
      </c>
      <c r="CD2418" s="11">
        <v>-2</v>
      </c>
      <c r="CE2418" s="11">
        <v>1</v>
      </c>
      <c r="CF2418" s="11">
        <v>1</v>
      </c>
      <c r="CG2418" s="11">
        <v>2</v>
      </c>
      <c r="CH2418" s="20">
        <v>0.16</v>
      </c>
      <c r="CI2418" s="20">
        <v>0.16</v>
      </c>
      <c r="CJ2418" s="20">
        <v>0.45</v>
      </c>
      <c r="CK2418" s="20">
        <v>0.47</v>
      </c>
      <c r="CL2418" s="20">
        <v>0.51</v>
      </c>
      <c r="CM2418" s="20">
        <v>0.37</v>
      </c>
      <c r="CN2418" s="20">
        <v>0.14000000000000001</v>
      </c>
      <c r="CO2418" s="20">
        <v>0.06</v>
      </c>
      <c r="CP2418" s="20">
        <v>0.14000000000000001</v>
      </c>
      <c r="CQ2418" s="20">
        <v>0.12</v>
      </c>
      <c r="CR2418" s="20">
        <v>0.16</v>
      </c>
      <c r="CS2418" s="20">
        <v>0.22</v>
      </c>
      <c r="CT2418" s="20">
        <v>0.22</v>
      </c>
      <c r="CU2418" s="20">
        <v>0.15</v>
      </c>
      <c r="CV2418" s="20">
        <v>0.15</v>
      </c>
      <c r="CW2418" s="20">
        <v>0.15</v>
      </c>
      <c r="CX2418" s="20">
        <v>0.16</v>
      </c>
      <c r="CY2418" s="6" t="s">
        <v>737</v>
      </c>
      <c r="CZ2418" s="6" t="s">
        <v>738</v>
      </c>
      <c r="DA2418" s="6" t="s">
        <v>113</v>
      </c>
      <c r="DB2418" s="6"/>
      <c r="DC2418" s="6"/>
      <c r="DD2418" s="6"/>
      <c r="DE2418" s="6"/>
      <c r="DF2418" s="6"/>
      <c r="DG2418" s="6"/>
      <c r="DH2418" s="6" t="s">
        <v>333</v>
      </c>
      <c r="DI2418" s="6"/>
      <c r="DJ2418" s="6"/>
      <c r="DK2418" s="6"/>
      <c r="DL2418" s="6">
        <v>10</v>
      </c>
      <c r="DM2418" s="6" t="s">
        <v>383</v>
      </c>
      <c r="DN2418" s="6">
        <v>9</v>
      </c>
      <c r="DO2418" s="6" t="s">
        <v>384</v>
      </c>
      <c r="DP2418" s="6"/>
      <c r="DQ2418" s="6"/>
    </row>
    <row r="2419" spans="1:121" x14ac:dyDescent="0.2">
      <c r="A2419" s="6" t="s">
        <v>318</v>
      </c>
      <c r="B2419" s="6" t="s">
        <v>318</v>
      </c>
      <c r="C2419" s="6" t="s">
        <v>187</v>
      </c>
      <c r="D2419" s="6" t="s">
        <v>113</v>
      </c>
      <c r="E2419" s="6" t="s">
        <v>254</v>
      </c>
      <c r="F2419" s="11">
        <v>0</v>
      </c>
      <c r="G2419" s="13">
        <v>0</v>
      </c>
      <c r="H2419" s="11">
        <v>0</v>
      </c>
      <c r="I2419" s="13"/>
      <c r="J2419" s="11">
        <v>0</v>
      </c>
      <c r="K2419" s="13"/>
      <c r="L2419" s="11">
        <v>0</v>
      </c>
      <c r="M2419" s="13"/>
      <c r="N2419" s="11">
        <v>0</v>
      </c>
      <c r="O2419" s="13"/>
      <c r="P2419" s="7">
        <v>0</v>
      </c>
      <c r="Q2419" s="7">
        <v>0</v>
      </c>
      <c r="R2419" s="7">
        <v>0</v>
      </c>
      <c r="S2419" s="7">
        <v>0</v>
      </c>
      <c r="T2419" s="7">
        <v>0</v>
      </c>
      <c r="U2419" s="7">
        <v>0</v>
      </c>
      <c r="V2419" s="7">
        <v>0</v>
      </c>
      <c r="W2419" s="7">
        <v>0</v>
      </c>
      <c r="X2419" s="7">
        <v>0</v>
      </c>
      <c r="Y2419" s="7">
        <v>0</v>
      </c>
      <c r="Z2419" s="7">
        <v>0</v>
      </c>
      <c r="AA2419" s="7">
        <v>0</v>
      </c>
      <c r="AB2419" s="7">
        <v>0</v>
      </c>
      <c r="AC2419" s="7">
        <v>0</v>
      </c>
      <c r="AD2419" s="7">
        <v>0</v>
      </c>
      <c r="AE2419" s="7">
        <v>0</v>
      </c>
      <c r="AF2419" s="7">
        <v>0</v>
      </c>
      <c r="AG2419" s="9">
        <v>0</v>
      </c>
      <c r="AH2419" s="13"/>
      <c r="AI2419" s="9">
        <v>0</v>
      </c>
      <c r="AJ2419" s="13"/>
      <c r="AK2419" s="9">
        <v>0</v>
      </c>
      <c r="AL2419" s="13"/>
      <c r="AM2419" s="9">
        <v>0</v>
      </c>
      <c r="AN2419" s="13"/>
      <c r="AO2419" s="9">
        <v>0</v>
      </c>
      <c r="AP2419" s="13"/>
      <c r="AQ2419" s="9">
        <v>0</v>
      </c>
      <c r="AR2419" s="9">
        <v>0</v>
      </c>
      <c r="AS2419" s="9">
        <v>0</v>
      </c>
      <c r="AT2419" s="9">
        <v>0</v>
      </c>
      <c r="AU2419" s="9">
        <v>0</v>
      </c>
      <c r="AV2419" s="9">
        <v>0</v>
      </c>
      <c r="AW2419" s="9">
        <v>0</v>
      </c>
      <c r="AX2419" s="9">
        <v>0</v>
      </c>
      <c r="AY2419" s="9">
        <v>0</v>
      </c>
      <c r="AZ2419" s="9">
        <v>0</v>
      </c>
      <c r="BA2419" s="9">
        <v>0</v>
      </c>
      <c r="BB2419" s="9">
        <v>0</v>
      </c>
      <c r="BC2419" s="9">
        <v>0</v>
      </c>
      <c r="BD2419" s="9">
        <v>0</v>
      </c>
      <c r="BE2419" s="9">
        <v>0</v>
      </c>
      <c r="BF2419" s="9">
        <v>0</v>
      </c>
      <c r="BG2419" s="11">
        <v>0</v>
      </c>
      <c r="BH2419" s="13" t="e">
        <v>#DIV/0!</v>
      </c>
      <c r="BI2419" s="6">
        <v>0</v>
      </c>
      <c r="BJ2419" s="13" t="e">
        <v>#DIV/0!</v>
      </c>
      <c r="BK2419" s="6">
        <v>0</v>
      </c>
      <c r="BL2419" s="13" t="e">
        <v>#DIV/0!</v>
      </c>
      <c r="BM2419" s="11">
        <v>0</v>
      </c>
      <c r="BN2419" s="13" t="e">
        <v>#DIV/0!</v>
      </c>
      <c r="BO2419" s="11">
        <v>0</v>
      </c>
      <c r="BP2419" s="13" t="e">
        <v>#DIV/0!</v>
      </c>
      <c r="BQ2419" s="6">
        <v>0</v>
      </c>
      <c r="BR2419" s="6">
        <v>0</v>
      </c>
      <c r="BS2419" s="6">
        <v>0</v>
      </c>
      <c r="BT2419" s="6">
        <v>0</v>
      </c>
      <c r="BU2419" s="6">
        <v>0</v>
      </c>
      <c r="BV2419" s="6">
        <v>0</v>
      </c>
      <c r="BW2419" s="6">
        <v>0</v>
      </c>
      <c r="BX2419" s="6">
        <v>0</v>
      </c>
      <c r="BY2419" s="6">
        <v>0</v>
      </c>
      <c r="BZ2419" s="6">
        <v>0</v>
      </c>
      <c r="CA2419" s="6">
        <v>0</v>
      </c>
      <c r="CB2419" s="6">
        <v>0</v>
      </c>
      <c r="CC2419" s="11">
        <v>0</v>
      </c>
      <c r="CD2419" s="11">
        <v>0</v>
      </c>
      <c r="CE2419" s="11">
        <v>0</v>
      </c>
      <c r="CF2419" s="11">
        <v>0</v>
      </c>
      <c r="CG2419" s="11">
        <v>0</v>
      </c>
      <c r="CH2419" s="20">
        <v>0</v>
      </c>
      <c r="CI2419" s="20">
        <v>0</v>
      </c>
      <c r="CJ2419" s="20">
        <v>0</v>
      </c>
      <c r="CK2419" s="20">
        <v>0</v>
      </c>
      <c r="CL2419" s="20">
        <v>0</v>
      </c>
      <c r="CM2419" s="20">
        <v>0</v>
      </c>
      <c r="CN2419" s="20">
        <v>0</v>
      </c>
      <c r="CO2419" s="20">
        <v>0</v>
      </c>
      <c r="CP2419" s="20">
        <v>0</v>
      </c>
      <c r="CQ2419" s="20">
        <v>0</v>
      </c>
      <c r="CR2419" s="20">
        <v>0</v>
      </c>
      <c r="CS2419" s="20">
        <v>0</v>
      </c>
      <c r="CT2419" s="20">
        <v>0</v>
      </c>
      <c r="CU2419" s="20">
        <v>0</v>
      </c>
      <c r="CV2419" s="20">
        <v>0</v>
      </c>
      <c r="CW2419" s="20">
        <v>0</v>
      </c>
      <c r="CX2419" s="20">
        <v>0</v>
      </c>
      <c r="CY2419" s="6" t="s">
        <v>737</v>
      </c>
      <c r="CZ2419" s="6" t="s">
        <v>738</v>
      </c>
      <c r="DA2419" s="6" t="s">
        <v>113</v>
      </c>
      <c r="DB2419" s="6"/>
      <c r="DC2419" s="6"/>
      <c r="DD2419" s="6"/>
      <c r="DE2419" s="6"/>
      <c r="DF2419" s="6"/>
      <c r="DG2419" s="6"/>
      <c r="DH2419" s="6" t="s">
        <v>333</v>
      </c>
      <c r="DI2419" s="6"/>
      <c r="DJ2419" s="6"/>
      <c r="DK2419" s="6"/>
      <c r="DL2419" s="6">
        <v>10</v>
      </c>
      <c r="DM2419" s="6" t="s">
        <v>383</v>
      </c>
      <c r="DN2419" s="6">
        <v>9</v>
      </c>
      <c r="DO2419" s="6" t="s">
        <v>384</v>
      </c>
      <c r="DP2419" s="6"/>
      <c r="DQ2419" s="6"/>
    </row>
    <row r="2420" spans="1:121" x14ac:dyDescent="0.2">
      <c r="A2420" s="6" t="s">
        <v>319</v>
      </c>
      <c r="B2420" s="6" t="s">
        <v>319</v>
      </c>
      <c r="C2420" s="6" t="s">
        <v>188</v>
      </c>
      <c r="D2420" s="6" t="s">
        <v>113</v>
      </c>
      <c r="E2420" s="6" t="s">
        <v>254</v>
      </c>
      <c r="F2420" s="11">
        <v>3</v>
      </c>
      <c r="G2420" s="13">
        <v>0.25</v>
      </c>
      <c r="H2420" s="11">
        <v>5.9862600033999982</v>
      </c>
      <c r="I2420" s="13">
        <v>0.51058972768185507</v>
      </c>
      <c r="J2420" s="11">
        <v>-7.2820868307999991</v>
      </c>
      <c r="K2420" s="13">
        <v>-0.41117416906024951</v>
      </c>
      <c r="L2420" s="11">
        <v>4.2949490678000011</v>
      </c>
      <c r="M2420" s="13">
        <v>0.41185195775850991</v>
      </c>
      <c r="N2420" s="11">
        <v>-2.987137762999998</v>
      </c>
      <c r="O2420" s="13">
        <v>-0.16866509780893188</v>
      </c>
      <c r="P2420" s="7">
        <v>11.7242076737</v>
      </c>
      <c r="Q2420" s="7">
        <v>14.3273218204</v>
      </c>
      <c r="R2420" s="7">
        <v>14.5663797769</v>
      </c>
      <c r="S2420" s="7">
        <v>10.8306393234</v>
      </c>
      <c r="T2420" s="7">
        <v>5</v>
      </c>
      <c r="U2420" s="7">
        <v>19.239206966800001</v>
      </c>
      <c r="V2420" s="7">
        <v>17.710467677099999</v>
      </c>
      <c r="W2420" s="7">
        <v>18.525923950999999</v>
      </c>
      <c r="X2420" s="7">
        <v>13.7795360401</v>
      </c>
      <c r="Y2420" s="7">
        <v>10.4283808463</v>
      </c>
      <c r="Z2420" s="7">
        <v>15.739987234599999</v>
      </c>
      <c r="AA2420" s="7">
        <v>13.6004631983</v>
      </c>
      <c r="AB2420" s="7">
        <v>14.306134439599999</v>
      </c>
      <c r="AC2420" s="7">
        <v>14.9965948611</v>
      </c>
      <c r="AD2420" s="7">
        <v>14.5714449017</v>
      </c>
      <c r="AE2420" s="7">
        <v>14.2702301475</v>
      </c>
      <c r="AF2420" s="7">
        <v>14.723329914100001</v>
      </c>
      <c r="AG2420" s="9">
        <v>7627.1734529200003</v>
      </c>
      <c r="AH2420" s="13">
        <v>0.921331079201131</v>
      </c>
      <c r="AI2420" s="9">
        <v>4644.2876554200011</v>
      </c>
      <c r="AJ2420" s="13">
        <v>0.56101078389012493</v>
      </c>
      <c r="AK2420" s="9">
        <v>-975.88770520000071</v>
      </c>
      <c r="AL2420" s="13">
        <v>-7.5517228295571157E-2</v>
      </c>
      <c r="AM2420" s="9">
        <v>3958.7735026999999</v>
      </c>
      <c r="AN2420" s="13">
        <v>0.33136606281561859</v>
      </c>
      <c r="AO2420" s="9">
        <v>2982.8857974999992</v>
      </c>
      <c r="AP2420" s="13">
        <v>0.23082498790499581</v>
      </c>
      <c r="AQ2420" s="9">
        <v>8278.4284879799998</v>
      </c>
      <c r="AR2420" s="9">
        <v>10528.4443431</v>
      </c>
      <c r="AS2420" s="9">
        <v>15010.282206899999</v>
      </c>
      <c r="AT2420" s="9">
        <v>8996.3163228699996</v>
      </c>
      <c r="AU2420" s="9">
        <v>1</v>
      </c>
      <c r="AV2420" s="9">
        <v>12577.1636538</v>
      </c>
      <c r="AW2420" s="9">
        <v>12922.716143400001</v>
      </c>
      <c r="AX2420" s="9">
        <v>14201.3994719</v>
      </c>
      <c r="AY2420" s="9">
        <v>12242.2413899</v>
      </c>
      <c r="AZ2420" s="9">
        <v>11946.8284382</v>
      </c>
      <c r="BA2420" s="9">
        <v>20428.601937200001</v>
      </c>
      <c r="BB2420" s="9">
        <v>14552.2495817</v>
      </c>
      <c r="BC2420" s="9">
        <v>14963.8181324</v>
      </c>
      <c r="BD2420" s="9">
        <v>11393.5008657</v>
      </c>
      <c r="BE2420" s="9">
        <v>16686.892816399999</v>
      </c>
      <c r="BF2420" s="9">
        <v>15905.6019409</v>
      </c>
      <c r="BG2420" s="11">
        <v>1</v>
      </c>
      <c r="BH2420" s="13">
        <v>0.5</v>
      </c>
      <c r="BI2420" s="6">
        <v>0</v>
      </c>
      <c r="BJ2420" s="13">
        <v>0</v>
      </c>
      <c r="BK2420" s="6">
        <v>0</v>
      </c>
      <c r="BL2420" s="13">
        <v>0</v>
      </c>
      <c r="BM2420" s="11">
        <v>1</v>
      </c>
      <c r="BN2420" s="13">
        <v>0.5</v>
      </c>
      <c r="BO2420" s="11">
        <v>1</v>
      </c>
      <c r="BP2420" s="13">
        <v>0.5</v>
      </c>
      <c r="BQ2420" s="6">
        <v>2</v>
      </c>
      <c r="BR2420" s="6">
        <v>1</v>
      </c>
      <c r="BS2420" s="6">
        <v>2</v>
      </c>
      <c r="BT2420" s="6">
        <v>2</v>
      </c>
      <c r="BU2420" s="6">
        <v>2</v>
      </c>
      <c r="BV2420" s="6">
        <v>2</v>
      </c>
      <c r="BW2420" s="6">
        <v>2</v>
      </c>
      <c r="BX2420" s="6">
        <v>3</v>
      </c>
      <c r="BY2420" s="6">
        <v>3</v>
      </c>
      <c r="BZ2420" s="6">
        <v>2</v>
      </c>
      <c r="CA2420" s="6">
        <v>2</v>
      </c>
      <c r="CB2420" s="6">
        <v>3</v>
      </c>
      <c r="CC2420" s="11">
        <v>3</v>
      </c>
      <c r="CD2420" s="11">
        <v>0.66266800000000003</v>
      </c>
      <c r="CE2420" s="11">
        <v>1.0548599999999999</v>
      </c>
      <c r="CF2420" s="11">
        <v>1.2816000000000001</v>
      </c>
      <c r="CG2420" s="11">
        <v>2</v>
      </c>
      <c r="CH2420" s="20">
        <v>0.33107700000000001</v>
      </c>
      <c r="CI2420" s="20">
        <v>0.41868899999999998</v>
      </c>
      <c r="CJ2420" s="20">
        <v>0.41138799999999998</v>
      </c>
      <c r="CK2420" s="20">
        <v>0.30819200000000002</v>
      </c>
      <c r="CL2420" s="20">
        <v>0.17563999999999999</v>
      </c>
      <c r="CM2420" s="20">
        <v>0.51645200000000002</v>
      </c>
      <c r="CN2420" s="20">
        <v>0.480489</v>
      </c>
      <c r="CO2420" s="20">
        <v>0.54235800000000001</v>
      </c>
      <c r="CP2420" s="20">
        <v>0.43708399999999997</v>
      </c>
      <c r="CQ2420" s="20">
        <v>0.31884200000000001</v>
      </c>
      <c r="CR2420" s="20">
        <v>0.48188500000000001</v>
      </c>
      <c r="CS2420" s="20">
        <v>0.40950999999999999</v>
      </c>
      <c r="CT2420" s="20">
        <v>0.39363300000000001</v>
      </c>
      <c r="CU2420" s="20">
        <v>0.43135400000000002</v>
      </c>
      <c r="CV2420" s="20">
        <v>0.47290399999999999</v>
      </c>
      <c r="CW2420" s="20">
        <v>0.46512500000000001</v>
      </c>
      <c r="CX2420" s="20">
        <v>0.47634399999999999</v>
      </c>
      <c r="CY2420" s="6" t="s">
        <v>737</v>
      </c>
      <c r="CZ2420" s="6" t="s">
        <v>738</v>
      </c>
      <c r="DA2420" s="6" t="s">
        <v>113</v>
      </c>
      <c r="DB2420" s="6"/>
      <c r="DC2420" s="6"/>
      <c r="DD2420" s="6"/>
      <c r="DE2420" s="6"/>
      <c r="DF2420" s="6"/>
      <c r="DG2420" s="6"/>
      <c r="DH2420" s="6" t="s">
        <v>333</v>
      </c>
      <c r="DI2420" s="6"/>
      <c r="DJ2420" s="6"/>
      <c r="DK2420" s="6"/>
      <c r="DL2420" s="6">
        <v>10</v>
      </c>
      <c r="DM2420" s="6" t="s">
        <v>383</v>
      </c>
      <c r="DN2420" s="6">
        <v>9</v>
      </c>
      <c r="DO2420" s="6" t="s">
        <v>384</v>
      </c>
      <c r="DP2420" s="6"/>
      <c r="DQ2420" s="6"/>
    </row>
    <row r="2421" spans="1:121" x14ac:dyDescent="0.2">
      <c r="A2421" s="6" t="s">
        <v>320</v>
      </c>
      <c r="B2421" s="6" t="s">
        <v>320</v>
      </c>
      <c r="C2421" s="6" t="s">
        <v>189</v>
      </c>
      <c r="D2421" s="6" t="s">
        <v>113</v>
      </c>
      <c r="E2421" s="6" t="s">
        <v>254</v>
      </c>
      <c r="F2421" s="11">
        <v>0</v>
      </c>
      <c r="G2421" s="13">
        <v>0</v>
      </c>
      <c r="H2421" s="11">
        <v>0</v>
      </c>
      <c r="I2421" s="13"/>
      <c r="J2421" s="11">
        <v>0</v>
      </c>
      <c r="K2421" s="13"/>
      <c r="L2421" s="11">
        <v>0</v>
      </c>
      <c r="M2421" s="13"/>
      <c r="N2421" s="11">
        <v>0</v>
      </c>
      <c r="O2421" s="13"/>
      <c r="P2421" s="7">
        <v>0</v>
      </c>
      <c r="Q2421" s="7">
        <v>0</v>
      </c>
      <c r="R2421" s="7">
        <v>0</v>
      </c>
      <c r="S2421" s="7">
        <v>0</v>
      </c>
      <c r="T2421" s="7">
        <v>0</v>
      </c>
      <c r="U2421" s="7">
        <v>0</v>
      </c>
      <c r="V2421" s="7">
        <v>0</v>
      </c>
      <c r="W2421" s="7">
        <v>0</v>
      </c>
      <c r="X2421" s="7">
        <v>0</v>
      </c>
      <c r="Y2421" s="7">
        <v>0</v>
      </c>
      <c r="Z2421" s="7">
        <v>0</v>
      </c>
      <c r="AA2421" s="7">
        <v>0</v>
      </c>
      <c r="AB2421" s="7">
        <v>0</v>
      </c>
      <c r="AC2421" s="7">
        <v>0</v>
      </c>
      <c r="AD2421" s="7">
        <v>0</v>
      </c>
      <c r="AE2421" s="7">
        <v>0</v>
      </c>
      <c r="AF2421" s="7">
        <v>0</v>
      </c>
      <c r="AG2421" s="9">
        <v>0</v>
      </c>
      <c r="AH2421" s="13"/>
      <c r="AI2421" s="9">
        <v>0</v>
      </c>
      <c r="AJ2421" s="13"/>
      <c r="AK2421" s="9">
        <v>0</v>
      </c>
      <c r="AL2421" s="13"/>
      <c r="AM2421" s="9">
        <v>0</v>
      </c>
      <c r="AN2421" s="13"/>
      <c r="AO2421" s="9">
        <v>0</v>
      </c>
      <c r="AP2421" s="13"/>
      <c r="AQ2421" s="9">
        <v>0</v>
      </c>
      <c r="AR2421" s="9">
        <v>0</v>
      </c>
      <c r="AS2421" s="9">
        <v>0</v>
      </c>
      <c r="AT2421" s="9">
        <v>0</v>
      </c>
      <c r="AU2421" s="9">
        <v>0</v>
      </c>
      <c r="AV2421" s="9">
        <v>0</v>
      </c>
      <c r="AW2421" s="9">
        <v>0</v>
      </c>
      <c r="AX2421" s="9">
        <v>0</v>
      </c>
      <c r="AY2421" s="9">
        <v>0</v>
      </c>
      <c r="AZ2421" s="9">
        <v>0</v>
      </c>
      <c r="BA2421" s="9">
        <v>0</v>
      </c>
      <c r="BB2421" s="9">
        <v>0</v>
      </c>
      <c r="BC2421" s="9">
        <v>0</v>
      </c>
      <c r="BD2421" s="9">
        <v>0</v>
      </c>
      <c r="BE2421" s="9">
        <v>0</v>
      </c>
      <c r="BF2421" s="9">
        <v>0</v>
      </c>
      <c r="BG2421" s="11">
        <v>0</v>
      </c>
      <c r="BH2421" s="13" t="e">
        <v>#DIV/0!</v>
      </c>
      <c r="BI2421" s="6">
        <v>0</v>
      </c>
      <c r="BJ2421" s="13" t="e">
        <v>#DIV/0!</v>
      </c>
      <c r="BK2421" s="6">
        <v>0</v>
      </c>
      <c r="BL2421" s="13" t="e">
        <v>#DIV/0!</v>
      </c>
      <c r="BM2421" s="11">
        <v>0</v>
      </c>
      <c r="BN2421" s="13" t="e">
        <v>#DIV/0!</v>
      </c>
      <c r="BO2421" s="11">
        <v>0</v>
      </c>
      <c r="BP2421" s="13" t="e">
        <v>#DIV/0!</v>
      </c>
      <c r="BQ2421" s="6">
        <v>0</v>
      </c>
      <c r="BR2421" s="6">
        <v>0</v>
      </c>
      <c r="BS2421" s="6">
        <v>0</v>
      </c>
      <c r="BT2421" s="6">
        <v>0</v>
      </c>
      <c r="BU2421" s="6">
        <v>0</v>
      </c>
      <c r="BV2421" s="6">
        <v>0</v>
      </c>
      <c r="BW2421" s="6">
        <v>0</v>
      </c>
      <c r="BX2421" s="6">
        <v>0</v>
      </c>
      <c r="BY2421" s="6">
        <v>0</v>
      </c>
      <c r="BZ2421" s="6">
        <v>0</v>
      </c>
      <c r="CA2421" s="6">
        <v>0</v>
      </c>
      <c r="CB2421" s="6">
        <v>0</v>
      </c>
      <c r="CC2421" s="11">
        <v>0</v>
      </c>
      <c r="CD2421" s="11">
        <v>0</v>
      </c>
      <c r="CE2421" s="11">
        <v>0</v>
      </c>
      <c r="CF2421" s="11">
        <v>0</v>
      </c>
      <c r="CG2421" s="11">
        <v>0</v>
      </c>
      <c r="CH2421" s="20">
        <v>0</v>
      </c>
      <c r="CI2421" s="20">
        <v>0</v>
      </c>
      <c r="CJ2421" s="20">
        <v>0</v>
      </c>
      <c r="CK2421" s="20">
        <v>0</v>
      </c>
      <c r="CL2421" s="20">
        <v>0</v>
      </c>
      <c r="CM2421" s="20">
        <v>0</v>
      </c>
      <c r="CN2421" s="20">
        <v>0</v>
      </c>
      <c r="CO2421" s="20">
        <v>0</v>
      </c>
      <c r="CP2421" s="20">
        <v>0</v>
      </c>
      <c r="CQ2421" s="20">
        <v>0</v>
      </c>
      <c r="CR2421" s="20">
        <v>0</v>
      </c>
      <c r="CS2421" s="20">
        <v>0</v>
      </c>
      <c r="CT2421" s="20">
        <v>0</v>
      </c>
      <c r="CU2421" s="20">
        <v>0</v>
      </c>
      <c r="CV2421" s="20">
        <v>0</v>
      </c>
      <c r="CW2421" s="20">
        <v>0</v>
      </c>
      <c r="CX2421" s="20">
        <v>0</v>
      </c>
      <c r="CY2421" s="6" t="s">
        <v>737</v>
      </c>
      <c r="CZ2421" s="6" t="s">
        <v>738</v>
      </c>
      <c r="DA2421" s="6" t="s">
        <v>113</v>
      </c>
      <c r="DB2421" s="6"/>
      <c r="DC2421" s="6"/>
      <c r="DD2421" s="6"/>
      <c r="DE2421" s="6"/>
      <c r="DF2421" s="6"/>
      <c r="DG2421" s="6"/>
      <c r="DH2421" s="6" t="s">
        <v>333</v>
      </c>
      <c r="DI2421" s="6"/>
      <c r="DJ2421" s="6"/>
      <c r="DK2421" s="6"/>
      <c r="DL2421" s="6">
        <v>10</v>
      </c>
      <c r="DM2421" s="6" t="s">
        <v>383</v>
      </c>
      <c r="DN2421" s="6">
        <v>9</v>
      </c>
      <c r="DO2421" s="6" t="s">
        <v>384</v>
      </c>
      <c r="DP2421" s="6"/>
      <c r="DQ2421" s="6"/>
    </row>
    <row r="2422" spans="1:121" x14ac:dyDescent="0.2">
      <c r="A2422" s="6" t="s">
        <v>321</v>
      </c>
      <c r="B2422" s="6" t="s">
        <v>321</v>
      </c>
      <c r="C2422" s="6" t="s">
        <v>190</v>
      </c>
      <c r="D2422" s="6" t="s">
        <v>113</v>
      </c>
      <c r="E2422" s="6" t="s">
        <v>254</v>
      </c>
      <c r="F2422" s="11">
        <v>-15</v>
      </c>
      <c r="G2422" s="13">
        <v>-0.36585365853700003</v>
      </c>
      <c r="H2422" s="11">
        <v>-0.18610620230000308</v>
      </c>
      <c r="I2422" s="13">
        <v>-4.5703219831559555E-3</v>
      </c>
      <c r="J2422" s="11">
        <v>6.2929452561999994</v>
      </c>
      <c r="K2422" s="13">
        <v>0.15524918163852233</v>
      </c>
      <c r="L2422" s="11">
        <v>-20.747722137899999</v>
      </c>
      <c r="M2422" s="13">
        <v>-0.44306772921694559</v>
      </c>
      <c r="N2422" s="11">
        <v>-14.454776881699999</v>
      </c>
      <c r="O2422" s="13">
        <v>-0.35660444994979246</v>
      </c>
      <c r="P2422" s="7">
        <v>40.720588830700002</v>
      </c>
      <c r="Q2422" s="7">
        <v>40.5486112014</v>
      </c>
      <c r="R2422" s="7">
        <v>40.505930022500003</v>
      </c>
      <c r="S2422" s="7">
        <v>35.104257993899999</v>
      </c>
      <c r="T2422" s="7">
        <v>38.348211986499997</v>
      </c>
      <c r="U2422" s="7">
        <v>38.992836400000002</v>
      </c>
      <c r="V2422" s="7">
        <v>40.534482628399999</v>
      </c>
      <c r="W2422" s="7">
        <v>42.286627641800003</v>
      </c>
      <c r="X2422" s="7">
        <v>46.237293389800001</v>
      </c>
      <c r="Y2422" s="7">
        <v>46.827427884599999</v>
      </c>
      <c r="Z2422" s="7">
        <v>36.633318102799997</v>
      </c>
      <c r="AA2422" s="7">
        <v>35.134180320699997</v>
      </c>
      <c r="AB2422" s="7">
        <v>36.038559220700002</v>
      </c>
      <c r="AC2422" s="7">
        <v>29.552380605700002</v>
      </c>
      <c r="AD2422" s="7">
        <v>27.704752752800001</v>
      </c>
      <c r="AE2422" s="7">
        <v>26.988055592399999</v>
      </c>
      <c r="AF2422" s="7">
        <v>26.0797057467</v>
      </c>
      <c r="AG2422" s="9">
        <v>8970.0635581999995</v>
      </c>
      <c r="AH2422" s="13">
        <v>0.45350689454019338</v>
      </c>
      <c r="AI2422" s="9">
        <v>2243.7480529999993</v>
      </c>
      <c r="AJ2422" s="13">
        <v>0.11343901913787836</v>
      </c>
      <c r="AK2422" s="9">
        <v>-3315.8718950000002</v>
      </c>
      <c r="AL2422" s="13">
        <v>-0.15056349270504321</v>
      </c>
      <c r="AM2422" s="9">
        <v>10042.1874002</v>
      </c>
      <c r="AN2422" s="13">
        <v>0.53680844117907001</v>
      </c>
      <c r="AO2422" s="9">
        <v>6726.3155052000002</v>
      </c>
      <c r="AP2422" s="13">
        <v>0.30542119465655626</v>
      </c>
      <c r="AQ2422" s="9">
        <v>19779.332279599999</v>
      </c>
      <c r="AR2422" s="9">
        <v>19239.9458767</v>
      </c>
      <c r="AS2422" s="9">
        <v>19979.828676100002</v>
      </c>
      <c r="AT2422" s="9">
        <v>19823.056364299999</v>
      </c>
      <c r="AU2422" s="9">
        <v>25561.2731676</v>
      </c>
      <c r="AV2422" s="9">
        <v>25479.651285700002</v>
      </c>
      <c r="AW2422" s="9">
        <v>22023.080332599999</v>
      </c>
      <c r="AX2422" s="9">
        <v>20831.661056600002</v>
      </c>
      <c r="AY2422" s="9">
        <v>19481.123997800001</v>
      </c>
      <c r="AZ2422" s="9">
        <v>18707.208437599998</v>
      </c>
      <c r="BA2422" s="9">
        <v>18557.127074799999</v>
      </c>
      <c r="BB2422" s="9">
        <v>21584.2814989</v>
      </c>
      <c r="BC2422" s="9">
        <v>22762.543135200001</v>
      </c>
      <c r="BD2422" s="9">
        <v>23273.119684400001</v>
      </c>
      <c r="BE2422" s="9">
        <v>28257.278263299999</v>
      </c>
      <c r="BF2422" s="9">
        <v>28749.395837799999</v>
      </c>
      <c r="BG2422" s="11">
        <v>2</v>
      </c>
      <c r="BH2422" s="13">
        <v>0.33333333333333331</v>
      </c>
      <c r="BI2422" s="6">
        <v>0</v>
      </c>
      <c r="BJ2422" s="13">
        <v>0</v>
      </c>
      <c r="BK2422" s="6">
        <v>1</v>
      </c>
      <c r="BL2422" s="13">
        <v>0.16666666666666666</v>
      </c>
      <c r="BM2422" s="11">
        <v>1</v>
      </c>
      <c r="BN2422" s="13">
        <v>0.14285714285714285</v>
      </c>
      <c r="BO2422" s="11">
        <v>2</v>
      </c>
      <c r="BP2422" s="13">
        <v>0.33333333333333331</v>
      </c>
      <c r="BQ2422" s="6">
        <v>6</v>
      </c>
      <c r="BR2422" s="6">
        <v>6</v>
      </c>
      <c r="BS2422" s="6">
        <v>7</v>
      </c>
      <c r="BT2422" s="6">
        <v>6</v>
      </c>
      <c r="BU2422" s="6">
        <v>6</v>
      </c>
      <c r="BV2422" s="6">
        <v>7</v>
      </c>
      <c r="BW2422" s="6">
        <v>7</v>
      </c>
      <c r="BX2422" s="6">
        <v>7</v>
      </c>
      <c r="BY2422" s="6">
        <v>6</v>
      </c>
      <c r="BZ2422" s="6">
        <v>8</v>
      </c>
      <c r="CA2422" s="6">
        <v>7</v>
      </c>
      <c r="CB2422" s="6">
        <v>8</v>
      </c>
      <c r="CC2422" s="11">
        <v>8</v>
      </c>
      <c r="CD2422" s="11">
        <v>-33.921199999999999</v>
      </c>
      <c r="CE2422" s="11">
        <v>14.8291</v>
      </c>
      <c r="CF2422" s="11">
        <v>4.4512499999999999</v>
      </c>
      <c r="CG2422" s="11">
        <v>19</v>
      </c>
      <c r="CH2422" s="20">
        <v>0.69788300000000003</v>
      </c>
      <c r="CI2422" s="20">
        <v>0.69224200000000002</v>
      </c>
      <c r="CJ2422" s="20">
        <v>0.64788999999999997</v>
      </c>
      <c r="CK2422" s="20">
        <v>0.57272100000000004</v>
      </c>
      <c r="CL2422" s="20">
        <v>0.62761</v>
      </c>
      <c r="CM2422" s="20">
        <v>0.60797100000000004</v>
      </c>
      <c r="CN2422" s="20">
        <v>0.62740099999999999</v>
      </c>
      <c r="CO2422" s="20">
        <v>0.65864199999999995</v>
      </c>
      <c r="CP2422" s="20">
        <v>0.69611400000000001</v>
      </c>
      <c r="CQ2422" s="20">
        <v>0.688948</v>
      </c>
      <c r="CR2422" s="20">
        <v>0.55334300000000003</v>
      </c>
      <c r="CS2422" s="20">
        <v>0.51829800000000004</v>
      </c>
      <c r="CT2422" s="20">
        <v>0.48957800000000001</v>
      </c>
      <c r="CU2422" s="20">
        <v>0.42558200000000002</v>
      </c>
      <c r="CV2422" s="20">
        <v>0.45049699999999998</v>
      </c>
      <c r="CW2422" s="20">
        <v>0.43865599999999999</v>
      </c>
      <c r="CX2422" s="20">
        <v>0.416792</v>
      </c>
      <c r="CY2422" s="6" t="s">
        <v>737</v>
      </c>
      <c r="CZ2422" s="6" t="s">
        <v>738</v>
      </c>
      <c r="DA2422" s="6" t="s">
        <v>113</v>
      </c>
      <c r="DB2422" s="6"/>
      <c r="DC2422" s="6"/>
      <c r="DD2422" s="6"/>
      <c r="DE2422" s="6"/>
      <c r="DF2422" s="6"/>
      <c r="DG2422" s="6"/>
      <c r="DH2422" s="6" t="s">
        <v>333</v>
      </c>
      <c r="DI2422" s="6"/>
      <c r="DJ2422" s="6"/>
      <c r="DK2422" s="6"/>
      <c r="DL2422" s="6">
        <v>10</v>
      </c>
      <c r="DM2422" s="6" t="s">
        <v>383</v>
      </c>
      <c r="DN2422" s="6">
        <v>9</v>
      </c>
      <c r="DO2422" s="6" t="s">
        <v>384</v>
      </c>
      <c r="DP2422" s="6"/>
      <c r="DQ2422" s="6"/>
    </row>
    <row r="2423" spans="1:121" x14ac:dyDescent="0.2">
      <c r="A2423" s="6" t="s">
        <v>322</v>
      </c>
      <c r="B2423" s="6" t="s">
        <v>322</v>
      </c>
      <c r="C2423" s="6" t="s">
        <v>191</v>
      </c>
      <c r="D2423" s="6" t="s">
        <v>113</v>
      </c>
      <c r="E2423" s="6" t="s">
        <v>254</v>
      </c>
      <c r="F2423" s="11">
        <v>1</v>
      </c>
      <c r="G2423" s="13">
        <v>1</v>
      </c>
      <c r="H2423" s="11">
        <v>5</v>
      </c>
      <c r="I2423" s="13"/>
      <c r="J2423" s="11">
        <v>0</v>
      </c>
      <c r="K2423" s="13">
        <v>0</v>
      </c>
      <c r="L2423" s="11">
        <v>0</v>
      </c>
      <c r="M2423" s="13">
        <v>0</v>
      </c>
      <c r="N2423" s="11">
        <v>0</v>
      </c>
      <c r="O2423" s="13">
        <v>0</v>
      </c>
      <c r="P2423" s="7">
        <v>0</v>
      </c>
      <c r="Q2423" s="7">
        <v>0</v>
      </c>
      <c r="R2423" s="7">
        <v>0</v>
      </c>
      <c r="S2423" s="7">
        <v>0</v>
      </c>
      <c r="T2423" s="7">
        <v>5</v>
      </c>
      <c r="U2423" s="7">
        <v>5</v>
      </c>
      <c r="V2423" s="7">
        <v>5</v>
      </c>
      <c r="W2423" s="7">
        <v>5</v>
      </c>
      <c r="X2423" s="7">
        <v>5</v>
      </c>
      <c r="Y2423" s="7">
        <v>5</v>
      </c>
      <c r="Z2423" s="7">
        <v>5</v>
      </c>
      <c r="AA2423" s="7">
        <v>5</v>
      </c>
      <c r="AB2423" s="7">
        <v>5</v>
      </c>
      <c r="AC2423" s="7">
        <v>5</v>
      </c>
      <c r="AD2423" s="7">
        <v>5</v>
      </c>
      <c r="AE2423" s="7">
        <v>5</v>
      </c>
      <c r="AF2423" s="7">
        <v>5</v>
      </c>
      <c r="AG2423" s="9">
        <v>1</v>
      </c>
      <c r="AH2423" s="13"/>
      <c r="AI2423" s="9">
        <v>1</v>
      </c>
      <c r="AJ2423" s="13"/>
      <c r="AK2423" s="9">
        <v>0</v>
      </c>
      <c r="AL2423" s="13">
        <v>0</v>
      </c>
      <c r="AM2423" s="9">
        <v>0</v>
      </c>
      <c r="AN2423" s="13">
        <v>0</v>
      </c>
      <c r="AO2423" s="9">
        <v>0</v>
      </c>
      <c r="AP2423" s="13">
        <v>0</v>
      </c>
      <c r="AQ2423" s="9">
        <v>0</v>
      </c>
      <c r="AR2423" s="9">
        <v>0</v>
      </c>
      <c r="AS2423" s="9">
        <v>0</v>
      </c>
      <c r="AT2423" s="9">
        <v>0</v>
      </c>
      <c r="AU2423" s="9">
        <v>1</v>
      </c>
      <c r="AV2423" s="9">
        <v>1</v>
      </c>
      <c r="AW2423" s="9">
        <v>1</v>
      </c>
      <c r="AX2423" s="9">
        <v>1</v>
      </c>
      <c r="AY2423" s="9">
        <v>1</v>
      </c>
      <c r="AZ2423" s="9">
        <v>1</v>
      </c>
      <c r="BA2423" s="9">
        <v>1</v>
      </c>
      <c r="BB2423" s="9">
        <v>1</v>
      </c>
      <c r="BC2423" s="9">
        <v>1</v>
      </c>
      <c r="BD2423" s="9">
        <v>1</v>
      </c>
      <c r="BE2423" s="9">
        <v>1</v>
      </c>
      <c r="BF2423" s="9">
        <v>1</v>
      </c>
      <c r="BG2423" s="11">
        <v>0</v>
      </c>
      <c r="BH2423" s="13" t="e">
        <v>#DIV/0!</v>
      </c>
      <c r="BI2423" s="6">
        <v>0</v>
      </c>
      <c r="BJ2423" s="13" t="e">
        <v>#DIV/0!</v>
      </c>
      <c r="BK2423" s="6">
        <v>0</v>
      </c>
      <c r="BL2423" s="13" t="e">
        <v>#DIV/0!</v>
      </c>
      <c r="BM2423" s="11">
        <v>0</v>
      </c>
      <c r="BN2423" s="13" t="e">
        <v>#DIV/0!</v>
      </c>
      <c r="BO2423" s="11">
        <v>0</v>
      </c>
      <c r="BP2423" s="13" t="e">
        <v>#DIV/0!</v>
      </c>
      <c r="BQ2423" s="6">
        <v>0</v>
      </c>
      <c r="BR2423" s="6">
        <v>0</v>
      </c>
      <c r="BS2423" s="6">
        <v>0</v>
      </c>
      <c r="BT2423" s="6">
        <v>0</v>
      </c>
      <c r="BU2423" s="6">
        <v>0</v>
      </c>
      <c r="BV2423" s="6">
        <v>0</v>
      </c>
      <c r="BW2423" s="6">
        <v>0</v>
      </c>
      <c r="BX2423" s="6">
        <v>0</v>
      </c>
      <c r="BY2423" s="6">
        <v>0</v>
      </c>
      <c r="BZ2423" s="6">
        <v>0</v>
      </c>
      <c r="CA2423" s="6">
        <v>0</v>
      </c>
      <c r="CB2423" s="6">
        <v>0</v>
      </c>
      <c r="CC2423" s="11">
        <v>0</v>
      </c>
      <c r="CD2423" s="11">
        <v>2</v>
      </c>
      <c r="CE2423" s="11">
        <v>0</v>
      </c>
      <c r="CF2423" s="11">
        <v>0</v>
      </c>
      <c r="CG2423" s="11">
        <v>0</v>
      </c>
      <c r="CH2423" s="20">
        <v>0</v>
      </c>
      <c r="CI2423" s="20">
        <v>0</v>
      </c>
      <c r="CJ2423" s="20">
        <v>0</v>
      </c>
      <c r="CK2423" s="20">
        <v>0</v>
      </c>
      <c r="CL2423" s="20">
        <v>0.08</v>
      </c>
      <c r="CM2423" s="20">
        <v>0.08</v>
      </c>
      <c r="CN2423" s="20">
        <v>0.08</v>
      </c>
      <c r="CO2423" s="20">
        <v>0.06</v>
      </c>
      <c r="CP2423" s="20">
        <v>0.1</v>
      </c>
      <c r="CQ2423" s="20">
        <v>0.08</v>
      </c>
      <c r="CR2423" s="20">
        <v>7.0000000000000007E-2</v>
      </c>
      <c r="CS2423" s="20">
        <v>0.34</v>
      </c>
      <c r="CT2423" s="20">
        <v>0.32</v>
      </c>
      <c r="CU2423" s="20">
        <v>0.24</v>
      </c>
      <c r="CV2423" s="20">
        <v>0.26</v>
      </c>
      <c r="CW2423" s="20">
        <v>0.3</v>
      </c>
      <c r="CX2423" s="20">
        <v>0.32</v>
      </c>
      <c r="CY2423" s="6" t="s">
        <v>737</v>
      </c>
      <c r="CZ2423" s="6" t="s">
        <v>738</v>
      </c>
      <c r="DA2423" s="6" t="s">
        <v>113</v>
      </c>
      <c r="DB2423" s="6"/>
      <c r="DC2423" s="6"/>
      <c r="DD2423" s="6"/>
      <c r="DE2423" s="6"/>
      <c r="DF2423" s="6"/>
      <c r="DG2423" s="6"/>
      <c r="DH2423" s="6" t="s">
        <v>333</v>
      </c>
      <c r="DI2423" s="6"/>
      <c r="DJ2423" s="6"/>
      <c r="DK2423" s="6"/>
      <c r="DL2423" s="6">
        <v>10</v>
      </c>
      <c r="DM2423" s="6" t="s">
        <v>383</v>
      </c>
      <c r="DN2423" s="6">
        <v>9</v>
      </c>
      <c r="DO2423" s="6" t="s">
        <v>384</v>
      </c>
      <c r="DP2423" s="6"/>
      <c r="DQ2423" s="6"/>
    </row>
    <row r="2424" spans="1:121" x14ac:dyDescent="0.2">
      <c r="A2424" s="6" t="s">
        <v>323</v>
      </c>
      <c r="B2424" s="6" t="s">
        <v>323</v>
      </c>
      <c r="C2424" s="6" t="s">
        <v>192</v>
      </c>
      <c r="D2424" s="6" t="s">
        <v>113</v>
      </c>
      <c r="E2424" s="6" t="s">
        <v>254</v>
      </c>
      <c r="F2424" s="11">
        <v>-19</v>
      </c>
      <c r="G2424" s="13">
        <v>-0.55882352941199998</v>
      </c>
      <c r="H2424" s="11">
        <v>-13.402174228300002</v>
      </c>
      <c r="I2424" s="13">
        <v>-0.39337100653429513</v>
      </c>
      <c r="J2424" s="11">
        <v>6.5798929761000018</v>
      </c>
      <c r="K2424" s="13">
        <v>0.31836312131825267</v>
      </c>
      <c r="L2424" s="11">
        <v>-12.2802233271</v>
      </c>
      <c r="M2424" s="13">
        <v>-0.45068711634060982</v>
      </c>
      <c r="N2424" s="11">
        <v>-5.7003303509999981</v>
      </c>
      <c r="O2424" s="13">
        <v>-0.2758061521184762</v>
      </c>
      <c r="P2424" s="7">
        <v>34.0700611018</v>
      </c>
      <c r="Q2424" s="7">
        <v>29.750342493800002</v>
      </c>
      <c r="R2424" s="7">
        <v>31.797557999999999</v>
      </c>
      <c r="S2424" s="7">
        <v>20.879783</v>
      </c>
      <c r="T2424" s="7">
        <v>20.750501965400002</v>
      </c>
      <c r="U2424" s="7">
        <v>22.516002788800002</v>
      </c>
      <c r="V2424" s="7">
        <v>20.667886873499999</v>
      </c>
      <c r="W2424" s="7">
        <v>30.047888436499999</v>
      </c>
      <c r="X2424" s="7">
        <v>28.6536593095</v>
      </c>
      <c r="Y2424" s="7">
        <v>27.247779849600001</v>
      </c>
      <c r="Z2424" s="7">
        <v>26.7863272347</v>
      </c>
      <c r="AA2424" s="7">
        <v>24.050788139600002</v>
      </c>
      <c r="AB2424" s="7">
        <v>21.772213778899999</v>
      </c>
      <c r="AC2424" s="7">
        <v>14.502589731200001</v>
      </c>
      <c r="AD2424" s="7">
        <v>12.4634209348</v>
      </c>
      <c r="AE2424" s="7">
        <v>16.414934418200001</v>
      </c>
      <c r="AF2424" s="7">
        <v>14.967556522500001</v>
      </c>
      <c r="AG2424" s="9">
        <v>4394.7995375399996</v>
      </c>
      <c r="AH2424" s="13">
        <v>0.70945986394083937</v>
      </c>
      <c r="AI2424" s="9">
        <v>3602.2653247099997</v>
      </c>
      <c r="AJ2424" s="13">
        <v>0.58151973606925844</v>
      </c>
      <c r="AK2424" s="9">
        <v>-1188.2552845800001</v>
      </c>
      <c r="AL2424" s="13">
        <v>-0.1212896937928182</v>
      </c>
      <c r="AM2424" s="9">
        <v>1980.78949741</v>
      </c>
      <c r="AN2424" s="13">
        <v>0.23009477120820795</v>
      </c>
      <c r="AO2424" s="9">
        <v>792.53421282999989</v>
      </c>
      <c r="AP2424" s="13">
        <v>8.089695307221767E-2</v>
      </c>
      <c r="AQ2424" s="9">
        <v>6194.5710545600004</v>
      </c>
      <c r="AR2424" s="9">
        <v>5428.0792865599997</v>
      </c>
      <c r="AS2424" s="9">
        <v>3748.6368596900002</v>
      </c>
      <c r="AT2424" s="9">
        <v>4790.0744876299996</v>
      </c>
      <c r="AU2424" s="9">
        <v>6527.1158236000001</v>
      </c>
      <c r="AV2424" s="9">
        <v>9075.2452013500006</v>
      </c>
      <c r="AW2424" s="9">
        <v>9796.8363792700002</v>
      </c>
      <c r="AX2424" s="9">
        <v>9294.9106108600008</v>
      </c>
      <c r="AY2424" s="9">
        <v>8679.35773453</v>
      </c>
      <c r="AZ2424" s="9">
        <v>8608.5810946900001</v>
      </c>
      <c r="BA2424" s="9">
        <v>8764.4837656399995</v>
      </c>
      <c r="BB2424" s="9">
        <v>8412.2464321499992</v>
      </c>
      <c r="BC2424" s="9">
        <v>11287.590700299999</v>
      </c>
      <c r="BD2424" s="9">
        <v>16930.6466716</v>
      </c>
      <c r="BE2424" s="9">
        <v>11360.253304899999</v>
      </c>
      <c r="BF2424" s="9">
        <v>10589.3705921</v>
      </c>
      <c r="BG2424" s="11">
        <v>-2</v>
      </c>
      <c r="BH2424" s="13">
        <v>-0.4</v>
      </c>
      <c r="BI2424" s="6">
        <v>1</v>
      </c>
      <c r="BJ2424" s="13">
        <v>0.2</v>
      </c>
      <c r="BK2424" s="6">
        <v>-1</v>
      </c>
      <c r="BL2424" s="13">
        <v>-0.16666666666666666</v>
      </c>
      <c r="BM2424" s="11">
        <v>-2</v>
      </c>
      <c r="BN2424" s="13">
        <v>-0.4</v>
      </c>
      <c r="BO2424" s="11">
        <v>-3</v>
      </c>
      <c r="BP2424" s="13">
        <v>-0.5</v>
      </c>
      <c r="BQ2424" s="6">
        <v>5</v>
      </c>
      <c r="BR2424" s="6">
        <v>6</v>
      </c>
      <c r="BS2424" s="6">
        <v>6</v>
      </c>
      <c r="BT2424" s="6">
        <v>6</v>
      </c>
      <c r="BU2424" s="6">
        <v>6</v>
      </c>
      <c r="BV2424" s="6">
        <v>5</v>
      </c>
      <c r="BW2424" s="6">
        <v>5</v>
      </c>
      <c r="BX2424" s="6">
        <v>4</v>
      </c>
      <c r="BY2424" s="6">
        <v>5</v>
      </c>
      <c r="BZ2424" s="6">
        <v>5</v>
      </c>
      <c r="CA2424" s="6">
        <v>5</v>
      </c>
      <c r="CB2424" s="6">
        <v>3</v>
      </c>
      <c r="CC2424" s="11">
        <v>3</v>
      </c>
      <c r="CD2424" s="11">
        <v>-30.5745</v>
      </c>
      <c r="CE2424" s="11">
        <v>7.7477200000000002</v>
      </c>
      <c r="CF2424" s="11">
        <v>3.7242700000000002</v>
      </c>
      <c r="CG2424" s="11">
        <v>12</v>
      </c>
      <c r="CH2424" s="20">
        <v>0.78680300000000003</v>
      </c>
      <c r="CI2424" s="20">
        <v>0.70178600000000002</v>
      </c>
      <c r="CJ2424" s="20">
        <v>0.71136200000000005</v>
      </c>
      <c r="CK2424" s="20">
        <v>0.47396899999999997</v>
      </c>
      <c r="CL2424" s="20">
        <v>0.47215800000000002</v>
      </c>
      <c r="CM2424" s="20">
        <v>0.49002499999999999</v>
      </c>
      <c r="CN2424" s="20">
        <v>0.44902799999999998</v>
      </c>
      <c r="CO2424" s="20">
        <v>0.67196999999999996</v>
      </c>
      <c r="CP2424" s="20">
        <v>0.650084</v>
      </c>
      <c r="CQ2424" s="20">
        <v>0.61201700000000003</v>
      </c>
      <c r="CR2424" s="20">
        <v>0.61093900000000001</v>
      </c>
      <c r="CS2424" s="20">
        <v>0.53905000000000003</v>
      </c>
      <c r="CT2424" s="20">
        <v>0.44457799999999997</v>
      </c>
      <c r="CU2424" s="20">
        <v>0.31062000000000001</v>
      </c>
      <c r="CV2424" s="20">
        <v>0.29853000000000002</v>
      </c>
      <c r="CW2424" s="20">
        <v>0.39208700000000002</v>
      </c>
      <c r="CX2424" s="20">
        <v>0.35530099999999998</v>
      </c>
      <c r="CY2424" s="6" t="s">
        <v>737</v>
      </c>
      <c r="CZ2424" s="6" t="s">
        <v>738</v>
      </c>
      <c r="DA2424" s="6" t="s">
        <v>113</v>
      </c>
      <c r="DB2424" s="6"/>
      <c r="DC2424" s="6"/>
      <c r="DD2424" s="6"/>
      <c r="DE2424" s="6"/>
      <c r="DF2424" s="6"/>
      <c r="DG2424" s="6"/>
      <c r="DH2424" s="6" t="s">
        <v>333</v>
      </c>
      <c r="DI2424" s="6"/>
      <c r="DJ2424" s="6"/>
      <c r="DK2424" s="6"/>
      <c r="DL2424" s="6">
        <v>10</v>
      </c>
      <c r="DM2424" s="6" t="s">
        <v>383</v>
      </c>
      <c r="DN2424" s="6">
        <v>9</v>
      </c>
      <c r="DO2424" s="6" t="s">
        <v>384</v>
      </c>
      <c r="DP2424" s="6"/>
      <c r="DQ2424" s="6"/>
    </row>
    <row r="2425" spans="1:121" x14ac:dyDescent="0.2">
      <c r="A2425" s="6" t="s">
        <v>325</v>
      </c>
      <c r="B2425" s="6" t="s">
        <v>325</v>
      </c>
      <c r="C2425" s="6" t="s">
        <v>193</v>
      </c>
      <c r="D2425" s="6" t="s">
        <v>113</v>
      </c>
      <c r="E2425" s="6" t="s">
        <v>254</v>
      </c>
      <c r="F2425" s="11">
        <v>-22</v>
      </c>
      <c r="G2425" s="13">
        <v>-0.4</v>
      </c>
      <c r="H2425" s="11">
        <v>-3.8284684380999963</v>
      </c>
      <c r="I2425" s="13">
        <v>-6.9355824374613934E-2</v>
      </c>
      <c r="J2425" s="11">
        <v>-11.425257798800004</v>
      </c>
      <c r="K2425" s="13">
        <v>-0.22240278003794753</v>
      </c>
      <c r="L2425" s="11">
        <v>-6.9829073827999935</v>
      </c>
      <c r="M2425" s="13">
        <v>-0.17480577894961946</v>
      </c>
      <c r="N2425" s="11">
        <v>-18.408165181599998</v>
      </c>
      <c r="O2425" s="13">
        <v>-0.35833126778247271</v>
      </c>
      <c r="P2425" s="7">
        <v>55.200388325299997</v>
      </c>
      <c r="Q2425" s="7">
        <v>57.651109849000001</v>
      </c>
      <c r="R2425" s="7">
        <v>52.478715526099997</v>
      </c>
      <c r="S2425" s="7">
        <v>58.480711854299997</v>
      </c>
      <c r="T2425" s="7">
        <v>54.695386917299999</v>
      </c>
      <c r="U2425" s="7">
        <v>56.382325746600003</v>
      </c>
      <c r="V2425" s="7">
        <v>51.371919887200001</v>
      </c>
      <c r="W2425" s="7">
        <v>44.481743466099999</v>
      </c>
      <c r="X2425" s="7">
        <v>39.425006803599999</v>
      </c>
      <c r="Y2425" s="7">
        <v>39.946662088399997</v>
      </c>
      <c r="Z2425" s="7">
        <v>39.092163690900001</v>
      </c>
      <c r="AA2425" s="7">
        <v>37.790997579799999</v>
      </c>
      <c r="AB2425" s="7">
        <v>27.078714205800001</v>
      </c>
      <c r="AC2425" s="7">
        <v>33.465547516800001</v>
      </c>
      <c r="AD2425" s="7">
        <v>30.9422967177</v>
      </c>
      <c r="AE2425" s="7">
        <v>31.881998641799999</v>
      </c>
      <c r="AF2425" s="7">
        <v>32.963754705600003</v>
      </c>
      <c r="AG2425" s="9">
        <v>8983.690014400001</v>
      </c>
      <c r="AH2425" s="13">
        <v>0.66331749957228781</v>
      </c>
      <c r="AI2425" s="9">
        <v>3692.2008530000003</v>
      </c>
      <c r="AJ2425" s="13">
        <v>0.27261642307392081</v>
      </c>
      <c r="AK2425" s="9">
        <v>1403.2723635000002</v>
      </c>
      <c r="AL2425" s="13">
        <v>8.1416259473730435E-2</v>
      </c>
      <c r="AM2425" s="9">
        <v>3888.2167979000005</v>
      </c>
      <c r="AN2425" s="13">
        <v>0.20860597836850991</v>
      </c>
      <c r="AO2425" s="9">
        <v>5291.4891614000007</v>
      </c>
      <c r="AP2425" s="13">
        <v>0.30700615630486239</v>
      </c>
      <c r="AQ2425" s="9">
        <v>13543.574563</v>
      </c>
      <c r="AR2425" s="9">
        <v>16882.400934400001</v>
      </c>
      <c r="AS2425" s="9">
        <v>14098.2571742</v>
      </c>
      <c r="AT2425" s="9">
        <v>15126.914868899999</v>
      </c>
      <c r="AU2425" s="9">
        <v>15311.6894077</v>
      </c>
      <c r="AV2425" s="9">
        <v>16812.349973600001</v>
      </c>
      <c r="AW2425" s="9">
        <v>17235.775416</v>
      </c>
      <c r="AX2425" s="9">
        <v>17053.457611900001</v>
      </c>
      <c r="AY2425" s="9">
        <v>17716.4536353</v>
      </c>
      <c r="AZ2425" s="9">
        <v>18639.047779500001</v>
      </c>
      <c r="BA2425" s="9">
        <v>17463.4498288</v>
      </c>
      <c r="BB2425" s="9">
        <v>18988.4461825</v>
      </c>
      <c r="BC2425" s="9">
        <v>20230.772819500002</v>
      </c>
      <c r="BD2425" s="9">
        <v>18683.040155800001</v>
      </c>
      <c r="BE2425" s="9">
        <v>22240.838510900001</v>
      </c>
      <c r="BF2425" s="9">
        <v>22527.264577400001</v>
      </c>
      <c r="BG2425" s="11">
        <v>-4.25</v>
      </c>
      <c r="BH2425" s="13">
        <v>-0.53125</v>
      </c>
      <c r="BI2425" s="6">
        <v>-3</v>
      </c>
      <c r="BJ2425" s="13">
        <v>-0.375</v>
      </c>
      <c r="BK2425" s="6">
        <v>1</v>
      </c>
      <c r="BL2425" s="13">
        <v>0.2</v>
      </c>
      <c r="BM2425" s="11">
        <v>-2.25</v>
      </c>
      <c r="BN2425" s="13">
        <v>-0.375</v>
      </c>
      <c r="BO2425" s="11">
        <v>-1.25</v>
      </c>
      <c r="BP2425" s="13">
        <v>-0.25</v>
      </c>
      <c r="BQ2425" s="6">
        <v>8</v>
      </c>
      <c r="BR2425" s="6">
        <v>6</v>
      </c>
      <c r="BS2425" s="6">
        <v>7</v>
      </c>
      <c r="BT2425" s="6">
        <v>5</v>
      </c>
      <c r="BU2425" s="6">
        <v>4</v>
      </c>
      <c r="BV2425" s="6">
        <v>6</v>
      </c>
      <c r="BW2425" s="6">
        <v>6</v>
      </c>
      <c r="BX2425" s="6">
        <v>8</v>
      </c>
      <c r="BY2425" s="6">
        <v>9</v>
      </c>
      <c r="BZ2425" s="6">
        <v>2</v>
      </c>
      <c r="CA2425" s="6">
        <v>3</v>
      </c>
      <c r="CB2425" s="6">
        <v>3</v>
      </c>
      <c r="CC2425" s="11">
        <v>3.75</v>
      </c>
      <c r="CD2425" s="11">
        <v>-27.7624</v>
      </c>
      <c r="CE2425" s="11">
        <v>-0.50834299999999999</v>
      </c>
      <c r="CF2425" s="11">
        <v>6.0340699999999998</v>
      </c>
      <c r="CG2425" s="11">
        <v>5</v>
      </c>
      <c r="CH2425" s="20">
        <v>1.87673</v>
      </c>
      <c r="CI2425" s="20">
        <v>1.9938</v>
      </c>
      <c r="CJ2425" s="20">
        <v>1.7311300000000001</v>
      </c>
      <c r="CK2425" s="20">
        <v>1.9928600000000001</v>
      </c>
      <c r="CL2425" s="20">
        <v>1.8992899999999999</v>
      </c>
      <c r="CM2425" s="20">
        <v>1.89015</v>
      </c>
      <c r="CN2425" s="20">
        <v>1.7277199999999999</v>
      </c>
      <c r="CO2425" s="20">
        <v>1.5384100000000001</v>
      </c>
      <c r="CP2425" s="20">
        <v>1.35511</v>
      </c>
      <c r="CQ2425" s="20">
        <v>1.3694</v>
      </c>
      <c r="CR2425" s="20">
        <v>1.38066</v>
      </c>
      <c r="CS2425" s="20">
        <v>1.3217300000000001</v>
      </c>
      <c r="CT2425" s="20">
        <v>0.94122099999999997</v>
      </c>
      <c r="CU2425" s="20">
        <v>1.2331000000000001</v>
      </c>
      <c r="CV2425" s="20">
        <v>1.30026</v>
      </c>
      <c r="CW2425" s="20">
        <v>1.35022</v>
      </c>
      <c r="CX2425" s="20">
        <v>1.3997599999999999</v>
      </c>
      <c r="CY2425" s="6" t="s">
        <v>737</v>
      </c>
      <c r="CZ2425" s="6" t="s">
        <v>738</v>
      </c>
      <c r="DA2425" s="6" t="s">
        <v>113</v>
      </c>
      <c r="DB2425" s="6"/>
      <c r="DC2425" s="6"/>
      <c r="DD2425" s="6"/>
      <c r="DE2425" s="6"/>
      <c r="DF2425" s="6"/>
      <c r="DG2425" s="6"/>
      <c r="DH2425" s="6" t="s">
        <v>333</v>
      </c>
      <c r="DI2425" s="6"/>
      <c r="DJ2425" s="6"/>
      <c r="DK2425" s="6"/>
      <c r="DL2425" s="6">
        <v>10</v>
      </c>
      <c r="DM2425" s="6" t="s">
        <v>383</v>
      </c>
      <c r="DN2425" s="6">
        <v>9</v>
      </c>
      <c r="DO2425" s="6" t="s">
        <v>384</v>
      </c>
      <c r="DP2425" s="6"/>
      <c r="DQ2425" s="6"/>
    </row>
    <row r="2426" spans="1:121" x14ac:dyDescent="0.2">
      <c r="A2426" s="6" t="s">
        <v>327</v>
      </c>
      <c r="B2426" s="6" t="s">
        <v>327</v>
      </c>
      <c r="C2426" s="6" t="s">
        <v>194</v>
      </c>
      <c r="D2426" s="6" t="s">
        <v>113</v>
      </c>
      <c r="E2426" s="6" t="s">
        <v>254</v>
      </c>
      <c r="F2426" s="11">
        <v>-53</v>
      </c>
      <c r="G2426" s="13">
        <v>-0.234513274336</v>
      </c>
      <c r="H2426" s="11">
        <v>6.1766819999999996</v>
      </c>
      <c r="I2426" s="13">
        <v>2.7286229766353705E-2</v>
      </c>
      <c r="J2426" s="11">
        <v>-15.903373999999985</v>
      </c>
      <c r="K2426" s="13">
        <v>-6.8388975025903756E-2</v>
      </c>
      <c r="L2426" s="11">
        <v>-43.304022494000009</v>
      </c>
      <c r="M2426" s="13">
        <v>-0.19988971218259777</v>
      </c>
      <c r="N2426" s="11">
        <v>-59.207396493999994</v>
      </c>
      <c r="O2426" s="13">
        <v>-0.25460843467411071</v>
      </c>
      <c r="P2426" s="7">
        <v>226.36626799999999</v>
      </c>
      <c r="Q2426" s="7">
        <v>226.55482799999999</v>
      </c>
      <c r="R2426" s="7">
        <v>224.598005</v>
      </c>
      <c r="S2426" s="7">
        <v>229.13931400000001</v>
      </c>
      <c r="T2426" s="7">
        <v>230.28428</v>
      </c>
      <c r="U2426" s="7">
        <v>232.88015300000001</v>
      </c>
      <c r="V2426" s="7">
        <v>232.54294999999999</v>
      </c>
      <c r="W2426" s="7">
        <v>224.22845799999999</v>
      </c>
      <c r="X2426" s="7">
        <v>222.72404299999999</v>
      </c>
      <c r="Y2426" s="7">
        <v>216.63957600000001</v>
      </c>
      <c r="Z2426" s="7">
        <v>202.064008</v>
      </c>
      <c r="AA2426" s="7">
        <v>200.96838600000001</v>
      </c>
      <c r="AB2426" s="7">
        <v>189.87300500000001</v>
      </c>
      <c r="AC2426" s="7">
        <v>189.30950999999999</v>
      </c>
      <c r="AD2426" s="7">
        <v>187.845505</v>
      </c>
      <c r="AE2426" s="7">
        <v>179.19318150000001</v>
      </c>
      <c r="AF2426" s="7">
        <v>173.335553506</v>
      </c>
      <c r="AG2426" s="9">
        <v>11088.534268700001</v>
      </c>
      <c r="AH2426" s="13">
        <v>0.42802098856973358</v>
      </c>
      <c r="AI2426" s="9">
        <v>4091.8685804999986</v>
      </c>
      <c r="AJ2426" s="13">
        <v>0.15794744305086353</v>
      </c>
      <c r="AK2426" s="9">
        <v>4180.4073408999975</v>
      </c>
      <c r="AL2426" s="13">
        <v>0.13935439699147667</v>
      </c>
      <c r="AM2426" s="9">
        <v>2816.258347300005</v>
      </c>
      <c r="AN2426" s="13">
        <v>8.2397822321076231E-2</v>
      </c>
      <c r="AO2426" s="9">
        <v>6996.6656882000025</v>
      </c>
      <c r="AP2426" s="13">
        <v>0.2332347181555173</v>
      </c>
      <c r="AQ2426" s="9">
        <v>25906.519925000001</v>
      </c>
      <c r="AR2426" s="9">
        <v>26246.9178957</v>
      </c>
      <c r="AS2426" s="9">
        <v>28520.430161200002</v>
      </c>
      <c r="AT2426" s="9">
        <v>29000.305086</v>
      </c>
      <c r="AU2426" s="9">
        <v>28078.544808899998</v>
      </c>
      <c r="AV2426" s="9">
        <v>29152.8196154</v>
      </c>
      <c r="AW2426" s="9">
        <v>29998.388505499999</v>
      </c>
      <c r="AX2426" s="9">
        <v>31259.4311934</v>
      </c>
      <c r="AY2426" s="9">
        <v>32731.917478899999</v>
      </c>
      <c r="AZ2426" s="9">
        <v>34178.795846399997</v>
      </c>
      <c r="BA2426" s="9">
        <v>35260.300711399999</v>
      </c>
      <c r="BB2426" s="9">
        <v>33161.794414999997</v>
      </c>
      <c r="BC2426" s="9">
        <v>34720.742245599999</v>
      </c>
      <c r="BD2426" s="9">
        <v>35262.746534600003</v>
      </c>
      <c r="BE2426" s="9">
        <v>36006.631823299998</v>
      </c>
      <c r="BF2426" s="9">
        <v>36995.054193700002</v>
      </c>
      <c r="BG2426" s="11">
        <v>-1</v>
      </c>
      <c r="BH2426" s="13">
        <v>-5.5555555555555552E-2</v>
      </c>
      <c r="BI2426" s="6">
        <v>0</v>
      </c>
      <c r="BJ2426" s="13">
        <v>0</v>
      </c>
      <c r="BK2426" s="6">
        <v>1</v>
      </c>
      <c r="BL2426" s="13">
        <v>5.5555555555555552E-2</v>
      </c>
      <c r="BM2426" s="11">
        <v>-2</v>
      </c>
      <c r="BN2426" s="13">
        <v>-0.10526315789473684</v>
      </c>
      <c r="BO2426" s="11">
        <v>-1</v>
      </c>
      <c r="BP2426" s="13">
        <v>-5.5555555555555552E-2</v>
      </c>
      <c r="BQ2426" s="6">
        <v>18</v>
      </c>
      <c r="BR2426" s="6">
        <v>17</v>
      </c>
      <c r="BS2426" s="6">
        <v>17</v>
      </c>
      <c r="BT2426" s="6">
        <v>18</v>
      </c>
      <c r="BU2426" s="6">
        <v>18</v>
      </c>
      <c r="BV2426" s="6">
        <v>19</v>
      </c>
      <c r="BW2426" s="6">
        <v>19</v>
      </c>
      <c r="BX2426" s="6">
        <v>18</v>
      </c>
      <c r="BY2426" s="6">
        <v>18</v>
      </c>
      <c r="BZ2426" s="6">
        <v>18</v>
      </c>
      <c r="CA2426" s="6">
        <v>18</v>
      </c>
      <c r="CB2426" s="6">
        <v>18</v>
      </c>
      <c r="CC2426" s="11">
        <v>17</v>
      </c>
      <c r="CD2426" s="11">
        <v>-64.504599999999996</v>
      </c>
      <c r="CE2426" s="11">
        <v>-13.2706</v>
      </c>
      <c r="CF2426" s="11">
        <v>24.744599999999998</v>
      </c>
      <c r="CG2426" s="11">
        <v>12</v>
      </c>
      <c r="CH2426" s="20">
        <v>2.3168600000000001</v>
      </c>
      <c r="CI2426" s="20">
        <v>2.35406</v>
      </c>
      <c r="CJ2426" s="20">
        <v>2.2423999999999999</v>
      </c>
      <c r="CK2426" s="20">
        <v>2.3804599999999998</v>
      </c>
      <c r="CL2426" s="20">
        <v>2.4434499999999999</v>
      </c>
      <c r="CM2426" s="20">
        <v>2.4012600000000002</v>
      </c>
      <c r="CN2426" s="20">
        <v>2.4227500000000002</v>
      </c>
      <c r="CO2426" s="20">
        <v>2.3783300000000001</v>
      </c>
      <c r="CP2426" s="20">
        <v>2.3215300000000001</v>
      </c>
      <c r="CQ2426" s="20">
        <v>2.2392400000000001</v>
      </c>
      <c r="CR2426" s="20">
        <v>2.2022900000000001</v>
      </c>
      <c r="CS2426" s="20">
        <v>2.2426300000000001</v>
      </c>
      <c r="CT2426" s="20">
        <v>2.0000900000000001</v>
      </c>
      <c r="CU2426" s="20">
        <v>2.1539199999999998</v>
      </c>
      <c r="CV2426" s="20">
        <v>2.4584000000000001</v>
      </c>
      <c r="CW2426" s="20">
        <v>2.3754400000000002</v>
      </c>
      <c r="CX2426" s="20">
        <v>2.32003</v>
      </c>
      <c r="CY2426" s="6" t="s">
        <v>737</v>
      </c>
      <c r="CZ2426" s="6" t="s">
        <v>738</v>
      </c>
      <c r="DA2426" s="6" t="s">
        <v>113</v>
      </c>
      <c r="DB2426" s="6"/>
      <c r="DC2426" s="6"/>
      <c r="DD2426" s="6"/>
      <c r="DE2426" s="6"/>
      <c r="DF2426" s="6"/>
      <c r="DG2426" s="6"/>
      <c r="DH2426" s="6" t="s">
        <v>333</v>
      </c>
      <c r="DI2426" s="6"/>
      <c r="DJ2426" s="6"/>
      <c r="DK2426" s="6"/>
      <c r="DL2426" s="6">
        <v>10</v>
      </c>
      <c r="DM2426" s="6" t="s">
        <v>383</v>
      </c>
      <c r="DN2426" s="6">
        <v>9</v>
      </c>
      <c r="DO2426" s="6" t="s">
        <v>384</v>
      </c>
      <c r="DP2426" s="6"/>
      <c r="DQ2426" s="6"/>
    </row>
    <row r="2427" spans="1:121" x14ac:dyDescent="0.2">
      <c r="A2427" s="6" t="s">
        <v>1</v>
      </c>
      <c r="B2427" s="6" t="s">
        <v>1</v>
      </c>
      <c r="C2427" s="6" t="s">
        <v>2</v>
      </c>
      <c r="D2427" s="6" t="s">
        <v>101</v>
      </c>
      <c r="E2427" s="6" t="s">
        <v>242</v>
      </c>
      <c r="F2427" s="11">
        <v>30</v>
      </c>
      <c r="G2427" s="13">
        <v>0.34482758620699999</v>
      </c>
      <c r="H2427" s="11">
        <v>74.85394317330001</v>
      </c>
      <c r="I2427" s="13">
        <v>0.85925510097243707</v>
      </c>
      <c r="J2427" s="11">
        <v>-31.914568150999997</v>
      </c>
      <c r="K2427" s="13">
        <v>-0.19704137360753848</v>
      </c>
      <c r="L2427" s="11">
        <v>-13.022223358000005</v>
      </c>
      <c r="M2427" s="13">
        <v>-0.1001291261763189</v>
      </c>
      <c r="N2427" s="11">
        <v>-44.936791509000003</v>
      </c>
      <c r="O2427" s="13">
        <v>-0.27744091922395298</v>
      </c>
      <c r="P2427" s="7">
        <v>87.114924413699995</v>
      </c>
      <c r="Q2427" s="7">
        <v>117.751743576</v>
      </c>
      <c r="R2427" s="7">
        <v>126.186576968</v>
      </c>
      <c r="S2427" s="7">
        <v>138.80918758600001</v>
      </c>
      <c r="T2427" s="7">
        <v>177.80992541099999</v>
      </c>
      <c r="U2427" s="7">
        <v>176.51586531699999</v>
      </c>
      <c r="V2427" s="7">
        <v>161.96886758700001</v>
      </c>
      <c r="W2427" s="7">
        <v>167.80679619599999</v>
      </c>
      <c r="X2427" s="7">
        <v>126.623512504</v>
      </c>
      <c r="Y2427" s="7">
        <v>130.05429943600001</v>
      </c>
      <c r="Z2427" s="7">
        <v>122.34780060600001</v>
      </c>
      <c r="AA2427" s="7">
        <v>115.385917616</v>
      </c>
      <c r="AB2427" s="7">
        <v>106.388623052</v>
      </c>
      <c r="AC2427" s="7">
        <v>110.14185453</v>
      </c>
      <c r="AD2427" s="7">
        <v>129.07638667399999</v>
      </c>
      <c r="AE2427" s="7">
        <v>119.52261880499999</v>
      </c>
      <c r="AF2427" s="7">
        <v>117.032076078</v>
      </c>
      <c r="AG2427" s="9">
        <v>15060.419295200001</v>
      </c>
      <c r="AH2427" s="13">
        <v>0.98969502175700341</v>
      </c>
      <c r="AI2427" s="9">
        <v>4364.0135025000018</v>
      </c>
      <c r="AJ2427" s="13">
        <v>0.28678102207161948</v>
      </c>
      <c r="AK2427" s="9">
        <v>1041.0530433999993</v>
      </c>
      <c r="AL2427" s="13">
        <v>5.3165822075267315E-2</v>
      </c>
      <c r="AM2427" s="9">
        <v>9655.3527493000001</v>
      </c>
      <c r="AN2427" s="13">
        <v>0.46819962733090786</v>
      </c>
      <c r="AO2427" s="9">
        <v>10696.405792699999</v>
      </c>
      <c r="AP2427" s="13">
        <v>0.54625766748855675</v>
      </c>
      <c r="AQ2427" s="9">
        <v>15217.232545499999</v>
      </c>
      <c r="AR2427" s="9">
        <v>15748.098035999999</v>
      </c>
      <c r="AS2427" s="9">
        <v>16627.446100500001</v>
      </c>
      <c r="AT2427" s="9">
        <v>17786.403041199999</v>
      </c>
      <c r="AU2427" s="9">
        <v>18817.0299514</v>
      </c>
      <c r="AV2427" s="9">
        <v>19318.110010100001</v>
      </c>
      <c r="AW2427" s="9">
        <v>19581.246048000001</v>
      </c>
      <c r="AX2427" s="9">
        <v>19782.950424899998</v>
      </c>
      <c r="AY2427" s="9">
        <v>19229.447887999999</v>
      </c>
      <c r="AZ2427" s="9">
        <v>20622.2990914</v>
      </c>
      <c r="BA2427" s="9">
        <v>20778.8450496</v>
      </c>
      <c r="BB2427" s="9">
        <v>20915.308441500001</v>
      </c>
      <c r="BC2427" s="9">
        <v>22632.048193300001</v>
      </c>
      <c r="BD2427" s="9">
        <v>22684.0529656</v>
      </c>
      <c r="BE2427" s="9">
        <v>26153.851972299999</v>
      </c>
      <c r="BF2427" s="9">
        <v>30277.6518407</v>
      </c>
      <c r="BG2427" s="11">
        <v>5</v>
      </c>
      <c r="BH2427" s="13">
        <v>1.25</v>
      </c>
      <c r="BI2427" s="6">
        <v>4</v>
      </c>
      <c r="BJ2427" s="13">
        <v>1</v>
      </c>
      <c r="BK2427" s="6">
        <v>1</v>
      </c>
      <c r="BL2427" s="13">
        <v>0.125</v>
      </c>
      <c r="BM2427" s="11">
        <v>0</v>
      </c>
      <c r="BN2427" s="13">
        <v>0</v>
      </c>
      <c r="BO2427" s="11">
        <v>1</v>
      </c>
      <c r="BP2427" s="13">
        <v>0.125</v>
      </c>
      <c r="BQ2427" s="6">
        <v>4</v>
      </c>
      <c r="BR2427" s="6">
        <v>8</v>
      </c>
      <c r="BS2427" s="6">
        <v>8</v>
      </c>
      <c r="BT2427" s="6">
        <v>8</v>
      </c>
      <c r="BU2427" s="6">
        <v>9</v>
      </c>
      <c r="BV2427" s="6">
        <v>7</v>
      </c>
      <c r="BW2427" s="6">
        <v>9</v>
      </c>
      <c r="BX2427" s="6">
        <v>10</v>
      </c>
      <c r="BY2427" s="6">
        <v>9</v>
      </c>
      <c r="BZ2427" s="6">
        <v>8</v>
      </c>
      <c r="CA2427" s="6">
        <v>6</v>
      </c>
      <c r="CB2427" s="6">
        <v>9</v>
      </c>
      <c r="CC2427" s="11">
        <v>9</v>
      </c>
      <c r="CD2427" s="11">
        <v>28.337</v>
      </c>
      <c r="CE2427" s="11">
        <v>-7.94259</v>
      </c>
      <c r="CF2427" s="11">
        <v>9.52271</v>
      </c>
      <c r="CG2427" s="11">
        <v>2</v>
      </c>
      <c r="CH2427" s="20">
        <v>1.2205699999999999</v>
      </c>
      <c r="CI2427" s="20">
        <v>1.6559999999999999</v>
      </c>
      <c r="CJ2427" s="20">
        <v>1.77542</v>
      </c>
      <c r="CK2427" s="20">
        <v>1.9002699999999999</v>
      </c>
      <c r="CL2427" s="20">
        <v>2.4311699999999998</v>
      </c>
      <c r="CM2427" s="20">
        <v>2.4845100000000002</v>
      </c>
      <c r="CN2427" s="20">
        <v>2.3885800000000001</v>
      </c>
      <c r="CO2427" s="20">
        <v>2.5461900000000002</v>
      </c>
      <c r="CP2427" s="20">
        <v>1.92022</v>
      </c>
      <c r="CQ2427" s="20">
        <v>2.01729</v>
      </c>
      <c r="CR2427" s="20">
        <v>1.7336800000000001</v>
      </c>
      <c r="CS2427" s="20">
        <v>1.6210599999999999</v>
      </c>
      <c r="CT2427" s="20">
        <v>1.66398</v>
      </c>
      <c r="CU2427" s="20">
        <v>1.72715</v>
      </c>
      <c r="CV2427" s="20">
        <v>2.0397500000000002</v>
      </c>
      <c r="CW2427" s="20">
        <v>1.92621</v>
      </c>
      <c r="CX2427" s="20">
        <v>1.8720300000000001</v>
      </c>
      <c r="CY2427" s="6" t="s">
        <v>739</v>
      </c>
      <c r="CZ2427" s="6" t="s">
        <v>740</v>
      </c>
      <c r="DA2427" s="6" t="s">
        <v>101</v>
      </c>
      <c r="DB2427" s="6" t="s">
        <v>345</v>
      </c>
      <c r="DC2427" s="6"/>
      <c r="DD2427" s="6"/>
      <c r="DE2427" s="6"/>
      <c r="DF2427" s="6"/>
      <c r="DG2427" s="6"/>
      <c r="DH2427" s="6" t="s">
        <v>333</v>
      </c>
      <c r="DI2427" s="6"/>
      <c r="DJ2427" s="6"/>
      <c r="DK2427" s="6"/>
      <c r="DL2427" s="6">
        <v>6</v>
      </c>
      <c r="DM2427" s="6" t="s">
        <v>396</v>
      </c>
      <c r="DN2427" s="6">
        <v>6</v>
      </c>
      <c r="DO2427" s="6" t="s">
        <v>393</v>
      </c>
      <c r="DP2427" s="6"/>
      <c r="DQ2427" s="6"/>
    </row>
    <row r="2428" spans="1:121" x14ac:dyDescent="0.2">
      <c r="A2428" s="6" t="s">
        <v>310</v>
      </c>
      <c r="B2428" s="6" t="s">
        <v>310</v>
      </c>
      <c r="C2428" s="6" t="s">
        <v>173</v>
      </c>
      <c r="D2428" s="6" t="s">
        <v>101</v>
      </c>
      <c r="E2428" s="6" t="s">
        <v>242</v>
      </c>
      <c r="F2428" s="11">
        <v>-5</v>
      </c>
      <c r="G2428" s="13">
        <v>-0.277777777778</v>
      </c>
      <c r="H2428" s="11">
        <v>-5.6042477089000009</v>
      </c>
      <c r="I2428" s="13">
        <v>-0.30509952119348965</v>
      </c>
      <c r="J2428" s="11">
        <v>-7.7643412910999992</v>
      </c>
      <c r="K2428" s="13">
        <v>-0.6082837425001888</v>
      </c>
      <c r="L2428" s="11">
        <v>7.8504054077000003</v>
      </c>
      <c r="M2428" s="13">
        <v>1.5700810815399999</v>
      </c>
      <c r="N2428" s="11">
        <v>8.6064116600001128E-2</v>
      </c>
      <c r="O2428" s="13">
        <v>6.7425427319159634E-3</v>
      </c>
      <c r="P2428" s="7">
        <v>18.368589</v>
      </c>
      <c r="Q2428" s="7">
        <v>17.691977999999999</v>
      </c>
      <c r="R2428" s="7">
        <v>20.180631000000002</v>
      </c>
      <c r="S2428" s="7">
        <v>5</v>
      </c>
      <c r="T2428" s="7">
        <v>11.816896</v>
      </c>
      <c r="U2428" s="7">
        <v>10.513616000000001</v>
      </c>
      <c r="V2428" s="7">
        <v>12.764341291099999</v>
      </c>
      <c r="W2428" s="7">
        <v>12.428391</v>
      </c>
      <c r="X2428" s="7">
        <v>5</v>
      </c>
      <c r="Y2428" s="7">
        <v>5</v>
      </c>
      <c r="Z2428" s="7">
        <v>5</v>
      </c>
      <c r="AA2428" s="7">
        <v>5</v>
      </c>
      <c r="AB2428" s="7">
        <v>10.426129</v>
      </c>
      <c r="AC2428" s="7">
        <v>10.944458621800001</v>
      </c>
      <c r="AD2428" s="7">
        <v>13.087876081199999</v>
      </c>
      <c r="AE2428" s="7">
        <v>11.4803342463</v>
      </c>
      <c r="AF2428" s="7">
        <v>12.8504054077</v>
      </c>
      <c r="AG2428" s="9">
        <v>5220.3802498999976</v>
      </c>
      <c r="AH2428" s="13">
        <v>0.20534606413772463</v>
      </c>
      <c r="AI2428" s="9">
        <v>7952.0739271999992</v>
      </c>
      <c r="AJ2428" s="13">
        <v>0.31279849446101549</v>
      </c>
      <c r="AK2428" s="9">
        <v>-33373.4275127</v>
      </c>
      <c r="AL2428" s="13">
        <v>-0.99997003693922171</v>
      </c>
      <c r="AM2428" s="9">
        <v>30641.733835399998</v>
      </c>
      <c r="AN2428" s="13">
        <v>30641.733835399998</v>
      </c>
      <c r="AO2428" s="9">
        <v>-2731.6936773000016</v>
      </c>
      <c r="AP2428" s="13">
        <v>-8.184990368031056E-2</v>
      </c>
      <c r="AQ2428" s="9">
        <v>25422.353585500001</v>
      </c>
      <c r="AR2428" s="9">
        <v>25008.231995900001</v>
      </c>
      <c r="AS2428" s="9">
        <v>22536.879758899999</v>
      </c>
      <c r="AT2428" s="9">
        <v>1</v>
      </c>
      <c r="AU2428" s="9">
        <v>25959.506335300001</v>
      </c>
      <c r="AV2428" s="9">
        <v>32254.894634699998</v>
      </c>
      <c r="AW2428" s="9">
        <v>33374.4275127</v>
      </c>
      <c r="AX2428" s="9">
        <v>36837.698911799998</v>
      </c>
      <c r="AY2428" s="9">
        <v>1</v>
      </c>
      <c r="AZ2428" s="9">
        <v>1</v>
      </c>
      <c r="BA2428" s="9">
        <v>1</v>
      </c>
      <c r="BB2428" s="9">
        <v>1</v>
      </c>
      <c r="BC2428" s="9">
        <v>44820.922777</v>
      </c>
      <c r="BD2428" s="9">
        <v>41866.642382700004</v>
      </c>
      <c r="BE2428" s="9">
        <v>41901.6054955</v>
      </c>
      <c r="BF2428" s="9">
        <v>30642.733835399998</v>
      </c>
      <c r="BG2428" s="11">
        <v>1</v>
      </c>
      <c r="BH2428" s="13">
        <v>0.5</v>
      </c>
      <c r="BI2428" s="6">
        <v>1</v>
      </c>
      <c r="BJ2428" s="13">
        <v>0.5</v>
      </c>
      <c r="BK2428" s="6">
        <v>-2</v>
      </c>
      <c r="BL2428" s="13">
        <v>-0.66666666666666663</v>
      </c>
      <c r="BM2428" s="11">
        <v>2</v>
      </c>
      <c r="BN2428" s="13">
        <v>2</v>
      </c>
      <c r="BO2428" s="11">
        <v>0</v>
      </c>
      <c r="BP2428" s="13">
        <v>0</v>
      </c>
      <c r="BQ2428" s="6">
        <v>2</v>
      </c>
      <c r="BR2428" s="6">
        <v>2</v>
      </c>
      <c r="BS2428" s="6">
        <v>2</v>
      </c>
      <c r="BT2428" s="6">
        <v>3</v>
      </c>
      <c r="BU2428" s="6">
        <v>3</v>
      </c>
      <c r="BV2428" s="6">
        <v>2</v>
      </c>
      <c r="BW2428" s="6">
        <v>1</v>
      </c>
      <c r="BX2428" s="6">
        <v>1</v>
      </c>
      <c r="BY2428" s="6">
        <v>2</v>
      </c>
      <c r="BZ2428" s="6">
        <v>2</v>
      </c>
      <c r="CA2428" s="6">
        <v>2</v>
      </c>
      <c r="CB2428" s="6">
        <v>3</v>
      </c>
      <c r="CC2428" s="11">
        <v>3</v>
      </c>
      <c r="CD2428" s="11">
        <v>-9.4317899999999995</v>
      </c>
      <c r="CE2428" s="11">
        <v>1.9056999999999999</v>
      </c>
      <c r="CF2428" s="11">
        <v>2.0079099999999999</v>
      </c>
      <c r="CG2428" s="11">
        <v>4</v>
      </c>
      <c r="CH2428" s="20">
        <v>0.90709700000000004</v>
      </c>
      <c r="CI2428" s="20">
        <v>0.916049</v>
      </c>
      <c r="CJ2428" s="20">
        <v>1.0601799999999999</v>
      </c>
      <c r="CK2428" s="20">
        <v>0.49410199999999999</v>
      </c>
      <c r="CL2428" s="20">
        <v>0.54462600000000005</v>
      </c>
      <c r="CM2428" s="20">
        <v>0.45280999999999999</v>
      </c>
      <c r="CN2428" s="20">
        <v>0.53449999999999998</v>
      </c>
      <c r="CO2428" s="20">
        <v>0.483122</v>
      </c>
      <c r="CP2428" s="20">
        <v>0.393677</v>
      </c>
      <c r="CQ2428" s="20">
        <v>0.39299800000000001</v>
      </c>
      <c r="CR2428" s="20">
        <v>0.20874999999999999</v>
      </c>
      <c r="CS2428" s="20">
        <v>0.23524800000000001</v>
      </c>
      <c r="CT2428" s="20">
        <v>0.37311499999999997</v>
      </c>
      <c r="CU2428" s="20">
        <v>0.38535799999999998</v>
      </c>
      <c r="CV2428" s="20">
        <v>0.524918</v>
      </c>
      <c r="CW2428" s="20">
        <v>0.55272600000000005</v>
      </c>
      <c r="CX2428" s="20">
        <v>0.60807500000000003</v>
      </c>
      <c r="CY2428" s="6" t="s">
        <v>739</v>
      </c>
      <c r="CZ2428" s="6" t="s">
        <v>740</v>
      </c>
      <c r="DA2428" s="6" t="s">
        <v>101</v>
      </c>
      <c r="DB2428" s="6" t="s">
        <v>345</v>
      </c>
      <c r="DC2428" s="6"/>
      <c r="DD2428" s="6"/>
      <c r="DE2428" s="6"/>
      <c r="DF2428" s="6"/>
      <c r="DG2428" s="6"/>
      <c r="DH2428" s="6" t="s">
        <v>333</v>
      </c>
      <c r="DI2428" s="6"/>
      <c r="DJ2428" s="6"/>
      <c r="DK2428" s="6"/>
      <c r="DL2428" s="6">
        <v>6</v>
      </c>
      <c r="DM2428" s="6" t="s">
        <v>396</v>
      </c>
      <c r="DN2428" s="6">
        <v>6</v>
      </c>
      <c r="DO2428" s="6" t="s">
        <v>393</v>
      </c>
      <c r="DP2428" s="6"/>
      <c r="DQ2428" s="6"/>
    </row>
    <row r="2429" spans="1:121" x14ac:dyDescent="0.2">
      <c r="A2429" s="6" t="s">
        <v>311</v>
      </c>
      <c r="B2429" s="6" t="s">
        <v>311</v>
      </c>
      <c r="C2429" s="6" t="s">
        <v>174</v>
      </c>
      <c r="D2429" s="6" t="s">
        <v>101</v>
      </c>
      <c r="E2429" s="6" t="s">
        <v>242</v>
      </c>
      <c r="F2429" s="11">
        <v>-24</v>
      </c>
      <c r="G2429" s="13">
        <v>-0.35820895522399998</v>
      </c>
      <c r="H2429" s="11">
        <v>0.5985069999999979</v>
      </c>
      <c r="I2429" s="13">
        <v>8.9137553691716002E-3</v>
      </c>
      <c r="J2429" s="11">
        <v>36.746758</v>
      </c>
      <c r="K2429" s="13">
        <v>0.54244593993951529</v>
      </c>
      <c r="L2429" s="11">
        <v>-61.803612322200003</v>
      </c>
      <c r="M2429" s="13">
        <v>-0.59148173978835838</v>
      </c>
      <c r="N2429" s="11">
        <v>-25.056854322200003</v>
      </c>
      <c r="O2429" s="13">
        <v>-0.369882668145399</v>
      </c>
      <c r="P2429" s="7">
        <v>67.144203000000005</v>
      </c>
      <c r="Q2429" s="7">
        <v>65.174633999999998</v>
      </c>
      <c r="R2429" s="7">
        <v>65.173372999999998</v>
      </c>
      <c r="S2429" s="7">
        <v>64.485726999999997</v>
      </c>
      <c r="T2429" s="7">
        <v>65.487361000000007</v>
      </c>
      <c r="U2429" s="7">
        <v>68.461682999999994</v>
      </c>
      <c r="V2429" s="7">
        <v>67.742710000000002</v>
      </c>
      <c r="W2429" s="7">
        <v>74.129442999999995</v>
      </c>
      <c r="X2429" s="7">
        <v>93.768749999999997</v>
      </c>
      <c r="Y2429" s="7">
        <v>104.489468</v>
      </c>
      <c r="Z2429" s="7">
        <v>82.762660194999995</v>
      </c>
      <c r="AA2429" s="7">
        <v>73.077551</v>
      </c>
      <c r="AB2429" s="7">
        <v>75.489148999999998</v>
      </c>
      <c r="AC2429" s="7">
        <v>44.057798073199997</v>
      </c>
      <c r="AD2429" s="7">
        <v>46.152770507299998</v>
      </c>
      <c r="AE2429" s="7">
        <v>47.498078298300001</v>
      </c>
      <c r="AF2429" s="7">
        <v>42.685855677799999</v>
      </c>
      <c r="AG2429" s="9">
        <v>44100.714045799999</v>
      </c>
      <c r="AH2429" s="13">
        <v>1.0224959820433583</v>
      </c>
      <c r="AI2429" s="9">
        <v>14389.099393700002</v>
      </c>
      <c r="AJ2429" s="13">
        <v>0.33361809743037418</v>
      </c>
      <c r="AK2429" s="9">
        <v>7228.4029343000002</v>
      </c>
      <c r="AL2429" s="13">
        <v>0.12566862463293971</v>
      </c>
      <c r="AM2429" s="9">
        <v>22483.211717799997</v>
      </c>
      <c r="AN2429" s="13">
        <v>0.34724203865134912</v>
      </c>
      <c r="AO2429" s="9">
        <v>29711.614652099997</v>
      </c>
      <c r="AP2429" s="13">
        <v>0.51654809269634194</v>
      </c>
      <c r="AQ2429" s="9">
        <v>43130.452168299998</v>
      </c>
      <c r="AR2429" s="9">
        <v>44306.2002201</v>
      </c>
      <c r="AS2429" s="9">
        <v>46595.073325099998</v>
      </c>
      <c r="AT2429" s="9">
        <v>48304.348657000002</v>
      </c>
      <c r="AU2429" s="9">
        <v>52377.538095600001</v>
      </c>
      <c r="AV2429" s="9">
        <v>54835.767754</v>
      </c>
      <c r="AW2429" s="9">
        <v>57519.551562000001</v>
      </c>
      <c r="AX2429" s="9">
        <v>62238.3393316</v>
      </c>
      <c r="AY2429" s="9">
        <v>63183.799600899998</v>
      </c>
      <c r="AZ2429" s="9">
        <v>64747.954496300001</v>
      </c>
      <c r="BA2429" s="9">
        <v>70848.559420000005</v>
      </c>
      <c r="BB2429" s="9">
        <v>75782.826738799995</v>
      </c>
      <c r="BC2429" s="9">
        <v>85133.647031200002</v>
      </c>
      <c r="BD2429" s="9">
        <v>87143.634361699995</v>
      </c>
      <c r="BE2429" s="9">
        <v>85557.120429999995</v>
      </c>
      <c r="BF2429" s="9">
        <v>87231.166214099998</v>
      </c>
      <c r="BG2429" s="11">
        <v>0</v>
      </c>
      <c r="BH2429" s="13">
        <v>0</v>
      </c>
      <c r="BI2429" s="6">
        <v>0</v>
      </c>
      <c r="BJ2429" s="13">
        <v>0</v>
      </c>
      <c r="BK2429" s="6">
        <v>0</v>
      </c>
      <c r="BL2429" s="13">
        <v>0</v>
      </c>
      <c r="BM2429" s="11">
        <v>0</v>
      </c>
      <c r="BN2429" s="13">
        <v>0</v>
      </c>
      <c r="BO2429" s="11">
        <v>0</v>
      </c>
      <c r="BP2429" s="13">
        <v>0</v>
      </c>
      <c r="BQ2429" s="6">
        <v>4</v>
      </c>
      <c r="BR2429" s="6">
        <v>4</v>
      </c>
      <c r="BS2429" s="6">
        <v>4</v>
      </c>
      <c r="BT2429" s="6">
        <v>4</v>
      </c>
      <c r="BU2429" s="6">
        <v>4</v>
      </c>
      <c r="BV2429" s="6">
        <v>4</v>
      </c>
      <c r="BW2429" s="6">
        <v>4</v>
      </c>
      <c r="BX2429" s="6">
        <v>4</v>
      </c>
      <c r="BY2429" s="6">
        <v>5</v>
      </c>
      <c r="BZ2429" s="6">
        <v>5</v>
      </c>
      <c r="CA2429" s="6">
        <v>4</v>
      </c>
      <c r="CB2429" s="6">
        <v>4</v>
      </c>
      <c r="CC2429" s="11">
        <v>4</v>
      </c>
      <c r="CD2429" s="11">
        <v>-20.864000000000001</v>
      </c>
      <c r="CE2429" s="11">
        <v>-10.933999999999999</v>
      </c>
      <c r="CF2429" s="11">
        <v>7.3396699999999999</v>
      </c>
      <c r="CG2429" s="11">
        <v>-4</v>
      </c>
      <c r="CH2429" s="20">
        <v>3.0263300000000002</v>
      </c>
      <c r="CI2429" s="20">
        <v>2.95838</v>
      </c>
      <c r="CJ2429" s="20">
        <v>3.0560999999999998</v>
      </c>
      <c r="CK2429" s="20">
        <v>3.02224</v>
      </c>
      <c r="CL2429" s="20">
        <v>3.1594000000000002</v>
      </c>
      <c r="CM2429" s="20">
        <v>3.4179300000000001</v>
      </c>
      <c r="CN2429" s="20">
        <v>3.4956999999999998</v>
      </c>
      <c r="CO2429" s="20">
        <v>3.7692800000000002</v>
      </c>
      <c r="CP2429" s="20">
        <v>4.6997299999999997</v>
      </c>
      <c r="CQ2429" s="20">
        <v>5.4129300000000002</v>
      </c>
      <c r="CR2429" s="20">
        <v>3.9503200000000001</v>
      </c>
      <c r="CS2429" s="20">
        <v>3.5036900000000002</v>
      </c>
      <c r="CT2429" s="20">
        <v>4.07925</v>
      </c>
      <c r="CU2429" s="20">
        <v>2.4047999999999998</v>
      </c>
      <c r="CV2429" s="20">
        <v>2.5424199999999999</v>
      </c>
      <c r="CW2429" s="20">
        <v>2.66499</v>
      </c>
      <c r="CX2429" s="20">
        <v>2.3628200000000001</v>
      </c>
      <c r="CY2429" s="6" t="s">
        <v>739</v>
      </c>
      <c r="CZ2429" s="6" t="s">
        <v>740</v>
      </c>
      <c r="DA2429" s="6" t="s">
        <v>101</v>
      </c>
      <c r="DB2429" s="6" t="s">
        <v>345</v>
      </c>
      <c r="DC2429" s="6"/>
      <c r="DD2429" s="6"/>
      <c r="DE2429" s="6"/>
      <c r="DF2429" s="6"/>
      <c r="DG2429" s="6"/>
      <c r="DH2429" s="6" t="s">
        <v>333</v>
      </c>
      <c r="DI2429" s="6"/>
      <c r="DJ2429" s="6"/>
      <c r="DK2429" s="6"/>
      <c r="DL2429" s="6">
        <v>6</v>
      </c>
      <c r="DM2429" s="6" t="s">
        <v>396</v>
      </c>
      <c r="DN2429" s="6">
        <v>6</v>
      </c>
      <c r="DO2429" s="6" t="s">
        <v>393</v>
      </c>
      <c r="DP2429" s="6"/>
      <c r="DQ2429" s="6"/>
    </row>
    <row r="2430" spans="1:121" x14ac:dyDescent="0.2">
      <c r="A2430" s="6" t="s">
        <v>312</v>
      </c>
      <c r="B2430" s="6" t="s">
        <v>312</v>
      </c>
      <c r="C2430" s="6" t="s">
        <v>175</v>
      </c>
      <c r="D2430" s="6" t="s">
        <v>101</v>
      </c>
      <c r="E2430" s="6" t="s">
        <v>242</v>
      </c>
      <c r="F2430" s="11">
        <v>-13</v>
      </c>
      <c r="G2430" s="13">
        <v>-3.6011080332399997E-2</v>
      </c>
      <c r="H2430" s="11">
        <v>37.940384567999956</v>
      </c>
      <c r="I2430" s="13">
        <v>0.10507271226388</v>
      </c>
      <c r="J2430" s="11">
        <v>-25.371055888000001</v>
      </c>
      <c r="K2430" s="13">
        <v>-6.358225132035239E-2</v>
      </c>
      <c r="L2430" s="11">
        <v>-25.68953117999996</v>
      </c>
      <c r="M2430" s="13">
        <v>-6.8751772843264433E-2</v>
      </c>
      <c r="N2430" s="11">
        <v>-51.060587067999961</v>
      </c>
      <c r="O2430" s="13">
        <v>-0.12796263166397662</v>
      </c>
      <c r="P2430" s="7">
        <v>361.08694398900002</v>
      </c>
      <c r="Q2430" s="7">
        <v>378.72374849400001</v>
      </c>
      <c r="R2430" s="7">
        <v>404.91048953199999</v>
      </c>
      <c r="S2430" s="7">
        <v>475.10849230999997</v>
      </c>
      <c r="T2430" s="7">
        <v>484.32366697200001</v>
      </c>
      <c r="U2430" s="7">
        <v>394.32733603499997</v>
      </c>
      <c r="V2430" s="7">
        <v>399.02732855699998</v>
      </c>
      <c r="W2430" s="7">
        <v>392.73499242100002</v>
      </c>
      <c r="X2430" s="7">
        <v>381.67905172500002</v>
      </c>
      <c r="Y2430" s="7">
        <v>373.65627266899997</v>
      </c>
      <c r="Z2430" s="7">
        <v>346.562921174</v>
      </c>
      <c r="AA2430" s="7">
        <v>327.09110733900002</v>
      </c>
      <c r="AB2430" s="7">
        <v>352.12015942699998</v>
      </c>
      <c r="AC2430" s="7">
        <v>340.25168657199998</v>
      </c>
      <c r="AD2430" s="7">
        <v>348.83349688499999</v>
      </c>
      <c r="AE2430" s="7">
        <v>342.25013672</v>
      </c>
      <c r="AF2430" s="7">
        <v>347.96674148900001</v>
      </c>
      <c r="AG2430" s="9">
        <v>4141.8704237999991</v>
      </c>
      <c r="AH2430" s="13">
        <v>0.16384554956915962</v>
      </c>
      <c r="AI2430" s="9">
        <v>-623.09922690000167</v>
      </c>
      <c r="AJ2430" s="13">
        <v>-2.4648775751387204E-2</v>
      </c>
      <c r="AK2430" s="9">
        <v>888.10746130000189</v>
      </c>
      <c r="AL2430" s="13">
        <v>3.6019910271867905E-2</v>
      </c>
      <c r="AM2430" s="9">
        <v>3876.8621893999989</v>
      </c>
      <c r="AN2430" s="13">
        <v>0.15177120055984183</v>
      </c>
      <c r="AO2430" s="9">
        <v>4764.9696507000008</v>
      </c>
      <c r="AP2430" s="13">
        <v>0.19325789585772893</v>
      </c>
      <c r="AQ2430" s="9">
        <v>25279.114597200001</v>
      </c>
      <c r="AR2430" s="9">
        <v>25366.762600400001</v>
      </c>
      <c r="AS2430" s="9">
        <v>27031.492630500001</v>
      </c>
      <c r="AT2430" s="9">
        <v>24356.135286199999</v>
      </c>
      <c r="AU2430" s="9">
        <v>25046.3646453</v>
      </c>
      <c r="AV2430" s="9">
        <v>24550.984491200001</v>
      </c>
      <c r="AW2430" s="9">
        <v>24656.0153703</v>
      </c>
      <c r="AX2430" s="9">
        <v>25818.728675800001</v>
      </c>
      <c r="AY2430" s="9">
        <v>24790.700425399998</v>
      </c>
      <c r="AZ2430" s="9">
        <v>25544.122831600002</v>
      </c>
      <c r="BA2430" s="9">
        <v>27496.605475100001</v>
      </c>
      <c r="BB2430" s="9">
        <v>27684.453070600001</v>
      </c>
      <c r="BC2430" s="9">
        <v>28682.105515800002</v>
      </c>
      <c r="BD2430" s="9">
        <v>28943.624242599999</v>
      </c>
      <c r="BE2430" s="9">
        <v>29330.612393300002</v>
      </c>
      <c r="BF2430" s="9">
        <v>29420.985021</v>
      </c>
      <c r="BG2430" s="11">
        <v>-12.5</v>
      </c>
      <c r="BH2430" s="13">
        <v>-0.33783783783783783</v>
      </c>
      <c r="BI2430" s="6">
        <v>-1</v>
      </c>
      <c r="BJ2430" s="13">
        <v>-2.7027027027027029E-2</v>
      </c>
      <c r="BK2430" s="6">
        <v>0</v>
      </c>
      <c r="BL2430" s="13">
        <v>0</v>
      </c>
      <c r="BM2430" s="11">
        <v>-11.5</v>
      </c>
      <c r="BN2430" s="13">
        <v>-0.31944444444444442</v>
      </c>
      <c r="BO2430" s="11">
        <v>-11.5</v>
      </c>
      <c r="BP2430" s="13">
        <v>-0.31944444444444442</v>
      </c>
      <c r="BQ2430" s="6">
        <v>37</v>
      </c>
      <c r="BR2430" s="6">
        <v>38</v>
      </c>
      <c r="BS2430" s="6">
        <v>36</v>
      </c>
      <c r="BT2430" s="6">
        <v>36</v>
      </c>
      <c r="BU2430" s="6">
        <v>36</v>
      </c>
      <c r="BV2430" s="6">
        <v>37</v>
      </c>
      <c r="BW2430" s="6">
        <v>36</v>
      </c>
      <c r="BX2430" s="6">
        <v>30</v>
      </c>
      <c r="BY2430" s="6">
        <v>29</v>
      </c>
      <c r="BZ2430" s="6">
        <v>28</v>
      </c>
      <c r="CA2430" s="6">
        <v>27</v>
      </c>
      <c r="CB2430" s="6">
        <v>25</v>
      </c>
      <c r="CC2430" s="11">
        <v>24.5</v>
      </c>
      <c r="CD2430" s="11">
        <v>-8.8545400000000001</v>
      </c>
      <c r="CE2430" s="11">
        <v>-43.736800000000002</v>
      </c>
      <c r="CF2430" s="11">
        <v>39.471200000000003</v>
      </c>
      <c r="CG2430" s="11">
        <v>-5</v>
      </c>
      <c r="CH2430" s="20">
        <v>1.1220699999999999</v>
      </c>
      <c r="CI2430" s="20">
        <v>1.17703</v>
      </c>
      <c r="CJ2430" s="20">
        <v>1.24231</v>
      </c>
      <c r="CK2430" s="20">
        <v>1.3660000000000001</v>
      </c>
      <c r="CL2430" s="20">
        <v>1.33639</v>
      </c>
      <c r="CM2430" s="20">
        <v>1.0723400000000001</v>
      </c>
      <c r="CN2430" s="20">
        <v>1.13669</v>
      </c>
      <c r="CO2430" s="20">
        <v>1.1831</v>
      </c>
      <c r="CP2430" s="20">
        <v>1.30731</v>
      </c>
      <c r="CQ2430" s="20">
        <v>1.4152</v>
      </c>
      <c r="CR2430" s="20">
        <v>1.22211</v>
      </c>
      <c r="CS2430" s="20">
        <v>1.14771</v>
      </c>
      <c r="CT2430" s="20">
        <v>1.35883</v>
      </c>
      <c r="CU2430" s="20">
        <v>1.28603</v>
      </c>
      <c r="CV2430" s="20">
        <v>1.29379</v>
      </c>
      <c r="CW2430" s="20">
        <v>1.2662199999999999</v>
      </c>
      <c r="CX2430" s="20">
        <v>1.2719</v>
      </c>
      <c r="CY2430" s="6" t="s">
        <v>739</v>
      </c>
      <c r="CZ2430" s="6" t="s">
        <v>740</v>
      </c>
      <c r="DA2430" s="6" t="s">
        <v>101</v>
      </c>
      <c r="DB2430" s="6" t="s">
        <v>345</v>
      </c>
      <c r="DC2430" s="6"/>
      <c r="DD2430" s="6"/>
      <c r="DE2430" s="6"/>
      <c r="DF2430" s="6"/>
      <c r="DG2430" s="6"/>
      <c r="DH2430" s="6" t="s">
        <v>333</v>
      </c>
      <c r="DI2430" s="6"/>
      <c r="DJ2430" s="6"/>
      <c r="DK2430" s="6"/>
      <c r="DL2430" s="6">
        <v>6</v>
      </c>
      <c r="DM2430" s="6" t="s">
        <v>396</v>
      </c>
      <c r="DN2430" s="6">
        <v>6</v>
      </c>
      <c r="DO2430" s="6" t="s">
        <v>393</v>
      </c>
      <c r="DP2430" s="6"/>
      <c r="DQ2430" s="6"/>
    </row>
    <row r="2431" spans="1:121" x14ac:dyDescent="0.2">
      <c r="A2431" s="6" t="s">
        <v>792</v>
      </c>
      <c r="B2431" s="6" t="s">
        <v>176</v>
      </c>
      <c r="C2431" s="6" t="s">
        <v>177</v>
      </c>
      <c r="D2431" s="6" t="s">
        <v>101</v>
      </c>
      <c r="E2431" s="6" t="s">
        <v>242</v>
      </c>
      <c r="F2431" s="11">
        <v>-253</v>
      </c>
      <c r="G2431" s="13">
        <v>-0.34657534246600002</v>
      </c>
      <c r="H2431" s="11">
        <v>-176.75494460599998</v>
      </c>
      <c r="I2431" s="13">
        <v>-0.24222607448770689</v>
      </c>
      <c r="J2431" s="11">
        <v>-190.926490817</v>
      </c>
      <c r="K2431" s="13">
        <v>-0.34528352147234992</v>
      </c>
      <c r="L2431" s="11">
        <v>115.27275987800004</v>
      </c>
      <c r="M2431" s="13">
        <v>0.31840734783982055</v>
      </c>
      <c r="N2431" s="11">
        <v>-75.653730938999956</v>
      </c>
      <c r="O2431" s="13">
        <v>-0.13681698395733405</v>
      </c>
      <c r="P2431" s="7">
        <v>729.71064316599995</v>
      </c>
      <c r="Q2431" s="7">
        <v>651.696162329</v>
      </c>
      <c r="R2431" s="7">
        <v>710.625612972</v>
      </c>
      <c r="S2431" s="7">
        <v>786.97978378899995</v>
      </c>
      <c r="T2431" s="7">
        <v>738.26673681499994</v>
      </c>
      <c r="U2431" s="7">
        <v>706.65696965799998</v>
      </c>
      <c r="V2431" s="7">
        <v>552.95569855999997</v>
      </c>
      <c r="W2431" s="7">
        <v>473.97459699000001</v>
      </c>
      <c r="X2431" s="7">
        <v>416.294910238</v>
      </c>
      <c r="Y2431" s="7">
        <v>362.02920774299997</v>
      </c>
      <c r="Z2431" s="7">
        <v>462.22171764000001</v>
      </c>
      <c r="AA2431" s="7">
        <v>489.43624455499997</v>
      </c>
      <c r="AB2431" s="7">
        <v>399.921001085</v>
      </c>
      <c r="AC2431" s="7">
        <v>436.898036424</v>
      </c>
      <c r="AD2431" s="7">
        <v>451.16762367500002</v>
      </c>
      <c r="AE2431" s="7">
        <v>434.33601601599997</v>
      </c>
      <c r="AF2431" s="7">
        <v>477.30196762100002</v>
      </c>
      <c r="AG2431" s="9">
        <v>19295.792186500003</v>
      </c>
      <c r="AH2431" s="13">
        <v>0.76007279417389173</v>
      </c>
      <c r="AI2431" s="9">
        <v>12876.284581200001</v>
      </c>
      <c r="AJ2431" s="13">
        <v>0.5072045503816186</v>
      </c>
      <c r="AK2431" s="9">
        <v>1465.3216109999994</v>
      </c>
      <c r="AL2431" s="13">
        <v>3.8295992793940019E-2</v>
      </c>
      <c r="AM2431" s="9">
        <v>4954.1859943000018</v>
      </c>
      <c r="AN2431" s="13">
        <v>0.12470145112603584</v>
      </c>
      <c r="AO2431" s="9">
        <v>6419.5076053000012</v>
      </c>
      <c r="AP2431" s="13">
        <v>0.16777300979369239</v>
      </c>
      <c r="AQ2431" s="9">
        <v>25386.768654799998</v>
      </c>
      <c r="AR2431" s="9">
        <v>26750.768258600001</v>
      </c>
      <c r="AS2431" s="9">
        <v>30102.653377899998</v>
      </c>
      <c r="AT2431" s="9">
        <v>31993.255556100001</v>
      </c>
      <c r="AU2431" s="9">
        <v>35279.657874199998</v>
      </c>
      <c r="AV2431" s="9">
        <v>36546.556813700001</v>
      </c>
      <c r="AW2431" s="9">
        <v>38263.053236</v>
      </c>
      <c r="AX2431" s="9">
        <v>39169.8876695</v>
      </c>
      <c r="AY2431" s="9">
        <v>36169.492511500001</v>
      </c>
      <c r="AZ2431" s="9">
        <v>39728.374846999999</v>
      </c>
      <c r="BA2431" s="9">
        <v>39545.239206699996</v>
      </c>
      <c r="BB2431" s="9">
        <v>38028.664675100001</v>
      </c>
      <c r="BC2431" s="9">
        <v>37478.2491228</v>
      </c>
      <c r="BD2431" s="9">
        <v>42794.247724300003</v>
      </c>
      <c r="BE2431" s="9">
        <v>44442.4383352</v>
      </c>
      <c r="BF2431" s="9">
        <v>44682.560841300001</v>
      </c>
      <c r="BG2431" s="11">
        <v>6.75</v>
      </c>
      <c r="BH2431" s="13">
        <v>0.28125</v>
      </c>
      <c r="BI2431" s="6">
        <v>1</v>
      </c>
      <c r="BJ2431" s="13">
        <v>4.1666666666666664E-2</v>
      </c>
      <c r="BK2431" s="6">
        <v>1</v>
      </c>
      <c r="BL2431" s="13">
        <v>0.04</v>
      </c>
      <c r="BM2431" s="11">
        <v>4.75</v>
      </c>
      <c r="BN2431" s="13">
        <v>0.18269230769230768</v>
      </c>
      <c r="BO2431" s="11">
        <v>5.75</v>
      </c>
      <c r="BP2431" s="13">
        <v>0.23</v>
      </c>
      <c r="BQ2431" s="6">
        <v>24</v>
      </c>
      <c r="BR2431" s="6">
        <v>24</v>
      </c>
      <c r="BS2431" s="6">
        <v>28</v>
      </c>
      <c r="BT2431" s="6">
        <v>25</v>
      </c>
      <c r="BU2431" s="6">
        <v>22</v>
      </c>
      <c r="BV2431" s="6">
        <v>27</v>
      </c>
      <c r="BW2431" s="6">
        <v>26</v>
      </c>
      <c r="BX2431" s="6">
        <v>26</v>
      </c>
      <c r="BY2431" s="6">
        <v>31</v>
      </c>
      <c r="BZ2431" s="6">
        <v>29</v>
      </c>
      <c r="CA2431" s="6">
        <v>26</v>
      </c>
      <c r="CB2431" s="6">
        <v>27</v>
      </c>
      <c r="CC2431" s="11">
        <v>30.75</v>
      </c>
      <c r="CD2431" s="11">
        <v>-74.603300000000004</v>
      </c>
      <c r="CE2431" s="11">
        <v>-257.572</v>
      </c>
      <c r="CF2431" s="11">
        <v>79.766199999999998</v>
      </c>
      <c r="CG2431" s="11">
        <v>-178</v>
      </c>
      <c r="CH2431" s="20">
        <v>1.1844399999999999</v>
      </c>
      <c r="CI2431" s="20">
        <v>1.1305700000000001</v>
      </c>
      <c r="CJ2431" s="20">
        <v>1.3009500000000001</v>
      </c>
      <c r="CK2431" s="20">
        <v>1.43</v>
      </c>
      <c r="CL2431" s="20">
        <v>1.3556900000000001</v>
      </c>
      <c r="CM2431" s="20">
        <v>1.3404700000000001</v>
      </c>
      <c r="CN2431" s="20">
        <v>1.1124099999999999</v>
      </c>
      <c r="CO2431" s="20">
        <v>0.98655899999999996</v>
      </c>
      <c r="CP2431" s="20">
        <v>0.97066699999999995</v>
      </c>
      <c r="CQ2431" s="20">
        <v>0.883019</v>
      </c>
      <c r="CR2431" s="20">
        <v>1.0184299999999999</v>
      </c>
      <c r="CS2431" s="20">
        <v>1.0653300000000001</v>
      </c>
      <c r="CT2431" s="20">
        <v>0.97242600000000001</v>
      </c>
      <c r="CU2431" s="20">
        <v>1.06599</v>
      </c>
      <c r="CV2431" s="20">
        <v>1.1104700000000001</v>
      </c>
      <c r="CW2431" s="20">
        <v>1.0896399999999999</v>
      </c>
      <c r="CX2431" s="20">
        <v>1.1906600000000001</v>
      </c>
      <c r="CY2431" s="6" t="s">
        <v>739</v>
      </c>
      <c r="CZ2431" s="6" t="s">
        <v>740</v>
      </c>
      <c r="DA2431" s="6" t="s">
        <v>101</v>
      </c>
      <c r="DB2431" s="6" t="s">
        <v>345</v>
      </c>
      <c r="DC2431" s="6"/>
      <c r="DD2431" s="6"/>
      <c r="DE2431" s="6"/>
      <c r="DF2431" s="6"/>
      <c r="DG2431" s="6"/>
      <c r="DH2431" s="6" t="s">
        <v>333</v>
      </c>
      <c r="DI2431" s="6"/>
      <c r="DJ2431" s="6"/>
      <c r="DK2431" s="6"/>
      <c r="DL2431" s="6">
        <v>6</v>
      </c>
      <c r="DM2431" s="6" t="s">
        <v>396</v>
      </c>
      <c r="DN2431" s="6">
        <v>6</v>
      </c>
      <c r="DO2431" s="6" t="s">
        <v>393</v>
      </c>
      <c r="DP2431" s="6"/>
      <c r="DQ2431" s="6"/>
    </row>
    <row r="2432" spans="1:121" x14ac:dyDescent="0.2">
      <c r="A2432" s="6" t="s">
        <v>313</v>
      </c>
      <c r="B2432" s="6" t="s">
        <v>313</v>
      </c>
      <c r="C2432" s="6" t="s">
        <v>178</v>
      </c>
      <c r="D2432" s="6" t="s">
        <v>101</v>
      </c>
      <c r="E2432" s="6" t="s">
        <v>242</v>
      </c>
      <c r="F2432" s="11">
        <v>88</v>
      </c>
      <c r="G2432" s="13">
        <v>0.42105263157900003</v>
      </c>
      <c r="H2432" s="11">
        <v>40.350810747999986</v>
      </c>
      <c r="I2432" s="13">
        <v>0.19279665285564215</v>
      </c>
      <c r="J2432" s="11">
        <v>-16.719657515999984</v>
      </c>
      <c r="K2432" s="13">
        <v>-6.6974301059223362E-2</v>
      </c>
      <c r="L2432" s="11">
        <v>64.482212912999984</v>
      </c>
      <c r="M2432" s="13">
        <v>0.27683891608493699</v>
      </c>
      <c r="N2432" s="11">
        <v>47.762555397</v>
      </c>
      <c r="O2432" s="13">
        <v>0.191323522114932</v>
      </c>
      <c r="P2432" s="7">
        <v>209.292070948</v>
      </c>
      <c r="Q2432" s="7">
        <v>190.19695301600001</v>
      </c>
      <c r="R2432" s="7">
        <v>219.532606749</v>
      </c>
      <c r="S2432" s="7">
        <v>213.872442374</v>
      </c>
      <c r="T2432" s="7">
        <v>232.461607894</v>
      </c>
      <c r="U2432" s="7">
        <v>246.791917767</v>
      </c>
      <c r="V2432" s="7">
        <v>249.64288169599999</v>
      </c>
      <c r="W2432" s="7">
        <v>264.77128241999998</v>
      </c>
      <c r="X2432" s="7">
        <v>222.82176259900001</v>
      </c>
      <c r="Y2432" s="7">
        <v>232.92322418000001</v>
      </c>
      <c r="Z2432" s="7">
        <v>263.55041686200002</v>
      </c>
      <c r="AA2432" s="7">
        <v>264.99654096099999</v>
      </c>
      <c r="AB2432" s="7">
        <v>301.59260555399999</v>
      </c>
      <c r="AC2432" s="7">
        <v>313.755571895</v>
      </c>
      <c r="AD2432" s="7">
        <v>286.394262137</v>
      </c>
      <c r="AE2432" s="7">
        <v>286.18062445599998</v>
      </c>
      <c r="AF2432" s="7">
        <v>297.40543709299999</v>
      </c>
      <c r="AG2432" s="9">
        <v>18479.764857400001</v>
      </c>
      <c r="AH2432" s="13">
        <v>0.93226384718699229</v>
      </c>
      <c r="AI2432" s="9">
        <v>8716.9350314000003</v>
      </c>
      <c r="AJ2432" s="13">
        <v>0.4397503675377058</v>
      </c>
      <c r="AK2432" s="9">
        <v>1662.3112827999976</v>
      </c>
      <c r="AL2432" s="13">
        <v>5.8246194556587735E-2</v>
      </c>
      <c r="AM2432" s="9">
        <v>8100.5185432000035</v>
      </c>
      <c r="AN2432" s="13">
        <v>0.26821391721556925</v>
      </c>
      <c r="AO2432" s="9">
        <v>9762.829826000001</v>
      </c>
      <c r="AP2432" s="13">
        <v>0.34208255177707952</v>
      </c>
      <c r="AQ2432" s="9">
        <v>19822.462185100001</v>
      </c>
      <c r="AR2432" s="9">
        <v>21748.786932499999</v>
      </c>
      <c r="AS2432" s="9">
        <v>21643.695823099999</v>
      </c>
      <c r="AT2432" s="9">
        <v>22440.032186100001</v>
      </c>
      <c r="AU2432" s="9">
        <v>27623.8529002</v>
      </c>
      <c r="AV2432" s="9">
        <v>25924.9451415</v>
      </c>
      <c r="AW2432" s="9">
        <v>28539.397216500001</v>
      </c>
      <c r="AX2432" s="9">
        <v>29825.612162500001</v>
      </c>
      <c r="AY2432" s="9">
        <v>28347.708441300001</v>
      </c>
      <c r="AZ2432" s="9">
        <v>30201.708499299999</v>
      </c>
      <c r="BA2432" s="9">
        <v>32033.026455200001</v>
      </c>
      <c r="BB2432" s="9">
        <v>35967.314449500002</v>
      </c>
      <c r="BC2432" s="9">
        <v>36268.623283699999</v>
      </c>
      <c r="BD2432" s="9">
        <v>35692.224597799999</v>
      </c>
      <c r="BE2432" s="9">
        <v>37658.959855499998</v>
      </c>
      <c r="BF2432" s="9">
        <v>38302.227042500002</v>
      </c>
      <c r="BG2432" s="11">
        <v>-1.75</v>
      </c>
      <c r="BH2432" s="13">
        <v>-6.7307692307692304E-2</v>
      </c>
      <c r="BI2432" s="6">
        <v>-1</v>
      </c>
      <c r="BJ2432" s="13">
        <v>-3.8461538461538464E-2</v>
      </c>
      <c r="BK2432" s="6">
        <v>-5</v>
      </c>
      <c r="BL2432" s="13">
        <v>-0.2</v>
      </c>
      <c r="BM2432" s="11">
        <v>4.25</v>
      </c>
      <c r="BN2432" s="13">
        <v>0.21249999999999999</v>
      </c>
      <c r="BO2432" s="11">
        <v>-0.75</v>
      </c>
      <c r="BP2432" s="13">
        <v>-0.03</v>
      </c>
      <c r="BQ2432" s="6">
        <v>26</v>
      </c>
      <c r="BR2432" s="6">
        <v>24</v>
      </c>
      <c r="BS2432" s="6">
        <v>24</v>
      </c>
      <c r="BT2432" s="6">
        <v>25</v>
      </c>
      <c r="BU2432" s="6">
        <v>28</v>
      </c>
      <c r="BV2432" s="6">
        <v>23</v>
      </c>
      <c r="BW2432" s="6">
        <v>20</v>
      </c>
      <c r="BX2432" s="6">
        <v>21</v>
      </c>
      <c r="BY2432" s="6">
        <v>23</v>
      </c>
      <c r="BZ2432" s="6">
        <v>24</v>
      </c>
      <c r="CA2432" s="6">
        <v>24</v>
      </c>
      <c r="CB2432" s="6">
        <v>26</v>
      </c>
      <c r="CC2432" s="11">
        <v>24.25</v>
      </c>
      <c r="CD2432" s="11">
        <v>82.348500000000001</v>
      </c>
      <c r="CE2432" s="11">
        <v>-17.113299999999999</v>
      </c>
      <c r="CF2432" s="11">
        <v>22.8781</v>
      </c>
      <c r="CG2432" s="11">
        <v>6</v>
      </c>
      <c r="CH2432" s="20">
        <v>0.95404800000000001</v>
      </c>
      <c r="CI2432" s="20">
        <v>0.88007999999999997</v>
      </c>
      <c r="CJ2432" s="20">
        <v>1.0247200000000001</v>
      </c>
      <c r="CK2432" s="20">
        <v>0.96740999999999999</v>
      </c>
      <c r="CL2432" s="20">
        <v>1.0374300000000001</v>
      </c>
      <c r="CM2432" s="20">
        <v>1.10697</v>
      </c>
      <c r="CN2432" s="20">
        <v>1.1455</v>
      </c>
      <c r="CO2432" s="20">
        <v>1.22481</v>
      </c>
      <c r="CP2432" s="20">
        <v>1.0914900000000001</v>
      </c>
      <c r="CQ2432" s="20">
        <v>1.18164</v>
      </c>
      <c r="CR2432" s="20">
        <v>1.21309</v>
      </c>
      <c r="CS2432" s="20">
        <v>1.20356</v>
      </c>
      <c r="CT2432" s="20">
        <v>1.5215000000000001</v>
      </c>
      <c r="CU2432" s="20">
        <v>1.5903</v>
      </c>
      <c r="CV2432" s="20">
        <v>1.4653099999999999</v>
      </c>
      <c r="CW2432" s="20">
        <v>1.4962899999999999</v>
      </c>
      <c r="CX2432" s="20">
        <v>1.5336000000000001</v>
      </c>
      <c r="CY2432" s="6" t="s">
        <v>739</v>
      </c>
      <c r="CZ2432" s="6" t="s">
        <v>740</v>
      </c>
      <c r="DA2432" s="6" t="s">
        <v>101</v>
      </c>
      <c r="DB2432" s="6" t="s">
        <v>345</v>
      </c>
      <c r="DC2432" s="6"/>
      <c r="DD2432" s="6"/>
      <c r="DE2432" s="6"/>
      <c r="DF2432" s="6"/>
      <c r="DG2432" s="6"/>
      <c r="DH2432" s="6" t="s">
        <v>333</v>
      </c>
      <c r="DI2432" s="6"/>
      <c r="DJ2432" s="6"/>
      <c r="DK2432" s="6"/>
      <c r="DL2432" s="6">
        <v>6</v>
      </c>
      <c r="DM2432" s="6" t="s">
        <v>396</v>
      </c>
      <c r="DN2432" s="6">
        <v>6</v>
      </c>
      <c r="DO2432" s="6" t="s">
        <v>393</v>
      </c>
      <c r="DP2432" s="6"/>
      <c r="DQ2432" s="6"/>
    </row>
    <row r="2433" spans="1:121" x14ac:dyDescent="0.2">
      <c r="A2433" s="6" t="s">
        <v>793</v>
      </c>
      <c r="B2433" s="6" t="s">
        <v>179</v>
      </c>
      <c r="C2433" s="6" t="s">
        <v>180</v>
      </c>
      <c r="D2433" s="6" t="s">
        <v>101</v>
      </c>
      <c r="E2433" s="6" t="s">
        <v>242</v>
      </c>
      <c r="F2433" s="11">
        <v>-75</v>
      </c>
      <c r="G2433" s="13">
        <v>-0.08</v>
      </c>
      <c r="H2433" s="11">
        <v>-27</v>
      </c>
      <c r="I2433" s="13">
        <v>-2.9189189189189189E-2</v>
      </c>
      <c r="J2433" s="11">
        <v>-35</v>
      </c>
      <c r="K2433" s="13">
        <v>-3.8975501113585741E-2</v>
      </c>
      <c r="L2433" s="11">
        <v>-13</v>
      </c>
      <c r="M2433" s="13">
        <v>-1.5063731170336036E-2</v>
      </c>
      <c r="N2433" s="11">
        <v>-48</v>
      </c>
      <c r="O2433" s="13">
        <v>-5.3452115812917603E-2</v>
      </c>
      <c r="P2433" s="7">
        <v>925</v>
      </c>
      <c r="Q2433" s="7">
        <v>965</v>
      </c>
      <c r="R2433" s="7">
        <v>923</v>
      </c>
      <c r="S2433" s="7">
        <v>933</v>
      </c>
      <c r="T2433" s="7">
        <v>913</v>
      </c>
      <c r="U2433" s="7">
        <v>904</v>
      </c>
      <c r="V2433" s="7">
        <v>898</v>
      </c>
      <c r="W2433" s="7">
        <v>877</v>
      </c>
      <c r="X2433" s="7">
        <v>902</v>
      </c>
      <c r="Y2433" s="7">
        <v>863</v>
      </c>
      <c r="Z2433" s="7">
        <v>860</v>
      </c>
      <c r="AA2433" s="7">
        <v>844</v>
      </c>
      <c r="AB2433" s="7">
        <v>874</v>
      </c>
      <c r="AC2433" s="7">
        <v>861</v>
      </c>
      <c r="AD2433" s="7">
        <v>824</v>
      </c>
      <c r="AE2433" s="7">
        <v>849</v>
      </c>
      <c r="AF2433" s="7">
        <v>850</v>
      </c>
      <c r="AG2433" s="9">
        <v>9998</v>
      </c>
      <c r="AH2433" s="13">
        <v>0.54354680874198114</v>
      </c>
      <c r="AI2433" s="9">
        <v>3738</v>
      </c>
      <c r="AJ2433" s="13">
        <v>0.2032184407959117</v>
      </c>
      <c r="AK2433" s="9">
        <v>3204</v>
      </c>
      <c r="AL2433" s="13">
        <v>0.14476775709380085</v>
      </c>
      <c r="AM2433" s="9">
        <v>3056</v>
      </c>
      <c r="AN2433" s="13">
        <v>0.1206188822229239</v>
      </c>
      <c r="AO2433" s="9">
        <v>6260</v>
      </c>
      <c r="AP2433" s="13">
        <v>0.28284836435929878</v>
      </c>
      <c r="AQ2433" s="9">
        <v>18394</v>
      </c>
      <c r="AR2433" s="9">
        <v>18795</v>
      </c>
      <c r="AS2433" s="9">
        <v>19524</v>
      </c>
      <c r="AT2433" s="9">
        <v>20241</v>
      </c>
      <c r="AU2433" s="9">
        <v>20538</v>
      </c>
      <c r="AV2433" s="9">
        <v>21317</v>
      </c>
      <c r="AW2433" s="9">
        <v>22132</v>
      </c>
      <c r="AX2433" s="9">
        <v>24041</v>
      </c>
      <c r="AY2433" s="9">
        <v>24396</v>
      </c>
      <c r="AZ2433" s="9">
        <v>25336</v>
      </c>
      <c r="BA2433" s="9">
        <v>24628</v>
      </c>
      <c r="BB2433" s="9">
        <v>25330</v>
      </c>
      <c r="BC2433" s="9">
        <v>27037</v>
      </c>
      <c r="BD2433" s="9">
        <v>26825</v>
      </c>
      <c r="BE2433" s="9">
        <v>28151</v>
      </c>
      <c r="BF2433" s="9">
        <v>28392</v>
      </c>
      <c r="BG2433" s="11">
        <v>-12</v>
      </c>
      <c r="BH2433" s="13">
        <v>-0.15584415584415584</v>
      </c>
      <c r="BI2433" s="6">
        <v>0</v>
      </c>
      <c r="BJ2433" s="13">
        <v>0</v>
      </c>
      <c r="BK2433" s="6">
        <v>-1</v>
      </c>
      <c r="BL2433" s="13">
        <v>-1.2987012987012988E-2</v>
      </c>
      <c r="BM2433" s="11">
        <v>-11</v>
      </c>
      <c r="BN2433" s="13">
        <v>-0.14473684210526316</v>
      </c>
      <c r="BO2433" s="11">
        <v>-12</v>
      </c>
      <c r="BP2433" s="13">
        <v>-0.15584415584415584</v>
      </c>
      <c r="BQ2433" s="6">
        <v>77</v>
      </c>
      <c r="BR2433" s="6">
        <v>75</v>
      </c>
      <c r="BS2433" s="6">
        <v>74</v>
      </c>
      <c r="BT2433" s="6">
        <v>77</v>
      </c>
      <c r="BU2433" s="6">
        <v>76</v>
      </c>
      <c r="BV2433" s="6">
        <v>75</v>
      </c>
      <c r="BW2433" s="6">
        <v>76</v>
      </c>
      <c r="BX2433" s="6">
        <v>74</v>
      </c>
      <c r="BY2433" s="6">
        <v>75</v>
      </c>
      <c r="BZ2433" s="6">
        <v>71</v>
      </c>
      <c r="CA2433" s="6">
        <v>70</v>
      </c>
      <c r="CB2433" s="6">
        <v>69</v>
      </c>
      <c r="CC2433" s="11">
        <v>65</v>
      </c>
      <c r="CD2433" s="11">
        <v>-117</v>
      </c>
      <c r="CE2433" s="11">
        <v>-59</v>
      </c>
      <c r="CF2433" s="11">
        <v>101</v>
      </c>
      <c r="CG2433" s="11">
        <v>42</v>
      </c>
      <c r="CH2433" s="20">
        <v>1.57</v>
      </c>
      <c r="CI2433" s="20">
        <v>1.64</v>
      </c>
      <c r="CJ2433" s="20">
        <v>1.58</v>
      </c>
      <c r="CK2433" s="20">
        <v>1.56</v>
      </c>
      <c r="CL2433" s="20">
        <v>1.51</v>
      </c>
      <c r="CM2433" s="20">
        <v>1.53</v>
      </c>
      <c r="CN2433" s="20">
        <v>1.56</v>
      </c>
      <c r="CO2433" s="20">
        <v>1.55</v>
      </c>
      <c r="CP2433" s="20">
        <v>1.66</v>
      </c>
      <c r="CQ2433" s="20">
        <v>1.63</v>
      </c>
      <c r="CR2433" s="20">
        <v>1.47</v>
      </c>
      <c r="CS2433" s="20">
        <v>1.44</v>
      </c>
      <c r="CT2433" s="20">
        <v>1.65</v>
      </c>
      <c r="CU2433" s="20">
        <v>1.63</v>
      </c>
      <c r="CV2433" s="20">
        <v>1.56</v>
      </c>
      <c r="CW2433" s="20">
        <v>1.62</v>
      </c>
      <c r="CX2433" s="20">
        <v>1.61</v>
      </c>
      <c r="CY2433" s="6" t="s">
        <v>739</v>
      </c>
      <c r="CZ2433" s="6" t="s">
        <v>740</v>
      </c>
      <c r="DA2433" s="6" t="s">
        <v>101</v>
      </c>
      <c r="DB2433" s="6" t="s">
        <v>345</v>
      </c>
      <c r="DC2433" s="6"/>
      <c r="DD2433" s="6"/>
      <c r="DE2433" s="6"/>
      <c r="DF2433" s="6"/>
      <c r="DG2433" s="6"/>
      <c r="DH2433" s="6" t="s">
        <v>333</v>
      </c>
      <c r="DI2433" s="6"/>
      <c r="DJ2433" s="6"/>
      <c r="DK2433" s="6"/>
      <c r="DL2433" s="6">
        <v>6</v>
      </c>
      <c r="DM2433" s="6" t="s">
        <v>396</v>
      </c>
      <c r="DN2433" s="6">
        <v>6</v>
      </c>
      <c r="DO2433" s="6" t="s">
        <v>393</v>
      </c>
      <c r="DP2433" s="6"/>
      <c r="DQ2433" s="6"/>
    </row>
    <row r="2434" spans="1:121" x14ac:dyDescent="0.2">
      <c r="A2434" s="6" t="s">
        <v>794</v>
      </c>
      <c r="B2434" s="6" t="s">
        <v>181</v>
      </c>
      <c r="C2434" s="6" t="s">
        <v>182</v>
      </c>
      <c r="D2434" s="6" t="s">
        <v>101</v>
      </c>
      <c r="E2434" s="6" t="s">
        <v>242</v>
      </c>
      <c r="F2434" s="11">
        <v>21</v>
      </c>
      <c r="G2434" s="13">
        <v>8.5020242915000002E-2</v>
      </c>
      <c r="H2434" s="11">
        <v>-35.509939179000014</v>
      </c>
      <c r="I2434" s="13">
        <v>-0.14361929017563502</v>
      </c>
      <c r="J2434" s="11">
        <v>6.445341610000014</v>
      </c>
      <c r="K2434" s="13">
        <v>3.0439808205528367E-2</v>
      </c>
      <c r="L2434" s="11">
        <v>49.729869765000018</v>
      </c>
      <c r="M2434" s="13">
        <v>0.22792431860074999</v>
      </c>
      <c r="N2434" s="11">
        <v>56.175211375000032</v>
      </c>
      <c r="O2434" s="13">
        <v>0.26530209934986099</v>
      </c>
      <c r="P2434" s="7">
        <v>247.250485193</v>
      </c>
      <c r="Q2434" s="7">
        <v>257.55195339800002</v>
      </c>
      <c r="R2434" s="7">
        <v>186.73048252699999</v>
      </c>
      <c r="S2434" s="7">
        <v>166.606364963</v>
      </c>
      <c r="T2434" s="7">
        <v>175.59261661799999</v>
      </c>
      <c r="U2434" s="7">
        <v>201.08416297599999</v>
      </c>
      <c r="V2434" s="7">
        <v>211.74054601399999</v>
      </c>
      <c r="W2434" s="7">
        <v>184.151108695</v>
      </c>
      <c r="X2434" s="7">
        <v>220.04320616699999</v>
      </c>
      <c r="Y2434" s="7">
        <v>218.185887624</v>
      </c>
      <c r="Z2434" s="7">
        <v>214.01268462199999</v>
      </c>
      <c r="AA2434" s="7">
        <v>225.40216009299999</v>
      </c>
      <c r="AB2434" s="7">
        <v>227.238444534</v>
      </c>
      <c r="AC2434" s="7">
        <v>253.743118442</v>
      </c>
      <c r="AD2434" s="7">
        <v>262.75445032800002</v>
      </c>
      <c r="AE2434" s="7">
        <v>256.71827452700001</v>
      </c>
      <c r="AF2434" s="7">
        <v>267.91575738900002</v>
      </c>
      <c r="AG2434" s="9">
        <v>19603.9857185</v>
      </c>
      <c r="AH2434" s="13">
        <v>0.57826994853688851</v>
      </c>
      <c r="AI2434" s="9">
        <v>4515.3465331999978</v>
      </c>
      <c r="AJ2434" s="13">
        <v>0.13319175217087276</v>
      </c>
      <c r="AK2434" s="9">
        <v>6992.9585243000038</v>
      </c>
      <c r="AL2434" s="13">
        <v>0.18203034558558495</v>
      </c>
      <c r="AM2434" s="9">
        <v>8095.6806609999985</v>
      </c>
      <c r="AN2434" s="13">
        <v>0.17828203550491015</v>
      </c>
      <c r="AO2434" s="9">
        <v>15088.639185300002</v>
      </c>
      <c r="AP2434" s="13">
        <v>0.39276512162515542</v>
      </c>
      <c r="AQ2434" s="9">
        <v>33901.0971746</v>
      </c>
      <c r="AR2434" s="9">
        <v>31878.175166500001</v>
      </c>
      <c r="AS2434" s="9">
        <v>33602.811560000002</v>
      </c>
      <c r="AT2434" s="9">
        <v>36145.041503699998</v>
      </c>
      <c r="AU2434" s="9">
        <v>37607.220150699999</v>
      </c>
      <c r="AV2434" s="9">
        <v>37467.800206200001</v>
      </c>
      <c r="AW2434" s="9">
        <v>38416.443707799997</v>
      </c>
      <c r="AX2434" s="9">
        <v>42839.153948799998</v>
      </c>
      <c r="AY2434" s="9">
        <v>41403.7382555</v>
      </c>
      <c r="AZ2434" s="9">
        <v>45409.402232100001</v>
      </c>
      <c r="BA2434" s="9">
        <v>48143.754743700003</v>
      </c>
      <c r="BB2434" s="9">
        <v>49193.542119400001</v>
      </c>
      <c r="BC2434" s="9">
        <v>53060.256340799999</v>
      </c>
      <c r="BD2434" s="9">
        <v>54991.3403377</v>
      </c>
      <c r="BE2434" s="9">
        <v>54577.1760173</v>
      </c>
      <c r="BF2434" s="9">
        <v>53505.0828931</v>
      </c>
      <c r="BG2434" s="11">
        <v>2</v>
      </c>
      <c r="BH2434" s="13">
        <v>8.6956521739130432E-2</v>
      </c>
      <c r="BI2434" s="6">
        <v>0</v>
      </c>
      <c r="BJ2434" s="13">
        <v>0</v>
      </c>
      <c r="BK2434" s="6">
        <v>7</v>
      </c>
      <c r="BL2434" s="13">
        <v>0.30434782608695654</v>
      </c>
      <c r="BM2434" s="11">
        <v>-5</v>
      </c>
      <c r="BN2434" s="13">
        <v>-0.16666666666666666</v>
      </c>
      <c r="BO2434" s="11">
        <v>2</v>
      </c>
      <c r="BP2434" s="13">
        <v>8.6956521739130432E-2</v>
      </c>
      <c r="BQ2434" s="6">
        <v>23</v>
      </c>
      <c r="BR2434" s="6">
        <v>23</v>
      </c>
      <c r="BS2434" s="6">
        <v>24</v>
      </c>
      <c r="BT2434" s="6">
        <v>23</v>
      </c>
      <c r="BU2434" s="6">
        <v>22</v>
      </c>
      <c r="BV2434" s="6">
        <v>25</v>
      </c>
      <c r="BW2434" s="6">
        <v>30</v>
      </c>
      <c r="BX2434" s="6">
        <v>26</v>
      </c>
      <c r="BY2434" s="6">
        <v>29</v>
      </c>
      <c r="BZ2434" s="6">
        <v>24</v>
      </c>
      <c r="CA2434" s="6">
        <v>24</v>
      </c>
      <c r="CB2434" s="6">
        <v>27</v>
      </c>
      <c r="CC2434" s="11">
        <v>25</v>
      </c>
      <c r="CD2434" s="11">
        <v>-21.9465</v>
      </c>
      <c r="CE2434" s="11">
        <v>15.584300000000001</v>
      </c>
      <c r="CF2434" s="11">
        <v>27.0275</v>
      </c>
      <c r="CG2434" s="11">
        <v>43</v>
      </c>
      <c r="CH2434" s="20">
        <v>1.4237899999999999</v>
      </c>
      <c r="CI2434" s="20">
        <v>1.5182599999999999</v>
      </c>
      <c r="CJ2434" s="20">
        <v>1.1127400000000001</v>
      </c>
      <c r="CK2434" s="20">
        <v>0.95283600000000002</v>
      </c>
      <c r="CL2434" s="20">
        <v>0.98486300000000004</v>
      </c>
      <c r="CM2434" s="20">
        <v>1.1303000000000001</v>
      </c>
      <c r="CN2434" s="20">
        <v>1.2149399999999999</v>
      </c>
      <c r="CO2434" s="20">
        <v>1.0653600000000001</v>
      </c>
      <c r="CP2434" s="20">
        <v>1.3440799999999999</v>
      </c>
      <c r="CQ2434" s="20">
        <v>1.37191</v>
      </c>
      <c r="CR2434" s="20">
        <v>1.2051099999999999</v>
      </c>
      <c r="CS2434" s="20">
        <v>1.24752</v>
      </c>
      <c r="CT2434" s="20">
        <v>1.38862</v>
      </c>
      <c r="CU2434" s="20">
        <v>1.5231399999999999</v>
      </c>
      <c r="CV2434" s="20">
        <v>1.5376099999999999</v>
      </c>
      <c r="CW2434" s="20">
        <v>1.49594</v>
      </c>
      <c r="CX2434" s="20">
        <v>1.5296700000000001</v>
      </c>
      <c r="CY2434" s="6" t="s">
        <v>739</v>
      </c>
      <c r="CZ2434" s="6" t="s">
        <v>740</v>
      </c>
      <c r="DA2434" s="6" t="s">
        <v>101</v>
      </c>
      <c r="DB2434" s="6" t="s">
        <v>345</v>
      </c>
      <c r="DC2434" s="6"/>
      <c r="DD2434" s="6"/>
      <c r="DE2434" s="6"/>
      <c r="DF2434" s="6"/>
      <c r="DG2434" s="6"/>
      <c r="DH2434" s="6" t="s">
        <v>333</v>
      </c>
      <c r="DI2434" s="6"/>
      <c r="DJ2434" s="6"/>
      <c r="DK2434" s="6"/>
      <c r="DL2434" s="6">
        <v>6</v>
      </c>
      <c r="DM2434" s="6" t="s">
        <v>396</v>
      </c>
      <c r="DN2434" s="6">
        <v>6</v>
      </c>
      <c r="DO2434" s="6" t="s">
        <v>393</v>
      </c>
      <c r="DP2434" s="6"/>
      <c r="DQ2434" s="6"/>
    </row>
    <row r="2435" spans="1:121" x14ac:dyDescent="0.2">
      <c r="A2435" s="6" t="s">
        <v>314</v>
      </c>
      <c r="B2435" s="6" t="s">
        <v>314</v>
      </c>
      <c r="C2435" s="6" t="s">
        <v>183</v>
      </c>
      <c r="D2435" s="6" t="s">
        <v>101</v>
      </c>
      <c r="E2435" s="6" t="s">
        <v>242</v>
      </c>
      <c r="F2435" s="11">
        <v>-19</v>
      </c>
      <c r="G2435" s="13">
        <v>-0.37254901960800002</v>
      </c>
      <c r="H2435" s="11">
        <v>11.2624487024</v>
      </c>
      <c r="I2435" s="13">
        <v>0.22201372616496759</v>
      </c>
      <c r="J2435" s="11">
        <v>-5.1505804581999968</v>
      </c>
      <c r="K2435" s="13">
        <v>-8.3085854667274348E-2</v>
      </c>
      <c r="L2435" s="11">
        <v>-24.771921983200002</v>
      </c>
      <c r="M2435" s="13">
        <v>-0.43581477211558162</v>
      </c>
      <c r="N2435" s="11">
        <v>-29.922502441399999</v>
      </c>
      <c r="O2435" s="13">
        <v>-0.48269058396500936</v>
      </c>
      <c r="P2435" s="7">
        <v>50.728614383199996</v>
      </c>
      <c r="Q2435" s="7">
        <v>61.737644059799997</v>
      </c>
      <c r="R2435" s="7">
        <v>51.658757123000001</v>
      </c>
      <c r="S2435" s="7">
        <v>56.199216241899997</v>
      </c>
      <c r="T2435" s="7">
        <v>58.4676928632</v>
      </c>
      <c r="U2435" s="7">
        <v>60.142129195899997</v>
      </c>
      <c r="V2435" s="7">
        <v>61.991063085599997</v>
      </c>
      <c r="W2435" s="7">
        <v>52.761149793500003</v>
      </c>
      <c r="X2435" s="7">
        <v>47.462236945599997</v>
      </c>
      <c r="Y2435" s="7">
        <v>56.8404826274</v>
      </c>
      <c r="Z2435" s="7">
        <v>53.669245862099999</v>
      </c>
      <c r="AA2435" s="7">
        <v>42.630148262100001</v>
      </c>
      <c r="AB2435" s="7">
        <v>42.395643022599998</v>
      </c>
      <c r="AC2435" s="7">
        <v>40.104717999999998</v>
      </c>
      <c r="AD2435" s="7">
        <v>38.200637999999998</v>
      </c>
      <c r="AE2435" s="7">
        <v>33.749306750000002</v>
      </c>
      <c r="AF2435" s="7">
        <v>32.068560644199998</v>
      </c>
      <c r="AG2435" s="9">
        <v>18075.565085599999</v>
      </c>
      <c r="AH2435" s="13">
        <v>0.59675210582915217</v>
      </c>
      <c r="AI2435" s="9">
        <v>2180.1078788000013</v>
      </c>
      <c r="AJ2435" s="13">
        <v>7.1974732820113213E-2</v>
      </c>
      <c r="AK2435" s="9">
        <v>1679.2986563000013</v>
      </c>
      <c r="AL2435" s="13">
        <v>5.1718446185191384E-2</v>
      </c>
      <c r="AM2435" s="9">
        <v>14216.158550499997</v>
      </c>
      <c r="AN2435" s="13">
        <v>0.41629413796609693</v>
      </c>
      <c r="AO2435" s="9">
        <v>15895.457206799998</v>
      </c>
      <c r="AP2435" s="13">
        <v>0.48954267012289854</v>
      </c>
      <c r="AQ2435" s="9">
        <v>30289.905823599998</v>
      </c>
      <c r="AR2435" s="9">
        <v>31805.076633100001</v>
      </c>
      <c r="AS2435" s="9">
        <v>34638.942940399997</v>
      </c>
      <c r="AT2435" s="9">
        <v>36048.376890500003</v>
      </c>
      <c r="AU2435" s="9">
        <v>33491.175556800001</v>
      </c>
      <c r="AV2435" s="9">
        <v>32848.222509899999</v>
      </c>
      <c r="AW2435" s="9">
        <v>32470.0137024</v>
      </c>
      <c r="AX2435" s="9">
        <v>34292.498014199999</v>
      </c>
      <c r="AY2435" s="9">
        <v>40114.864540299997</v>
      </c>
      <c r="AZ2435" s="9">
        <v>34149.312358700001</v>
      </c>
      <c r="BA2435" s="9">
        <v>35941.709931899997</v>
      </c>
      <c r="BB2435" s="9">
        <v>37490.982525799998</v>
      </c>
      <c r="BC2435" s="9">
        <v>35856.130983700001</v>
      </c>
      <c r="BD2435" s="9">
        <v>36654.867617099997</v>
      </c>
      <c r="BE2435" s="9">
        <v>41643.253196199999</v>
      </c>
      <c r="BF2435" s="9">
        <v>48365.470909199998</v>
      </c>
      <c r="BG2435" s="11">
        <v>0</v>
      </c>
      <c r="BH2435" s="13">
        <v>0</v>
      </c>
      <c r="BI2435" s="6">
        <v>1</v>
      </c>
      <c r="BJ2435" s="13">
        <v>0.14285714285714285</v>
      </c>
      <c r="BK2435" s="6">
        <v>0</v>
      </c>
      <c r="BL2435" s="13">
        <v>0</v>
      </c>
      <c r="BM2435" s="11">
        <v>-1</v>
      </c>
      <c r="BN2435" s="13">
        <v>-0.125</v>
      </c>
      <c r="BO2435" s="11">
        <v>-1</v>
      </c>
      <c r="BP2435" s="13">
        <v>-0.125</v>
      </c>
      <c r="BQ2435" s="6">
        <v>7</v>
      </c>
      <c r="BR2435" s="6">
        <v>8</v>
      </c>
      <c r="BS2435" s="6">
        <v>8</v>
      </c>
      <c r="BT2435" s="6">
        <v>8</v>
      </c>
      <c r="BU2435" s="6">
        <v>8</v>
      </c>
      <c r="BV2435" s="6">
        <v>7</v>
      </c>
      <c r="BW2435" s="6">
        <v>8</v>
      </c>
      <c r="BX2435" s="6">
        <v>8</v>
      </c>
      <c r="BY2435" s="6">
        <v>7</v>
      </c>
      <c r="BZ2435" s="6">
        <v>7</v>
      </c>
      <c r="CA2435" s="6">
        <v>7</v>
      </c>
      <c r="CB2435" s="6">
        <v>7</v>
      </c>
      <c r="CC2435" s="11">
        <v>7</v>
      </c>
      <c r="CD2435" s="11">
        <v>-8.6676099999999998</v>
      </c>
      <c r="CE2435" s="11">
        <v>-15.537699999999999</v>
      </c>
      <c r="CF2435" s="11">
        <v>5.5452500000000002</v>
      </c>
      <c r="CG2435" s="11">
        <v>-10</v>
      </c>
      <c r="CH2435" s="20">
        <v>0.37095600000000001</v>
      </c>
      <c r="CI2435" s="20">
        <v>0.47519499999999998</v>
      </c>
      <c r="CJ2435" s="20">
        <v>0.41969600000000001</v>
      </c>
      <c r="CK2435" s="20">
        <v>0.45673200000000003</v>
      </c>
      <c r="CL2435" s="20">
        <v>0.48367300000000002</v>
      </c>
      <c r="CM2435" s="20">
        <v>0.51346999999999998</v>
      </c>
      <c r="CN2435" s="20">
        <v>0.55262599999999995</v>
      </c>
      <c r="CO2435" s="20">
        <v>0.47835100000000003</v>
      </c>
      <c r="CP2435" s="20">
        <v>0.452185</v>
      </c>
      <c r="CQ2435" s="20">
        <v>0.57179400000000002</v>
      </c>
      <c r="CR2435" s="20">
        <v>0.50149600000000005</v>
      </c>
      <c r="CS2435" s="20">
        <v>0.39943400000000001</v>
      </c>
      <c r="CT2435" s="20">
        <v>0.44314399999999998</v>
      </c>
      <c r="CU2435" s="20">
        <v>0.42061999999999999</v>
      </c>
      <c r="CV2435" s="20">
        <v>0.40484700000000001</v>
      </c>
      <c r="CW2435" s="20">
        <v>0.360045</v>
      </c>
      <c r="CX2435" s="20">
        <v>0.33944299999999999</v>
      </c>
      <c r="CY2435" s="6" t="s">
        <v>739</v>
      </c>
      <c r="CZ2435" s="6" t="s">
        <v>740</v>
      </c>
      <c r="DA2435" s="6" t="s">
        <v>101</v>
      </c>
      <c r="DB2435" s="6" t="s">
        <v>345</v>
      </c>
      <c r="DC2435" s="6"/>
      <c r="DD2435" s="6"/>
      <c r="DE2435" s="6"/>
      <c r="DF2435" s="6"/>
      <c r="DG2435" s="6"/>
      <c r="DH2435" s="6" t="s">
        <v>333</v>
      </c>
      <c r="DI2435" s="6"/>
      <c r="DJ2435" s="6"/>
      <c r="DK2435" s="6"/>
      <c r="DL2435" s="6">
        <v>6</v>
      </c>
      <c r="DM2435" s="6" t="s">
        <v>396</v>
      </c>
      <c r="DN2435" s="6">
        <v>6</v>
      </c>
      <c r="DO2435" s="6" t="s">
        <v>393</v>
      </c>
      <c r="DP2435" s="6"/>
      <c r="DQ2435" s="6"/>
    </row>
    <row r="2436" spans="1:121" x14ac:dyDescent="0.2">
      <c r="A2436" s="6" t="s">
        <v>315</v>
      </c>
      <c r="B2436" s="6" t="s">
        <v>315</v>
      </c>
      <c r="C2436" s="6" t="s">
        <v>184</v>
      </c>
      <c r="D2436" s="6" t="s">
        <v>101</v>
      </c>
      <c r="E2436" s="6" t="s">
        <v>242</v>
      </c>
      <c r="F2436" s="11">
        <v>19</v>
      </c>
      <c r="G2436" s="13">
        <v>0.13</v>
      </c>
      <c r="H2436" s="11">
        <v>34</v>
      </c>
      <c r="I2436" s="13">
        <v>0.2251655629139073</v>
      </c>
      <c r="J2436" s="11">
        <v>-5</v>
      </c>
      <c r="K2436" s="13">
        <v>-2.7027027027027029E-2</v>
      </c>
      <c r="L2436" s="11">
        <v>-10</v>
      </c>
      <c r="M2436" s="13">
        <v>-5.5555555555555552E-2</v>
      </c>
      <c r="N2436" s="11">
        <v>-15</v>
      </c>
      <c r="O2436" s="13">
        <v>-8.1081081081081086E-2</v>
      </c>
      <c r="P2436" s="7">
        <v>151</v>
      </c>
      <c r="Q2436" s="7">
        <v>161</v>
      </c>
      <c r="R2436" s="7">
        <v>162</v>
      </c>
      <c r="S2436" s="7">
        <v>167</v>
      </c>
      <c r="T2436" s="7">
        <v>170</v>
      </c>
      <c r="U2436" s="7">
        <v>174</v>
      </c>
      <c r="V2436" s="7">
        <v>185</v>
      </c>
      <c r="W2436" s="7">
        <v>184</v>
      </c>
      <c r="X2436" s="7">
        <v>176</v>
      </c>
      <c r="Y2436" s="7">
        <v>180</v>
      </c>
      <c r="Z2436" s="7">
        <v>196</v>
      </c>
      <c r="AA2436" s="7">
        <v>157</v>
      </c>
      <c r="AB2436" s="7">
        <v>152</v>
      </c>
      <c r="AC2436" s="7">
        <v>157</v>
      </c>
      <c r="AD2436" s="7">
        <v>167</v>
      </c>
      <c r="AE2436" s="7">
        <v>168</v>
      </c>
      <c r="AF2436" s="7">
        <v>170</v>
      </c>
      <c r="AG2436" s="9">
        <v>14956</v>
      </c>
      <c r="AH2436" s="13">
        <v>0.5811766534545737</v>
      </c>
      <c r="AI2436" s="9">
        <v>5198</v>
      </c>
      <c r="AJ2436" s="13">
        <v>0.20198958576202689</v>
      </c>
      <c r="AK2436" s="9">
        <v>5140</v>
      </c>
      <c r="AL2436" s="13">
        <v>0.16617095564463985</v>
      </c>
      <c r="AM2436" s="9">
        <v>4618</v>
      </c>
      <c r="AN2436" s="13">
        <v>0.12802173430915945</v>
      </c>
      <c r="AO2436" s="9">
        <v>9758</v>
      </c>
      <c r="AP2436" s="13">
        <v>0.31546618388723652</v>
      </c>
      <c r="AQ2436" s="9">
        <v>25734</v>
      </c>
      <c r="AR2436" s="9">
        <v>27592</v>
      </c>
      <c r="AS2436" s="9">
        <v>26837</v>
      </c>
      <c r="AT2436" s="9">
        <v>28590</v>
      </c>
      <c r="AU2436" s="9">
        <v>28809</v>
      </c>
      <c r="AV2436" s="9">
        <v>28836</v>
      </c>
      <c r="AW2436" s="9">
        <v>30932</v>
      </c>
      <c r="AX2436" s="9">
        <v>33885</v>
      </c>
      <c r="AY2436" s="9">
        <v>33856</v>
      </c>
      <c r="AZ2436" s="9">
        <v>36072</v>
      </c>
      <c r="BA2436" s="9">
        <v>35215</v>
      </c>
      <c r="BB2436" s="9">
        <v>35649</v>
      </c>
      <c r="BC2436" s="9">
        <v>36827</v>
      </c>
      <c r="BD2436" s="9">
        <v>38863</v>
      </c>
      <c r="BE2436" s="9">
        <v>38693</v>
      </c>
      <c r="BF2436" s="9">
        <v>40690</v>
      </c>
      <c r="BG2436" s="11">
        <v>1</v>
      </c>
      <c r="BH2436" s="13">
        <v>3.125E-2</v>
      </c>
      <c r="BI2436" s="6">
        <v>2</v>
      </c>
      <c r="BJ2436" s="13">
        <v>6.25E-2</v>
      </c>
      <c r="BK2436" s="6">
        <v>0</v>
      </c>
      <c r="BL2436" s="13">
        <v>0</v>
      </c>
      <c r="BM2436" s="11">
        <v>-1</v>
      </c>
      <c r="BN2436" s="13">
        <v>-2.9411764705882353E-2</v>
      </c>
      <c r="BO2436" s="11">
        <v>-1</v>
      </c>
      <c r="BP2436" s="13">
        <v>-2.9411764705882353E-2</v>
      </c>
      <c r="BQ2436" s="6">
        <v>32</v>
      </c>
      <c r="BR2436" s="6">
        <v>33</v>
      </c>
      <c r="BS2436" s="6">
        <v>33</v>
      </c>
      <c r="BT2436" s="6">
        <v>34</v>
      </c>
      <c r="BU2436" s="6">
        <v>32</v>
      </c>
      <c r="BV2436" s="6">
        <v>33</v>
      </c>
      <c r="BW2436" s="6">
        <v>34</v>
      </c>
      <c r="BX2436" s="6">
        <v>34</v>
      </c>
      <c r="BY2436" s="6">
        <v>34</v>
      </c>
      <c r="BZ2436" s="6">
        <v>33</v>
      </c>
      <c r="CA2436" s="6">
        <v>33</v>
      </c>
      <c r="CB2436" s="6">
        <v>33</v>
      </c>
      <c r="CC2436" s="11">
        <v>33</v>
      </c>
      <c r="CD2436" s="11">
        <v>14</v>
      </c>
      <c r="CE2436" s="11">
        <v>-12</v>
      </c>
      <c r="CF2436" s="11">
        <v>17</v>
      </c>
      <c r="CG2436" s="11">
        <v>5</v>
      </c>
      <c r="CH2436" s="20">
        <v>0.68</v>
      </c>
      <c r="CI2436" s="20">
        <v>0.72</v>
      </c>
      <c r="CJ2436" s="20">
        <v>0.71</v>
      </c>
      <c r="CK2436" s="20">
        <v>0.72</v>
      </c>
      <c r="CL2436" s="20">
        <v>0.72</v>
      </c>
      <c r="CM2436" s="20">
        <v>0.74</v>
      </c>
      <c r="CN2436" s="20">
        <v>0.82</v>
      </c>
      <c r="CO2436" s="20">
        <v>0.84</v>
      </c>
      <c r="CP2436" s="20">
        <v>0.83</v>
      </c>
      <c r="CQ2436" s="20">
        <v>0.88</v>
      </c>
      <c r="CR2436" s="20">
        <v>0.88</v>
      </c>
      <c r="CS2436" s="20">
        <v>0.7</v>
      </c>
      <c r="CT2436" s="20">
        <v>0.76</v>
      </c>
      <c r="CU2436" s="20">
        <v>0.79</v>
      </c>
      <c r="CV2436" s="20">
        <v>0.85</v>
      </c>
      <c r="CW2436" s="20">
        <v>0.86</v>
      </c>
      <c r="CX2436" s="20">
        <v>0.86</v>
      </c>
      <c r="CY2436" s="6" t="s">
        <v>739</v>
      </c>
      <c r="CZ2436" s="6" t="s">
        <v>740</v>
      </c>
      <c r="DA2436" s="6" t="s">
        <v>101</v>
      </c>
      <c r="DB2436" s="6" t="s">
        <v>345</v>
      </c>
      <c r="DC2436" s="6"/>
      <c r="DD2436" s="6"/>
      <c r="DE2436" s="6"/>
      <c r="DF2436" s="6"/>
      <c r="DG2436" s="6"/>
      <c r="DH2436" s="6" t="s">
        <v>333</v>
      </c>
      <c r="DI2436" s="6"/>
      <c r="DJ2436" s="6"/>
      <c r="DK2436" s="6"/>
      <c r="DL2436" s="6">
        <v>6</v>
      </c>
      <c r="DM2436" s="6" t="s">
        <v>396</v>
      </c>
      <c r="DN2436" s="6">
        <v>6</v>
      </c>
      <c r="DO2436" s="6" t="s">
        <v>393</v>
      </c>
      <c r="DP2436" s="6"/>
      <c r="DQ2436" s="6"/>
    </row>
    <row r="2437" spans="1:121" x14ac:dyDescent="0.2">
      <c r="A2437" s="6" t="s">
        <v>316</v>
      </c>
      <c r="B2437" s="6" t="s">
        <v>316</v>
      </c>
      <c r="C2437" s="6" t="s">
        <v>185</v>
      </c>
      <c r="D2437" s="6" t="s">
        <v>101</v>
      </c>
      <c r="E2437" s="6" t="s">
        <v>242</v>
      </c>
      <c r="F2437" s="11">
        <v>-7</v>
      </c>
      <c r="G2437" s="13">
        <v>-0.16</v>
      </c>
      <c r="H2437" s="11">
        <v>7</v>
      </c>
      <c r="I2437" s="13">
        <v>0.16279069767441862</v>
      </c>
      <c r="J2437" s="11">
        <v>-8</v>
      </c>
      <c r="K2437" s="13">
        <v>-0.16</v>
      </c>
      <c r="L2437" s="11">
        <v>-6</v>
      </c>
      <c r="M2437" s="13">
        <v>-0.14285714285714285</v>
      </c>
      <c r="N2437" s="11">
        <v>-14</v>
      </c>
      <c r="O2437" s="13">
        <v>-0.28000000000000003</v>
      </c>
      <c r="P2437" s="7">
        <v>43</v>
      </c>
      <c r="Q2437" s="7">
        <v>37</v>
      </c>
      <c r="R2437" s="7">
        <v>44</v>
      </c>
      <c r="S2437" s="7">
        <v>49</v>
      </c>
      <c r="T2437" s="7">
        <v>51</v>
      </c>
      <c r="U2437" s="7">
        <v>46</v>
      </c>
      <c r="V2437" s="7">
        <v>50</v>
      </c>
      <c r="W2437" s="7">
        <v>51</v>
      </c>
      <c r="X2437" s="7">
        <v>49</v>
      </c>
      <c r="Y2437" s="7">
        <v>42</v>
      </c>
      <c r="Z2437" s="7">
        <v>42</v>
      </c>
      <c r="AA2437" s="7">
        <v>47</v>
      </c>
      <c r="AB2437" s="7">
        <v>42</v>
      </c>
      <c r="AC2437" s="7">
        <v>43</v>
      </c>
      <c r="AD2437" s="7">
        <v>41</v>
      </c>
      <c r="AE2437" s="7">
        <v>36</v>
      </c>
      <c r="AF2437" s="7">
        <v>36</v>
      </c>
      <c r="AG2437" s="9">
        <v>6899</v>
      </c>
      <c r="AH2437" s="13">
        <v>0.43035368972615551</v>
      </c>
      <c r="AI2437" s="9">
        <v>4273</v>
      </c>
      <c r="AJ2437" s="13">
        <v>0.26654606699519678</v>
      </c>
      <c r="AK2437" s="9">
        <v>-1694</v>
      </c>
      <c r="AL2437" s="13">
        <v>-8.3431836091410555E-2</v>
      </c>
      <c r="AM2437" s="9">
        <v>4320</v>
      </c>
      <c r="AN2437" s="13">
        <v>0.23213326168726492</v>
      </c>
      <c r="AO2437" s="9">
        <v>2626</v>
      </c>
      <c r="AP2437" s="13">
        <v>0.12933412135539796</v>
      </c>
      <c r="AQ2437" s="9">
        <v>16031</v>
      </c>
      <c r="AR2437" s="9">
        <v>16177</v>
      </c>
      <c r="AS2437" s="9">
        <v>13936</v>
      </c>
      <c r="AT2437" s="9">
        <v>16135</v>
      </c>
      <c r="AU2437" s="9">
        <v>16281</v>
      </c>
      <c r="AV2437" s="9">
        <v>16945</v>
      </c>
      <c r="AW2437" s="9">
        <v>20304</v>
      </c>
      <c r="AX2437" s="9">
        <v>19883</v>
      </c>
      <c r="AY2437" s="9">
        <v>18915</v>
      </c>
      <c r="AZ2437" s="9">
        <v>18610</v>
      </c>
      <c r="BA2437" s="9">
        <v>17852</v>
      </c>
      <c r="BB2437" s="9">
        <v>18808</v>
      </c>
      <c r="BC2437" s="9">
        <v>20942</v>
      </c>
      <c r="BD2437" s="9">
        <v>22024</v>
      </c>
      <c r="BE2437" s="9">
        <v>21706</v>
      </c>
      <c r="BF2437" s="9">
        <v>22930</v>
      </c>
      <c r="BG2437" s="11">
        <v>-1</v>
      </c>
      <c r="BH2437" s="13">
        <v>-6.6666666666666666E-2</v>
      </c>
      <c r="BI2437" s="6">
        <v>-2</v>
      </c>
      <c r="BJ2437" s="13">
        <v>-0.13333333333333333</v>
      </c>
      <c r="BK2437" s="6">
        <v>0</v>
      </c>
      <c r="BL2437" s="13">
        <v>0</v>
      </c>
      <c r="BM2437" s="11">
        <v>1</v>
      </c>
      <c r="BN2437" s="13">
        <v>7.6923076923076927E-2</v>
      </c>
      <c r="BO2437" s="11">
        <v>1</v>
      </c>
      <c r="BP2437" s="13">
        <v>7.6923076923076927E-2</v>
      </c>
      <c r="BQ2437" s="6">
        <v>15</v>
      </c>
      <c r="BR2437" s="6">
        <v>16</v>
      </c>
      <c r="BS2437" s="6">
        <v>14</v>
      </c>
      <c r="BT2437" s="6">
        <v>13</v>
      </c>
      <c r="BU2437" s="6">
        <v>15</v>
      </c>
      <c r="BV2437" s="6">
        <v>15</v>
      </c>
      <c r="BW2437" s="6">
        <v>13</v>
      </c>
      <c r="BX2437" s="6">
        <v>12</v>
      </c>
      <c r="BY2437" s="6">
        <v>13</v>
      </c>
      <c r="BZ2437" s="6">
        <v>13</v>
      </c>
      <c r="CA2437" s="6">
        <v>14</v>
      </c>
      <c r="CB2437" s="6">
        <v>14</v>
      </c>
      <c r="CC2437" s="11">
        <v>14</v>
      </c>
      <c r="CD2437" s="11">
        <v>-9</v>
      </c>
      <c r="CE2437" s="11">
        <v>-2</v>
      </c>
      <c r="CF2437" s="11">
        <v>5</v>
      </c>
      <c r="CG2437" s="11">
        <v>3</v>
      </c>
      <c r="CH2437" s="20">
        <v>0.47</v>
      </c>
      <c r="CI2437" s="20">
        <v>0.39</v>
      </c>
      <c r="CJ2437" s="20">
        <v>0.46</v>
      </c>
      <c r="CK2437" s="20">
        <v>0.49</v>
      </c>
      <c r="CL2437" s="20">
        <v>0.5</v>
      </c>
      <c r="CM2437" s="20">
        <v>0.46</v>
      </c>
      <c r="CN2437" s="20">
        <v>0.51</v>
      </c>
      <c r="CO2437" s="20">
        <v>0.55000000000000004</v>
      </c>
      <c r="CP2437" s="20">
        <v>0.54</v>
      </c>
      <c r="CQ2437" s="20">
        <v>0.5</v>
      </c>
      <c r="CR2437" s="20">
        <v>0.46</v>
      </c>
      <c r="CS2437" s="20">
        <v>0.52</v>
      </c>
      <c r="CT2437" s="20">
        <v>0.5</v>
      </c>
      <c r="CU2437" s="20">
        <v>0.52</v>
      </c>
      <c r="CV2437" s="20">
        <v>0.49</v>
      </c>
      <c r="CW2437" s="20">
        <v>0.44</v>
      </c>
      <c r="CX2437" s="20">
        <v>0.43</v>
      </c>
      <c r="CY2437" s="6" t="s">
        <v>739</v>
      </c>
      <c r="CZ2437" s="6" t="s">
        <v>740</v>
      </c>
      <c r="DA2437" s="6" t="s">
        <v>101</v>
      </c>
      <c r="DB2437" s="6" t="s">
        <v>345</v>
      </c>
      <c r="DC2437" s="6"/>
      <c r="DD2437" s="6"/>
      <c r="DE2437" s="6"/>
      <c r="DF2437" s="6"/>
      <c r="DG2437" s="6"/>
      <c r="DH2437" s="6" t="s">
        <v>333</v>
      </c>
      <c r="DI2437" s="6"/>
      <c r="DJ2437" s="6"/>
      <c r="DK2437" s="6"/>
      <c r="DL2437" s="6">
        <v>6</v>
      </c>
      <c r="DM2437" s="6" t="s">
        <v>396</v>
      </c>
      <c r="DN2437" s="6">
        <v>6</v>
      </c>
      <c r="DO2437" s="6" t="s">
        <v>393</v>
      </c>
      <c r="DP2437" s="6"/>
      <c r="DQ2437" s="6"/>
    </row>
    <row r="2438" spans="1:121" x14ac:dyDescent="0.2">
      <c r="A2438" s="6" t="s">
        <v>317</v>
      </c>
      <c r="B2438" s="6" t="s">
        <v>317</v>
      </c>
      <c r="C2438" s="6" t="s">
        <v>186</v>
      </c>
      <c r="D2438" s="6" t="s">
        <v>101</v>
      </c>
      <c r="E2438" s="6" t="s">
        <v>242</v>
      </c>
      <c r="F2438" s="11">
        <v>-35</v>
      </c>
      <c r="G2438" s="13">
        <v>-0.36</v>
      </c>
      <c r="H2438" s="11">
        <v>-6</v>
      </c>
      <c r="I2438" s="13">
        <v>-6.1855670103092786E-2</v>
      </c>
      <c r="J2438" s="11">
        <v>-29</v>
      </c>
      <c r="K2438" s="13">
        <v>-0.31868131868131866</v>
      </c>
      <c r="L2438" s="11">
        <v>0</v>
      </c>
      <c r="M2438" s="13">
        <v>0</v>
      </c>
      <c r="N2438" s="11">
        <v>-29</v>
      </c>
      <c r="O2438" s="13">
        <v>-0.31868131868131866</v>
      </c>
      <c r="P2438" s="7">
        <v>97</v>
      </c>
      <c r="Q2438" s="7">
        <v>93</v>
      </c>
      <c r="R2438" s="7">
        <v>85</v>
      </c>
      <c r="S2438" s="7">
        <v>75</v>
      </c>
      <c r="T2438" s="7">
        <v>89</v>
      </c>
      <c r="U2438" s="7">
        <v>86</v>
      </c>
      <c r="V2438" s="7">
        <v>91</v>
      </c>
      <c r="W2438" s="7">
        <v>85</v>
      </c>
      <c r="X2438" s="7">
        <v>80</v>
      </c>
      <c r="Y2438" s="7">
        <v>62</v>
      </c>
      <c r="Z2438" s="7">
        <v>69</v>
      </c>
      <c r="AA2438" s="7">
        <v>90</v>
      </c>
      <c r="AB2438" s="7">
        <v>60</v>
      </c>
      <c r="AC2438" s="7">
        <v>64</v>
      </c>
      <c r="AD2438" s="7">
        <v>65</v>
      </c>
      <c r="AE2438" s="7">
        <v>62</v>
      </c>
      <c r="AF2438" s="7">
        <v>62</v>
      </c>
      <c r="AG2438" s="9">
        <v>6321</v>
      </c>
      <c r="AH2438" s="13">
        <v>0.2410019826140003</v>
      </c>
      <c r="AI2438" s="9">
        <v>2218</v>
      </c>
      <c r="AJ2438" s="13">
        <v>8.4566112551471714E-2</v>
      </c>
      <c r="AK2438" s="9">
        <v>4222</v>
      </c>
      <c r="AL2438" s="13">
        <v>0.14842157069535261</v>
      </c>
      <c r="AM2438" s="9">
        <v>-119</v>
      </c>
      <c r="AN2438" s="13">
        <v>-3.6427084608791479E-3</v>
      </c>
      <c r="AO2438" s="9">
        <v>4103</v>
      </c>
      <c r="AP2438" s="13">
        <v>0.14423820572312451</v>
      </c>
      <c r="AQ2438" s="9">
        <v>26228</v>
      </c>
      <c r="AR2438" s="9">
        <v>25587</v>
      </c>
      <c r="AS2438" s="9">
        <v>25376</v>
      </c>
      <c r="AT2438" s="9">
        <v>26976</v>
      </c>
      <c r="AU2438" s="9">
        <v>27401</v>
      </c>
      <c r="AV2438" s="9">
        <v>30224</v>
      </c>
      <c r="AW2438" s="9">
        <v>28446</v>
      </c>
      <c r="AX2438" s="9">
        <v>32344</v>
      </c>
      <c r="AY2438" s="9">
        <v>32799</v>
      </c>
      <c r="AZ2438" s="9">
        <v>32668</v>
      </c>
      <c r="BA2438" s="9">
        <v>28700</v>
      </c>
      <c r="BB2438" s="9">
        <v>35513</v>
      </c>
      <c r="BC2438" s="9">
        <v>30675</v>
      </c>
      <c r="BD2438" s="9">
        <v>32350</v>
      </c>
      <c r="BE2438" s="9">
        <v>32869</v>
      </c>
      <c r="BF2438" s="9">
        <v>32549</v>
      </c>
      <c r="BG2438" s="11">
        <v>-5</v>
      </c>
      <c r="BH2438" s="13">
        <v>-0.19230769230769232</v>
      </c>
      <c r="BI2438" s="6">
        <v>-2</v>
      </c>
      <c r="BJ2438" s="13">
        <v>-7.6923076923076927E-2</v>
      </c>
      <c r="BK2438" s="6">
        <v>-1</v>
      </c>
      <c r="BL2438" s="13">
        <v>-4.1666666666666664E-2</v>
      </c>
      <c r="BM2438" s="11">
        <v>-2</v>
      </c>
      <c r="BN2438" s="13">
        <v>-8.6956521739130432E-2</v>
      </c>
      <c r="BO2438" s="11">
        <v>-3</v>
      </c>
      <c r="BP2438" s="13">
        <v>-0.125</v>
      </c>
      <c r="BQ2438" s="6">
        <v>26</v>
      </c>
      <c r="BR2438" s="6">
        <v>27</v>
      </c>
      <c r="BS2438" s="6">
        <v>22</v>
      </c>
      <c r="BT2438" s="6">
        <v>24</v>
      </c>
      <c r="BU2438" s="6">
        <v>24</v>
      </c>
      <c r="BV2438" s="6">
        <v>24</v>
      </c>
      <c r="BW2438" s="6">
        <v>23</v>
      </c>
      <c r="BX2438" s="6">
        <v>22</v>
      </c>
      <c r="BY2438" s="6">
        <v>21</v>
      </c>
      <c r="BZ2438" s="6">
        <v>18</v>
      </c>
      <c r="CA2438" s="6">
        <v>19</v>
      </c>
      <c r="CB2438" s="6">
        <v>22</v>
      </c>
      <c r="CC2438" s="11">
        <v>21</v>
      </c>
      <c r="CD2438" s="11">
        <v>-65</v>
      </c>
      <c r="CE2438" s="11">
        <v>19</v>
      </c>
      <c r="CF2438" s="11">
        <v>11</v>
      </c>
      <c r="CG2438" s="11">
        <v>30</v>
      </c>
      <c r="CH2438" s="20">
        <v>0.33</v>
      </c>
      <c r="CI2438" s="20">
        <v>0.32</v>
      </c>
      <c r="CJ2438" s="20">
        <v>0.3</v>
      </c>
      <c r="CK2438" s="20">
        <v>0.25</v>
      </c>
      <c r="CL2438" s="20">
        <v>0.28999999999999998</v>
      </c>
      <c r="CM2438" s="20">
        <v>0.27</v>
      </c>
      <c r="CN2438" s="20">
        <v>0.28999999999999998</v>
      </c>
      <c r="CO2438" s="20">
        <v>0.27</v>
      </c>
      <c r="CP2438" s="20">
        <v>0.26</v>
      </c>
      <c r="CQ2438" s="20">
        <v>0.2</v>
      </c>
      <c r="CR2438" s="20">
        <v>0.2</v>
      </c>
      <c r="CS2438" s="20">
        <v>0.26</v>
      </c>
      <c r="CT2438" s="20">
        <v>0.19</v>
      </c>
      <c r="CU2438" s="20">
        <v>0.2</v>
      </c>
      <c r="CV2438" s="20">
        <v>0.2</v>
      </c>
      <c r="CW2438" s="20">
        <v>0.19</v>
      </c>
      <c r="CX2438" s="20">
        <v>0.19</v>
      </c>
      <c r="CY2438" s="6" t="s">
        <v>739</v>
      </c>
      <c r="CZ2438" s="6" t="s">
        <v>740</v>
      </c>
      <c r="DA2438" s="6" t="s">
        <v>101</v>
      </c>
      <c r="DB2438" s="6" t="s">
        <v>345</v>
      </c>
      <c r="DC2438" s="6"/>
      <c r="DD2438" s="6"/>
      <c r="DE2438" s="6"/>
      <c r="DF2438" s="6"/>
      <c r="DG2438" s="6"/>
      <c r="DH2438" s="6" t="s">
        <v>333</v>
      </c>
      <c r="DI2438" s="6"/>
      <c r="DJ2438" s="6"/>
      <c r="DK2438" s="6"/>
      <c r="DL2438" s="6">
        <v>6</v>
      </c>
      <c r="DM2438" s="6" t="s">
        <v>396</v>
      </c>
      <c r="DN2438" s="6">
        <v>6</v>
      </c>
      <c r="DO2438" s="6" t="s">
        <v>393</v>
      </c>
      <c r="DP2438" s="6"/>
      <c r="DQ2438" s="6"/>
    </row>
    <row r="2439" spans="1:121" x14ac:dyDescent="0.2">
      <c r="A2439" s="6" t="s">
        <v>318</v>
      </c>
      <c r="B2439" s="6" t="s">
        <v>318</v>
      </c>
      <c r="C2439" s="6" t="s">
        <v>187</v>
      </c>
      <c r="D2439" s="6" t="s">
        <v>101</v>
      </c>
      <c r="E2439" s="6" t="s">
        <v>242</v>
      </c>
      <c r="F2439" s="11">
        <v>-9</v>
      </c>
      <c r="G2439" s="13">
        <v>-0.111111111111</v>
      </c>
      <c r="H2439" s="11">
        <v>-2.6992559999999912</v>
      </c>
      <c r="I2439" s="13">
        <v>-3.3403345418199691E-2</v>
      </c>
      <c r="J2439" s="11">
        <v>-7.7031369999999981</v>
      </c>
      <c r="K2439" s="13">
        <v>-9.8620732354289115E-2</v>
      </c>
      <c r="L2439" s="11">
        <v>1.7707475368999894</v>
      </c>
      <c r="M2439" s="13">
        <v>2.5150677187274869E-2</v>
      </c>
      <c r="N2439" s="11">
        <v>-5.9323894631000087</v>
      </c>
      <c r="O2439" s="13">
        <v>-7.5950433370429601E-2</v>
      </c>
      <c r="P2439" s="7">
        <v>80.807953999999995</v>
      </c>
      <c r="Q2439" s="7">
        <v>77.947163000000003</v>
      </c>
      <c r="R2439" s="7">
        <v>73.425062999999994</v>
      </c>
      <c r="S2439" s="7">
        <v>74.017561000000001</v>
      </c>
      <c r="T2439" s="7">
        <v>72.912828000000005</v>
      </c>
      <c r="U2439" s="7">
        <v>77.408602999999999</v>
      </c>
      <c r="V2439" s="7">
        <v>78.108698000000004</v>
      </c>
      <c r="W2439" s="7">
        <v>83.008707000000001</v>
      </c>
      <c r="X2439" s="7">
        <v>77.431548000000006</v>
      </c>
      <c r="Y2439" s="7">
        <v>70.405561000000006</v>
      </c>
      <c r="Z2439" s="7">
        <v>69.954068000000007</v>
      </c>
      <c r="AA2439" s="7">
        <v>61.238014</v>
      </c>
      <c r="AB2439" s="7">
        <v>66.880746000000002</v>
      </c>
      <c r="AC2439" s="7">
        <v>68.742917000000006</v>
      </c>
      <c r="AD2439" s="7">
        <v>69.872170999999994</v>
      </c>
      <c r="AE2439" s="7">
        <v>72.550125249999994</v>
      </c>
      <c r="AF2439" s="7">
        <v>72.176308536899995</v>
      </c>
      <c r="AG2439" s="9">
        <v>32961.304807200009</v>
      </c>
      <c r="AH2439" s="13">
        <v>1.0050038942617374</v>
      </c>
      <c r="AI2439" s="9">
        <v>19394.801704500002</v>
      </c>
      <c r="AJ2439" s="13">
        <v>0.59135557149421214</v>
      </c>
      <c r="AK2439" s="9">
        <v>3439.4163348000002</v>
      </c>
      <c r="AL2439" s="13">
        <v>6.5899310372382336E-2</v>
      </c>
      <c r="AM2439" s="9">
        <v>10127.086767900008</v>
      </c>
      <c r="AN2439" s="13">
        <v>0.18203901211550072</v>
      </c>
      <c r="AO2439" s="9">
        <v>13566.503102700008</v>
      </c>
      <c r="AP2439" s="13">
        <v>0.25993456784716429</v>
      </c>
      <c r="AQ2439" s="9">
        <v>32797.191130699997</v>
      </c>
      <c r="AR2439" s="9">
        <v>24277.977376899998</v>
      </c>
      <c r="AS2439" s="9">
        <v>32254.262400299998</v>
      </c>
      <c r="AT2439" s="9">
        <v>47722.668079399999</v>
      </c>
      <c r="AU2439" s="9">
        <v>49770.783139300001</v>
      </c>
      <c r="AV2439" s="9">
        <v>50729.407425999998</v>
      </c>
      <c r="AW2439" s="9">
        <v>52191.992835199999</v>
      </c>
      <c r="AX2439" s="9">
        <v>60066.308283999999</v>
      </c>
      <c r="AY2439" s="9">
        <v>60824.245559900002</v>
      </c>
      <c r="AZ2439" s="9">
        <v>55631.409169999999</v>
      </c>
      <c r="BA2439" s="9">
        <v>69620.564810299998</v>
      </c>
      <c r="BB2439" s="9">
        <v>70632.845028099997</v>
      </c>
      <c r="BC2439" s="9">
        <v>73683.820534600003</v>
      </c>
      <c r="BD2439" s="9">
        <v>65135.001442100001</v>
      </c>
      <c r="BE2439" s="9">
        <v>66082.500473399996</v>
      </c>
      <c r="BF2439" s="9">
        <v>65758.495937900007</v>
      </c>
      <c r="BG2439" s="11">
        <v>0</v>
      </c>
      <c r="BH2439" s="13">
        <v>0</v>
      </c>
      <c r="BI2439" s="6">
        <v>0</v>
      </c>
      <c r="BJ2439" s="13">
        <v>0</v>
      </c>
      <c r="BK2439" s="6">
        <v>1</v>
      </c>
      <c r="BL2439" s="13">
        <v>0.33333333333333331</v>
      </c>
      <c r="BM2439" s="11">
        <v>-1</v>
      </c>
      <c r="BN2439" s="13">
        <v>-0.25</v>
      </c>
      <c r="BO2439" s="11">
        <v>0</v>
      </c>
      <c r="BP2439" s="13">
        <v>0</v>
      </c>
      <c r="BQ2439" s="6">
        <v>3</v>
      </c>
      <c r="BR2439" s="6">
        <v>3</v>
      </c>
      <c r="BS2439" s="6">
        <v>3</v>
      </c>
      <c r="BT2439" s="6">
        <v>3</v>
      </c>
      <c r="BU2439" s="6">
        <v>4</v>
      </c>
      <c r="BV2439" s="6">
        <v>4</v>
      </c>
      <c r="BW2439" s="6">
        <v>4</v>
      </c>
      <c r="BX2439" s="6">
        <v>4</v>
      </c>
      <c r="BY2439" s="6">
        <v>4</v>
      </c>
      <c r="BZ2439" s="6">
        <v>3</v>
      </c>
      <c r="CA2439" s="6">
        <v>3</v>
      </c>
      <c r="CB2439" s="6">
        <v>3</v>
      </c>
      <c r="CC2439" s="11">
        <v>3</v>
      </c>
      <c r="CD2439" s="11">
        <v>-34.766599999999997</v>
      </c>
      <c r="CE2439" s="11">
        <v>17.301600000000001</v>
      </c>
      <c r="CF2439" s="11">
        <v>8.8332800000000002</v>
      </c>
      <c r="CG2439" s="11">
        <v>26</v>
      </c>
      <c r="CH2439" s="20">
        <v>1.27318</v>
      </c>
      <c r="CI2439" s="20">
        <v>1.23566</v>
      </c>
      <c r="CJ2439" s="20">
        <v>1.19434</v>
      </c>
      <c r="CK2439" s="20">
        <v>1.1530899999999999</v>
      </c>
      <c r="CL2439" s="20">
        <v>1.11104</v>
      </c>
      <c r="CM2439" s="20">
        <v>1.1830700000000001</v>
      </c>
      <c r="CN2439" s="20">
        <v>1.20404</v>
      </c>
      <c r="CO2439" s="20">
        <v>1.2425299999999999</v>
      </c>
      <c r="CP2439" s="20">
        <v>1.173</v>
      </c>
      <c r="CQ2439" s="20">
        <v>1.0844400000000001</v>
      </c>
      <c r="CR2439" s="20">
        <v>0.95972500000000005</v>
      </c>
      <c r="CS2439" s="20">
        <v>0.80685899999999999</v>
      </c>
      <c r="CT2439" s="20">
        <v>0.95165</v>
      </c>
      <c r="CU2439" s="20">
        <v>0.96392900000000004</v>
      </c>
      <c r="CV2439" s="20">
        <v>0.97911800000000004</v>
      </c>
      <c r="CW2439" s="20">
        <v>1.0259</v>
      </c>
      <c r="CX2439" s="20">
        <v>0.99879799999999996</v>
      </c>
      <c r="CY2439" s="6" t="s">
        <v>739</v>
      </c>
      <c r="CZ2439" s="6" t="s">
        <v>740</v>
      </c>
      <c r="DA2439" s="6" t="s">
        <v>101</v>
      </c>
      <c r="DB2439" s="6" t="s">
        <v>345</v>
      </c>
      <c r="DC2439" s="6"/>
      <c r="DD2439" s="6"/>
      <c r="DE2439" s="6"/>
      <c r="DF2439" s="6"/>
      <c r="DG2439" s="6"/>
      <c r="DH2439" s="6" t="s">
        <v>333</v>
      </c>
      <c r="DI2439" s="6"/>
      <c r="DJ2439" s="6"/>
      <c r="DK2439" s="6"/>
      <c r="DL2439" s="6">
        <v>6</v>
      </c>
      <c r="DM2439" s="6" t="s">
        <v>396</v>
      </c>
      <c r="DN2439" s="6">
        <v>6</v>
      </c>
      <c r="DO2439" s="6" t="s">
        <v>393</v>
      </c>
      <c r="DP2439" s="6"/>
      <c r="DQ2439" s="6"/>
    </row>
    <row r="2440" spans="1:121" x14ac:dyDescent="0.2">
      <c r="A2440" s="6" t="s">
        <v>319</v>
      </c>
      <c r="B2440" s="6" t="s">
        <v>319</v>
      </c>
      <c r="C2440" s="6" t="s">
        <v>188</v>
      </c>
      <c r="D2440" s="6" t="s">
        <v>101</v>
      </c>
      <c r="E2440" s="6" t="s">
        <v>242</v>
      </c>
      <c r="F2440" s="11">
        <v>50</v>
      </c>
      <c r="G2440" s="13">
        <v>0.83333333333299997</v>
      </c>
      <c r="H2440" s="11">
        <v>95.35609188090001</v>
      </c>
      <c r="I2440" s="13">
        <v>1.5924320051881555</v>
      </c>
      <c r="J2440" s="11">
        <v>-10.485288834000016</v>
      </c>
      <c r="K2440" s="13">
        <v>-6.75437980870391E-2</v>
      </c>
      <c r="L2440" s="11">
        <v>-34.563518340999991</v>
      </c>
      <c r="M2440" s="13">
        <v>-0.23877814955550897</v>
      </c>
      <c r="N2440" s="11">
        <v>-45.048807175000007</v>
      </c>
      <c r="O2440" s="13">
        <v>-0.29019396452137391</v>
      </c>
      <c r="P2440" s="7">
        <v>59.880793384100002</v>
      </c>
      <c r="Q2440" s="7">
        <v>73.929219513299998</v>
      </c>
      <c r="R2440" s="7">
        <v>77.4706464203</v>
      </c>
      <c r="S2440" s="7">
        <v>125.741744837</v>
      </c>
      <c r="T2440" s="7">
        <v>152.45177261399999</v>
      </c>
      <c r="U2440" s="7">
        <v>149.963964809</v>
      </c>
      <c r="V2440" s="7">
        <v>155.23688526500001</v>
      </c>
      <c r="W2440" s="7">
        <v>163.43817196099999</v>
      </c>
      <c r="X2440" s="7">
        <v>148.15016609899999</v>
      </c>
      <c r="Y2440" s="7">
        <v>144.751596431</v>
      </c>
      <c r="Z2440" s="7">
        <v>632.54095342999995</v>
      </c>
      <c r="AA2440" s="7">
        <v>704.67050868599995</v>
      </c>
      <c r="AB2440" s="7">
        <v>161.06494846300001</v>
      </c>
      <c r="AC2440" s="7">
        <v>161.71614471699999</v>
      </c>
      <c r="AD2440" s="7">
        <v>152.03712969</v>
      </c>
      <c r="AE2440" s="7">
        <v>111.048185225</v>
      </c>
      <c r="AF2440" s="7">
        <v>110.18807809</v>
      </c>
      <c r="AG2440" s="9">
        <v>5872.8127301999994</v>
      </c>
      <c r="AH2440" s="13">
        <v>0.26719246948016429</v>
      </c>
      <c r="AI2440" s="9">
        <v>4218.4907390999979</v>
      </c>
      <c r="AJ2440" s="13">
        <v>0.19192659630761744</v>
      </c>
      <c r="AK2440" s="9">
        <v>2155.7558210000025</v>
      </c>
      <c r="AL2440" s="13">
        <v>8.2286410563550252E-2</v>
      </c>
      <c r="AM2440" s="9">
        <v>-501.433829900001</v>
      </c>
      <c r="AN2440" s="13">
        <v>-1.7684792817358571E-2</v>
      </c>
      <c r="AO2440" s="9">
        <v>1654.3219911000015</v>
      </c>
      <c r="AP2440" s="13">
        <v>6.3146399623691188E-2</v>
      </c>
      <c r="AQ2440" s="9">
        <v>21979.709015100001</v>
      </c>
      <c r="AR2440" s="9">
        <v>36841.996257300001</v>
      </c>
      <c r="AS2440" s="9">
        <v>31673.294980499999</v>
      </c>
      <c r="AT2440" s="9">
        <v>24399.189349799999</v>
      </c>
      <c r="AU2440" s="9">
        <v>23541.680289299999</v>
      </c>
      <c r="AV2440" s="9">
        <v>25474.8491073</v>
      </c>
      <c r="AW2440" s="9">
        <v>26198.199754199999</v>
      </c>
      <c r="AX2440" s="9">
        <v>26049.706592999999</v>
      </c>
      <c r="AY2440" s="9">
        <v>29174.3677861</v>
      </c>
      <c r="AZ2440" s="9">
        <v>28353.955575200001</v>
      </c>
      <c r="BA2440" s="9">
        <v>20396.131828199999</v>
      </c>
      <c r="BB2440" s="9">
        <v>20069.008397400001</v>
      </c>
      <c r="BC2440" s="9">
        <v>27286.9116612</v>
      </c>
      <c r="BD2440" s="9">
        <v>26757.1974142</v>
      </c>
      <c r="BE2440" s="9">
        <v>23343.774551499999</v>
      </c>
      <c r="BF2440" s="9">
        <v>27852.5217453</v>
      </c>
      <c r="BG2440" s="11">
        <v>9.25</v>
      </c>
      <c r="BH2440" s="13">
        <v>1.15625</v>
      </c>
      <c r="BI2440" s="6">
        <v>4</v>
      </c>
      <c r="BJ2440" s="13">
        <v>0.5</v>
      </c>
      <c r="BK2440" s="6">
        <v>7</v>
      </c>
      <c r="BL2440" s="13">
        <v>0.58333333333333337</v>
      </c>
      <c r="BM2440" s="11">
        <v>-1.75</v>
      </c>
      <c r="BN2440" s="13">
        <v>-9.2105263157894732E-2</v>
      </c>
      <c r="BO2440" s="11">
        <v>5.25</v>
      </c>
      <c r="BP2440" s="13">
        <v>0.4375</v>
      </c>
      <c r="BQ2440" s="6">
        <v>8</v>
      </c>
      <c r="BR2440" s="6">
        <v>11</v>
      </c>
      <c r="BS2440" s="6">
        <v>12</v>
      </c>
      <c r="BT2440" s="6">
        <v>12</v>
      </c>
      <c r="BU2440" s="6">
        <v>16</v>
      </c>
      <c r="BV2440" s="6">
        <v>16</v>
      </c>
      <c r="BW2440" s="6">
        <v>19</v>
      </c>
      <c r="BX2440" s="6">
        <v>17</v>
      </c>
      <c r="BY2440" s="6">
        <v>19</v>
      </c>
      <c r="BZ2440" s="6">
        <v>18</v>
      </c>
      <c r="CA2440" s="6">
        <v>16</v>
      </c>
      <c r="CB2440" s="6">
        <v>17</v>
      </c>
      <c r="CC2440" s="11">
        <v>17.25</v>
      </c>
      <c r="CD2440" s="11">
        <v>38.374000000000002</v>
      </c>
      <c r="CE2440" s="11">
        <v>5.3876299999999997</v>
      </c>
      <c r="CF2440" s="11">
        <v>6.5456899999999996</v>
      </c>
      <c r="CG2440" s="11">
        <v>12</v>
      </c>
      <c r="CH2440" s="20">
        <v>0.19233700000000001</v>
      </c>
      <c r="CI2440" s="20">
        <v>0.23658999999999999</v>
      </c>
      <c r="CJ2440" s="20">
        <v>0.24987200000000001</v>
      </c>
      <c r="CK2440" s="20">
        <v>0.38388099999999997</v>
      </c>
      <c r="CL2440" s="20">
        <v>0.452038</v>
      </c>
      <c r="CM2440" s="20">
        <v>0.44395699999999999</v>
      </c>
      <c r="CN2440" s="20">
        <v>0.47325400000000001</v>
      </c>
      <c r="CO2440" s="20">
        <v>0.52135100000000001</v>
      </c>
      <c r="CP2440" s="20">
        <v>0.51487000000000005</v>
      </c>
      <c r="CQ2440" s="20">
        <v>0.49717899999999998</v>
      </c>
      <c r="CR2440" s="20">
        <v>1.9245699999999999</v>
      </c>
      <c r="CS2440" s="20">
        <v>2.08555</v>
      </c>
      <c r="CT2440" s="20">
        <v>0.52066400000000002</v>
      </c>
      <c r="CU2440" s="20">
        <v>0.514517</v>
      </c>
      <c r="CV2440" s="20">
        <v>0.48208699999999999</v>
      </c>
      <c r="CW2440" s="20">
        <v>0.35372300000000001</v>
      </c>
      <c r="CX2440" s="20">
        <v>0.34303099999999997</v>
      </c>
      <c r="CY2440" s="6" t="s">
        <v>739</v>
      </c>
      <c r="CZ2440" s="6" t="s">
        <v>740</v>
      </c>
      <c r="DA2440" s="6" t="s">
        <v>101</v>
      </c>
      <c r="DB2440" s="6" t="s">
        <v>345</v>
      </c>
      <c r="DC2440" s="6"/>
      <c r="DD2440" s="6"/>
      <c r="DE2440" s="6"/>
      <c r="DF2440" s="6"/>
      <c r="DG2440" s="6"/>
      <c r="DH2440" s="6" t="s">
        <v>333</v>
      </c>
      <c r="DI2440" s="6"/>
      <c r="DJ2440" s="6"/>
      <c r="DK2440" s="6"/>
      <c r="DL2440" s="6">
        <v>6</v>
      </c>
      <c r="DM2440" s="6" t="s">
        <v>396</v>
      </c>
      <c r="DN2440" s="6">
        <v>6</v>
      </c>
      <c r="DO2440" s="6" t="s">
        <v>393</v>
      </c>
      <c r="DP2440" s="6"/>
      <c r="DQ2440" s="6"/>
    </row>
    <row r="2441" spans="1:121" x14ac:dyDescent="0.2">
      <c r="A2441" s="6" t="s">
        <v>320</v>
      </c>
      <c r="B2441" s="6" t="s">
        <v>320</v>
      </c>
      <c r="C2441" s="6" t="s">
        <v>189</v>
      </c>
      <c r="D2441" s="6" t="s">
        <v>101</v>
      </c>
      <c r="E2441" s="6" t="s">
        <v>242</v>
      </c>
      <c r="F2441" s="11">
        <v>18</v>
      </c>
      <c r="G2441" s="13">
        <v>1</v>
      </c>
      <c r="H2441" s="11">
        <v>5.4965665071000025</v>
      </c>
      <c r="I2441" s="13">
        <v>0.31178997467187142</v>
      </c>
      <c r="J2441" s="11">
        <v>20.077648754299997</v>
      </c>
      <c r="K2441" s="13">
        <v>0.8681988461073108</v>
      </c>
      <c r="L2441" s="11">
        <v>-7.4465575307999998</v>
      </c>
      <c r="M2441" s="13">
        <v>-0.17236091926507249</v>
      </c>
      <c r="N2441" s="11">
        <v>12.631091223499997</v>
      </c>
      <c r="O2441" s="13">
        <v>0.5461943756223071</v>
      </c>
      <c r="P2441" s="7">
        <v>17.629067492899999</v>
      </c>
      <c r="Q2441" s="7">
        <v>13.389476998399999</v>
      </c>
      <c r="R2441" s="7">
        <v>12.975622598399999</v>
      </c>
      <c r="S2441" s="7">
        <v>5</v>
      </c>
      <c r="T2441" s="7">
        <v>24.566563827100001</v>
      </c>
      <c r="U2441" s="7">
        <v>34.226188116599999</v>
      </c>
      <c r="V2441" s="7">
        <v>23.125634000000002</v>
      </c>
      <c r="W2441" s="7">
        <v>57.492919670799999</v>
      </c>
      <c r="X2441" s="7">
        <v>47.152549316799998</v>
      </c>
      <c r="Y2441" s="7">
        <v>43.203282754299998</v>
      </c>
      <c r="Z2441" s="7">
        <v>46.478311297399998</v>
      </c>
      <c r="AA2441" s="7">
        <v>44.459860972400001</v>
      </c>
      <c r="AB2441" s="7">
        <v>46.178824148499999</v>
      </c>
      <c r="AC2441" s="7">
        <v>37.245038241400003</v>
      </c>
      <c r="AD2441" s="7">
        <v>34.213156463600001</v>
      </c>
      <c r="AE2441" s="7">
        <v>33.924157900499999</v>
      </c>
      <c r="AF2441" s="7">
        <v>35.756725223499998</v>
      </c>
      <c r="AG2441" s="9">
        <v>668.66512020000118</v>
      </c>
      <c r="AH2441" s="13">
        <v>5.4421074033439973E-2</v>
      </c>
      <c r="AI2441" s="9">
        <v>6937.8338005000005</v>
      </c>
      <c r="AJ2441" s="13">
        <v>0.56465389846532044</v>
      </c>
      <c r="AK2441" s="9">
        <v>-5248.6924290999996</v>
      </c>
      <c r="AL2441" s="13">
        <v>-0.27301799728245135</v>
      </c>
      <c r="AM2441" s="9">
        <v>-1020.4762511999998</v>
      </c>
      <c r="AN2441" s="13">
        <v>-7.3016228249785375E-2</v>
      </c>
      <c r="AO2441" s="9">
        <v>-6269.1686802999993</v>
      </c>
      <c r="AP2441" s="13">
        <v>-0.32609948112636195</v>
      </c>
      <c r="AQ2441" s="9">
        <v>12286.878421199999</v>
      </c>
      <c r="AR2441" s="9">
        <v>11060.534769600001</v>
      </c>
      <c r="AS2441" s="9">
        <v>15105.3403717</v>
      </c>
      <c r="AT2441" s="9">
        <v>1</v>
      </c>
      <c r="AU2441" s="9">
        <v>9026.0315079200009</v>
      </c>
      <c r="AV2441" s="9">
        <v>15361.3084767</v>
      </c>
      <c r="AW2441" s="9">
        <v>19224.7122217</v>
      </c>
      <c r="AX2441" s="9">
        <v>12348.016673599999</v>
      </c>
      <c r="AY2441" s="9">
        <v>11970.9795732</v>
      </c>
      <c r="AZ2441" s="9">
        <v>13976.0197926</v>
      </c>
      <c r="BA2441" s="9">
        <v>11505.949968999999</v>
      </c>
      <c r="BB2441" s="9">
        <v>14862.3688932</v>
      </c>
      <c r="BC2441" s="9">
        <v>17139.701228999998</v>
      </c>
      <c r="BD2441" s="9">
        <v>16011.9391854</v>
      </c>
      <c r="BE2441" s="9">
        <v>16300.414419999999</v>
      </c>
      <c r="BF2441" s="9">
        <v>12955.5435414</v>
      </c>
      <c r="BG2441" s="11">
        <v>1</v>
      </c>
      <c r="BH2441" s="13" t="e">
        <v>#DIV/0!</v>
      </c>
      <c r="BI2441" s="6">
        <v>2</v>
      </c>
      <c r="BJ2441" s="13" t="e">
        <v>#DIV/0!</v>
      </c>
      <c r="BK2441" s="6">
        <v>-1</v>
      </c>
      <c r="BL2441" s="13">
        <v>-0.5</v>
      </c>
      <c r="BM2441" s="11">
        <v>0</v>
      </c>
      <c r="BN2441" s="13">
        <v>0</v>
      </c>
      <c r="BO2441" s="11">
        <v>-1</v>
      </c>
      <c r="BP2441" s="13">
        <v>-0.5</v>
      </c>
      <c r="BQ2441" s="6">
        <v>0</v>
      </c>
      <c r="BR2441" s="6">
        <v>0</v>
      </c>
      <c r="BS2441" s="6">
        <v>2</v>
      </c>
      <c r="BT2441" s="6">
        <v>2</v>
      </c>
      <c r="BU2441" s="6">
        <v>1</v>
      </c>
      <c r="BV2441" s="6">
        <v>1</v>
      </c>
      <c r="BW2441" s="6">
        <v>1</v>
      </c>
      <c r="BX2441" s="6">
        <v>1</v>
      </c>
      <c r="BY2441" s="6">
        <v>1</v>
      </c>
      <c r="BZ2441" s="6">
        <v>1</v>
      </c>
      <c r="CA2441" s="6">
        <v>1</v>
      </c>
      <c r="CB2441" s="6">
        <v>1</v>
      </c>
      <c r="CC2441" s="11">
        <v>1</v>
      </c>
      <c r="CD2441" s="11">
        <v>9.8170199999999994</v>
      </c>
      <c r="CE2441" s="11">
        <v>6.3835699999999997</v>
      </c>
      <c r="CF2441" s="11">
        <v>1.9270700000000001</v>
      </c>
      <c r="CG2441" s="11">
        <v>8</v>
      </c>
      <c r="CH2441" s="20">
        <v>0.16972400000000001</v>
      </c>
      <c r="CI2441" s="20">
        <v>0.122734</v>
      </c>
      <c r="CJ2441" s="20">
        <v>0.11641600000000001</v>
      </c>
      <c r="CK2441" s="20">
        <v>1.0648599999999999E-2</v>
      </c>
      <c r="CL2441" s="20">
        <v>0.206371</v>
      </c>
      <c r="CM2441" s="20">
        <v>0.288468</v>
      </c>
      <c r="CN2441" s="20">
        <v>0.19758300000000001</v>
      </c>
      <c r="CO2441" s="20">
        <v>0.47770699999999999</v>
      </c>
      <c r="CP2441" s="20">
        <v>0.37788899999999997</v>
      </c>
      <c r="CQ2441" s="20">
        <v>0.34475899999999998</v>
      </c>
      <c r="CR2441" s="20">
        <v>0.330959</v>
      </c>
      <c r="CS2441" s="20">
        <v>0.310921</v>
      </c>
      <c r="CT2441" s="20">
        <v>0.35734300000000002</v>
      </c>
      <c r="CU2441" s="20">
        <v>0.28706100000000001</v>
      </c>
      <c r="CV2441" s="20">
        <v>0.26564300000000002</v>
      </c>
      <c r="CW2441" s="20">
        <v>0.26494499999999999</v>
      </c>
      <c r="CX2441" s="20">
        <v>0.27194400000000002</v>
      </c>
      <c r="CY2441" s="6" t="s">
        <v>739</v>
      </c>
      <c r="CZ2441" s="6" t="s">
        <v>740</v>
      </c>
      <c r="DA2441" s="6" t="s">
        <v>101</v>
      </c>
      <c r="DB2441" s="6" t="s">
        <v>345</v>
      </c>
      <c r="DC2441" s="6"/>
      <c r="DD2441" s="6"/>
      <c r="DE2441" s="6"/>
      <c r="DF2441" s="6"/>
      <c r="DG2441" s="6"/>
      <c r="DH2441" s="6" t="s">
        <v>333</v>
      </c>
      <c r="DI2441" s="6"/>
      <c r="DJ2441" s="6"/>
      <c r="DK2441" s="6"/>
      <c r="DL2441" s="6">
        <v>6</v>
      </c>
      <c r="DM2441" s="6" t="s">
        <v>396</v>
      </c>
      <c r="DN2441" s="6">
        <v>6</v>
      </c>
      <c r="DO2441" s="6" t="s">
        <v>393</v>
      </c>
      <c r="DP2441" s="6"/>
      <c r="DQ2441" s="6"/>
    </row>
    <row r="2442" spans="1:121" x14ac:dyDescent="0.2">
      <c r="A2442" s="6" t="s">
        <v>321</v>
      </c>
      <c r="B2442" s="6" t="s">
        <v>321</v>
      </c>
      <c r="C2442" s="6" t="s">
        <v>190</v>
      </c>
      <c r="D2442" s="6" t="s">
        <v>101</v>
      </c>
      <c r="E2442" s="6" t="s">
        <v>242</v>
      </c>
      <c r="F2442" s="11">
        <v>94</v>
      </c>
      <c r="G2442" s="13">
        <v>0.206140350877</v>
      </c>
      <c r="H2442" s="11">
        <v>-2.8545258180000133</v>
      </c>
      <c r="I2442" s="13">
        <v>-6.25326405526543E-3</v>
      </c>
      <c r="J2442" s="11">
        <v>4.4367775560000382</v>
      </c>
      <c r="K2442" s="13">
        <v>9.78058276884026E-3</v>
      </c>
      <c r="L2442" s="11">
        <v>92.347325511999998</v>
      </c>
      <c r="M2442" s="13">
        <v>0.20160179022300789</v>
      </c>
      <c r="N2442" s="11">
        <v>96.784103068000036</v>
      </c>
      <c r="O2442" s="13">
        <v>0.21335415598747065</v>
      </c>
      <c r="P2442" s="7">
        <v>456.485731735</v>
      </c>
      <c r="Q2442" s="7">
        <v>423.68284478300001</v>
      </c>
      <c r="R2442" s="7">
        <v>435.45312194500002</v>
      </c>
      <c r="S2442" s="7">
        <v>451.15144129399999</v>
      </c>
      <c r="T2442" s="7">
        <v>471.81634321600001</v>
      </c>
      <c r="U2442" s="7">
        <v>477.10446216600002</v>
      </c>
      <c r="V2442" s="7">
        <v>453.63120591699999</v>
      </c>
      <c r="W2442" s="7">
        <v>478.22056118799998</v>
      </c>
      <c r="X2442" s="7">
        <v>488.10445150999999</v>
      </c>
      <c r="Y2442" s="7">
        <v>458.06798347300003</v>
      </c>
      <c r="Z2442" s="7">
        <v>472.53849276599999</v>
      </c>
      <c r="AA2442" s="7">
        <v>491.11087891099999</v>
      </c>
      <c r="AB2442" s="7">
        <v>500.77051555700001</v>
      </c>
      <c r="AC2442" s="7">
        <v>509.20327731100002</v>
      </c>
      <c r="AD2442" s="7">
        <v>534.20564714499994</v>
      </c>
      <c r="AE2442" s="7">
        <v>535.94450955000002</v>
      </c>
      <c r="AF2442" s="7">
        <v>550.41530898500002</v>
      </c>
      <c r="AG2442" s="9">
        <v>11381.726456700002</v>
      </c>
      <c r="AH2442" s="13">
        <v>0.51528851705518386</v>
      </c>
      <c r="AI2442" s="9">
        <v>4657.4851727999994</v>
      </c>
      <c r="AJ2442" s="13">
        <v>0.21085980558651168</v>
      </c>
      <c r="AK2442" s="9">
        <v>6144.0446176999976</v>
      </c>
      <c r="AL2442" s="13">
        <v>0.22972212161013383</v>
      </c>
      <c r="AM2442" s="9">
        <v>580.19666620000498</v>
      </c>
      <c r="AN2442" s="13">
        <v>1.7640736017252513E-2</v>
      </c>
      <c r="AO2442" s="9">
        <v>6724.2412839000026</v>
      </c>
      <c r="AP2442" s="13">
        <v>0.25141532493203389</v>
      </c>
      <c r="AQ2442" s="9">
        <v>22088.065384699999</v>
      </c>
      <c r="AR2442" s="9">
        <v>23411.432367000001</v>
      </c>
      <c r="AS2442" s="9">
        <v>23771.196819199999</v>
      </c>
      <c r="AT2442" s="9">
        <v>26390.539817699999</v>
      </c>
      <c r="AU2442" s="9">
        <v>25516.609914199998</v>
      </c>
      <c r="AV2442" s="9">
        <v>25671.130352200002</v>
      </c>
      <c r="AW2442" s="9">
        <v>26745.550557499999</v>
      </c>
      <c r="AX2442" s="9">
        <v>28870.264080299999</v>
      </c>
      <c r="AY2442" s="9">
        <v>30364.565709099999</v>
      </c>
      <c r="AZ2442" s="9">
        <v>32889.595175199996</v>
      </c>
      <c r="BA2442" s="9">
        <v>32341.310328600001</v>
      </c>
      <c r="BB2442" s="9">
        <v>31118.9010877</v>
      </c>
      <c r="BC2442" s="9">
        <v>31061.1605012</v>
      </c>
      <c r="BD2442" s="9">
        <v>32058.5282873</v>
      </c>
      <c r="BE2442" s="9">
        <v>32236.472249300001</v>
      </c>
      <c r="BF2442" s="9">
        <v>33469.791841400001</v>
      </c>
      <c r="BG2442" s="11">
        <v>69.5</v>
      </c>
      <c r="BH2442" s="13">
        <v>2.171875</v>
      </c>
      <c r="BI2442" s="6">
        <v>5</v>
      </c>
      <c r="BJ2442" s="13">
        <v>0.15625</v>
      </c>
      <c r="BK2442" s="6">
        <v>1</v>
      </c>
      <c r="BL2442" s="13">
        <v>2.7027027027027029E-2</v>
      </c>
      <c r="BM2442" s="11">
        <v>63.5</v>
      </c>
      <c r="BN2442" s="13">
        <v>1.6710526315789473</v>
      </c>
      <c r="BO2442" s="11">
        <v>64.5</v>
      </c>
      <c r="BP2442" s="13">
        <v>1.7432432432432432</v>
      </c>
      <c r="BQ2442" s="6">
        <v>32</v>
      </c>
      <c r="BR2442" s="6">
        <v>34</v>
      </c>
      <c r="BS2442" s="6">
        <v>36</v>
      </c>
      <c r="BT2442" s="6">
        <v>37</v>
      </c>
      <c r="BU2442" s="6">
        <v>36</v>
      </c>
      <c r="BV2442" s="6">
        <v>39</v>
      </c>
      <c r="BW2442" s="6">
        <v>38</v>
      </c>
      <c r="BX2442" s="6">
        <v>42</v>
      </c>
      <c r="BY2442" s="6">
        <v>44</v>
      </c>
      <c r="BZ2442" s="6">
        <v>81</v>
      </c>
      <c r="CA2442" s="6">
        <v>85</v>
      </c>
      <c r="CB2442" s="6">
        <v>99</v>
      </c>
      <c r="CC2442" s="11">
        <v>101.5</v>
      </c>
      <c r="CD2442" s="11">
        <v>-122.20699999999999</v>
      </c>
      <c r="CE2442" s="11">
        <v>166.23699999999999</v>
      </c>
      <c r="CF2442" s="11">
        <v>49.8994</v>
      </c>
      <c r="CG2442" s="11">
        <v>216</v>
      </c>
      <c r="CH2442" s="20">
        <v>0.88987000000000005</v>
      </c>
      <c r="CI2442" s="20">
        <v>0.79209200000000002</v>
      </c>
      <c r="CJ2442" s="20">
        <v>0.79543299999999995</v>
      </c>
      <c r="CK2442" s="20">
        <v>0.78968899999999997</v>
      </c>
      <c r="CL2442" s="20">
        <v>0.81119399999999997</v>
      </c>
      <c r="CM2442" s="20">
        <v>0.82039600000000001</v>
      </c>
      <c r="CN2442" s="20">
        <v>0.78898599999999997</v>
      </c>
      <c r="CO2442" s="20">
        <v>0.81160699999999997</v>
      </c>
      <c r="CP2442" s="20">
        <v>0.80513000000000001</v>
      </c>
      <c r="CQ2442" s="20">
        <v>0.75709000000000004</v>
      </c>
      <c r="CR2442" s="20">
        <v>0.70935199999999998</v>
      </c>
      <c r="CS2442" s="20">
        <v>0.712121</v>
      </c>
      <c r="CT2442" s="20">
        <v>0.79924700000000004</v>
      </c>
      <c r="CU2442" s="20">
        <v>0.81112300000000004</v>
      </c>
      <c r="CV2442" s="20">
        <v>0.84869499999999998</v>
      </c>
      <c r="CW2442" s="20">
        <v>0.85130499999999998</v>
      </c>
      <c r="CX2442" s="20">
        <v>0.84643000000000002</v>
      </c>
      <c r="CY2442" s="6" t="s">
        <v>739</v>
      </c>
      <c r="CZ2442" s="6" t="s">
        <v>740</v>
      </c>
      <c r="DA2442" s="6" t="s">
        <v>101</v>
      </c>
      <c r="DB2442" s="6" t="s">
        <v>345</v>
      </c>
      <c r="DC2442" s="6"/>
      <c r="DD2442" s="6"/>
      <c r="DE2442" s="6"/>
      <c r="DF2442" s="6"/>
      <c r="DG2442" s="6"/>
      <c r="DH2442" s="6" t="s">
        <v>333</v>
      </c>
      <c r="DI2442" s="6"/>
      <c r="DJ2442" s="6"/>
      <c r="DK2442" s="6"/>
      <c r="DL2442" s="6">
        <v>6</v>
      </c>
      <c r="DM2442" s="6" t="s">
        <v>396</v>
      </c>
      <c r="DN2442" s="6">
        <v>6</v>
      </c>
      <c r="DO2442" s="6" t="s">
        <v>393</v>
      </c>
      <c r="DP2442" s="6"/>
      <c r="DQ2442" s="6"/>
    </row>
    <row r="2443" spans="1:121" x14ac:dyDescent="0.2">
      <c r="A2443" s="6" t="s">
        <v>322</v>
      </c>
      <c r="B2443" s="6" t="s">
        <v>322</v>
      </c>
      <c r="C2443" s="6" t="s">
        <v>191</v>
      </c>
      <c r="D2443" s="6" t="s">
        <v>101</v>
      </c>
      <c r="E2443" s="6" t="s">
        <v>242</v>
      </c>
      <c r="F2443" s="11">
        <v>-4</v>
      </c>
      <c r="G2443" s="13">
        <v>-0.14000000000000001</v>
      </c>
      <c r="H2443" s="11">
        <v>5</v>
      </c>
      <c r="I2443" s="13">
        <v>0.17241379310344829</v>
      </c>
      <c r="J2443" s="11">
        <v>-1</v>
      </c>
      <c r="K2443" s="13">
        <v>-2.9411764705882353E-2</v>
      </c>
      <c r="L2443" s="11">
        <v>-8</v>
      </c>
      <c r="M2443" s="13">
        <v>-0.24242424242424243</v>
      </c>
      <c r="N2443" s="11">
        <v>-9</v>
      </c>
      <c r="O2443" s="13">
        <v>-0.26470588235294118</v>
      </c>
      <c r="P2443" s="7">
        <v>29</v>
      </c>
      <c r="Q2443" s="7">
        <v>59</v>
      </c>
      <c r="R2443" s="7">
        <v>61</v>
      </c>
      <c r="S2443" s="7">
        <v>61</v>
      </c>
      <c r="T2443" s="7">
        <v>53</v>
      </c>
      <c r="U2443" s="7">
        <v>33</v>
      </c>
      <c r="V2443" s="7">
        <v>34</v>
      </c>
      <c r="W2443" s="7">
        <v>33</v>
      </c>
      <c r="X2443" s="7">
        <v>31</v>
      </c>
      <c r="Y2443" s="7">
        <v>33</v>
      </c>
      <c r="Z2443" s="7">
        <v>29</v>
      </c>
      <c r="AA2443" s="7">
        <v>45</v>
      </c>
      <c r="AB2443" s="7">
        <v>33</v>
      </c>
      <c r="AC2443" s="7">
        <v>31</v>
      </c>
      <c r="AD2443" s="7">
        <v>26</v>
      </c>
      <c r="AE2443" s="7">
        <v>25</v>
      </c>
      <c r="AF2443" s="7">
        <v>25</v>
      </c>
      <c r="AG2443" s="9">
        <v>254</v>
      </c>
      <c r="AH2443" s="13">
        <v>2.1443647108484593E-2</v>
      </c>
      <c r="AI2443" s="9">
        <v>1025</v>
      </c>
      <c r="AJ2443" s="13">
        <v>8.6534402701561847E-2</v>
      </c>
      <c r="AK2443" s="9">
        <v>-1917</v>
      </c>
      <c r="AL2443" s="13">
        <v>-0.14895104895104896</v>
      </c>
      <c r="AM2443" s="9">
        <v>1146</v>
      </c>
      <c r="AN2443" s="13">
        <v>0.10462886880306764</v>
      </c>
      <c r="AO2443" s="9">
        <v>-771</v>
      </c>
      <c r="AP2443" s="13">
        <v>-5.9906759906759907E-2</v>
      </c>
      <c r="AQ2443" s="9">
        <v>11845</v>
      </c>
      <c r="AR2443" s="9">
        <v>10100</v>
      </c>
      <c r="AS2443" s="9">
        <v>7504</v>
      </c>
      <c r="AT2443" s="9">
        <v>9458</v>
      </c>
      <c r="AU2443" s="9">
        <v>7566</v>
      </c>
      <c r="AV2443" s="9">
        <v>13523</v>
      </c>
      <c r="AW2443" s="9">
        <v>12870</v>
      </c>
      <c r="AX2443" s="9">
        <v>12359</v>
      </c>
      <c r="AY2443" s="9">
        <v>11557</v>
      </c>
      <c r="AZ2443" s="9">
        <v>10953</v>
      </c>
      <c r="BA2443" s="9">
        <v>12908</v>
      </c>
      <c r="BB2443" s="9">
        <v>12305</v>
      </c>
      <c r="BC2443" s="9">
        <v>11657</v>
      </c>
      <c r="BD2443" s="9">
        <v>12503</v>
      </c>
      <c r="BE2443" s="9">
        <v>10105</v>
      </c>
      <c r="BF2443" s="9">
        <v>12099</v>
      </c>
      <c r="BG2443" s="11">
        <v>0</v>
      </c>
      <c r="BH2443" s="13">
        <v>0</v>
      </c>
      <c r="BI2443" s="6">
        <v>1</v>
      </c>
      <c r="BJ2443" s="13">
        <v>0.5</v>
      </c>
      <c r="BK2443" s="6">
        <v>0</v>
      </c>
      <c r="BL2443" s="13">
        <v>0</v>
      </c>
      <c r="BM2443" s="11">
        <v>-1</v>
      </c>
      <c r="BN2443" s="13">
        <v>-0.33333333333333331</v>
      </c>
      <c r="BO2443" s="11">
        <v>-1</v>
      </c>
      <c r="BP2443" s="13">
        <v>-0.33333333333333331</v>
      </c>
      <c r="BQ2443" s="6">
        <v>2</v>
      </c>
      <c r="BR2443" s="6">
        <v>2</v>
      </c>
      <c r="BS2443" s="6">
        <v>3</v>
      </c>
      <c r="BT2443" s="6">
        <v>3</v>
      </c>
      <c r="BU2443" s="6">
        <v>3</v>
      </c>
      <c r="BV2443" s="6">
        <v>3</v>
      </c>
      <c r="BW2443" s="6">
        <v>3</v>
      </c>
      <c r="BX2443" s="6">
        <v>3</v>
      </c>
      <c r="BY2443" s="6">
        <v>3</v>
      </c>
      <c r="BZ2443" s="6">
        <v>4</v>
      </c>
      <c r="CA2443" s="6">
        <v>3</v>
      </c>
      <c r="CB2443" s="6">
        <v>2</v>
      </c>
      <c r="CC2443" s="11">
        <v>2</v>
      </c>
      <c r="CD2443" s="11">
        <v>-13</v>
      </c>
      <c r="CE2443" s="11">
        <v>5</v>
      </c>
      <c r="CF2443" s="11">
        <v>3</v>
      </c>
      <c r="CG2443" s="11">
        <v>8</v>
      </c>
      <c r="CH2443" s="20">
        <v>0.37</v>
      </c>
      <c r="CI2443" s="20">
        <v>0.73</v>
      </c>
      <c r="CJ2443" s="20">
        <v>0.75</v>
      </c>
      <c r="CK2443" s="20">
        <v>0.72</v>
      </c>
      <c r="CL2443" s="20">
        <v>0.62</v>
      </c>
      <c r="CM2443" s="20">
        <v>0.39</v>
      </c>
      <c r="CN2443" s="20">
        <v>0.4</v>
      </c>
      <c r="CO2443" s="20">
        <v>0.39</v>
      </c>
      <c r="CP2443" s="20">
        <v>0.37</v>
      </c>
      <c r="CQ2443" s="20">
        <v>0.41</v>
      </c>
      <c r="CR2443" s="20">
        <v>0.32</v>
      </c>
      <c r="CS2443" s="20">
        <v>0.49</v>
      </c>
      <c r="CT2443" s="20">
        <v>0.4</v>
      </c>
      <c r="CU2443" s="20">
        <v>0.37</v>
      </c>
      <c r="CV2443" s="20">
        <v>0.3</v>
      </c>
      <c r="CW2443" s="20">
        <v>0.28999999999999998</v>
      </c>
      <c r="CX2443" s="20">
        <v>0.28999999999999998</v>
      </c>
      <c r="CY2443" s="6" t="s">
        <v>739</v>
      </c>
      <c r="CZ2443" s="6" t="s">
        <v>740</v>
      </c>
      <c r="DA2443" s="6" t="s">
        <v>101</v>
      </c>
      <c r="DB2443" s="6" t="s">
        <v>345</v>
      </c>
      <c r="DC2443" s="6"/>
      <c r="DD2443" s="6"/>
      <c r="DE2443" s="6"/>
      <c r="DF2443" s="6"/>
      <c r="DG2443" s="6"/>
      <c r="DH2443" s="6" t="s">
        <v>333</v>
      </c>
      <c r="DI2443" s="6"/>
      <c r="DJ2443" s="6"/>
      <c r="DK2443" s="6"/>
      <c r="DL2443" s="6">
        <v>6</v>
      </c>
      <c r="DM2443" s="6" t="s">
        <v>396</v>
      </c>
      <c r="DN2443" s="6">
        <v>6</v>
      </c>
      <c r="DO2443" s="6" t="s">
        <v>393</v>
      </c>
      <c r="DP2443" s="6"/>
      <c r="DQ2443" s="6"/>
    </row>
    <row r="2444" spans="1:121" x14ac:dyDescent="0.2">
      <c r="A2444" s="6" t="s">
        <v>323</v>
      </c>
      <c r="B2444" s="6" t="s">
        <v>323</v>
      </c>
      <c r="C2444" s="6" t="s">
        <v>192</v>
      </c>
      <c r="D2444" s="6" t="s">
        <v>101</v>
      </c>
      <c r="E2444" s="6" t="s">
        <v>242</v>
      </c>
      <c r="F2444" s="11">
        <v>-2</v>
      </c>
      <c r="G2444" s="13">
        <v>-5.68181818182E-3</v>
      </c>
      <c r="H2444" s="11">
        <v>-16.600380696000002</v>
      </c>
      <c r="I2444" s="13">
        <v>-4.7139587717264897E-2</v>
      </c>
      <c r="J2444" s="11">
        <v>5.4994963509999479</v>
      </c>
      <c r="K2444" s="13">
        <v>1.638933627828594E-2</v>
      </c>
      <c r="L2444" s="11">
        <v>8.8971178590000477</v>
      </c>
      <c r="M2444" s="13">
        <v>2.6087213455900735E-2</v>
      </c>
      <c r="N2444" s="11">
        <v>14.396614209999996</v>
      </c>
      <c r="O2444" s="13">
        <v>4.2904101848078857E-2</v>
      </c>
      <c r="P2444" s="7">
        <v>352.15370986200003</v>
      </c>
      <c r="Q2444" s="7">
        <v>333.25469273900001</v>
      </c>
      <c r="R2444" s="7">
        <v>301.838279726</v>
      </c>
      <c r="S2444" s="7">
        <v>304.05119729</v>
      </c>
      <c r="T2444" s="7">
        <v>281.64106849400002</v>
      </c>
      <c r="U2444" s="7">
        <v>331.50183546400001</v>
      </c>
      <c r="V2444" s="7">
        <v>335.55332916600003</v>
      </c>
      <c r="W2444" s="7">
        <v>333.570232207</v>
      </c>
      <c r="X2444" s="7">
        <v>331.92526912599999</v>
      </c>
      <c r="Y2444" s="7">
        <v>341.05282551699997</v>
      </c>
      <c r="Z2444" s="7">
        <v>323.63655711500002</v>
      </c>
      <c r="AA2444" s="7">
        <v>319.55545732799999</v>
      </c>
      <c r="AB2444" s="7">
        <v>326.12369946400003</v>
      </c>
      <c r="AC2444" s="7">
        <v>315.70657691999997</v>
      </c>
      <c r="AD2444" s="7">
        <v>322.167524055</v>
      </c>
      <c r="AE2444" s="7">
        <v>346.42660366400003</v>
      </c>
      <c r="AF2444" s="7">
        <v>349.94994337600002</v>
      </c>
      <c r="AG2444" s="9">
        <v>5253.4189142699997</v>
      </c>
      <c r="AH2444" s="13">
        <v>0.66242852181601353</v>
      </c>
      <c r="AI2444" s="9">
        <v>2556.5450255699998</v>
      </c>
      <c r="AJ2444" s="13">
        <v>0.32236689475576408</v>
      </c>
      <c r="AK2444" s="9">
        <v>1608.4955092</v>
      </c>
      <c r="AL2444" s="13">
        <v>0.15337863714279384</v>
      </c>
      <c r="AM2444" s="9">
        <v>1088.3783794999999</v>
      </c>
      <c r="AN2444" s="13">
        <v>8.9981457730475597E-2</v>
      </c>
      <c r="AO2444" s="9">
        <v>2696.8738887</v>
      </c>
      <c r="AP2444" s="13">
        <v>0.25716132822809168</v>
      </c>
      <c r="AQ2444" s="9">
        <v>7930.5445663299997</v>
      </c>
      <c r="AR2444" s="9">
        <v>9039.3601655900002</v>
      </c>
      <c r="AS2444" s="9">
        <v>9757.0036282300007</v>
      </c>
      <c r="AT2444" s="9">
        <v>10090.8946438</v>
      </c>
      <c r="AU2444" s="9">
        <v>11521.548642399999</v>
      </c>
      <c r="AV2444" s="9">
        <v>10054.348125500001</v>
      </c>
      <c r="AW2444" s="9">
        <v>10487.0895919</v>
      </c>
      <c r="AX2444" s="9">
        <v>11391.602470100001</v>
      </c>
      <c r="AY2444" s="9">
        <v>11186.5558643</v>
      </c>
      <c r="AZ2444" s="9">
        <v>12095.5851011</v>
      </c>
      <c r="BA2444" s="9">
        <v>11987.0289625</v>
      </c>
      <c r="BB2444" s="9">
        <v>12163.6393702</v>
      </c>
      <c r="BC2444" s="9">
        <v>11565.035442</v>
      </c>
      <c r="BD2444" s="9">
        <v>11953.873941100001</v>
      </c>
      <c r="BE2444" s="9">
        <v>12462.328844199999</v>
      </c>
      <c r="BF2444" s="9">
        <v>13183.963480599999</v>
      </c>
      <c r="BG2444" s="11">
        <v>-2.75</v>
      </c>
      <c r="BH2444" s="13">
        <v>-9.8214285714285712E-2</v>
      </c>
      <c r="BI2444" s="6">
        <v>3</v>
      </c>
      <c r="BJ2444" s="13">
        <v>0.10714285714285714</v>
      </c>
      <c r="BK2444" s="6">
        <v>8</v>
      </c>
      <c r="BL2444" s="13">
        <v>0.25806451612903225</v>
      </c>
      <c r="BM2444" s="11">
        <v>-13.75</v>
      </c>
      <c r="BN2444" s="13">
        <v>-0.35256410256410259</v>
      </c>
      <c r="BO2444" s="11">
        <v>-5.75</v>
      </c>
      <c r="BP2444" s="13">
        <v>-0.18548387096774194</v>
      </c>
      <c r="BQ2444" s="6">
        <v>28</v>
      </c>
      <c r="BR2444" s="6">
        <v>28</v>
      </c>
      <c r="BS2444" s="6">
        <v>29</v>
      </c>
      <c r="BT2444" s="6">
        <v>31</v>
      </c>
      <c r="BU2444" s="6">
        <v>31</v>
      </c>
      <c r="BV2444" s="6">
        <v>34</v>
      </c>
      <c r="BW2444" s="6">
        <v>39</v>
      </c>
      <c r="BX2444" s="6">
        <v>35</v>
      </c>
      <c r="BY2444" s="6">
        <v>31</v>
      </c>
      <c r="BZ2444" s="6">
        <v>33</v>
      </c>
      <c r="CA2444" s="6">
        <v>27</v>
      </c>
      <c r="CB2444" s="6">
        <v>27</v>
      </c>
      <c r="CC2444" s="11">
        <v>25.25</v>
      </c>
      <c r="CD2444" s="11">
        <v>-120.78</v>
      </c>
      <c r="CE2444" s="11">
        <v>80.081699999999998</v>
      </c>
      <c r="CF2444" s="11">
        <v>38.494599999999998</v>
      </c>
      <c r="CG2444" s="11">
        <v>118</v>
      </c>
      <c r="CH2444" s="20">
        <v>0.92503000000000002</v>
      </c>
      <c r="CI2444" s="20">
        <v>0.86087800000000003</v>
      </c>
      <c r="CJ2444" s="20">
        <v>0.77117199999999997</v>
      </c>
      <c r="CK2444" s="20">
        <v>0.74049299999999996</v>
      </c>
      <c r="CL2444" s="20">
        <v>0.67322800000000005</v>
      </c>
      <c r="CM2444" s="20">
        <v>0.795655</v>
      </c>
      <c r="CN2444" s="20">
        <v>0.81918999999999997</v>
      </c>
      <c r="CO2444" s="20">
        <v>0.81281899999999996</v>
      </c>
      <c r="CP2444" s="20">
        <v>0.82507799999999998</v>
      </c>
      <c r="CQ2444" s="20">
        <v>0.86056900000000003</v>
      </c>
      <c r="CR2444" s="20">
        <v>0.73358100000000004</v>
      </c>
      <c r="CS2444" s="20">
        <v>0.70399599999999996</v>
      </c>
      <c r="CT2444" s="20">
        <v>0.78237599999999996</v>
      </c>
      <c r="CU2444" s="20">
        <v>0.74794899999999997</v>
      </c>
      <c r="CV2444" s="20">
        <v>0.75394300000000003</v>
      </c>
      <c r="CW2444" s="20">
        <v>0.80866300000000002</v>
      </c>
      <c r="CX2444" s="20">
        <v>0.799346</v>
      </c>
      <c r="CY2444" s="6" t="s">
        <v>739</v>
      </c>
      <c r="CZ2444" s="6" t="s">
        <v>740</v>
      </c>
      <c r="DA2444" s="6" t="s">
        <v>101</v>
      </c>
      <c r="DB2444" s="6" t="s">
        <v>345</v>
      </c>
      <c r="DC2444" s="6"/>
      <c r="DD2444" s="6"/>
      <c r="DE2444" s="6"/>
      <c r="DF2444" s="6"/>
      <c r="DG2444" s="6"/>
      <c r="DH2444" s="6" t="s">
        <v>333</v>
      </c>
      <c r="DI2444" s="6"/>
      <c r="DJ2444" s="6"/>
      <c r="DK2444" s="6"/>
      <c r="DL2444" s="6">
        <v>6</v>
      </c>
      <c r="DM2444" s="6" t="s">
        <v>396</v>
      </c>
      <c r="DN2444" s="6">
        <v>6</v>
      </c>
      <c r="DO2444" s="6" t="s">
        <v>393</v>
      </c>
      <c r="DP2444" s="6"/>
      <c r="DQ2444" s="6"/>
    </row>
    <row r="2445" spans="1:121" x14ac:dyDescent="0.2">
      <c r="A2445" s="6" t="s">
        <v>325</v>
      </c>
      <c r="B2445" s="6" t="s">
        <v>325</v>
      </c>
      <c r="C2445" s="6" t="s">
        <v>193</v>
      </c>
      <c r="D2445" s="6" t="s">
        <v>101</v>
      </c>
      <c r="E2445" s="6" t="s">
        <v>242</v>
      </c>
      <c r="F2445" s="11">
        <v>6</v>
      </c>
      <c r="G2445" s="13">
        <v>2.14285714286E-2</v>
      </c>
      <c r="H2445" s="11">
        <v>18.812800863999996</v>
      </c>
      <c r="I2445" s="13">
        <v>6.7282610898868472E-2</v>
      </c>
      <c r="J2445" s="11">
        <v>-15.957401306000008</v>
      </c>
      <c r="K2445" s="13">
        <v>-5.3472699682458803E-2</v>
      </c>
      <c r="L2445" s="11">
        <v>3.6299066629999857</v>
      </c>
      <c r="M2445" s="13">
        <v>1.2850861920382338E-2</v>
      </c>
      <c r="N2445" s="11">
        <v>-12.327494643000023</v>
      </c>
      <c r="O2445" s="13">
        <v>-4.130900804220581E-2</v>
      </c>
      <c r="P2445" s="7">
        <v>279.60866281300002</v>
      </c>
      <c r="Q2445" s="7">
        <v>307.955543353</v>
      </c>
      <c r="R2445" s="7">
        <v>299.02043395499999</v>
      </c>
      <c r="S2445" s="7">
        <v>292.65087752099998</v>
      </c>
      <c r="T2445" s="7">
        <v>298.17269958899999</v>
      </c>
      <c r="U2445" s="7">
        <v>296.05680314599999</v>
      </c>
      <c r="V2445" s="7">
        <v>298.42146367700002</v>
      </c>
      <c r="W2445" s="7">
        <v>285.20204769100002</v>
      </c>
      <c r="X2445" s="7">
        <v>285.91019918299997</v>
      </c>
      <c r="Y2445" s="7">
        <v>282.46406237100001</v>
      </c>
      <c r="Z2445" s="7">
        <v>274.32168374299999</v>
      </c>
      <c r="AA2445" s="7">
        <v>305.55773630700003</v>
      </c>
      <c r="AB2445" s="7">
        <v>299.49794767499998</v>
      </c>
      <c r="AC2445" s="7">
        <v>295.80997886900002</v>
      </c>
      <c r="AD2445" s="7">
        <v>287.665319974</v>
      </c>
      <c r="AE2445" s="7">
        <v>281.86556662200002</v>
      </c>
      <c r="AF2445" s="7">
        <v>286.093969034</v>
      </c>
      <c r="AG2445" s="9">
        <v>1390.2634253000033</v>
      </c>
      <c r="AH2445" s="13">
        <v>7.3567188775364806E-2</v>
      </c>
      <c r="AI2445" s="9">
        <v>-1229.4514258999989</v>
      </c>
      <c r="AJ2445" s="13">
        <v>-6.5057659932188122E-2</v>
      </c>
      <c r="AK2445" s="9">
        <v>265.41861280000012</v>
      </c>
      <c r="AL2445" s="13">
        <v>1.502220244006152E-2</v>
      </c>
      <c r="AM2445" s="9">
        <v>2354.296238400002</v>
      </c>
      <c r="AN2445" s="13">
        <v>0.13127674561975886</v>
      </c>
      <c r="AO2445" s="9">
        <v>2619.7148512000022</v>
      </c>
      <c r="AP2445" s="13">
        <v>0.14827101390819286</v>
      </c>
      <c r="AQ2445" s="9">
        <v>18897.873473799998</v>
      </c>
      <c r="AR2445" s="9">
        <v>19538.9895</v>
      </c>
      <c r="AS2445" s="9">
        <v>19864.709254900001</v>
      </c>
      <c r="AT2445" s="9">
        <v>16694.708771699999</v>
      </c>
      <c r="AU2445" s="9">
        <v>16666.700337599999</v>
      </c>
      <c r="AV2445" s="9">
        <v>17163.860202299998</v>
      </c>
      <c r="AW2445" s="9">
        <v>17668.4220479</v>
      </c>
      <c r="AX2445" s="9">
        <v>17729.728306000001</v>
      </c>
      <c r="AY2445" s="9">
        <v>18152.123425199999</v>
      </c>
      <c r="AZ2445" s="9">
        <v>17933.8406607</v>
      </c>
      <c r="BA2445" s="9">
        <v>17677.643898900002</v>
      </c>
      <c r="BB2445" s="9">
        <v>17561.759846600002</v>
      </c>
      <c r="BC2445" s="9">
        <v>18006.3812063</v>
      </c>
      <c r="BD2445" s="9">
        <v>19070.3496567</v>
      </c>
      <c r="BE2445" s="9">
        <v>19790.741334099999</v>
      </c>
      <c r="BF2445" s="9">
        <v>20288.136899100002</v>
      </c>
      <c r="BG2445" s="11">
        <v>-9.5</v>
      </c>
      <c r="BH2445" s="13">
        <v>-0.21590909090909091</v>
      </c>
      <c r="BI2445" s="6">
        <v>-5</v>
      </c>
      <c r="BJ2445" s="13">
        <v>-0.11363636363636363</v>
      </c>
      <c r="BK2445" s="6">
        <v>4</v>
      </c>
      <c r="BL2445" s="13">
        <v>0.10256410256410256</v>
      </c>
      <c r="BM2445" s="11">
        <v>-8.5</v>
      </c>
      <c r="BN2445" s="13">
        <v>-0.19767441860465115</v>
      </c>
      <c r="BO2445" s="11">
        <v>-4.5</v>
      </c>
      <c r="BP2445" s="13">
        <v>-0.11538461538461539</v>
      </c>
      <c r="BQ2445" s="6">
        <v>44</v>
      </c>
      <c r="BR2445" s="6">
        <v>40</v>
      </c>
      <c r="BS2445" s="6">
        <v>38</v>
      </c>
      <c r="BT2445" s="6">
        <v>39</v>
      </c>
      <c r="BU2445" s="6">
        <v>45</v>
      </c>
      <c r="BV2445" s="6">
        <v>44</v>
      </c>
      <c r="BW2445" s="6">
        <v>43</v>
      </c>
      <c r="BX2445" s="6">
        <v>46</v>
      </c>
      <c r="BY2445" s="6">
        <v>48</v>
      </c>
      <c r="BZ2445" s="6">
        <v>31</v>
      </c>
      <c r="CA2445" s="6">
        <v>35</v>
      </c>
      <c r="CB2445" s="6">
        <v>33</v>
      </c>
      <c r="CC2445" s="11">
        <v>34.5</v>
      </c>
      <c r="CD2445" s="11">
        <v>-21.5044</v>
      </c>
      <c r="CE2445" s="11">
        <v>-2.5749300000000002</v>
      </c>
      <c r="CF2445" s="11">
        <v>30.564599999999999</v>
      </c>
      <c r="CG2445" s="11">
        <v>28</v>
      </c>
      <c r="CH2445" s="20">
        <v>1.0812900000000001</v>
      </c>
      <c r="CI2445" s="20">
        <v>1.16631</v>
      </c>
      <c r="CJ2445" s="20">
        <v>1.12649</v>
      </c>
      <c r="CK2445" s="20">
        <v>1.06995</v>
      </c>
      <c r="CL2445" s="20">
        <v>1.08772</v>
      </c>
      <c r="CM2445" s="20">
        <v>1.09456</v>
      </c>
      <c r="CN2445" s="20">
        <v>1.12778</v>
      </c>
      <c r="CO2445" s="20">
        <v>1.07477</v>
      </c>
      <c r="CP2445" s="20">
        <v>1.0767</v>
      </c>
      <c r="CQ2445" s="20">
        <v>1.08779</v>
      </c>
      <c r="CR2445" s="20">
        <v>0.96285699999999996</v>
      </c>
      <c r="CS2445" s="20">
        <v>1.05044</v>
      </c>
      <c r="CT2445" s="20">
        <v>1.22305</v>
      </c>
      <c r="CU2445" s="20">
        <v>1.20564</v>
      </c>
      <c r="CV2445" s="20">
        <v>1.18106</v>
      </c>
      <c r="CW2445" s="20">
        <v>1.16658</v>
      </c>
      <c r="CX2445" s="20">
        <v>1.16899</v>
      </c>
      <c r="CY2445" s="6" t="s">
        <v>739</v>
      </c>
      <c r="CZ2445" s="6" t="s">
        <v>740</v>
      </c>
      <c r="DA2445" s="6" t="s">
        <v>101</v>
      </c>
      <c r="DB2445" s="6" t="s">
        <v>345</v>
      </c>
      <c r="DC2445" s="6"/>
      <c r="DD2445" s="6"/>
      <c r="DE2445" s="6"/>
      <c r="DF2445" s="6"/>
      <c r="DG2445" s="6"/>
      <c r="DH2445" s="6" t="s">
        <v>333</v>
      </c>
      <c r="DI2445" s="6"/>
      <c r="DJ2445" s="6"/>
      <c r="DK2445" s="6"/>
      <c r="DL2445" s="6">
        <v>6</v>
      </c>
      <c r="DM2445" s="6" t="s">
        <v>396</v>
      </c>
      <c r="DN2445" s="6">
        <v>6</v>
      </c>
      <c r="DO2445" s="6" t="s">
        <v>393</v>
      </c>
      <c r="DP2445" s="6"/>
      <c r="DQ2445" s="6"/>
    </row>
    <row r="2446" spans="1:121" x14ac:dyDescent="0.2">
      <c r="A2446" s="6" t="s">
        <v>327</v>
      </c>
      <c r="B2446" s="6" t="s">
        <v>327</v>
      </c>
      <c r="C2446" s="6" t="s">
        <v>194</v>
      </c>
      <c r="D2446" s="6" t="s">
        <v>101</v>
      </c>
      <c r="E2446" s="6" t="s">
        <v>242</v>
      </c>
      <c r="F2446" s="11">
        <v>-125</v>
      </c>
      <c r="G2446" s="13">
        <v>-0.11436413540699999</v>
      </c>
      <c r="H2446" s="11">
        <v>-35.978432999999995</v>
      </c>
      <c r="I2446" s="13">
        <v>-3.291550524711237E-2</v>
      </c>
      <c r="J2446" s="11">
        <v>-16.293210000000045</v>
      </c>
      <c r="K2446" s="13">
        <v>-1.5413473368447728E-2</v>
      </c>
      <c r="L2446" s="11">
        <v>-72.488434556000016</v>
      </c>
      <c r="M2446" s="13">
        <v>-6.9648007047312235E-2</v>
      </c>
      <c r="N2446" s="11">
        <v>-88.78164455600006</v>
      </c>
      <c r="O2446" s="13">
        <v>-8.3987962713970757E-2</v>
      </c>
      <c r="P2446" s="7">
        <v>1093.054253</v>
      </c>
      <c r="Q2446" s="7">
        <v>1072.7904659999999</v>
      </c>
      <c r="R2446" s="7">
        <v>1074.164446</v>
      </c>
      <c r="S2446" s="7">
        <v>1073.859676</v>
      </c>
      <c r="T2446" s="7">
        <v>1066.1377480000001</v>
      </c>
      <c r="U2446" s="7">
        <v>1060.182311</v>
      </c>
      <c r="V2446" s="7">
        <v>1057.07582</v>
      </c>
      <c r="W2446" s="7">
        <v>1087.0614430000001</v>
      </c>
      <c r="X2446" s="7">
        <v>1040.3502719999999</v>
      </c>
      <c r="Y2446" s="7">
        <v>1040.78261</v>
      </c>
      <c r="Z2446" s="7">
        <v>981.284897</v>
      </c>
      <c r="AA2446" s="7">
        <v>968.59440500000005</v>
      </c>
      <c r="AB2446" s="7">
        <v>980.683987</v>
      </c>
      <c r="AC2446" s="7">
        <v>973.54569900000001</v>
      </c>
      <c r="AD2446" s="7">
        <v>964.788455</v>
      </c>
      <c r="AE2446" s="7">
        <v>972.11845900000003</v>
      </c>
      <c r="AF2446" s="7">
        <v>968.29417544399996</v>
      </c>
      <c r="AG2446" s="9">
        <v>7584.971859199999</v>
      </c>
      <c r="AH2446" s="13">
        <v>0.23074889467072124</v>
      </c>
      <c r="AI2446" s="9">
        <v>4222.6731902000029</v>
      </c>
      <c r="AJ2446" s="13">
        <v>0.12846154069938873</v>
      </c>
      <c r="AK2446" s="9">
        <v>3944.948785499997</v>
      </c>
      <c r="AL2446" s="13">
        <v>0.10635067790252156</v>
      </c>
      <c r="AM2446" s="9">
        <v>-582.65011650000088</v>
      </c>
      <c r="AN2446" s="13">
        <v>-1.4197566920713908E-2</v>
      </c>
      <c r="AO2446" s="9">
        <v>3362.2986689999962</v>
      </c>
      <c r="AP2446" s="13">
        <v>9.0643190115223315E-2</v>
      </c>
      <c r="AQ2446" s="9">
        <v>32871.1080936</v>
      </c>
      <c r="AR2446" s="9">
        <v>33681.883332999998</v>
      </c>
      <c r="AS2446" s="9">
        <v>35176.579699000002</v>
      </c>
      <c r="AT2446" s="9">
        <v>36166.870158999998</v>
      </c>
      <c r="AU2446" s="9">
        <v>35477.386702800002</v>
      </c>
      <c r="AV2446" s="9">
        <v>36250.192647900003</v>
      </c>
      <c r="AW2446" s="9">
        <v>37093.781283800003</v>
      </c>
      <c r="AX2446" s="9">
        <v>37487.353788400003</v>
      </c>
      <c r="AY2446" s="9">
        <v>39424.537893699999</v>
      </c>
      <c r="AZ2446" s="9">
        <v>41038.7300693</v>
      </c>
      <c r="BA2446" s="9">
        <v>39600.697807899996</v>
      </c>
      <c r="BB2446" s="9">
        <v>39762.742479400004</v>
      </c>
      <c r="BC2446" s="9">
        <v>39979.229224800001</v>
      </c>
      <c r="BD2446" s="9">
        <v>38996.596077200003</v>
      </c>
      <c r="BE2446" s="9">
        <v>40385.783576299997</v>
      </c>
      <c r="BF2446" s="9">
        <v>40456.079952799999</v>
      </c>
      <c r="BG2446" s="11">
        <v>-2</v>
      </c>
      <c r="BH2446" s="13">
        <v>-4.1666666666666664E-2</v>
      </c>
      <c r="BI2446" s="6">
        <v>-4</v>
      </c>
      <c r="BJ2446" s="13">
        <v>-8.3333333333333329E-2</v>
      </c>
      <c r="BK2446" s="6">
        <v>1</v>
      </c>
      <c r="BL2446" s="13">
        <v>2.2727272727272728E-2</v>
      </c>
      <c r="BM2446" s="11">
        <v>1</v>
      </c>
      <c r="BN2446" s="13">
        <v>2.2222222222222223E-2</v>
      </c>
      <c r="BO2446" s="11">
        <v>2</v>
      </c>
      <c r="BP2446" s="13">
        <v>4.5454545454545456E-2</v>
      </c>
      <c r="BQ2446" s="6">
        <v>48</v>
      </c>
      <c r="BR2446" s="6">
        <v>45</v>
      </c>
      <c r="BS2446" s="6">
        <v>44</v>
      </c>
      <c r="BT2446" s="6">
        <v>44</v>
      </c>
      <c r="BU2446" s="6">
        <v>44</v>
      </c>
      <c r="BV2446" s="6">
        <v>44</v>
      </c>
      <c r="BW2446" s="6">
        <v>45</v>
      </c>
      <c r="BX2446" s="6">
        <v>44</v>
      </c>
      <c r="BY2446" s="6">
        <v>44</v>
      </c>
      <c r="BZ2446" s="6">
        <v>47</v>
      </c>
      <c r="CA2446" s="6">
        <v>46</v>
      </c>
      <c r="CB2446" s="6">
        <v>47</v>
      </c>
      <c r="CC2446" s="11">
        <v>46</v>
      </c>
      <c r="CD2446" s="11">
        <v>-180.16399999999999</v>
      </c>
      <c r="CE2446" s="11">
        <v>-64.079899999999995</v>
      </c>
      <c r="CF2446" s="11">
        <v>119.48399999999999</v>
      </c>
      <c r="CG2446" s="11">
        <v>55</v>
      </c>
      <c r="CH2446" s="20">
        <v>1.2725</v>
      </c>
      <c r="CI2446" s="20">
        <v>1.22071</v>
      </c>
      <c r="CJ2446" s="20">
        <v>1.22478</v>
      </c>
      <c r="CK2446" s="20">
        <v>1.1969000000000001</v>
      </c>
      <c r="CL2446" s="20">
        <v>1.1883900000000001</v>
      </c>
      <c r="CM2446" s="20">
        <v>1.2055899999999999</v>
      </c>
      <c r="CN2446" s="20">
        <v>1.23753</v>
      </c>
      <c r="CO2446" s="20">
        <v>1.25634</v>
      </c>
      <c r="CP2446" s="20">
        <v>1.1880999999999999</v>
      </c>
      <c r="CQ2446" s="20">
        <v>1.20852</v>
      </c>
      <c r="CR2446" s="20">
        <v>1.06288</v>
      </c>
      <c r="CS2446" s="20">
        <v>1.0624199999999999</v>
      </c>
      <c r="CT2446" s="20">
        <v>1.2136800000000001</v>
      </c>
      <c r="CU2446" s="20">
        <v>1.22523</v>
      </c>
      <c r="CV2446" s="20">
        <v>1.2336400000000001</v>
      </c>
      <c r="CW2446" s="20">
        <v>1.2593700000000001</v>
      </c>
      <c r="CX2446" s="20">
        <v>1.24709</v>
      </c>
      <c r="CY2446" s="6" t="s">
        <v>739</v>
      </c>
      <c r="CZ2446" s="6" t="s">
        <v>740</v>
      </c>
      <c r="DA2446" s="6" t="s">
        <v>101</v>
      </c>
      <c r="DB2446" s="6" t="s">
        <v>345</v>
      </c>
      <c r="DC2446" s="6"/>
      <c r="DD2446" s="6"/>
      <c r="DE2446" s="6"/>
      <c r="DF2446" s="6"/>
      <c r="DG2446" s="6"/>
      <c r="DH2446" s="6" t="s">
        <v>333</v>
      </c>
      <c r="DI2446" s="6"/>
      <c r="DJ2446" s="6"/>
      <c r="DK2446" s="6"/>
      <c r="DL2446" s="6">
        <v>6</v>
      </c>
      <c r="DM2446" s="6" t="s">
        <v>396</v>
      </c>
      <c r="DN2446" s="6">
        <v>6</v>
      </c>
      <c r="DO2446" s="6" t="s">
        <v>393</v>
      </c>
      <c r="DP2446" s="6"/>
      <c r="DQ2446" s="6"/>
    </row>
    <row r="2447" spans="1:121" x14ac:dyDescent="0.2">
      <c r="A2447" s="32" t="s">
        <v>791</v>
      </c>
      <c r="B2447" s="32" t="s">
        <v>791</v>
      </c>
      <c r="C2447" s="32" t="s">
        <v>329</v>
      </c>
      <c r="D2447" s="4" t="s">
        <v>63</v>
      </c>
      <c r="E2447" s="4" t="s">
        <v>204</v>
      </c>
      <c r="F2447" s="1">
        <v>45</v>
      </c>
      <c r="G2447" s="2">
        <v>8.4080717488799993E-3</v>
      </c>
      <c r="H2447" s="1">
        <v>82.533558930000254</v>
      </c>
      <c r="I2447" s="2">
        <v>1.5420552982649863E-2</v>
      </c>
      <c r="J2447" s="1">
        <v>223.03964438999992</v>
      </c>
      <c r="K2447" s="2">
        <v>4.1039823983150661E-2</v>
      </c>
      <c r="L2447" s="1">
        <v>-261.18125790999966</v>
      </c>
      <c r="M2447" s="2">
        <v>-4.6163432270381881E-2</v>
      </c>
      <c r="N2447" s="1">
        <v>-38.141613519999737</v>
      </c>
      <c r="O2447" s="2">
        <v>-7.0181474220657909E-3</v>
      </c>
      <c r="P2447" s="1">
        <v>5352.1789408499999</v>
      </c>
      <c r="Q2447" s="1">
        <v>5247.4873519900002</v>
      </c>
      <c r="R2447" s="1">
        <v>5370.3924556800002</v>
      </c>
      <c r="S2447" s="1">
        <v>5268.9541923400002</v>
      </c>
      <c r="T2447" s="1">
        <v>5041.8490762299998</v>
      </c>
      <c r="U2447" s="1">
        <v>5267.1992017800003</v>
      </c>
      <c r="V2447" s="1">
        <v>5434.7124997800001</v>
      </c>
      <c r="W2447" s="1">
        <v>5149.25231343</v>
      </c>
      <c r="X2447" s="1">
        <v>5624.7640856600001</v>
      </c>
      <c r="Y2447" s="1">
        <v>5657.7521441700001</v>
      </c>
      <c r="Z2447" s="1">
        <v>5508.7890883999999</v>
      </c>
      <c r="AA2447" s="1">
        <v>5643.6346601799996</v>
      </c>
      <c r="AB2447" s="1">
        <v>5625.0260072600004</v>
      </c>
      <c r="AC2447" s="1">
        <v>5665.0963385300001</v>
      </c>
      <c r="AD2447" s="1">
        <v>5361.2200887899999</v>
      </c>
      <c r="AE2447" s="1">
        <v>5355.2966088000003</v>
      </c>
      <c r="AF2447" s="1">
        <v>5396.5708862600004</v>
      </c>
      <c r="AG2447" s="1">
        <v>9996.1192694000019</v>
      </c>
      <c r="AH2447" s="2">
        <v>0.41927617728820005</v>
      </c>
      <c r="AI2447" s="1">
        <v>4170.2658353000006</v>
      </c>
      <c r="AJ2447" s="2">
        <v>0.17491719242012571</v>
      </c>
      <c r="AK2447" s="1">
        <v>1985.6242892000009</v>
      </c>
      <c r="AL2447" s="2">
        <v>7.0885690737719817E-2</v>
      </c>
      <c r="AM2447" s="1">
        <v>3840.2291449000004</v>
      </c>
      <c r="AN2447" s="2">
        <v>0.12801932197733332</v>
      </c>
      <c r="AO2447" s="1">
        <v>5825.8534341000013</v>
      </c>
      <c r="AP2447" s="2">
        <v>0.20797975078119094</v>
      </c>
      <c r="AQ2447" s="3">
        <v>23841.371894899999</v>
      </c>
      <c r="AR2447" s="3">
        <v>24650.1912639</v>
      </c>
      <c r="AS2447" s="3">
        <v>25523.276855700002</v>
      </c>
      <c r="AT2447" s="3">
        <v>26881.804977899999</v>
      </c>
      <c r="AU2447" s="3">
        <v>27561.481944499999</v>
      </c>
      <c r="AV2447" s="3">
        <v>28269.5091588</v>
      </c>
      <c r="AW2447" s="3">
        <v>28011.6377302</v>
      </c>
      <c r="AX2447" s="3">
        <v>29653.887213800001</v>
      </c>
      <c r="AY2447" s="3">
        <v>29291.182943</v>
      </c>
      <c r="AZ2447" s="3">
        <v>29997.262019400001</v>
      </c>
      <c r="BA2447" s="3">
        <v>30601.028117099999</v>
      </c>
      <c r="BB2447" s="3">
        <v>31465.818391199999</v>
      </c>
      <c r="BC2447" s="3">
        <v>32737.331479299999</v>
      </c>
      <c r="BD2447" s="3">
        <v>32829.586416400001</v>
      </c>
      <c r="BE2447" s="3">
        <v>34786.456040800003</v>
      </c>
      <c r="BF2447" s="3">
        <v>33837.491164300001</v>
      </c>
      <c r="BG2447" s="1">
        <v>119.49999989299999</v>
      </c>
      <c r="BH2447" s="2">
        <v>0.29506172805290959</v>
      </c>
      <c r="BI2447" s="1">
        <v>30.999999892999995</v>
      </c>
      <c r="BJ2447" s="2">
        <v>7.6543209592123143E-2</v>
      </c>
      <c r="BK2447" s="1">
        <v>42.00452253200001</v>
      </c>
      <c r="BL2447" s="2">
        <v>9.6340648009174329E-2</v>
      </c>
      <c r="BM2447" s="1">
        <v>46.49547746799999</v>
      </c>
      <c r="BN2447" s="2">
        <v>9.7269953057582945E-2</v>
      </c>
      <c r="BO2447" s="1">
        <v>88.5</v>
      </c>
      <c r="BP2447" s="2">
        <v>0.20298165137614679</v>
      </c>
      <c r="BQ2447" s="1">
        <v>405.00000010700001</v>
      </c>
      <c r="BR2447" s="1">
        <v>413.00000240700001</v>
      </c>
      <c r="BS2447" s="1">
        <v>428.00000018700001</v>
      </c>
      <c r="BT2447" s="1">
        <v>436</v>
      </c>
      <c r="BU2447" s="1">
        <v>442</v>
      </c>
      <c r="BV2447" s="1">
        <v>463.27961617</v>
      </c>
      <c r="BW2447" s="1">
        <v>478.00452253200001</v>
      </c>
      <c r="BX2447" s="1">
        <v>498</v>
      </c>
      <c r="BY2447" s="1">
        <v>524</v>
      </c>
      <c r="BZ2447" s="1">
        <v>525</v>
      </c>
      <c r="CA2447" s="1">
        <v>507</v>
      </c>
      <c r="CB2447" s="1">
        <v>508</v>
      </c>
      <c r="CC2447" s="1">
        <v>524.5</v>
      </c>
      <c r="CD2447" s="1">
        <v>-540.66600000000005</v>
      </c>
      <c r="CE2447" s="27">
        <v>0</v>
      </c>
      <c r="CF2447" s="27">
        <v>585.05799999999999</v>
      </c>
      <c r="CG2447" s="27">
        <v>585</v>
      </c>
      <c r="CH2447" s="27"/>
      <c r="CI2447" s="27"/>
      <c r="CJ2447" s="27"/>
      <c r="CK2447" s="27"/>
      <c r="CL2447" s="27"/>
      <c r="CM2447" s="27"/>
      <c r="CN2447" s="27"/>
      <c r="CO2447" s="27"/>
      <c r="CP2447" s="27"/>
      <c r="CQ2447" s="27"/>
      <c r="CR2447" s="27"/>
      <c r="CS2447" s="27"/>
      <c r="CT2447" s="27"/>
      <c r="CU2447" s="27"/>
      <c r="CV2447" s="27"/>
      <c r="CW2447" s="27"/>
      <c r="CX2447" s="27"/>
      <c r="CY2447" s="23" t="s">
        <v>605</v>
      </c>
      <c r="CZ2447" s="23" t="s">
        <v>606</v>
      </c>
      <c r="DA2447" s="24" t="s">
        <v>63</v>
      </c>
      <c r="DB2447" s="25" t="s">
        <v>345</v>
      </c>
      <c r="DC2447" s="25"/>
      <c r="DD2447" s="25"/>
      <c r="DE2447" s="25"/>
      <c r="DF2447" s="25"/>
      <c r="DG2447" s="25"/>
      <c r="DH2447" s="25" t="s">
        <v>333</v>
      </c>
      <c r="DI2447" s="25"/>
      <c r="DJ2447" s="25"/>
      <c r="DK2447" s="25"/>
      <c r="DL2447" s="25">
        <v>6</v>
      </c>
      <c r="DM2447" s="25" t="s">
        <v>396</v>
      </c>
      <c r="DN2447" s="25">
        <v>6</v>
      </c>
      <c r="DO2447" s="25" t="s">
        <v>393</v>
      </c>
    </row>
    <row r="2448" spans="1:121" x14ac:dyDescent="0.2">
      <c r="A2448" s="32" t="s">
        <v>791</v>
      </c>
      <c r="B2448" s="32" t="s">
        <v>791</v>
      </c>
      <c r="C2448" s="32" t="s">
        <v>329</v>
      </c>
      <c r="D2448" s="4" t="s">
        <v>131</v>
      </c>
      <c r="E2448" s="4" t="s">
        <v>272</v>
      </c>
      <c r="F2448" s="1">
        <v>-182</v>
      </c>
      <c r="G2448" s="2">
        <v>-2.5504484304899998E-2</v>
      </c>
      <c r="H2448" s="1">
        <v>72.057103610000013</v>
      </c>
      <c r="I2448" s="2">
        <v>1.009797763928893E-2</v>
      </c>
      <c r="J2448" s="1">
        <v>195.42975010999999</v>
      </c>
      <c r="K2448" s="2">
        <v>2.7113449773050777E-2</v>
      </c>
      <c r="L2448" s="1">
        <v>-449.18599176999942</v>
      </c>
      <c r="M2448" s="2">
        <v>-6.0673896932718463E-2</v>
      </c>
      <c r="N2448" s="1">
        <v>-253.75624165999943</v>
      </c>
      <c r="O2448" s="2">
        <v>-3.5205525816688212E-2</v>
      </c>
      <c r="P2448" s="1">
        <v>7135.7955210399996</v>
      </c>
      <c r="Q2448" s="1">
        <v>7218.47740497</v>
      </c>
      <c r="R2448" s="1">
        <v>6988.8079104899998</v>
      </c>
      <c r="S2448" s="1">
        <v>6951.6954271300001</v>
      </c>
      <c r="T2448" s="1">
        <v>7150.1023258900004</v>
      </c>
      <c r="U2448" s="1">
        <v>7266.5769275800003</v>
      </c>
      <c r="V2448" s="1">
        <v>7207.8526246499996</v>
      </c>
      <c r="W2448" s="1">
        <v>7133.8079144000003</v>
      </c>
      <c r="X2448" s="1">
        <v>7217.8553172299999</v>
      </c>
      <c r="Y2448" s="1">
        <v>7403.2823747599996</v>
      </c>
      <c r="Z2448" s="1">
        <v>7367.6570833899996</v>
      </c>
      <c r="AA2448" s="1">
        <v>7542.86100764</v>
      </c>
      <c r="AB2448" s="1">
        <v>6991.2570670100004</v>
      </c>
      <c r="AC2448" s="1">
        <v>7012.7019818799999</v>
      </c>
      <c r="AD2448" s="1">
        <v>6955.0462853600002</v>
      </c>
      <c r="AE2448" s="1">
        <v>6941.6700578500004</v>
      </c>
      <c r="AF2448" s="1">
        <v>6954.0963829900002</v>
      </c>
      <c r="AG2448" s="1">
        <v>11330.889552000004</v>
      </c>
      <c r="AH2448" s="2">
        <v>0.43903702310687237</v>
      </c>
      <c r="AI2448" s="1">
        <v>5675.497801700003</v>
      </c>
      <c r="AJ2448" s="2">
        <v>0.2199080352935</v>
      </c>
      <c r="AK2448" s="1">
        <v>2253.3334576000016</v>
      </c>
      <c r="AL2448" s="2">
        <v>7.157074071536379E-2</v>
      </c>
      <c r="AM2448" s="1">
        <v>3402.0582926999996</v>
      </c>
      <c r="AN2448" s="2">
        <v>0.10083956205346878</v>
      </c>
      <c r="AO2448" s="1">
        <v>5655.3917503000011</v>
      </c>
      <c r="AP2448" s="2">
        <v>0.17962746491841222</v>
      </c>
      <c r="AQ2448" s="3">
        <v>25808.505787999999</v>
      </c>
      <c r="AR2448" s="3">
        <v>25947.751830699999</v>
      </c>
      <c r="AS2448" s="3">
        <v>26704.650117100002</v>
      </c>
      <c r="AT2448" s="3">
        <v>28395.898093</v>
      </c>
      <c r="AU2448" s="3">
        <v>29034.491657300001</v>
      </c>
      <c r="AV2448" s="3">
        <v>30388.433385100001</v>
      </c>
      <c r="AW2448" s="3">
        <v>31484.003589700002</v>
      </c>
      <c r="AX2448" s="3">
        <v>32929.273565399999</v>
      </c>
      <c r="AY2448" s="3">
        <v>32891.322182099997</v>
      </c>
      <c r="AZ2448" s="3">
        <v>33737.337047300003</v>
      </c>
      <c r="BA2448" s="3">
        <v>33753.648261399998</v>
      </c>
      <c r="BB2448" s="3">
        <v>33782.175431199998</v>
      </c>
      <c r="BC2448" s="3">
        <v>35463.3399422</v>
      </c>
      <c r="BD2448" s="3">
        <v>35457.142044499997</v>
      </c>
      <c r="BE2448" s="3">
        <v>37007.1322525</v>
      </c>
      <c r="BF2448" s="3">
        <v>37139.395340000003</v>
      </c>
      <c r="BG2448" s="1">
        <v>282.99900707699999</v>
      </c>
      <c r="BH2448" s="2">
        <v>0.58835430953528878</v>
      </c>
      <c r="BI2448" s="1">
        <v>43.999007076999987</v>
      </c>
      <c r="BJ2448" s="2">
        <v>9.1473838358673565E-2</v>
      </c>
      <c r="BK2448" s="1">
        <v>192</v>
      </c>
      <c r="BL2448" s="2">
        <v>0.36571428571428571</v>
      </c>
      <c r="BM2448" s="1">
        <v>47</v>
      </c>
      <c r="BN2448" s="2">
        <v>6.555090655509066E-2</v>
      </c>
      <c r="BO2448" s="1">
        <v>239</v>
      </c>
      <c r="BP2448" s="2">
        <v>0.45523809523809522</v>
      </c>
      <c r="BQ2448" s="1">
        <v>481.00099292300001</v>
      </c>
      <c r="BR2448" s="1">
        <v>503.00076947299999</v>
      </c>
      <c r="BS2448" s="1">
        <v>516.00040847299999</v>
      </c>
      <c r="BT2448" s="1">
        <v>525</v>
      </c>
      <c r="BU2448" s="1">
        <v>562</v>
      </c>
      <c r="BV2448" s="1">
        <v>612</v>
      </c>
      <c r="BW2448" s="1">
        <v>717</v>
      </c>
      <c r="BX2448" s="1">
        <v>775</v>
      </c>
      <c r="BY2448" s="1">
        <v>787</v>
      </c>
      <c r="BZ2448" s="1">
        <v>799</v>
      </c>
      <c r="CA2448" s="1">
        <v>798</v>
      </c>
      <c r="CB2448" s="1">
        <v>783</v>
      </c>
      <c r="CC2448" s="1">
        <v>764</v>
      </c>
      <c r="CD2448" s="1">
        <v>-961.72799999999995</v>
      </c>
      <c r="CE2448" s="27">
        <v>0</v>
      </c>
      <c r="CF2448" s="27">
        <v>780.02800000000002</v>
      </c>
      <c r="CG2448" s="27">
        <v>780</v>
      </c>
      <c r="CH2448" s="27"/>
      <c r="CI2448" s="27"/>
      <c r="CJ2448" s="27"/>
      <c r="CK2448" s="27"/>
      <c r="CL2448" s="27"/>
      <c r="CM2448" s="27"/>
      <c r="CN2448" s="27"/>
      <c r="CO2448" s="27"/>
      <c r="CP2448" s="27"/>
      <c r="CQ2448" s="27"/>
      <c r="CR2448" s="27"/>
      <c r="CS2448" s="27"/>
      <c r="CT2448" s="27"/>
      <c r="CU2448" s="27"/>
      <c r="CV2448" s="27"/>
      <c r="CW2448" s="27"/>
      <c r="CX2448" s="27"/>
      <c r="CY2448" s="23" t="s">
        <v>633</v>
      </c>
      <c r="CZ2448" s="23" t="s">
        <v>634</v>
      </c>
      <c r="DA2448" s="24" t="s">
        <v>131</v>
      </c>
      <c r="DB2448" s="25" t="s">
        <v>345</v>
      </c>
      <c r="DC2448" s="25"/>
      <c r="DD2448" s="25"/>
      <c r="DE2448" s="25"/>
      <c r="DF2448" s="25"/>
      <c r="DG2448" s="25"/>
      <c r="DH2448" s="25" t="s">
        <v>333</v>
      </c>
      <c r="DI2448" s="25"/>
      <c r="DJ2448" s="25"/>
      <c r="DK2448" s="25"/>
      <c r="DL2448" s="25">
        <v>9</v>
      </c>
      <c r="DM2448" s="25" t="s">
        <v>440</v>
      </c>
      <c r="DN2448" s="25">
        <v>7</v>
      </c>
      <c r="DO2448" s="25" t="s">
        <v>369</v>
      </c>
    </row>
    <row r="2449" spans="1:119" x14ac:dyDescent="0.2">
      <c r="A2449" s="32" t="s">
        <v>791</v>
      </c>
      <c r="B2449" s="32" t="s">
        <v>791</v>
      </c>
      <c r="C2449" s="32" t="s">
        <v>329</v>
      </c>
      <c r="D2449" s="4" t="s">
        <v>92</v>
      </c>
      <c r="E2449" s="4" t="s">
        <v>233</v>
      </c>
      <c r="F2449" s="1">
        <v>-195</v>
      </c>
      <c r="G2449" s="2">
        <v>-7.3363431151200004E-2</v>
      </c>
      <c r="H2449" s="1">
        <v>-227.06187920000002</v>
      </c>
      <c r="I2449" s="2">
        <v>-8.5418630782648663E-2</v>
      </c>
      <c r="J2449" s="1">
        <v>189.17963482999994</v>
      </c>
      <c r="K2449" s="2">
        <v>7.7814478357225186E-2</v>
      </c>
      <c r="L2449" s="1">
        <v>-157.34165635999989</v>
      </c>
      <c r="M2449" s="2">
        <v>-6.0046228162381685E-2</v>
      </c>
      <c r="N2449" s="1">
        <v>31.837978470000053</v>
      </c>
      <c r="O2449" s="2">
        <v>1.3095784273068846E-2</v>
      </c>
      <c r="P2449" s="1">
        <v>2658.2242904099999</v>
      </c>
      <c r="Q2449" s="1">
        <v>2638.87069686</v>
      </c>
      <c r="R2449" s="1">
        <v>2614.1991094800001</v>
      </c>
      <c r="S2449" s="1">
        <v>2671.4303914000002</v>
      </c>
      <c r="T2449" s="1">
        <v>2651.89578712</v>
      </c>
      <c r="U2449" s="1">
        <v>2529.35100302</v>
      </c>
      <c r="V2449" s="1">
        <v>2431.1624112099998</v>
      </c>
      <c r="W2449" s="1">
        <v>2360.9177966299999</v>
      </c>
      <c r="X2449" s="1">
        <v>2386.5814744600002</v>
      </c>
      <c r="Y2449" s="1">
        <v>2620.3420460399998</v>
      </c>
      <c r="Z2449" s="1">
        <v>2600.9797877599999</v>
      </c>
      <c r="AA2449" s="1">
        <v>2621.4022043199998</v>
      </c>
      <c r="AB2449" s="1">
        <v>2315.5132237100001</v>
      </c>
      <c r="AC2449" s="1">
        <v>2399.08687736</v>
      </c>
      <c r="AD2449" s="1">
        <v>2415.43875144</v>
      </c>
      <c r="AE2449" s="1">
        <v>2418.4887434299999</v>
      </c>
      <c r="AF2449" s="1">
        <v>2463.0003896799999</v>
      </c>
      <c r="AG2449" s="1">
        <v>11290.987318800002</v>
      </c>
      <c r="AH2449" s="2">
        <v>0.46293922326230696</v>
      </c>
      <c r="AI2449" s="1">
        <v>4514.2907506999982</v>
      </c>
      <c r="AJ2449" s="2">
        <v>0.18508941642593049</v>
      </c>
      <c r="AK2449" s="1">
        <v>2656.3169299000001</v>
      </c>
      <c r="AL2449" s="2">
        <v>9.1901125382603366E-2</v>
      </c>
      <c r="AM2449" s="1">
        <v>4120.3796382000037</v>
      </c>
      <c r="AN2449" s="2">
        <v>0.13055540553052528</v>
      </c>
      <c r="AO2449" s="1">
        <v>6776.6965681000038</v>
      </c>
      <c r="AP2449" s="2">
        <v>0.23445471960616607</v>
      </c>
      <c r="AQ2449" s="3">
        <v>24389.7832619</v>
      </c>
      <c r="AR2449" s="3">
        <v>25227.118745399999</v>
      </c>
      <c r="AS2449" s="3">
        <v>25996.011121700001</v>
      </c>
      <c r="AT2449" s="3">
        <v>27310.588377399999</v>
      </c>
      <c r="AU2449" s="3">
        <v>26432.355282</v>
      </c>
      <c r="AV2449" s="3">
        <v>27637.042327300001</v>
      </c>
      <c r="AW2449" s="3">
        <v>28904.074012599998</v>
      </c>
      <c r="AX2449" s="3">
        <v>29812.437547900001</v>
      </c>
      <c r="AY2449" s="3">
        <v>28944.281348600001</v>
      </c>
      <c r="AZ2449" s="3">
        <v>31560.390942499998</v>
      </c>
      <c r="BA2449" s="3">
        <v>33524.260391399999</v>
      </c>
      <c r="BB2449" s="3">
        <v>33947.988981299997</v>
      </c>
      <c r="BC2449" s="3">
        <v>33052.0794867</v>
      </c>
      <c r="BD2449" s="3">
        <v>34772.838510699999</v>
      </c>
      <c r="BE2449" s="3">
        <v>35065.860084300002</v>
      </c>
      <c r="BF2449" s="3">
        <v>35680.770580700002</v>
      </c>
      <c r="BG2449" s="1">
        <v>0.75</v>
      </c>
      <c r="BH2449" s="2">
        <v>2.6408450704225352E-3</v>
      </c>
      <c r="BI2449" s="1">
        <v>-5</v>
      </c>
      <c r="BJ2449" s="2">
        <v>-1.7605633802816902E-2</v>
      </c>
      <c r="BK2449" s="1">
        <v>-14</v>
      </c>
      <c r="BL2449" s="2">
        <v>-5.0179211469534052E-2</v>
      </c>
      <c r="BM2449" s="1">
        <v>19.75</v>
      </c>
      <c r="BN2449" s="2">
        <v>7.452830188679245E-2</v>
      </c>
      <c r="BO2449" s="1">
        <v>5.75</v>
      </c>
      <c r="BP2449" s="2">
        <v>2.0609318996415771E-2</v>
      </c>
      <c r="BQ2449" s="1">
        <v>284</v>
      </c>
      <c r="BR2449" s="1">
        <v>287.00000024899998</v>
      </c>
      <c r="BS2449" s="1">
        <v>293</v>
      </c>
      <c r="BT2449" s="1">
        <v>279</v>
      </c>
      <c r="BU2449" s="1">
        <v>271</v>
      </c>
      <c r="BV2449" s="1">
        <v>264</v>
      </c>
      <c r="BW2449" s="1">
        <v>265</v>
      </c>
      <c r="BX2449" s="1">
        <v>261</v>
      </c>
      <c r="BY2449" s="1">
        <v>271</v>
      </c>
      <c r="BZ2449" s="1">
        <v>280</v>
      </c>
      <c r="CA2449" s="1">
        <v>285</v>
      </c>
      <c r="CB2449" s="1">
        <v>288</v>
      </c>
      <c r="CC2449" s="1">
        <v>284.75</v>
      </c>
      <c r="CD2449" s="1">
        <v>-485.8</v>
      </c>
      <c r="CE2449" s="27">
        <v>0</v>
      </c>
      <c r="CF2449" s="27">
        <v>290.57600000000002</v>
      </c>
      <c r="CG2449" s="27">
        <v>291</v>
      </c>
      <c r="CH2449" s="27"/>
      <c r="CI2449" s="27"/>
      <c r="CJ2449" s="27"/>
      <c r="CK2449" s="27"/>
      <c r="CL2449" s="27"/>
      <c r="CM2449" s="27"/>
      <c r="CN2449" s="27"/>
      <c r="CO2449" s="27"/>
      <c r="CP2449" s="27"/>
      <c r="CQ2449" s="27"/>
      <c r="CR2449" s="27"/>
      <c r="CS2449" s="27"/>
      <c r="CT2449" s="27"/>
      <c r="CU2449" s="27"/>
      <c r="CV2449" s="27"/>
      <c r="CW2449" s="27"/>
      <c r="CX2449" s="27"/>
      <c r="CY2449" s="23" t="s">
        <v>454</v>
      </c>
      <c r="CZ2449" s="23" t="s">
        <v>455</v>
      </c>
      <c r="DA2449" s="24" t="s">
        <v>92</v>
      </c>
      <c r="DB2449" s="25"/>
      <c r="DC2449" s="25"/>
      <c r="DD2449" s="25"/>
      <c r="DE2449" s="25"/>
      <c r="DF2449" s="25"/>
      <c r="DG2449" s="25"/>
      <c r="DH2449" s="25" t="s">
        <v>333</v>
      </c>
      <c r="DI2449" s="25"/>
      <c r="DJ2449" s="25"/>
      <c r="DK2449" s="25"/>
      <c r="DL2449" s="25">
        <v>10</v>
      </c>
      <c r="DM2449" s="25" t="s">
        <v>383</v>
      </c>
      <c r="DN2449" s="25">
        <v>9</v>
      </c>
      <c r="DO2449" s="25" t="s">
        <v>384</v>
      </c>
    </row>
    <row r="2450" spans="1:119" x14ac:dyDescent="0.2">
      <c r="A2450" s="32" t="s">
        <v>791</v>
      </c>
      <c r="B2450" s="32" t="s">
        <v>791</v>
      </c>
      <c r="C2450" s="32" t="s">
        <v>329</v>
      </c>
      <c r="D2450" s="4" t="s">
        <v>54</v>
      </c>
      <c r="E2450" s="4" t="s">
        <v>195</v>
      </c>
      <c r="F2450" s="1">
        <v>388</v>
      </c>
      <c r="G2450" s="2">
        <v>7.7537969624299999E-2</v>
      </c>
      <c r="H2450" s="1">
        <v>-331.06643660999998</v>
      </c>
      <c r="I2450" s="2">
        <v>-6.6162904100885489E-2</v>
      </c>
      <c r="J2450" s="1">
        <v>178.55368309000005</v>
      </c>
      <c r="K2450" s="2">
        <v>3.8211764824517658E-2</v>
      </c>
      <c r="L2450" s="1">
        <v>540.7479103300002</v>
      </c>
      <c r="M2450" s="2">
        <v>0.11146465782013737</v>
      </c>
      <c r="N2450" s="1">
        <v>719.30159342000024</v>
      </c>
      <c r="O2450" s="2">
        <v>0.15393568393552345</v>
      </c>
      <c r="P2450" s="1">
        <v>5003.8075128199998</v>
      </c>
      <c r="Q2450" s="1">
        <v>4738.7392838699998</v>
      </c>
      <c r="R2450" s="1">
        <v>4825.1336348100003</v>
      </c>
      <c r="S2450" s="1">
        <v>4761.7115414800001</v>
      </c>
      <c r="T2450" s="1">
        <v>4533.0530234799999</v>
      </c>
      <c r="U2450" s="1">
        <v>4562.7216861699999</v>
      </c>
      <c r="V2450" s="1">
        <v>4672.7410762099998</v>
      </c>
      <c r="W2450" s="1">
        <v>4739.2330760900004</v>
      </c>
      <c r="X2450" s="1">
        <v>4871.6250284899997</v>
      </c>
      <c r="Y2450" s="1">
        <v>4851.2947592999999</v>
      </c>
      <c r="Z2450" s="1">
        <v>4945.8391627299998</v>
      </c>
      <c r="AA2450" s="1">
        <v>4974.9981404099999</v>
      </c>
      <c r="AB2450" s="1">
        <v>4922.6823768800004</v>
      </c>
      <c r="AC2450" s="1">
        <v>5038.4236889800004</v>
      </c>
      <c r="AD2450" s="1">
        <v>5200.3916321899997</v>
      </c>
      <c r="AE2450" s="1">
        <v>5268.04571321</v>
      </c>
      <c r="AF2450" s="1">
        <v>5392.0426696300001</v>
      </c>
      <c r="AG2450" s="1">
        <v>11049.5148553</v>
      </c>
      <c r="AH2450" s="2">
        <v>0.43591697284777864</v>
      </c>
      <c r="AI2450" s="1">
        <v>5484.587530599998</v>
      </c>
      <c r="AJ2450" s="2">
        <v>0.21637373450030195</v>
      </c>
      <c r="AK2450" s="1">
        <v>1906.8281583000025</v>
      </c>
      <c r="AL2450" s="2">
        <v>6.1845070899789002E-2</v>
      </c>
      <c r="AM2450" s="1">
        <v>3658.0991663999994</v>
      </c>
      <c r="AN2450" s="2">
        <v>0.11173464519193545</v>
      </c>
      <c r="AO2450" s="1">
        <v>5564.9273247000019</v>
      </c>
      <c r="AP2450" s="2">
        <v>0.18048995314558247</v>
      </c>
      <c r="AQ2450" s="3">
        <v>25347.750933200001</v>
      </c>
      <c r="AR2450" s="3">
        <v>25855.4492837</v>
      </c>
      <c r="AS2450" s="3">
        <v>27234.8648493</v>
      </c>
      <c r="AT2450" s="3">
        <v>28677.550072499998</v>
      </c>
      <c r="AU2450" s="3">
        <v>28314.075879</v>
      </c>
      <c r="AV2450" s="3">
        <v>29107.380925699999</v>
      </c>
      <c r="AW2450" s="3">
        <v>30832.338463799999</v>
      </c>
      <c r="AX2450" s="3">
        <v>31301.8110958</v>
      </c>
      <c r="AY2450" s="3">
        <v>32021.5345586</v>
      </c>
      <c r="AZ2450" s="3">
        <v>32739.166622100001</v>
      </c>
      <c r="BA2450" s="3">
        <v>32734.8482358</v>
      </c>
      <c r="BB2450" s="3">
        <v>33328.043581700003</v>
      </c>
      <c r="BC2450" s="3">
        <v>33232.432273099999</v>
      </c>
      <c r="BD2450" s="3">
        <v>33808.934356799997</v>
      </c>
      <c r="BE2450" s="3">
        <v>34962.074370000002</v>
      </c>
      <c r="BF2450" s="3">
        <v>36397.265788500001</v>
      </c>
      <c r="BG2450" s="1">
        <v>0.47621246400001382</v>
      </c>
      <c r="BH2450" s="2">
        <v>1.3190611822289622E-3</v>
      </c>
      <c r="BI2450" s="1">
        <v>16.976278390000004</v>
      </c>
      <c r="BJ2450" s="2">
        <v>4.7022603429717751E-2</v>
      </c>
      <c r="BK2450" s="1">
        <v>0.99993559500001084</v>
      </c>
      <c r="BL2450" s="2">
        <v>2.6453318005393296E-3</v>
      </c>
      <c r="BM2450" s="1">
        <v>-17.500001521000002</v>
      </c>
      <c r="BN2450" s="2">
        <v>-4.6174146308097956E-2</v>
      </c>
      <c r="BO2450" s="1">
        <v>-16.500065925999991</v>
      </c>
      <c r="BP2450" s="2">
        <v>-4.365096044515019E-2</v>
      </c>
      <c r="BQ2450" s="1">
        <v>361.02378753599999</v>
      </c>
      <c r="BR2450" s="1">
        <v>376.03646624100003</v>
      </c>
      <c r="BS2450" s="1">
        <v>371.01640481700002</v>
      </c>
      <c r="BT2450" s="1">
        <v>378.00006592599999</v>
      </c>
      <c r="BU2450" s="1">
        <v>382.000034266</v>
      </c>
      <c r="BV2450" s="1">
        <v>374.00001692799998</v>
      </c>
      <c r="BW2450" s="1">
        <v>379.000001521</v>
      </c>
      <c r="BX2450" s="1">
        <v>369</v>
      </c>
      <c r="BY2450" s="1">
        <v>362</v>
      </c>
      <c r="BZ2450" s="1">
        <v>362</v>
      </c>
      <c r="CA2450" s="1">
        <v>377</v>
      </c>
      <c r="CB2450" s="1">
        <v>370</v>
      </c>
      <c r="CC2450" s="1">
        <v>361.5</v>
      </c>
      <c r="CD2450" s="1">
        <v>-158.74100000000001</v>
      </c>
      <c r="CE2450" s="27">
        <v>0</v>
      </c>
      <c r="CF2450" s="27">
        <v>546.976</v>
      </c>
      <c r="CG2450" s="27">
        <v>547</v>
      </c>
      <c r="CH2450" s="27"/>
      <c r="CI2450" s="27"/>
      <c r="CJ2450" s="27"/>
      <c r="CK2450" s="27"/>
      <c r="CL2450" s="27"/>
      <c r="CM2450" s="27"/>
      <c r="CN2450" s="27"/>
      <c r="CO2450" s="27"/>
      <c r="CP2450" s="27"/>
      <c r="CQ2450" s="27"/>
      <c r="CR2450" s="27"/>
      <c r="CS2450" s="27"/>
      <c r="CT2450" s="27"/>
      <c r="CU2450" s="27"/>
      <c r="CV2450" s="27"/>
      <c r="CW2450" s="27"/>
      <c r="CX2450" s="27"/>
      <c r="CY2450" s="23" t="s">
        <v>607</v>
      </c>
      <c r="CZ2450" s="23" t="s">
        <v>608</v>
      </c>
      <c r="DA2450" s="24" t="s">
        <v>54</v>
      </c>
      <c r="DB2450" s="25"/>
      <c r="DC2450" s="25" t="s">
        <v>435</v>
      </c>
      <c r="DD2450" s="25"/>
      <c r="DE2450" s="25" t="s">
        <v>436</v>
      </c>
      <c r="DF2450" s="25" t="s">
        <v>375</v>
      </c>
      <c r="DG2450" s="25" t="s">
        <v>376</v>
      </c>
      <c r="DH2450" s="25" t="s">
        <v>328</v>
      </c>
      <c r="DI2450" s="25"/>
      <c r="DJ2450" s="25" t="s">
        <v>366</v>
      </c>
      <c r="DK2450" s="25" t="s">
        <v>609</v>
      </c>
      <c r="DL2450" s="25">
        <v>2</v>
      </c>
      <c r="DM2450" s="25" t="s">
        <v>379</v>
      </c>
      <c r="DN2450" s="25">
        <v>3</v>
      </c>
      <c r="DO2450" s="25" t="s">
        <v>380</v>
      </c>
    </row>
    <row r="2451" spans="1:119" x14ac:dyDescent="0.2">
      <c r="A2451" s="32" t="s">
        <v>791</v>
      </c>
      <c r="B2451" s="32" t="s">
        <v>791</v>
      </c>
      <c r="C2451" s="32" t="s">
        <v>329</v>
      </c>
      <c r="D2451" s="4" t="s">
        <v>73</v>
      </c>
      <c r="E2451" s="4" t="s">
        <v>214</v>
      </c>
      <c r="F2451" s="1">
        <v>314</v>
      </c>
      <c r="G2451" s="2">
        <v>0.100997105179</v>
      </c>
      <c r="H2451" s="1">
        <v>198.95721348000006</v>
      </c>
      <c r="I2451" s="2">
        <v>6.3998602622227271E-2</v>
      </c>
      <c r="J2451" s="1">
        <v>175.23011109000026</v>
      </c>
      <c r="K2451" s="2">
        <v>5.2975916690705581E-2</v>
      </c>
      <c r="L2451" s="1">
        <v>-59.746738430000278</v>
      </c>
      <c r="M2451" s="2">
        <v>-1.7154004041271081E-2</v>
      </c>
      <c r="N2451" s="1">
        <v>115.48337265999999</v>
      </c>
      <c r="O2451" s="2">
        <v>3.4913163560432101E-2</v>
      </c>
      <c r="P2451" s="1">
        <v>3108.7743376899998</v>
      </c>
      <c r="Q2451" s="1">
        <v>3251.0076483500002</v>
      </c>
      <c r="R2451" s="1">
        <v>3339.2773380799999</v>
      </c>
      <c r="S2451" s="1">
        <v>3290.1470173799999</v>
      </c>
      <c r="T2451" s="1">
        <v>3360.1299433099998</v>
      </c>
      <c r="U2451" s="1">
        <v>3284.66302847</v>
      </c>
      <c r="V2451" s="1">
        <v>3307.7315511699999</v>
      </c>
      <c r="W2451" s="1">
        <v>3309.2338690199999</v>
      </c>
      <c r="X2451" s="1">
        <v>3353.22500472</v>
      </c>
      <c r="Y2451" s="1">
        <v>3482.9616622600001</v>
      </c>
      <c r="Z2451" s="1">
        <v>3427.9777850999999</v>
      </c>
      <c r="AA2451" s="1">
        <v>3311.1012267299998</v>
      </c>
      <c r="AB2451" s="1">
        <v>3210.8243975700002</v>
      </c>
      <c r="AC2451" s="1">
        <v>3220.01785668</v>
      </c>
      <c r="AD2451" s="1">
        <v>3342.0989764699998</v>
      </c>
      <c r="AE2451" s="1">
        <v>3347.67442162</v>
      </c>
      <c r="AF2451" s="1">
        <v>3423.2149238299999</v>
      </c>
      <c r="AG2451" s="1">
        <v>8131.0881797000002</v>
      </c>
      <c r="AH2451" s="2">
        <v>0.35970441456810098</v>
      </c>
      <c r="AI2451" s="1">
        <v>3741.7368629000011</v>
      </c>
      <c r="AJ2451" s="2">
        <v>0.16552756998719279</v>
      </c>
      <c r="AK2451" s="1">
        <v>1434.3495590999992</v>
      </c>
      <c r="AL2451" s="2">
        <v>5.4441433258722881E-2</v>
      </c>
      <c r="AM2451" s="1">
        <v>2955.0017576999999</v>
      </c>
      <c r="AN2451" s="2">
        <v>0.10636771424549624</v>
      </c>
      <c r="AO2451" s="1">
        <v>4389.351316799999</v>
      </c>
      <c r="AP2451" s="2">
        <v>0.16659995832019822</v>
      </c>
      <c r="AQ2451" s="3">
        <v>22604.9162879</v>
      </c>
      <c r="AR2451" s="3">
        <v>22654.915240400001</v>
      </c>
      <c r="AS2451" s="3">
        <v>23367.5347879</v>
      </c>
      <c r="AT2451" s="3">
        <v>24132.1157981</v>
      </c>
      <c r="AU2451" s="3">
        <v>24547.732915600001</v>
      </c>
      <c r="AV2451" s="3">
        <v>25526.812783599999</v>
      </c>
      <c r="AW2451" s="3">
        <v>26346.653150800001</v>
      </c>
      <c r="AX2451" s="3">
        <v>26701.549745600001</v>
      </c>
      <c r="AY2451" s="3">
        <v>27746.043962799999</v>
      </c>
      <c r="AZ2451" s="3">
        <v>27781.0027099</v>
      </c>
      <c r="BA2451" s="3">
        <v>27753.511784800001</v>
      </c>
      <c r="BB2451" s="3">
        <v>28029.126258200002</v>
      </c>
      <c r="BC2451" s="3">
        <v>28848.043950800002</v>
      </c>
      <c r="BD2451" s="3">
        <v>28372.014245900002</v>
      </c>
      <c r="BE2451" s="3">
        <v>29332.104317099998</v>
      </c>
      <c r="BF2451" s="3">
        <v>30736.0044676</v>
      </c>
      <c r="BG2451" s="1">
        <v>149.17885249099999</v>
      </c>
      <c r="BH2451" s="2">
        <v>0.43075294005002451</v>
      </c>
      <c r="BI2451" s="1">
        <v>67.685278805999985</v>
      </c>
      <c r="BJ2451" s="2">
        <v>0.1954407904132999</v>
      </c>
      <c r="BK2451" s="1">
        <v>87.994024104999994</v>
      </c>
      <c r="BL2451" s="2">
        <v>0.21254265275111711</v>
      </c>
      <c r="BM2451" s="1">
        <v>-6.5004504199999928</v>
      </c>
      <c r="BN2451" s="2">
        <v>-1.2949092803724327E-2</v>
      </c>
      <c r="BO2451" s="1">
        <v>81.493573685000001</v>
      </c>
      <c r="BP2451" s="2">
        <v>0.19684132541216881</v>
      </c>
      <c r="BQ2451" s="1">
        <v>346.32114750900001</v>
      </c>
      <c r="BR2451" s="1">
        <v>355.01178872899999</v>
      </c>
      <c r="BS2451" s="1">
        <v>384.02283148200002</v>
      </c>
      <c r="BT2451" s="1">
        <v>414.006426315</v>
      </c>
      <c r="BU2451" s="1">
        <v>424.00102380300001</v>
      </c>
      <c r="BV2451" s="1">
        <v>462.00052489000001</v>
      </c>
      <c r="BW2451" s="1">
        <v>502.00045041999999</v>
      </c>
      <c r="BX2451" s="1">
        <v>507</v>
      </c>
      <c r="BY2451" s="1">
        <v>500</v>
      </c>
      <c r="BZ2451" s="1">
        <v>508</v>
      </c>
      <c r="CA2451" s="1">
        <v>508</v>
      </c>
      <c r="CB2451" s="1">
        <v>511</v>
      </c>
      <c r="CC2451" s="1">
        <v>495.5</v>
      </c>
      <c r="CD2451" s="1">
        <v>-25.385899999999999</v>
      </c>
      <c r="CE2451" s="27">
        <v>0</v>
      </c>
      <c r="CF2451" s="27">
        <v>339.82600000000002</v>
      </c>
      <c r="CG2451" s="27">
        <v>340</v>
      </c>
      <c r="CH2451" s="27"/>
      <c r="CI2451" s="27"/>
      <c r="CJ2451" s="27"/>
      <c r="CK2451" s="27"/>
      <c r="CL2451" s="27"/>
      <c r="CM2451" s="27"/>
      <c r="CN2451" s="27"/>
      <c r="CO2451" s="27"/>
      <c r="CP2451" s="27"/>
      <c r="CQ2451" s="27"/>
      <c r="CR2451" s="27"/>
      <c r="CS2451" s="27"/>
      <c r="CT2451" s="27"/>
      <c r="CU2451" s="27"/>
      <c r="CV2451" s="27"/>
      <c r="CW2451" s="27"/>
      <c r="CX2451" s="27"/>
      <c r="CY2451" s="23" t="s">
        <v>732</v>
      </c>
      <c r="CZ2451" s="23" t="s">
        <v>733</v>
      </c>
      <c r="DA2451" s="24" t="s">
        <v>73</v>
      </c>
      <c r="DB2451" s="25"/>
      <c r="DC2451" s="25"/>
      <c r="DD2451" s="25"/>
      <c r="DE2451" s="25"/>
      <c r="DF2451" s="25"/>
      <c r="DG2451" s="25"/>
      <c r="DH2451" s="25" t="s">
        <v>333</v>
      </c>
      <c r="DI2451" s="25"/>
      <c r="DJ2451" s="25"/>
      <c r="DK2451" s="25"/>
      <c r="DL2451" s="25">
        <v>10</v>
      </c>
      <c r="DM2451" s="25" t="s">
        <v>383</v>
      </c>
      <c r="DN2451" s="25">
        <v>9</v>
      </c>
      <c r="DO2451" s="25" t="s">
        <v>384</v>
      </c>
    </row>
    <row r="2452" spans="1:119" x14ac:dyDescent="0.2">
      <c r="A2452" s="32" t="s">
        <v>791</v>
      </c>
      <c r="B2452" s="32" t="s">
        <v>791</v>
      </c>
      <c r="C2452" s="32" t="s">
        <v>329</v>
      </c>
      <c r="D2452" s="4" t="s">
        <v>125</v>
      </c>
      <c r="E2452" s="4" t="s">
        <v>266</v>
      </c>
      <c r="F2452" s="1">
        <v>1286</v>
      </c>
      <c r="G2452" s="2">
        <v>0.13296112489699999</v>
      </c>
      <c r="H2452" s="1">
        <v>429.064820900001</v>
      </c>
      <c r="I2452" s="2">
        <v>4.4360131893319062E-2</v>
      </c>
      <c r="J2452" s="1">
        <v>158.70095439999932</v>
      </c>
      <c r="K2452" s="2">
        <v>1.571083164271856E-2</v>
      </c>
      <c r="L2452" s="1">
        <v>697.92225429999962</v>
      </c>
      <c r="M2452" s="2">
        <v>6.8023128038262534E-2</v>
      </c>
      <c r="N2452" s="1">
        <v>856.62320869999894</v>
      </c>
      <c r="O2452" s="2">
        <v>8.4802659593401331E-2</v>
      </c>
      <c r="P2452" s="1">
        <v>9672.3071502999992</v>
      </c>
      <c r="Q2452" s="1">
        <v>9405.6378972700004</v>
      </c>
      <c r="R2452" s="1">
        <v>9757.8924507400006</v>
      </c>
      <c r="S2452" s="1">
        <v>10110.6083528</v>
      </c>
      <c r="T2452" s="1">
        <v>10111.1303842</v>
      </c>
      <c r="U2452" s="1">
        <v>10201.099349800001</v>
      </c>
      <c r="V2452" s="1">
        <v>10101.3719712</v>
      </c>
      <c r="W2452" s="1">
        <v>9995.4767352800009</v>
      </c>
      <c r="X2452" s="1">
        <v>9848.5058193000004</v>
      </c>
      <c r="Y2452" s="1">
        <v>10260.0729256</v>
      </c>
      <c r="Z2452" s="1">
        <v>10355.740696000001</v>
      </c>
      <c r="AA2452" s="1">
        <v>10676.4075619</v>
      </c>
      <c r="AB2452" s="1">
        <v>10642.455950699999</v>
      </c>
      <c r="AC2452" s="1">
        <v>10785.966001500001</v>
      </c>
      <c r="AD2452" s="1">
        <v>10784.517228799999</v>
      </c>
      <c r="AE2452" s="1">
        <v>10755.892799200001</v>
      </c>
      <c r="AF2452" s="1">
        <v>10957.995179899999</v>
      </c>
      <c r="AG2452" s="1">
        <v>13552.214511800001</v>
      </c>
      <c r="AH2452" s="2">
        <v>0.47317097545463849</v>
      </c>
      <c r="AI2452" s="1">
        <v>5406.1111973999978</v>
      </c>
      <c r="AJ2452" s="2">
        <v>0.18875253977589571</v>
      </c>
      <c r="AK2452" s="1">
        <v>2360.8865437000059</v>
      </c>
      <c r="AL2452" s="2">
        <v>6.9341221633967554E-2</v>
      </c>
      <c r="AM2452" s="1">
        <v>5785.2167706999971</v>
      </c>
      <c r="AN2452" s="2">
        <v>0.1588984642293931</v>
      </c>
      <c r="AO2452" s="1">
        <v>8146.103314400003</v>
      </c>
      <c r="AP2452" s="2">
        <v>0.23925789948878806</v>
      </c>
      <c r="AQ2452" s="3">
        <v>28641.263337799999</v>
      </c>
      <c r="AR2452" s="3">
        <v>29959.323108699999</v>
      </c>
      <c r="AS2452" s="3">
        <v>30840.719946199999</v>
      </c>
      <c r="AT2452" s="3">
        <v>31739.238518099999</v>
      </c>
      <c r="AU2452" s="3">
        <v>32929.748515300002</v>
      </c>
      <c r="AV2452" s="3">
        <v>33029.563358899999</v>
      </c>
      <c r="AW2452" s="3">
        <v>34047.374535199997</v>
      </c>
      <c r="AX2452" s="3">
        <v>34686.017510400001</v>
      </c>
      <c r="AY2452" s="3">
        <v>35654.499221500002</v>
      </c>
      <c r="AZ2452" s="3">
        <v>36408.261078900003</v>
      </c>
      <c r="BA2452" s="3">
        <v>36568.067598900001</v>
      </c>
      <c r="BB2452" s="3">
        <v>38648.810825</v>
      </c>
      <c r="BC2452" s="3">
        <v>39269.169928800002</v>
      </c>
      <c r="BD2452" s="3">
        <v>40390.822448600004</v>
      </c>
      <c r="BE2452" s="3">
        <v>41407.745960799999</v>
      </c>
      <c r="BF2452" s="3">
        <v>42193.4778496</v>
      </c>
      <c r="BG2452" s="1">
        <v>26.387058711999998</v>
      </c>
      <c r="BH2452" s="2">
        <v>4.9472988596243279E-2</v>
      </c>
      <c r="BI2452" s="1">
        <v>8.4514426140000296</v>
      </c>
      <c r="BJ2452" s="2">
        <v>1.5845575235487731E-2</v>
      </c>
      <c r="BK2452" s="1">
        <v>8.1857356059999802</v>
      </c>
      <c r="BL2452" s="2">
        <v>1.5108007186978935E-2</v>
      </c>
      <c r="BM2452" s="1">
        <v>9.7498804919999884</v>
      </c>
      <c r="BN2452" s="2">
        <v>1.7727051588137286E-2</v>
      </c>
      <c r="BO2452" s="1">
        <v>17.935616097999969</v>
      </c>
      <c r="BP2452" s="2">
        <v>3.3102879197913743E-2</v>
      </c>
      <c r="BQ2452" s="1">
        <v>533.362941288</v>
      </c>
      <c r="BR2452" s="1">
        <v>540.49460363499998</v>
      </c>
      <c r="BS2452" s="1">
        <v>537.24467889200002</v>
      </c>
      <c r="BT2452" s="1">
        <v>541.81438390200003</v>
      </c>
      <c r="BU2452" s="1">
        <v>540.00045863699995</v>
      </c>
      <c r="BV2452" s="1">
        <v>545.000186859</v>
      </c>
      <c r="BW2452" s="1">
        <v>550.00011950800001</v>
      </c>
      <c r="BX2452" s="1">
        <v>541</v>
      </c>
      <c r="BY2452" s="1">
        <v>557</v>
      </c>
      <c r="BZ2452" s="1">
        <v>541</v>
      </c>
      <c r="CA2452" s="1">
        <v>544</v>
      </c>
      <c r="CB2452" s="1">
        <v>552</v>
      </c>
      <c r="CC2452" s="1">
        <v>559.75</v>
      </c>
      <c r="CD2452" s="1">
        <v>228.38800000000001</v>
      </c>
      <c r="CE2452" s="27">
        <v>0</v>
      </c>
      <c r="CF2452" s="27">
        <v>1057.3</v>
      </c>
      <c r="CG2452" s="27">
        <v>1057</v>
      </c>
      <c r="CH2452" s="27"/>
      <c r="CI2452" s="27"/>
      <c r="CJ2452" s="27"/>
      <c r="CK2452" s="27"/>
      <c r="CL2452" s="27"/>
      <c r="CM2452" s="27"/>
      <c r="CN2452" s="27"/>
      <c r="CO2452" s="27"/>
      <c r="CP2452" s="27"/>
      <c r="CQ2452" s="27"/>
      <c r="CR2452" s="27"/>
      <c r="CS2452" s="27"/>
      <c r="CT2452" s="27"/>
      <c r="CU2452" s="27"/>
      <c r="CV2452" s="27"/>
      <c r="CW2452" s="27"/>
      <c r="CX2452" s="27"/>
      <c r="CY2452" s="28" t="s">
        <v>635</v>
      </c>
      <c r="CZ2452" s="28" t="s">
        <v>636</v>
      </c>
      <c r="DA2452" s="29" t="s">
        <v>125</v>
      </c>
      <c r="DB2452" s="25" t="s">
        <v>345</v>
      </c>
      <c r="DC2452" s="30"/>
      <c r="DD2452" s="30"/>
      <c r="DE2452" s="30"/>
      <c r="DF2452" s="30"/>
      <c r="DG2452" s="30"/>
      <c r="DH2452" s="30" t="s">
        <v>333</v>
      </c>
      <c r="DI2452" s="30"/>
      <c r="DJ2452" s="30"/>
      <c r="DK2452" s="30"/>
      <c r="DL2452" s="30">
        <v>6</v>
      </c>
      <c r="DM2452" s="30" t="s">
        <v>396</v>
      </c>
      <c r="DN2452" s="30">
        <v>6</v>
      </c>
      <c r="DO2452" s="30" t="s">
        <v>393</v>
      </c>
    </row>
    <row r="2453" spans="1:119" x14ac:dyDescent="0.2">
      <c r="A2453" s="32" t="s">
        <v>791</v>
      </c>
      <c r="B2453" s="32" t="s">
        <v>791</v>
      </c>
      <c r="C2453" s="32" t="s">
        <v>329</v>
      </c>
      <c r="D2453" s="4" t="s">
        <v>136</v>
      </c>
      <c r="E2453" s="4" t="s">
        <v>277</v>
      </c>
      <c r="F2453" s="1">
        <v>9</v>
      </c>
      <c r="G2453" s="2">
        <v>3.3234859675E-3</v>
      </c>
      <c r="H2453" s="1">
        <v>-116.77840434999962</v>
      </c>
      <c r="I2453" s="2">
        <v>-4.3122297043828355E-2</v>
      </c>
      <c r="J2453" s="1">
        <v>149.78716200999997</v>
      </c>
      <c r="K2453" s="2">
        <v>5.7803948786463395E-2</v>
      </c>
      <c r="L2453" s="1">
        <v>-24.002016469999944</v>
      </c>
      <c r="M2453" s="2">
        <v>-8.7563973474284254E-3</v>
      </c>
      <c r="N2453" s="1">
        <v>125.78514554000003</v>
      </c>
      <c r="O2453" s="2">
        <v>4.8541397095210298E-2</v>
      </c>
      <c r="P2453" s="1">
        <v>2708.0747630699998</v>
      </c>
      <c r="Q2453" s="1">
        <v>2674.32295742</v>
      </c>
      <c r="R2453" s="1">
        <v>2677.7590796600002</v>
      </c>
      <c r="S2453" s="1">
        <v>2501.7874098000002</v>
      </c>
      <c r="T2453" s="1">
        <v>2449.27071789</v>
      </c>
      <c r="U2453" s="1">
        <v>2536.3186507099999</v>
      </c>
      <c r="V2453" s="1">
        <v>2591.2963587200002</v>
      </c>
      <c r="W2453" s="1">
        <v>2600.1927859500001</v>
      </c>
      <c r="X2453" s="1">
        <v>2707.6126018499999</v>
      </c>
      <c r="Y2453" s="1">
        <v>2741.0835207300001</v>
      </c>
      <c r="Z2453" s="1">
        <v>2714.7514552600001</v>
      </c>
      <c r="AA2453" s="1">
        <v>2773.9676739400002</v>
      </c>
      <c r="AB2453" s="1">
        <v>2734.4319818499998</v>
      </c>
      <c r="AC2453" s="1">
        <v>2719.4506244499999</v>
      </c>
      <c r="AD2453" s="1">
        <v>2704.0817012000002</v>
      </c>
      <c r="AE2453" s="1">
        <v>2678.59130624</v>
      </c>
      <c r="AF2453" s="1">
        <v>2717.0815042600002</v>
      </c>
      <c r="AG2453" s="1">
        <v>14115.448187099995</v>
      </c>
      <c r="AH2453" s="2">
        <v>0.60872953177484801</v>
      </c>
      <c r="AI2453" s="1">
        <v>4674.0767157999981</v>
      </c>
      <c r="AJ2453" s="2">
        <v>0.20156983278001075</v>
      </c>
      <c r="AK2453" s="1">
        <v>3256.7715308000006</v>
      </c>
      <c r="AL2453" s="2">
        <v>0.11688747473223014</v>
      </c>
      <c r="AM2453" s="1">
        <v>6184.5999404999966</v>
      </c>
      <c r="AN2453" s="2">
        <v>0.19873889668449626</v>
      </c>
      <c r="AO2453" s="1">
        <v>9441.3714712999972</v>
      </c>
      <c r="AP2453" s="2">
        <v>0.33885645918124679</v>
      </c>
      <c r="AQ2453" s="3">
        <v>23188.374229100002</v>
      </c>
      <c r="AR2453" s="3">
        <v>24014.867079399999</v>
      </c>
      <c r="AS2453" s="3">
        <v>25040.774092700001</v>
      </c>
      <c r="AT2453" s="3">
        <v>25950.403454300002</v>
      </c>
      <c r="AU2453" s="3">
        <v>26721.1946197</v>
      </c>
      <c r="AV2453" s="3">
        <v>27163.2355603</v>
      </c>
      <c r="AW2453" s="3">
        <v>27862.4509449</v>
      </c>
      <c r="AX2453" s="3">
        <v>28560.5847803</v>
      </c>
      <c r="AY2453" s="3">
        <v>30653.963158499999</v>
      </c>
      <c r="AZ2453" s="3">
        <v>31119.2224757</v>
      </c>
      <c r="BA2453" s="3">
        <v>29893.303624200002</v>
      </c>
      <c r="BB2453" s="3">
        <v>30429.471235500001</v>
      </c>
      <c r="BC2453" s="3">
        <v>32895.806977799999</v>
      </c>
      <c r="BD2453" s="3">
        <v>32935.265822300003</v>
      </c>
      <c r="BE2453" s="3">
        <v>36766.029373600002</v>
      </c>
      <c r="BF2453" s="3">
        <v>37303.822416199997</v>
      </c>
      <c r="BG2453" s="1">
        <v>4.2490088940000135</v>
      </c>
      <c r="BH2453" s="2">
        <v>1.8314615268426437E-2</v>
      </c>
      <c r="BI2453" s="1">
        <v>19.999008894000013</v>
      </c>
      <c r="BJ2453" s="2">
        <v>8.6202256286321527E-2</v>
      </c>
      <c r="BK2453" s="1">
        <v>10.000056835000009</v>
      </c>
      <c r="BL2453" s="2">
        <v>3.9682765218254007E-2</v>
      </c>
      <c r="BM2453" s="1">
        <v>-25.750056835000009</v>
      </c>
      <c r="BN2453" s="2">
        <v>-9.8282638355367394E-2</v>
      </c>
      <c r="BO2453" s="1">
        <v>-15.75</v>
      </c>
      <c r="BP2453" s="2">
        <v>-6.25E-2</v>
      </c>
      <c r="BQ2453" s="1">
        <v>232.00099110599999</v>
      </c>
      <c r="BR2453" s="1">
        <v>226.00000003299999</v>
      </c>
      <c r="BS2453" s="1">
        <v>240.000000927</v>
      </c>
      <c r="BT2453" s="1">
        <v>252</v>
      </c>
      <c r="BU2453" s="1">
        <v>257</v>
      </c>
      <c r="BV2453" s="1">
        <v>261.00005081099999</v>
      </c>
      <c r="BW2453" s="1">
        <v>262.00005683500001</v>
      </c>
      <c r="BX2453" s="1">
        <v>261</v>
      </c>
      <c r="BY2453" s="1">
        <v>249</v>
      </c>
      <c r="BZ2453" s="1">
        <v>256</v>
      </c>
      <c r="CA2453" s="1">
        <v>250</v>
      </c>
      <c r="CB2453" s="1">
        <v>241</v>
      </c>
      <c r="CC2453" s="1">
        <v>236.25</v>
      </c>
      <c r="CD2453" s="1">
        <v>-287.01799999999997</v>
      </c>
      <c r="CE2453" s="27">
        <v>0</v>
      </c>
      <c r="CF2453" s="27">
        <v>296.02499999999998</v>
      </c>
      <c r="CG2453" s="27">
        <v>296</v>
      </c>
      <c r="CH2453" s="27"/>
      <c r="CI2453" s="27"/>
      <c r="CJ2453" s="27"/>
      <c r="CK2453" s="27"/>
      <c r="CL2453" s="27"/>
      <c r="CM2453" s="27"/>
      <c r="CN2453" s="27"/>
      <c r="CO2453" s="27"/>
      <c r="CP2453" s="27"/>
      <c r="CQ2453" s="27"/>
      <c r="CR2453" s="27"/>
      <c r="CS2453" s="27"/>
      <c r="CT2453" s="27"/>
      <c r="CU2453" s="27"/>
      <c r="CV2453" s="27"/>
      <c r="CW2453" s="27"/>
      <c r="CX2453" s="27"/>
      <c r="CY2453" s="23" t="s">
        <v>513</v>
      </c>
      <c r="CZ2453" s="23" t="s">
        <v>514</v>
      </c>
      <c r="DA2453" s="24" t="s">
        <v>136</v>
      </c>
      <c r="DB2453" s="25"/>
      <c r="DC2453" s="25"/>
      <c r="DD2453" s="25"/>
      <c r="DE2453" s="25"/>
      <c r="DF2453" s="25"/>
      <c r="DG2453" s="25"/>
      <c r="DH2453" s="25" t="s">
        <v>333</v>
      </c>
      <c r="DI2453" s="25"/>
      <c r="DJ2453" s="25"/>
      <c r="DK2453" s="25"/>
      <c r="DL2453" s="25">
        <v>7</v>
      </c>
      <c r="DM2453" s="25" t="s">
        <v>485</v>
      </c>
      <c r="DN2453" s="25">
        <v>8</v>
      </c>
      <c r="DO2453" s="25" t="s">
        <v>486</v>
      </c>
    </row>
    <row r="2454" spans="1:119" x14ac:dyDescent="0.2">
      <c r="A2454" s="32" t="s">
        <v>791</v>
      </c>
      <c r="B2454" s="32" t="s">
        <v>791</v>
      </c>
      <c r="C2454" s="32" t="s">
        <v>329</v>
      </c>
      <c r="D2454" s="4" t="s">
        <v>96</v>
      </c>
      <c r="E2454" s="4" t="s">
        <v>237</v>
      </c>
      <c r="F2454" s="1">
        <v>642</v>
      </c>
      <c r="G2454" s="2">
        <v>0.22969588551</v>
      </c>
      <c r="H2454" s="1">
        <v>127.9591952300002</v>
      </c>
      <c r="I2454" s="2">
        <v>4.5788238665329002E-2</v>
      </c>
      <c r="J2454" s="1">
        <v>116.29409185999975</v>
      </c>
      <c r="K2454" s="2">
        <v>3.9792052066751619E-2</v>
      </c>
      <c r="L2454" s="1">
        <v>397.72974948000001</v>
      </c>
      <c r="M2454" s="2">
        <v>0.13088210395445005</v>
      </c>
      <c r="N2454" s="1">
        <v>514.02384133999976</v>
      </c>
      <c r="O2454" s="2">
        <v>0.17588222351636315</v>
      </c>
      <c r="P2454" s="1">
        <v>2794.5865348799998</v>
      </c>
      <c r="Q2454" s="1">
        <v>2753.8324345000001</v>
      </c>
      <c r="R2454" s="1">
        <v>2858.0738062400001</v>
      </c>
      <c r="S2454" s="1">
        <v>2981.9235337300001</v>
      </c>
      <c r="T2454" s="1">
        <v>2937.2362618400002</v>
      </c>
      <c r="U2454" s="1">
        <v>2999.8774208700002</v>
      </c>
      <c r="V2454" s="1">
        <v>2922.54573011</v>
      </c>
      <c r="W2454" s="1">
        <v>2919.8517575199999</v>
      </c>
      <c r="X2454" s="1">
        <v>2996.5798451000001</v>
      </c>
      <c r="Y2454" s="1">
        <v>3038.8398219699998</v>
      </c>
      <c r="Z2454" s="1">
        <v>2834.8657941199999</v>
      </c>
      <c r="AA2454" s="1">
        <v>2832.6609519499998</v>
      </c>
      <c r="AB2454" s="1">
        <v>2919.3720345000002</v>
      </c>
      <c r="AC2454" s="1">
        <v>3170.9007154999999</v>
      </c>
      <c r="AD2454" s="1">
        <v>3252.9112124100002</v>
      </c>
      <c r="AE2454" s="1">
        <v>3302.9084745199998</v>
      </c>
      <c r="AF2454" s="1">
        <v>3436.5695714499998</v>
      </c>
      <c r="AG2454" s="1">
        <v>9299.3906268999963</v>
      </c>
      <c r="AH2454" s="2">
        <v>0.37779371620721108</v>
      </c>
      <c r="AI2454" s="1">
        <v>2577.9134465999996</v>
      </c>
      <c r="AJ2454" s="2">
        <v>0.10472938928216796</v>
      </c>
      <c r="AK2454" s="1">
        <v>1936.971572800001</v>
      </c>
      <c r="AL2454" s="2">
        <v>7.1230760053162298E-2</v>
      </c>
      <c r="AM2454" s="1">
        <v>4784.5056074999957</v>
      </c>
      <c r="AN2454" s="2">
        <v>0.16424734743464325</v>
      </c>
      <c r="AO2454" s="1">
        <v>6721.4771802999967</v>
      </c>
      <c r="AP2454" s="2">
        <v>0.247177570882291</v>
      </c>
      <c r="AQ2454" s="3">
        <v>24614.995506700001</v>
      </c>
      <c r="AR2454" s="3">
        <v>25220.3986563</v>
      </c>
      <c r="AS2454" s="3">
        <v>24442.762012200001</v>
      </c>
      <c r="AT2454" s="3">
        <v>25021.0672237</v>
      </c>
      <c r="AU2454" s="3">
        <v>25423.615647099999</v>
      </c>
      <c r="AV2454" s="3">
        <v>26328.840481200001</v>
      </c>
      <c r="AW2454" s="3">
        <v>27192.908953300001</v>
      </c>
      <c r="AX2454" s="3">
        <v>27628.569571600001</v>
      </c>
      <c r="AY2454" s="3">
        <v>28260.470966000001</v>
      </c>
      <c r="AZ2454" s="3">
        <v>29129.880526100002</v>
      </c>
      <c r="BA2454" s="3">
        <v>29835.0407027</v>
      </c>
      <c r="BB2454" s="3">
        <v>31840.998374399998</v>
      </c>
      <c r="BC2454" s="3">
        <v>32633.065417000002</v>
      </c>
      <c r="BD2454" s="3">
        <v>32002.864606200001</v>
      </c>
      <c r="BE2454" s="3">
        <v>33120.1538621</v>
      </c>
      <c r="BF2454" s="3">
        <v>33914.386133599997</v>
      </c>
      <c r="BG2454" s="1">
        <v>-5.7500010409999902</v>
      </c>
      <c r="BH2454" s="2">
        <v>-2.2727276748382985E-2</v>
      </c>
      <c r="BI2454" s="1">
        <v>-9.0000010409999902</v>
      </c>
      <c r="BJ2454" s="2">
        <v>-3.5573126497898677E-2</v>
      </c>
      <c r="BK2454" s="1">
        <v>-12</v>
      </c>
      <c r="BL2454" s="2">
        <v>-4.9180327868852458E-2</v>
      </c>
      <c r="BM2454" s="1">
        <v>15.25</v>
      </c>
      <c r="BN2454" s="2">
        <v>6.5732758620689655E-2</v>
      </c>
      <c r="BO2454" s="1">
        <v>3.25</v>
      </c>
      <c r="BP2454" s="2">
        <v>1.331967213114754E-2</v>
      </c>
      <c r="BQ2454" s="1">
        <v>253.00000104099999</v>
      </c>
      <c r="BR2454" s="1">
        <v>249.000000965</v>
      </c>
      <c r="BS2454" s="1">
        <v>249.000000602</v>
      </c>
      <c r="BT2454" s="1">
        <v>244</v>
      </c>
      <c r="BU2454" s="1">
        <v>236</v>
      </c>
      <c r="BV2454" s="1">
        <v>231</v>
      </c>
      <c r="BW2454" s="1">
        <v>232</v>
      </c>
      <c r="BX2454" s="1">
        <v>231</v>
      </c>
      <c r="BY2454" s="1">
        <v>242</v>
      </c>
      <c r="BZ2454" s="1">
        <v>238</v>
      </c>
      <c r="CA2454" s="1">
        <v>239</v>
      </c>
      <c r="CB2454" s="1">
        <v>252</v>
      </c>
      <c r="CC2454" s="1">
        <v>247.25</v>
      </c>
      <c r="CD2454" s="1">
        <v>336.50099999999998</v>
      </c>
      <c r="CE2454" s="27">
        <v>0</v>
      </c>
      <c r="CF2454" s="27">
        <v>305.48200000000003</v>
      </c>
      <c r="CG2454" s="27">
        <v>305</v>
      </c>
      <c r="CH2454" s="27"/>
      <c r="CI2454" s="27"/>
      <c r="CJ2454" s="27"/>
      <c r="CK2454" s="27"/>
      <c r="CL2454" s="27"/>
      <c r="CM2454" s="27"/>
      <c r="CN2454" s="27"/>
      <c r="CO2454" s="27"/>
      <c r="CP2454" s="27"/>
      <c r="CQ2454" s="27"/>
      <c r="CR2454" s="27"/>
      <c r="CS2454" s="27"/>
      <c r="CT2454" s="27"/>
      <c r="CU2454" s="27"/>
      <c r="CV2454" s="27"/>
      <c r="CW2454" s="27"/>
      <c r="CX2454" s="27"/>
      <c r="CY2454" s="23" t="s">
        <v>529</v>
      </c>
      <c r="CZ2454" s="23" t="s">
        <v>530</v>
      </c>
      <c r="DA2454" s="24" t="s">
        <v>96</v>
      </c>
      <c r="DB2454" s="25"/>
      <c r="DC2454" s="25"/>
      <c r="DD2454" s="25"/>
      <c r="DE2454" s="25"/>
      <c r="DF2454" s="25"/>
      <c r="DG2454" s="25"/>
      <c r="DH2454" s="25" t="s">
        <v>333</v>
      </c>
      <c r="DI2454" s="25"/>
      <c r="DJ2454" s="25"/>
      <c r="DK2454" s="25"/>
      <c r="DL2454" s="25">
        <v>6</v>
      </c>
      <c r="DM2454" s="25" t="s">
        <v>396</v>
      </c>
      <c r="DN2454" s="25">
        <v>6</v>
      </c>
      <c r="DO2454" s="25" t="s">
        <v>393</v>
      </c>
    </row>
    <row r="2455" spans="1:119" x14ac:dyDescent="0.2">
      <c r="A2455" s="32" t="s">
        <v>791</v>
      </c>
      <c r="B2455" s="32" t="s">
        <v>791</v>
      </c>
      <c r="C2455" s="32" t="s">
        <v>329</v>
      </c>
      <c r="D2455" s="4" t="s">
        <v>117</v>
      </c>
      <c r="E2455" s="4" t="s">
        <v>258</v>
      </c>
      <c r="F2455" s="1">
        <v>-131</v>
      </c>
      <c r="G2455" s="2">
        <v>-2.8184165232399999E-2</v>
      </c>
      <c r="H2455" s="1">
        <v>88.63770618000035</v>
      </c>
      <c r="I2455" s="2">
        <v>1.9069187625748843E-2</v>
      </c>
      <c r="J2455" s="1">
        <v>97.118694549999418</v>
      </c>
      <c r="K2455" s="2">
        <v>2.0502784587882052E-2</v>
      </c>
      <c r="L2455" s="1">
        <v>-316.90860252999937</v>
      </c>
      <c r="M2455" s="2">
        <v>-6.5558626617155308E-2</v>
      </c>
      <c r="N2455" s="1">
        <v>-219.78990797999995</v>
      </c>
      <c r="O2455" s="2">
        <v>-4.6399976428682183E-2</v>
      </c>
      <c r="P2455" s="1">
        <v>4648.21616524</v>
      </c>
      <c r="Q2455" s="1">
        <v>4645.6606371400003</v>
      </c>
      <c r="R2455" s="1">
        <v>4591.3313589600002</v>
      </c>
      <c r="S2455" s="1">
        <v>4539.1257819000002</v>
      </c>
      <c r="T2455" s="1">
        <v>4660.5500954500003</v>
      </c>
      <c r="U2455" s="1">
        <v>4780.0159329300004</v>
      </c>
      <c r="V2455" s="1">
        <v>4736.8538714200004</v>
      </c>
      <c r="W2455" s="1">
        <v>4751.8148234500004</v>
      </c>
      <c r="X2455" s="1">
        <v>4677.5444109099999</v>
      </c>
      <c r="Y2455" s="1">
        <v>4833.9725659699998</v>
      </c>
      <c r="Z2455" s="1">
        <v>4777.6054384099998</v>
      </c>
      <c r="AA2455" s="1">
        <v>4509.2735051500003</v>
      </c>
      <c r="AB2455" s="1">
        <v>4683.25359303</v>
      </c>
      <c r="AC2455" s="1">
        <v>4429.5126079199999</v>
      </c>
      <c r="AD2455" s="1">
        <v>4483.2948075699996</v>
      </c>
      <c r="AE2455" s="1">
        <v>4452.6139340899999</v>
      </c>
      <c r="AF2455" s="1">
        <v>4517.0639634400004</v>
      </c>
      <c r="AG2455" s="1">
        <v>8921.8615209999953</v>
      </c>
      <c r="AH2455" s="2">
        <v>0.33701721158430992</v>
      </c>
      <c r="AI2455" s="1">
        <v>4708.3189421999996</v>
      </c>
      <c r="AJ2455" s="2">
        <v>0.17785352500875612</v>
      </c>
      <c r="AK2455" s="1">
        <v>2790.9978800999997</v>
      </c>
      <c r="AL2455" s="2">
        <v>8.9508612176701891E-2</v>
      </c>
      <c r="AM2455" s="1">
        <v>1422.5446986999959</v>
      </c>
      <c r="AN2455" s="2">
        <v>4.1873626104747375E-2</v>
      </c>
      <c r="AO2455" s="1">
        <v>4213.5425787999957</v>
      </c>
      <c r="AP2455" s="2">
        <v>0.13513028844089131</v>
      </c>
      <c r="AQ2455" s="3">
        <v>26473.014476200002</v>
      </c>
      <c r="AR2455" s="3">
        <v>26751.121419200001</v>
      </c>
      <c r="AS2455" s="3">
        <v>26869.9906075</v>
      </c>
      <c r="AT2455" s="3">
        <v>27083.950666500001</v>
      </c>
      <c r="AU2455" s="3">
        <v>29284.000901300002</v>
      </c>
      <c r="AV2455" s="3">
        <v>30542.139991</v>
      </c>
      <c r="AW2455" s="3">
        <v>31181.333418400001</v>
      </c>
      <c r="AX2455" s="3">
        <v>31855.209014200002</v>
      </c>
      <c r="AY2455" s="3">
        <v>31416.673018900001</v>
      </c>
      <c r="AZ2455" s="3">
        <v>33972.331298500001</v>
      </c>
      <c r="BA2455" s="3">
        <v>34828.3077175</v>
      </c>
      <c r="BB2455" s="3">
        <v>31573.480920599999</v>
      </c>
      <c r="BC2455" s="3">
        <v>37079.430958099998</v>
      </c>
      <c r="BD2455" s="3">
        <v>33608.404781999998</v>
      </c>
      <c r="BE2455" s="3">
        <v>34249.685670999999</v>
      </c>
      <c r="BF2455" s="3">
        <v>35394.875997199997</v>
      </c>
      <c r="BG2455" s="1">
        <v>74.365667039000016</v>
      </c>
      <c r="BH2455" s="2">
        <v>0.15684514254553461</v>
      </c>
      <c r="BI2455" s="1">
        <v>-18.057541737999998</v>
      </c>
      <c r="BJ2455" s="2">
        <v>-3.8085286136588056E-2</v>
      </c>
      <c r="BK2455" s="1">
        <v>85.923208777000013</v>
      </c>
      <c r="BL2455" s="2">
        <v>0.18839636313567121</v>
      </c>
      <c r="BM2455" s="1">
        <v>6.5</v>
      </c>
      <c r="BN2455" s="2">
        <v>1.1992619926199263E-2</v>
      </c>
      <c r="BO2455" s="1">
        <v>92.423208777000013</v>
      </c>
      <c r="BP2455" s="2">
        <v>0.2026483490404348</v>
      </c>
      <c r="BQ2455" s="1">
        <v>474.13433296099998</v>
      </c>
      <c r="BR2455" s="1">
        <v>460.12584125799998</v>
      </c>
      <c r="BS2455" s="1">
        <v>446.07871778600003</v>
      </c>
      <c r="BT2455" s="1">
        <v>456.07679122299999</v>
      </c>
      <c r="BU2455" s="1">
        <v>484.05922904300002</v>
      </c>
      <c r="BV2455" s="1">
        <v>519</v>
      </c>
      <c r="BW2455" s="1">
        <v>542</v>
      </c>
      <c r="BX2455" s="1">
        <v>542</v>
      </c>
      <c r="BY2455" s="1">
        <v>547</v>
      </c>
      <c r="BZ2455" s="1">
        <v>546</v>
      </c>
      <c r="CA2455" s="1">
        <v>552</v>
      </c>
      <c r="CB2455" s="1">
        <v>561</v>
      </c>
      <c r="CC2455" s="1">
        <v>548.5</v>
      </c>
      <c r="CD2455" s="1">
        <v>-639.25800000000004</v>
      </c>
      <c r="CE2455" s="27">
        <v>0</v>
      </c>
      <c r="CF2455" s="27">
        <v>508.10599999999999</v>
      </c>
      <c r="CG2455" s="27">
        <v>508</v>
      </c>
      <c r="CH2455" s="27"/>
      <c r="CI2455" s="27"/>
      <c r="CJ2455" s="27"/>
      <c r="CK2455" s="27"/>
      <c r="CL2455" s="27"/>
      <c r="CM2455" s="27"/>
      <c r="CN2455" s="27"/>
      <c r="CO2455" s="27"/>
      <c r="CP2455" s="27"/>
      <c r="CQ2455" s="27"/>
      <c r="CR2455" s="27"/>
      <c r="CS2455" s="27"/>
      <c r="CT2455" s="27"/>
      <c r="CU2455" s="27"/>
      <c r="CV2455" s="27"/>
      <c r="CW2455" s="27"/>
      <c r="CX2455" s="27"/>
      <c r="CY2455" s="23" t="s">
        <v>495</v>
      </c>
      <c r="CZ2455" s="23" t="s">
        <v>496</v>
      </c>
      <c r="DA2455" s="24" t="s">
        <v>117</v>
      </c>
      <c r="DB2455" s="25" t="s">
        <v>345</v>
      </c>
      <c r="DC2455" s="25"/>
      <c r="DD2455" s="25"/>
      <c r="DE2455" s="25"/>
      <c r="DF2455" s="25"/>
      <c r="DG2455" s="25"/>
      <c r="DH2455" s="25" t="s">
        <v>333</v>
      </c>
      <c r="DI2455" s="25"/>
      <c r="DJ2455" s="25"/>
      <c r="DK2455" s="25"/>
      <c r="DL2455" s="25">
        <v>9</v>
      </c>
      <c r="DM2455" s="25" t="s">
        <v>440</v>
      </c>
      <c r="DN2455" s="25">
        <v>7</v>
      </c>
      <c r="DO2455" s="25" t="s">
        <v>369</v>
      </c>
    </row>
    <row r="2456" spans="1:119" x14ac:dyDescent="0.2">
      <c r="A2456" s="32" t="s">
        <v>791</v>
      </c>
      <c r="B2456" s="32" t="s">
        <v>791</v>
      </c>
      <c r="C2456" s="32" t="s">
        <v>329</v>
      </c>
      <c r="D2456" s="4" t="s">
        <v>87</v>
      </c>
      <c r="E2456" s="4" t="s">
        <v>228</v>
      </c>
      <c r="F2456" s="1">
        <v>747</v>
      </c>
      <c r="G2456" s="2">
        <v>0.14236706689500001</v>
      </c>
      <c r="H2456" s="1">
        <v>566.34162838000066</v>
      </c>
      <c r="I2456" s="2">
        <v>0.1079393395551015</v>
      </c>
      <c r="J2456" s="1">
        <v>93.009521949999908</v>
      </c>
      <c r="K2456" s="2">
        <v>1.5999731711225137E-2</v>
      </c>
      <c r="L2456" s="1">
        <v>87.51026617000025</v>
      </c>
      <c r="M2456" s="2">
        <v>1.4816673116860572E-2</v>
      </c>
      <c r="N2456" s="1">
        <v>180.51978812000016</v>
      </c>
      <c r="O2456" s="2">
        <v>3.10534676228084E-2</v>
      </c>
      <c r="P2456" s="1">
        <v>5246.8509693899996</v>
      </c>
      <c r="Q2456" s="1">
        <v>5394.1020860799999</v>
      </c>
      <c r="R2456" s="1">
        <v>5614.6618231499997</v>
      </c>
      <c r="S2456" s="1">
        <v>5580.0328175300001</v>
      </c>
      <c r="T2456" s="1">
        <v>5795.8964064100001</v>
      </c>
      <c r="U2456" s="1">
        <v>5706.2241480000002</v>
      </c>
      <c r="V2456" s="1">
        <v>5813.1925977700002</v>
      </c>
      <c r="W2456" s="1">
        <v>5830.0476228400003</v>
      </c>
      <c r="X2456" s="1">
        <v>5877.1659209099998</v>
      </c>
      <c r="Y2456" s="1">
        <v>5906.2021197200002</v>
      </c>
      <c r="Z2456" s="1">
        <v>5989.3286127399997</v>
      </c>
      <c r="AA2456" s="1">
        <v>5984.9536793999996</v>
      </c>
      <c r="AB2456" s="1">
        <v>5708.7370100400003</v>
      </c>
      <c r="AC2456" s="1">
        <v>5757.6641600800003</v>
      </c>
      <c r="AD2456" s="1">
        <v>5909.0165005299996</v>
      </c>
      <c r="AE2456" s="1">
        <v>5826.9086521400004</v>
      </c>
      <c r="AF2456" s="1">
        <v>5993.7123858900004</v>
      </c>
      <c r="AG2456" s="1">
        <v>9432.6630445999981</v>
      </c>
      <c r="AH2456" s="2">
        <v>0.36768606274833043</v>
      </c>
      <c r="AI2456" s="1">
        <v>4146.4153616000003</v>
      </c>
      <c r="AJ2456" s="2">
        <v>0.16162764763432194</v>
      </c>
      <c r="AK2456" s="1">
        <v>1426.7457185999992</v>
      </c>
      <c r="AL2456" s="2">
        <v>4.7876510077378899E-2</v>
      </c>
      <c r="AM2456" s="1">
        <v>3859.5019643999985</v>
      </c>
      <c r="AN2456" s="2">
        <v>0.12359390911329492</v>
      </c>
      <c r="AO2456" s="1">
        <v>5286.2476829999978</v>
      </c>
      <c r="AP2456" s="2">
        <v>0.17738766422583913</v>
      </c>
      <c r="AQ2456" s="3">
        <v>25654.121818200001</v>
      </c>
      <c r="AR2456" s="3">
        <v>25297.127868600001</v>
      </c>
      <c r="AS2456" s="3">
        <v>25784.189032400001</v>
      </c>
      <c r="AT2456" s="3">
        <v>26397.183559000001</v>
      </c>
      <c r="AU2456" s="3">
        <v>27263.386946300001</v>
      </c>
      <c r="AV2456" s="3">
        <v>29025.8100796</v>
      </c>
      <c r="AW2456" s="3">
        <v>29800.537179800001</v>
      </c>
      <c r="AX2456" s="3">
        <v>30352.8309615</v>
      </c>
      <c r="AY2456" s="3">
        <v>30446.849865100001</v>
      </c>
      <c r="AZ2456" s="3">
        <v>31227.282898400001</v>
      </c>
      <c r="BA2456" s="3">
        <v>31469.1221492</v>
      </c>
      <c r="BB2456" s="3">
        <v>31922.3158989</v>
      </c>
      <c r="BC2456" s="3">
        <v>34163.634762100002</v>
      </c>
      <c r="BD2456" s="3">
        <v>34389.473541699997</v>
      </c>
      <c r="BE2456" s="3">
        <v>34761.7021551</v>
      </c>
      <c r="BF2456" s="3">
        <v>35086.784862799999</v>
      </c>
      <c r="BG2456" s="1">
        <v>161.99869150500001</v>
      </c>
      <c r="BH2456" s="2">
        <v>0.24360657555941945</v>
      </c>
      <c r="BI2456" s="1">
        <v>14.998691505000011</v>
      </c>
      <c r="BJ2456" s="2">
        <v>2.2554378936402924E-2</v>
      </c>
      <c r="BK2456" s="1">
        <v>186.00000214700003</v>
      </c>
      <c r="BL2456" s="2">
        <v>0.27352941492205884</v>
      </c>
      <c r="BM2456" s="1">
        <v>-39.000002147000032</v>
      </c>
      <c r="BN2456" s="2">
        <v>-4.5034644399896823E-2</v>
      </c>
      <c r="BO2456" s="1">
        <v>147</v>
      </c>
      <c r="BP2456" s="2">
        <v>0.2161764705882353</v>
      </c>
      <c r="BQ2456" s="1">
        <v>665.00130849499999</v>
      </c>
      <c r="BR2456" s="1">
        <v>668.00045312400005</v>
      </c>
      <c r="BS2456" s="1">
        <v>629.00010724399999</v>
      </c>
      <c r="BT2456" s="1">
        <v>680</v>
      </c>
      <c r="BU2456" s="1">
        <v>760</v>
      </c>
      <c r="BV2456" s="1">
        <v>826</v>
      </c>
      <c r="BW2456" s="1">
        <v>866.00000214700003</v>
      </c>
      <c r="BX2456" s="1">
        <v>883</v>
      </c>
      <c r="BY2456" s="1">
        <v>893</v>
      </c>
      <c r="BZ2456" s="1">
        <v>911</v>
      </c>
      <c r="CA2456" s="1">
        <v>887</v>
      </c>
      <c r="CB2456" s="1">
        <v>855</v>
      </c>
      <c r="CC2456" s="1">
        <v>827</v>
      </c>
      <c r="CD2456" s="1">
        <v>173.31700000000001</v>
      </c>
      <c r="CE2456" s="27">
        <v>0</v>
      </c>
      <c r="CF2456" s="27">
        <v>573.54399999999998</v>
      </c>
      <c r="CG2456" s="27">
        <v>574</v>
      </c>
      <c r="CH2456" s="27"/>
      <c r="CI2456" s="27"/>
      <c r="CJ2456" s="27"/>
      <c r="CK2456" s="27"/>
      <c r="CL2456" s="27"/>
      <c r="CM2456" s="27"/>
      <c r="CN2456" s="27"/>
      <c r="CO2456" s="27"/>
      <c r="CP2456" s="27"/>
      <c r="CQ2456" s="27"/>
      <c r="CR2456" s="27"/>
      <c r="CS2456" s="27"/>
      <c r="CT2456" s="27"/>
      <c r="CU2456" s="27"/>
      <c r="CV2456" s="27"/>
      <c r="CW2456" s="27"/>
      <c r="CX2456" s="27"/>
      <c r="CY2456" s="23" t="s">
        <v>730</v>
      </c>
      <c r="CZ2456" s="23" t="s">
        <v>731</v>
      </c>
      <c r="DA2456" s="24" t="s">
        <v>87</v>
      </c>
      <c r="DB2456" s="25" t="s">
        <v>345</v>
      </c>
      <c r="DC2456" s="25"/>
      <c r="DD2456" s="25"/>
      <c r="DE2456" s="25"/>
      <c r="DF2456" s="25"/>
      <c r="DG2456" s="25"/>
      <c r="DH2456" s="25" t="s">
        <v>333</v>
      </c>
      <c r="DI2456" s="25"/>
      <c r="DJ2456" s="25"/>
      <c r="DK2456" s="25"/>
      <c r="DL2456" s="25">
        <v>4</v>
      </c>
      <c r="DM2456" s="25" t="s">
        <v>446</v>
      </c>
      <c r="DN2456" s="25">
        <v>6</v>
      </c>
      <c r="DO2456" s="25" t="s">
        <v>393</v>
      </c>
    </row>
    <row r="2457" spans="1:119" x14ac:dyDescent="0.2">
      <c r="A2457" s="32" t="s">
        <v>791</v>
      </c>
      <c r="B2457" s="32" t="s">
        <v>791</v>
      </c>
      <c r="C2457" s="32" t="s">
        <v>329</v>
      </c>
      <c r="D2457" s="4" t="s">
        <v>152</v>
      </c>
      <c r="E2457" s="4" t="s">
        <v>293</v>
      </c>
      <c r="F2457" s="1">
        <v>-653</v>
      </c>
      <c r="G2457" s="2">
        <v>-0.15965770171099999</v>
      </c>
      <c r="H2457" s="1">
        <v>-578.49411661999966</v>
      </c>
      <c r="I2457" s="2">
        <v>-0.14143703768235019</v>
      </c>
      <c r="J2457" s="1">
        <v>79.071076869999615</v>
      </c>
      <c r="K2457" s="2">
        <v>2.2516957562012548E-2</v>
      </c>
      <c r="L2457" s="1">
        <v>-154.02016929000001</v>
      </c>
      <c r="M2457" s="2">
        <v>-4.2894255374880813E-2</v>
      </c>
      <c r="N2457" s="1">
        <v>-74.949092420000397</v>
      </c>
      <c r="O2457" s="2">
        <v>-2.1343145940798586E-2</v>
      </c>
      <c r="P2457" s="1">
        <v>4090.1175964899999</v>
      </c>
      <c r="Q2457" s="1">
        <v>4120.2347666799997</v>
      </c>
      <c r="R2457" s="1">
        <v>4130.7190529600002</v>
      </c>
      <c r="S2457" s="1">
        <v>4097.18702699</v>
      </c>
      <c r="T2457" s="1">
        <v>3610.6881011599999</v>
      </c>
      <c r="U2457" s="1">
        <v>3514.3098430499999</v>
      </c>
      <c r="V2457" s="1">
        <v>3511.6234798700002</v>
      </c>
      <c r="W2457" s="1">
        <v>3576.5745096300002</v>
      </c>
      <c r="X2457" s="1">
        <v>3616.50747353</v>
      </c>
      <c r="Y2457" s="1">
        <v>3590.6945567399998</v>
      </c>
      <c r="Z2457" s="1">
        <v>3519.5070247499998</v>
      </c>
      <c r="AA2457" s="1">
        <v>3543.9796927399998</v>
      </c>
      <c r="AB2457" s="1">
        <v>3405.2227317400002</v>
      </c>
      <c r="AC2457" s="1">
        <v>3415.8032818400002</v>
      </c>
      <c r="AD2457" s="1">
        <v>3450.1861884300001</v>
      </c>
      <c r="AE2457" s="1">
        <v>3421.7143056099999</v>
      </c>
      <c r="AF2457" s="1">
        <v>3436.6743874499998</v>
      </c>
      <c r="AG2457" s="1">
        <v>10627.157575300003</v>
      </c>
      <c r="AH2457" s="2">
        <v>0.43718173866315357</v>
      </c>
      <c r="AI2457" s="1">
        <v>5058.9824618000021</v>
      </c>
      <c r="AJ2457" s="2">
        <v>0.20811724422498645</v>
      </c>
      <c r="AK2457" s="1">
        <v>114.58155199999965</v>
      </c>
      <c r="AL2457" s="2">
        <v>3.9016697800285244E-3</v>
      </c>
      <c r="AM2457" s="1">
        <v>5453.5935615000017</v>
      </c>
      <c r="AN2457" s="2">
        <v>0.18498111849228779</v>
      </c>
      <c r="AO2457" s="1">
        <v>5568.1751135000013</v>
      </c>
      <c r="AP2457" s="2">
        <v>0.18960452351221355</v>
      </c>
      <c r="AQ2457" s="3">
        <v>24308.329089399998</v>
      </c>
      <c r="AR2457" s="3">
        <v>24485.479777299999</v>
      </c>
      <c r="AS2457" s="3">
        <v>24402.7506345</v>
      </c>
      <c r="AT2457" s="3">
        <v>24861.986780899999</v>
      </c>
      <c r="AU2457" s="3">
        <v>26949.362923100001</v>
      </c>
      <c r="AV2457" s="3">
        <v>28175.267057000001</v>
      </c>
      <c r="AW2457" s="3">
        <v>29367.3115512</v>
      </c>
      <c r="AX2457" s="3">
        <v>29452.608798900001</v>
      </c>
      <c r="AY2457" s="3">
        <v>29410.509941799999</v>
      </c>
      <c r="AZ2457" s="3">
        <v>29481.8931032</v>
      </c>
      <c r="BA2457" s="3">
        <v>31919.2034389</v>
      </c>
      <c r="BB2457" s="3">
        <v>31765.353453600001</v>
      </c>
      <c r="BC2457" s="3">
        <v>32405.7275868</v>
      </c>
      <c r="BD2457" s="3">
        <v>32957.018043099997</v>
      </c>
      <c r="BE2457" s="3">
        <v>34925.6758844</v>
      </c>
      <c r="BF2457" s="3">
        <v>34935.486664700002</v>
      </c>
      <c r="BG2457" s="1">
        <v>-16.000004108000013</v>
      </c>
      <c r="BH2457" s="2">
        <v>-6.4257043550329629E-2</v>
      </c>
      <c r="BI2457" s="1">
        <v>-6.0000029840000195</v>
      </c>
      <c r="BJ2457" s="2">
        <v>-2.4096397128562329E-2</v>
      </c>
      <c r="BK2457" s="1">
        <v>-18.000000006999983</v>
      </c>
      <c r="BL2457" s="2">
        <v>-7.4074073760249895E-2</v>
      </c>
      <c r="BM2457" s="1">
        <v>7.9999988829999893</v>
      </c>
      <c r="BN2457" s="2">
        <v>3.5555550414597507E-2</v>
      </c>
      <c r="BO2457" s="1">
        <v>-10.000001123999994</v>
      </c>
      <c r="BP2457" s="2">
        <v>-4.1152267809649569E-2</v>
      </c>
      <c r="BQ2457" s="1">
        <v>249.00000410800001</v>
      </c>
      <c r="BR2457" s="1">
        <v>253.00000279099999</v>
      </c>
      <c r="BS2457" s="1">
        <v>240.00000321799999</v>
      </c>
      <c r="BT2457" s="1">
        <v>243.00000112399999</v>
      </c>
      <c r="BU2457" s="1">
        <v>248.000001212</v>
      </c>
      <c r="BV2457" s="1">
        <v>238.00000069699999</v>
      </c>
      <c r="BW2457" s="1">
        <v>225.00000111700001</v>
      </c>
      <c r="BX2457" s="1">
        <v>217</v>
      </c>
      <c r="BY2457" s="1">
        <v>234</v>
      </c>
      <c r="BZ2457" s="1">
        <v>234</v>
      </c>
      <c r="CA2457" s="1">
        <v>235</v>
      </c>
      <c r="CB2457" s="1">
        <v>245</v>
      </c>
      <c r="CC2457" s="1">
        <v>233</v>
      </c>
      <c r="CD2457" s="1">
        <v>-1100.54</v>
      </c>
      <c r="CE2457" s="27">
        <v>0</v>
      </c>
      <c r="CF2457" s="27">
        <v>447.09899999999999</v>
      </c>
      <c r="CG2457" s="27">
        <v>447</v>
      </c>
      <c r="CH2457" s="27"/>
      <c r="CI2457" s="27"/>
      <c r="CJ2457" s="27"/>
      <c r="CK2457" s="27"/>
      <c r="CL2457" s="27"/>
      <c r="CM2457" s="27"/>
      <c r="CN2457" s="27"/>
      <c r="CO2457" s="27"/>
      <c r="CP2457" s="27"/>
      <c r="CQ2457" s="27"/>
      <c r="CR2457" s="27"/>
      <c r="CS2457" s="27"/>
      <c r="CT2457" s="27"/>
      <c r="CU2457" s="27"/>
      <c r="CV2457" s="27"/>
      <c r="CW2457" s="27"/>
      <c r="CX2457" s="27"/>
      <c r="CY2457" s="23" t="s">
        <v>570</v>
      </c>
      <c r="CZ2457" s="23" t="s">
        <v>571</v>
      </c>
      <c r="DA2457" s="24" t="s">
        <v>152</v>
      </c>
      <c r="DB2457" s="25"/>
      <c r="DC2457" s="25" t="s">
        <v>572</v>
      </c>
      <c r="DD2457" s="25" t="s">
        <v>573</v>
      </c>
      <c r="DE2457" s="25" t="s">
        <v>574</v>
      </c>
      <c r="DF2457" s="25" t="s">
        <v>363</v>
      </c>
      <c r="DG2457" s="25" t="s">
        <v>376</v>
      </c>
      <c r="DH2457" s="25" t="s">
        <v>468</v>
      </c>
      <c r="DI2457" s="25" t="s">
        <v>575</v>
      </c>
      <c r="DJ2457" s="25" t="s">
        <v>366</v>
      </c>
      <c r="DK2457" s="25" t="s">
        <v>576</v>
      </c>
      <c r="DL2457" s="25">
        <v>8</v>
      </c>
      <c r="DM2457" s="25" t="s">
        <v>368</v>
      </c>
      <c r="DN2457" s="25">
        <v>9</v>
      </c>
      <c r="DO2457" s="25" t="s">
        <v>384</v>
      </c>
    </row>
    <row r="2458" spans="1:119" x14ac:dyDescent="0.2">
      <c r="A2458" s="32" t="s">
        <v>791</v>
      </c>
      <c r="B2458" s="32" t="s">
        <v>791</v>
      </c>
      <c r="C2458" s="32" t="s">
        <v>329</v>
      </c>
      <c r="D2458" s="4" t="s">
        <v>104</v>
      </c>
      <c r="E2458" s="4" t="s">
        <v>245</v>
      </c>
      <c r="F2458" s="1">
        <v>1888</v>
      </c>
      <c r="G2458" s="2">
        <v>0.843610366399</v>
      </c>
      <c r="H2458" s="1">
        <v>1498.67464273</v>
      </c>
      <c r="I2458" s="2">
        <v>0.66955979923714382</v>
      </c>
      <c r="J2458" s="1">
        <v>66.983720550000271</v>
      </c>
      <c r="K2458" s="2">
        <v>1.7924592811346517E-2</v>
      </c>
      <c r="L2458" s="1">
        <v>321.75669355000036</v>
      </c>
      <c r="M2458" s="2">
        <v>8.4584739424840169E-2</v>
      </c>
      <c r="N2458" s="1">
        <v>388.74041410000063</v>
      </c>
      <c r="O2458" s="2">
        <v>0.10402547924843079</v>
      </c>
      <c r="P2458" s="1">
        <v>2238.2984229899998</v>
      </c>
      <c r="Q2458" s="1">
        <v>3150.9059419499999</v>
      </c>
      <c r="R2458" s="1">
        <v>3352.6045919399999</v>
      </c>
      <c r="S2458" s="1">
        <v>3329.5476013699999</v>
      </c>
      <c r="T2458" s="1">
        <v>3198.8130890100001</v>
      </c>
      <c r="U2458" s="1">
        <v>3221.7027014199998</v>
      </c>
      <c r="V2458" s="1">
        <v>3736.9730657199998</v>
      </c>
      <c r="W2458" s="1">
        <v>3726.7882874500001</v>
      </c>
      <c r="X2458" s="1">
        <v>3588.3464598400001</v>
      </c>
      <c r="Y2458" s="1">
        <v>3803.9567862700001</v>
      </c>
      <c r="Z2458" s="1">
        <v>3664.6107082899998</v>
      </c>
      <c r="AA2458" s="1">
        <v>3635.1115176799999</v>
      </c>
      <c r="AB2458" s="1">
        <v>3734.2450025899998</v>
      </c>
      <c r="AC2458" s="1">
        <v>3704.3939106500002</v>
      </c>
      <c r="AD2458" s="1">
        <v>3943.0818817600002</v>
      </c>
      <c r="AE2458" s="1">
        <v>3998.3197742799998</v>
      </c>
      <c r="AF2458" s="1">
        <v>4125.7134798200004</v>
      </c>
      <c r="AG2458" s="1">
        <v>21084.851290800001</v>
      </c>
      <c r="AH2458" s="2">
        <v>0.90761216386017418</v>
      </c>
      <c r="AI2458" s="1">
        <v>9347.4839315999998</v>
      </c>
      <c r="AJ2458" s="2">
        <v>0.40236898049688774</v>
      </c>
      <c r="AK2458" s="1">
        <v>3243.2435304999999</v>
      </c>
      <c r="AL2458" s="2">
        <v>9.9551321375677806E-2</v>
      </c>
      <c r="AM2458" s="1">
        <v>8494.1238287000015</v>
      </c>
      <c r="AN2458" s="2">
        <v>0.23712129143367303</v>
      </c>
      <c r="AO2458" s="1">
        <v>11737.367359200001</v>
      </c>
      <c r="AP2458" s="2">
        <v>0.36027835069788017</v>
      </c>
      <c r="AQ2458" s="3">
        <v>23231.124626100001</v>
      </c>
      <c r="AR2458" s="3">
        <v>27478.789146200001</v>
      </c>
      <c r="AS2458" s="3">
        <v>28508.338566300001</v>
      </c>
      <c r="AT2458" s="3">
        <v>29559.836183799998</v>
      </c>
      <c r="AU2458" s="3">
        <v>31015.916788499999</v>
      </c>
      <c r="AV2458" s="3">
        <v>31823.874676399999</v>
      </c>
      <c r="AW2458" s="3">
        <v>32578.608557700001</v>
      </c>
      <c r="AX2458" s="3">
        <v>34346.172908100001</v>
      </c>
      <c r="AY2458" s="3">
        <v>33242.419619400003</v>
      </c>
      <c r="AZ2458" s="3">
        <v>35821.852088200001</v>
      </c>
      <c r="BA2458" s="3">
        <v>35904.914081399998</v>
      </c>
      <c r="BB2458" s="3">
        <v>36711.536548600001</v>
      </c>
      <c r="BC2458" s="3">
        <v>37456.171105900001</v>
      </c>
      <c r="BD2458" s="3">
        <v>40062.463817199998</v>
      </c>
      <c r="BE2458" s="3">
        <v>42331.8153122</v>
      </c>
      <c r="BF2458" s="3">
        <v>44315.975916900003</v>
      </c>
      <c r="BG2458" s="1">
        <v>4.75</v>
      </c>
      <c r="BH2458" s="2">
        <v>1.8849206349206348E-2</v>
      </c>
      <c r="BI2458" s="1">
        <v>15.000014640000018</v>
      </c>
      <c r="BJ2458" s="2">
        <v>5.9523867619047689E-2</v>
      </c>
      <c r="BK2458" s="1">
        <v>12.999985359999982</v>
      </c>
      <c r="BL2458" s="2">
        <v>4.8689081075624849E-2</v>
      </c>
      <c r="BM2458" s="1">
        <v>-23.25</v>
      </c>
      <c r="BN2458" s="2">
        <v>-8.3035714285714282E-2</v>
      </c>
      <c r="BO2458" s="1">
        <v>-10.250014640000018</v>
      </c>
      <c r="BP2458" s="2">
        <v>-3.8389565835119002E-2</v>
      </c>
      <c r="BQ2458" s="1">
        <v>252</v>
      </c>
      <c r="BR2458" s="1">
        <v>256.00000140200001</v>
      </c>
      <c r="BS2458" s="1">
        <v>266.00000138000001</v>
      </c>
      <c r="BT2458" s="1">
        <v>267.00001464000002</v>
      </c>
      <c r="BU2458" s="1">
        <v>259</v>
      </c>
      <c r="BV2458" s="1">
        <v>252</v>
      </c>
      <c r="BW2458" s="1">
        <v>280</v>
      </c>
      <c r="BX2458" s="1">
        <v>270</v>
      </c>
      <c r="BY2458" s="1">
        <v>272</v>
      </c>
      <c r="BZ2458" s="1">
        <v>268</v>
      </c>
      <c r="CA2458" s="1">
        <v>269</v>
      </c>
      <c r="CB2458" s="1">
        <v>259</v>
      </c>
      <c r="CC2458" s="1">
        <v>256.75</v>
      </c>
      <c r="CD2458" s="1">
        <v>1642.74</v>
      </c>
      <c r="CE2458" s="27">
        <v>0</v>
      </c>
      <c r="CF2458" s="27">
        <v>244.673</v>
      </c>
      <c r="CG2458" s="27">
        <v>245</v>
      </c>
      <c r="CH2458" s="27"/>
      <c r="CI2458" s="27"/>
      <c r="CJ2458" s="27"/>
      <c r="CK2458" s="27"/>
      <c r="CL2458" s="27"/>
      <c r="CM2458" s="27"/>
      <c r="CN2458" s="27"/>
      <c r="CO2458" s="27"/>
      <c r="CP2458" s="27"/>
      <c r="CQ2458" s="27"/>
      <c r="CR2458" s="27"/>
      <c r="CS2458" s="27"/>
      <c r="CT2458" s="27"/>
      <c r="CU2458" s="27"/>
      <c r="CV2458" s="27"/>
      <c r="CW2458" s="27"/>
      <c r="CX2458" s="27"/>
      <c r="CY2458" s="23" t="s">
        <v>492</v>
      </c>
      <c r="CZ2458" s="23" t="s">
        <v>493</v>
      </c>
      <c r="DA2458" s="24" t="s">
        <v>104</v>
      </c>
      <c r="DB2458" s="25"/>
      <c r="DC2458" s="25" t="s">
        <v>372</v>
      </c>
      <c r="DD2458" s="25" t="s">
        <v>373</v>
      </c>
      <c r="DE2458" s="25" t="s">
        <v>374</v>
      </c>
      <c r="DF2458" s="25" t="s">
        <v>375</v>
      </c>
      <c r="DG2458" s="25" t="s">
        <v>376</v>
      </c>
      <c r="DH2458" s="25" t="s">
        <v>328</v>
      </c>
      <c r="DI2458" s="25" t="s">
        <v>377</v>
      </c>
      <c r="DJ2458" s="25" t="s">
        <v>366</v>
      </c>
      <c r="DK2458" s="25" t="s">
        <v>494</v>
      </c>
      <c r="DL2458" s="25">
        <v>2</v>
      </c>
      <c r="DM2458" s="25" t="s">
        <v>379</v>
      </c>
      <c r="DN2458" s="25">
        <v>3</v>
      </c>
      <c r="DO2458" s="25" t="s">
        <v>380</v>
      </c>
    </row>
    <row r="2459" spans="1:119" x14ac:dyDescent="0.2">
      <c r="A2459" s="32" t="s">
        <v>791</v>
      </c>
      <c r="B2459" s="32" t="s">
        <v>791</v>
      </c>
      <c r="C2459" s="32" t="s">
        <v>329</v>
      </c>
      <c r="D2459" s="4" t="s">
        <v>70</v>
      </c>
      <c r="E2459" s="4" t="s">
        <v>211</v>
      </c>
      <c r="F2459" s="1">
        <v>-262</v>
      </c>
      <c r="G2459" s="2">
        <v>-2.2128378378399999E-2</v>
      </c>
      <c r="H2459" s="1">
        <v>-181.32586690000062</v>
      </c>
      <c r="I2459" s="2">
        <v>-1.5314052963491533E-2</v>
      </c>
      <c r="J2459" s="1">
        <v>64.484172799999214</v>
      </c>
      <c r="K2459" s="2">
        <v>5.5307722541879855E-3</v>
      </c>
      <c r="L2459" s="1">
        <v>-146.13482789999944</v>
      </c>
      <c r="M2459" s="2">
        <v>-1.2464963438162734E-2</v>
      </c>
      <c r="N2459" s="1">
        <v>-81.650655100000222</v>
      </c>
      <c r="O2459" s="2">
        <v>-7.0031320579080061E-3</v>
      </c>
      <c r="P2459" s="1">
        <v>11840.488428000001</v>
      </c>
      <c r="Q2459" s="1">
        <v>12000.0832409</v>
      </c>
      <c r="R2459" s="1">
        <v>12071.306182300001</v>
      </c>
      <c r="S2459" s="1">
        <v>12326.6776187</v>
      </c>
      <c r="T2459" s="1">
        <v>12124.0104483</v>
      </c>
      <c r="U2459" s="1">
        <v>12097.7084782</v>
      </c>
      <c r="V2459" s="1">
        <v>11659.1625611</v>
      </c>
      <c r="W2459" s="1">
        <v>11408.4232078</v>
      </c>
      <c r="X2459" s="1">
        <v>11886.984073600001</v>
      </c>
      <c r="Y2459" s="1">
        <v>11723.646733899999</v>
      </c>
      <c r="Z2459" s="1">
        <v>11855.617534000001</v>
      </c>
      <c r="AA2459" s="1">
        <v>12210.7593607</v>
      </c>
      <c r="AB2459" s="1">
        <v>11586.4167774</v>
      </c>
      <c r="AC2459" s="1">
        <v>11803.563701999999</v>
      </c>
      <c r="AD2459" s="1">
        <v>11700.1312421</v>
      </c>
      <c r="AE2459" s="1">
        <v>11465.4841192</v>
      </c>
      <c r="AF2459" s="1">
        <v>11577.511906</v>
      </c>
      <c r="AG2459" s="1">
        <v>5458.4778525000002</v>
      </c>
      <c r="AH2459" s="2">
        <v>0.20814410567499256</v>
      </c>
      <c r="AI2459" s="1">
        <v>4777.253612200002</v>
      </c>
      <c r="AJ2459" s="2">
        <v>0.18216748470245755</v>
      </c>
      <c r="AK2459" s="1">
        <v>-2846.6040582000023</v>
      </c>
      <c r="AL2459" s="2">
        <v>-9.18207040559611E-2</v>
      </c>
      <c r="AM2459" s="1">
        <v>3527.8282985000005</v>
      </c>
      <c r="AN2459" s="2">
        <v>0.12529951703273554</v>
      </c>
      <c r="AO2459" s="1">
        <v>681.2242402999982</v>
      </c>
      <c r="AP2459" s="2">
        <v>2.1973723104956759E-2</v>
      </c>
      <c r="AQ2459" s="3">
        <v>26224.5132275</v>
      </c>
      <c r="AR2459" s="3">
        <v>26386.838460800001</v>
      </c>
      <c r="AS2459" s="3">
        <v>26906.7264665</v>
      </c>
      <c r="AT2459" s="3">
        <v>28019.531604600001</v>
      </c>
      <c r="AU2459" s="3">
        <v>29379.465202700001</v>
      </c>
      <c r="AV2459" s="3">
        <v>29136.212140799998</v>
      </c>
      <c r="AW2459" s="3">
        <v>31001.766839700002</v>
      </c>
      <c r="AX2459" s="3">
        <v>27817.511940100001</v>
      </c>
      <c r="AY2459" s="3">
        <v>27923.231521099999</v>
      </c>
      <c r="AZ2459" s="3">
        <v>28155.162781499999</v>
      </c>
      <c r="BA2459" s="3">
        <v>28258.4641892</v>
      </c>
      <c r="BB2459" s="3">
        <v>28935.266673300001</v>
      </c>
      <c r="BC2459" s="3">
        <v>30800.368782000001</v>
      </c>
      <c r="BD2459" s="3">
        <v>30504.484019200001</v>
      </c>
      <c r="BE2459" s="3">
        <v>30941.222485900002</v>
      </c>
      <c r="BF2459" s="3">
        <v>31682.99108</v>
      </c>
      <c r="BG2459" s="1">
        <v>685.99997334299997</v>
      </c>
      <c r="BH2459" s="2">
        <v>0.76562494747068721</v>
      </c>
      <c r="BI2459" s="1">
        <v>98.999981901999945</v>
      </c>
      <c r="BJ2459" s="2">
        <v>0.11049104794267865</v>
      </c>
      <c r="BK2459" s="1">
        <v>405.99999144100002</v>
      </c>
      <c r="BL2459" s="2">
        <v>0.40804018889304927</v>
      </c>
      <c r="BM2459" s="1">
        <v>181</v>
      </c>
      <c r="BN2459" s="2">
        <v>0.12919343326195576</v>
      </c>
      <c r="BO2459" s="1">
        <v>586.99999144100002</v>
      </c>
      <c r="BP2459" s="2">
        <v>0.58994973506695503</v>
      </c>
      <c r="BQ2459" s="1">
        <v>896.00002665700003</v>
      </c>
      <c r="BR2459" s="1">
        <v>902.00002035499995</v>
      </c>
      <c r="BS2459" s="1">
        <v>927.00002662700001</v>
      </c>
      <c r="BT2459" s="1">
        <v>995.00000855899998</v>
      </c>
      <c r="BU2459" s="1">
        <v>1095.0000046499999</v>
      </c>
      <c r="BV2459" s="1">
        <v>1253.0000076700001</v>
      </c>
      <c r="BW2459" s="1">
        <v>1401</v>
      </c>
      <c r="BX2459" s="1">
        <v>1502</v>
      </c>
      <c r="BY2459" s="1">
        <v>1546</v>
      </c>
      <c r="BZ2459" s="1">
        <v>1596</v>
      </c>
      <c r="CA2459" s="1">
        <v>1647</v>
      </c>
      <c r="CB2459" s="1">
        <v>1655</v>
      </c>
      <c r="CC2459" s="1">
        <v>1582</v>
      </c>
      <c r="CD2459" s="1">
        <v>-1557.28</v>
      </c>
      <c r="CE2459" s="27">
        <v>0</v>
      </c>
      <c r="CF2459" s="27">
        <v>1294.31</v>
      </c>
      <c r="CG2459" s="27">
        <v>1294</v>
      </c>
      <c r="CH2459" s="27"/>
      <c r="CI2459" s="27"/>
      <c r="CJ2459" s="27"/>
      <c r="CK2459" s="27"/>
      <c r="CL2459" s="27"/>
      <c r="CM2459" s="27"/>
      <c r="CN2459" s="27"/>
      <c r="CO2459" s="27"/>
      <c r="CP2459" s="27"/>
      <c r="CQ2459" s="27"/>
      <c r="CR2459" s="27"/>
      <c r="CS2459" s="27"/>
      <c r="CT2459" s="27"/>
      <c r="CU2459" s="27"/>
      <c r="CV2459" s="27"/>
      <c r="CW2459" s="27"/>
      <c r="CX2459" s="27"/>
      <c r="CY2459" s="23" t="s">
        <v>499</v>
      </c>
      <c r="CZ2459" s="23" t="s">
        <v>500</v>
      </c>
      <c r="DA2459" s="24" t="s">
        <v>70</v>
      </c>
      <c r="DB2459" s="25" t="s">
        <v>345</v>
      </c>
      <c r="DC2459" s="25" t="s">
        <v>501</v>
      </c>
      <c r="DD2459" s="25"/>
      <c r="DE2459" s="25" t="s">
        <v>502</v>
      </c>
      <c r="DF2459" s="25" t="s">
        <v>363</v>
      </c>
      <c r="DG2459" s="25" t="s">
        <v>364</v>
      </c>
      <c r="DH2459" s="25" t="s">
        <v>365</v>
      </c>
      <c r="DI2459" s="25"/>
      <c r="DJ2459" s="25" t="s">
        <v>366</v>
      </c>
      <c r="DK2459" s="25" t="s">
        <v>503</v>
      </c>
      <c r="DL2459" s="25">
        <v>8</v>
      </c>
      <c r="DM2459" s="25" t="s">
        <v>368</v>
      </c>
      <c r="DN2459" s="25">
        <v>7</v>
      </c>
      <c r="DO2459" s="25" t="s">
        <v>369</v>
      </c>
    </row>
    <row r="2460" spans="1:119" x14ac:dyDescent="0.2">
      <c r="A2460" s="32" t="s">
        <v>791</v>
      </c>
      <c r="B2460" s="32" t="s">
        <v>791</v>
      </c>
      <c r="C2460" s="32" t="s">
        <v>329</v>
      </c>
      <c r="D2460" s="4" t="s">
        <v>139</v>
      </c>
      <c r="E2460" s="4" t="s">
        <v>280</v>
      </c>
      <c r="F2460" s="1">
        <v>204</v>
      </c>
      <c r="G2460" s="2">
        <v>0.124542124542</v>
      </c>
      <c r="H2460" s="1">
        <v>280.70409932000007</v>
      </c>
      <c r="I2460" s="2">
        <v>0.17136600039396624</v>
      </c>
      <c r="J2460" s="1">
        <v>53.783203879999974</v>
      </c>
      <c r="K2460" s="2">
        <v>2.8030442973627289E-2</v>
      </c>
      <c r="L2460" s="1">
        <v>-130.49860199</v>
      </c>
      <c r="M2460" s="2">
        <v>-6.6158122975342501E-2</v>
      </c>
      <c r="N2460" s="1">
        <v>-76.715398110000024</v>
      </c>
      <c r="O2460" s="2">
        <v>-3.9982121495017772E-2</v>
      </c>
      <c r="P2460" s="1">
        <v>1638.0384596399999</v>
      </c>
      <c r="Q2460" s="1">
        <v>1763.3513207799999</v>
      </c>
      <c r="R2460" s="1">
        <v>1843.07591536</v>
      </c>
      <c r="S2460" s="1">
        <v>1910.1593095400001</v>
      </c>
      <c r="T2460" s="1">
        <v>1916.16194395</v>
      </c>
      <c r="U2460" s="1">
        <v>1899.16834081</v>
      </c>
      <c r="V2460" s="1">
        <v>1918.74255896</v>
      </c>
      <c r="W2460" s="1">
        <v>1874.25343894</v>
      </c>
      <c r="X2460" s="1">
        <v>1898.5129764000001</v>
      </c>
      <c r="Y2460" s="1">
        <v>1972.52576284</v>
      </c>
      <c r="Z2460" s="1">
        <v>1928.6761165999999</v>
      </c>
      <c r="AA2460" s="1">
        <v>1899.4940340799999</v>
      </c>
      <c r="AB2460" s="1">
        <v>1775.9260340000001</v>
      </c>
      <c r="AC2460" s="1">
        <v>1752.4900246</v>
      </c>
      <c r="AD2460" s="1">
        <v>1758.85067435</v>
      </c>
      <c r="AE2460" s="1">
        <v>1806.8201539199999</v>
      </c>
      <c r="AF2460" s="1">
        <v>1842.02716085</v>
      </c>
      <c r="AG2460" s="1">
        <v>8819.7317143</v>
      </c>
      <c r="AH2460" s="2">
        <v>0.37345150386131326</v>
      </c>
      <c r="AI2460" s="1">
        <v>1770.8741247999969</v>
      </c>
      <c r="AJ2460" s="2">
        <v>7.4983641960829683E-2</v>
      </c>
      <c r="AK2460" s="1">
        <v>3336.0722954000012</v>
      </c>
      <c r="AL2460" s="2">
        <v>0.13140516502438093</v>
      </c>
      <c r="AM2460" s="1">
        <v>3712.7852941000019</v>
      </c>
      <c r="AN2460" s="2">
        <v>0.12925836571611796</v>
      </c>
      <c r="AO2460" s="1">
        <v>7048.8575895000031</v>
      </c>
      <c r="AP2460" s="2">
        <v>0.27764874761820718</v>
      </c>
      <c r="AQ2460" s="3">
        <v>23616.805992500002</v>
      </c>
      <c r="AR2460" s="3">
        <v>23439.609131099998</v>
      </c>
      <c r="AS2460" s="3">
        <v>23968.8326103</v>
      </c>
      <c r="AT2460" s="3">
        <v>25146.2120478</v>
      </c>
      <c r="AU2460" s="3">
        <v>24836.511579099999</v>
      </c>
      <c r="AV2460" s="3">
        <v>25320.653604899999</v>
      </c>
      <c r="AW2460" s="3">
        <v>25387.680117299999</v>
      </c>
      <c r="AX2460" s="3">
        <v>26331.305588300002</v>
      </c>
      <c r="AY2460" s="3">
        <v>26870.5978875</v>
      </c>
      <c r="AZ2460" s="3">
        <v>28723.7524127</v>
      </c>
      <c r="BA2460" s="3">
        <v>28677.975576299999</v>
      </c>
      <c r="BB2460" s="3">
        <v>29672.224447699999</v>
      </c>
      <c r="BC2460" s="3">
        <v>31345.406508799999</v>
      </c>
      <c r="BD2460" s="3">
        <v>31124.3042283</v>
      </c>
      <c r="BE2460" s="3">
        <v>32202.569767000001</v>
      </c>
      <c r="BF2460" s="3">
        <v>32436.537706800002</v>
      </c>
      <c r="BG2460" s="1">
        <v>9.25</v>
      </c>
      <c r="BH2460" s="2">
        <v>4.4258373205741629E-2</v>
      </c>
      <c r="BI2460" s="1">
        <v>15</v>
      </c>
      <c r="BJ2460" s="2">
        <v>7.1770334928229665E-2</v>
      </c>
      <c r="BK2460" s="1">
        <v>7</v>
      </c>
      <c r="BL2460" s="2">
        <v>3.125E-2</v>
      </c>
      <c r="BM2460" s="1">
        <v>-12.75</v>
      </c>
      <c r="BN2460" s="2">
        <v>-5.5194805194805192E-2</v>
      </c>
      <c r="BO2460" s="1">
        <v>-5.75</v>
      </c>
      <c r="BP2460" s="2">
        <v>-2.5669642857142856E-2</v>
      </c>
      <c r="BQ2460" s="1">
        <v>209</v>
      </c>
      <c r="BR2460" s="1">
        <v>218.00000032899999</v>
      </c>
      <c r="BS2460" s="1">
        <v>222</v>
      </c>
      <c r="BT2460" s="1">
        <v>224</v>
      </c>
      <c r="BU2460" s="1">
        <v>233</v>
      </c>
      <c r="BV2460" s="1">
        <v>236</v>
      </c>
      <c r="BW2460" s="1">
        <v>231</v>
      </c>
      <c r="BX2460" s="1">
        <v>222</v>
      </c>
      <c r="BY2460" s="1">
        <v>210</v>
      </c>
      <c r="BZ2460" s="1">
        <v>208</v>
      </c>
      <c r="CA2460" s="1">
        <v>209</v>
      </c>
      <c r="CB2460" s="1">
        <v>211</v>
      </c>
      <c r="CC2460" s="1">
        <v>218.25</v>
      </c>
      <c r="CD2460" s="1">
        <v>24.9314</v>
      </c>
      <c r="CE2460" s="27">
        <v>0</v>
      </c>
      <c r="CF2460" s="27">
        <v>179.05699999999999</v>
      </c>
      <c r="CG2460" s="27">
        <v>179</v>
      </c>
      <c r="CH2460" s="27"/>
      <c r="CI2460" s="27"/>
      <c r="CJ2460" s="27"/>
      <c r="CK2460" s="27"/>
      <c r="CL2460" s="27"/>
      <c r="CM2460" s="27"/>
      <c r="CN2460" s="27"/>
      <c r="CO2460" s="27"/>
      <c r="CP2460" s="27"/>
      <c r="CQ2460" s="27"/>
      <c r="CR2460" s="27"/>
      <c r="CS2460" s="27"/>
      <c r="CT2460" s="27"/>
      <c r="CU2460" s="27"/>
      <c r="CV2460" s="27"/>
      <c r="CW2460" s="27"/>
      <c r="CX2460" s="27"/>
      <c r="CY2460" s="23" t="s">
        <v>447</v>
      </c>
      <c r="CZ2460" s="23" t="s">
        <v>448</v>
      </c>
      <c r="DA2460" s="24" t="s">
        <v>139</v>
      </c>
      <c r="DB2460" s="25" t="s">
        <v>345</v>
      </c>
      <c r="DC2460" s="25"/>
      <c r="DD2460" s="25"/>
      <c r="DE2460" s="25"/>
      <c r="DF2460" s="25"/>
      <c r="DG2460" s="25"/>
      <c r="DH2460" s="25" t="s">
        <v>333</v>
      </c>
      <c r="DI2460" s="25"/>
      <c r="DJ2460" s="25"/>
      <c r="DK2460" s="25"/>
      <c r="DL2460" s="25">
        <v>10</v>
      </c>
      <c r="DM2460" s="25" t="s">
        <v>383</v>
      </c>
      <c r="DN2460" s="25">
        <v>9</v>
      </c>
      <c r="DO2460" s="25" t="s">
        <v>384</v>
      </c>
    </row>
    <row r="2461" spans="1:119" x14ac:dyDescent="0.2">
      <c r="A2461" s="32" t="s">
        <v>791</v>
      </c>
      <c r="B2461" s="32" t="s">
        <v>791</v>
      </c>
      <c r="C2461" s="32" t="s">
        <v>329</v>
      </c>
      <c r="D2461" s="4" t="s">
        <v>76</v>
      </c>
      <c r="E2461" s="4" t="s">
        <v>217</v>
      </c>
      <c r="F2461" s="1">
        <v>187</v>
      </c>
      <c r="G2461" s="2">
        <v>4.93794560338E-2</v>
      </c>
      <c r="H2461" s="1">
        <v>410.14789460999964</v>
      </c>
      <c r="I2461" s="2">
        <v>0.10829428458715114</v>
      </c>
      <c r="J2461" s="1">
        <v>50.080121500000132</v>
      </c>
      <c r="K2461" s="2">
        <v>1.1930958368625634E-2</v>
      </c>
      <c r="L2461" s="1">
        <v>-274.01191275999963</v>
      </c>
      <c r="M2461" s="2">
        <v>-6.4510219281380399E-2</v>
      </c>
      <c r="N2461" s="1">
        <v>-223.9317912599995</v>
      </c>
      <c r="O2461" s="2">
        <v>-5.3348929653351827E-2</v>
      </c>
      <c r="P2461" s="1">
        <v>3787.34571426</v>
      </c>
      <c r="Q2461" s="1">
        <v>3818.7184167099999</v>
      </c>
      <c r="R2461" s="1">
        <v>3867.2419275299999</v>
      </c>
      <c r="S2461" s="1">
        <v>4074.2506138700001</v>
      </c>
      <c r="T2461" s="1">
        <v>4085.4128019200002</v>
      </c>
      <c r="U2461" s="1">
        <v>4096.9496767999999</v>
      </c>
      <c r="V2461" s="1">
        <v>4197.4936088699997</v>
      </c>
      <c r="W2461" s="1">
        <v>4081.3125861100002</v>
      </c>
      <c r="X2461" s="1">
        <v>3895.65752006</v>
      </c>
      <c r="Y2461" s="1">
        <v>4247.5737303699998</v>
      </c>
      <c r="Z2461" s="1">
        <v>4118.9114344199998</v>
      </c>
      <c r="AA2461" s="1">
        <v>3965.2833432699999</v>
      </c>
      <c r="AB2461" s="1">
        <v>3903.39581206</v>
      </c>
      <c r="AC2461" s="1">
        <v>3870.7656088499998</v>
      </c>
      <c r="AD2461" s="1">
        <v>3937.3505481100001</v>
      </c>
      <c r="AE2461" s="1">
        <v>3892.9116370500001</v>
      </c>
      <c r="AF2461" s="1">
        <v>3973.5618176100002</v>
      </c>
      <c r="AG2461" s="1">
        <v>9125.0138568000002</v>
      </c>
      <c r="AH2461" s="2">
        <v>0.38784604953327506</v>
      </c>
      <c r="AI2461" s="1">
        <v>3994.6082932999998</v>
      </c>
      <c r="AJ2461" s="2">
        <v>0.16978528145847396</v>
      </c>
      <c r="AK2461" s="1">
        <v>4071.7388606999993</v>
      </c>
      <c r="AL2461" s="2">
        <v>0.14794476552299202</v>
      </c>
      <c r="AM2461" s="1">
        <v>1058.6667028000011</v>
      </c>
      <c r="AN2461" s="2">
        <v>3.3508728503223603E-2</v>
      </c>
      <c r="AO2461" s="1">
        <v>5130.4055635000004</v>
      </c>
      <c r="AP2461" s="2">
        <v>0.18641093500759864</v>
      </c>
      <c r="AQ2461" s="3">
        <v>23527.4121466</v>
      </c>
      <c r="AR2461" s="3">
        <v>24350.964197699999</v>
      </c>
      <c r="AS2461" s="3">
        <v>24945.167575399999</v>
      </c>
      <c r="AT2461" s="3">
        <v>25014.9056662</v>
      </c>
      <c r="AU2461" s="3">
        <v>25743.400702399998</v>
      </c>
      <c r="AV2461" s="3">
        <v>26584.742439099999</v>
      </c>
      <c r="AW2461" s="3">
        <v>27522.020439899999</v>
      </c>
      <c r="AX2461" s="3">
        <v>29046.235849000001</v>
      </c>
      <c r="AY2461" s="3">
        <v>29651.926336500001</v>
      </c>
      <c r="AZ2461" s="3">
        <v>31593.759300599999</v>
      </c>
      <c r="BA2461" s="3">
        <v>31017.742958899998</v>
      </c>
      <c r="BB2461" s="3">
        <v>30877.895074600001</v>
      </c>
      <c r="BC2461" s="3">
        <v>31521.692908699999</v>
      </c>
      <c r="BD2461" s="3">
        <v>32080.898254600001</v>
      </c>
      <c r="BE2461" s="3">
        <v>32201.3823299</v>
      </c>
      <c r="BF2461" s="3">
        <v>32652.4260034</v>
      </c>
      <c r="BG2461" s="1">
        <v>-52.62973841500002</v>
      </c>
      <c r="BH2461" s="2">
        <v>-0.12958848721691194</v>
      </c>
      <c r="BI2461" s="1">
        <v>-19.889231646000042</v>
      </c>
      <c r="BJ2461" s="2">
        <v>-4.8972605954987737E-2</v>
      </c>
      <c r="BK2461" s="1">
        <v>-34.169268028999966</v>
      </c>
      <c r="BL2461" s="2">
        <v>-8.8466298666689772E-2</v>
      </c>
      <c r="BM2461" s="1">
        <v>1.4287612599999875</v>
      </c>
      <c r="BN2461" s="2">
        <v>4.0581595506445469E-3</v>
      </c>
      <c r="BO2461" s="1">
        <v>-32.740506768999978</v>
      </c>
      <c r="BP2461" s="2">
        <v>-8.4767149470889633E-2</v>
      </c>
      <c r="BQ2461" s="1">
        <v>406.12973841500002</v>
      </c>
      <c r="BR2461" s="1">
        <v>402.053304717</v>
      </c>
      <c r="BS2461" s="1">
        <v>391.30783510700002</v>
      </c>
      <c r="BT2461" s="1">
        <v>386.24050676899998</v>
      </c>
      <c r="BU2461" s="1">
        <v>380.17201366500001</v>
      </c>
      <c r="BV2461" s="1">
        <v>364.06377174099998</v>
      </c>
      <c r="BW2461" s="1">
        <v>352.07123874000001</v>
      </c>
      <c r="BX2461" s="1">
        <v>356</v>
      </c>
      <c r="BY2461" s="1">
        <v>346</v>
      </c>
      <c r="BZ2461" s="1">
        <v>359</v>
      </c>
      <c r="CA2461" s="1">
        <v>355</v>
      </c>
      <c r="CB2461" s="1">
        <v>359</v>
      </c>
      <c r="CC2461" s="1">
        <v>353.5</v>
      </c>
      <c r="CD2461" s="1">
        <v>-227.786</v>
      </c>
      <c r="CE2461" s="27">
        <v>0</v>
      </c>
      <c r="CF2461" s="27">
        <v>414.00200000000001</v>
      </c>
      <c r="CG2461" s="27">
        <v>414</v>
      </c>
      <c r="CH2461" s="27"/>
      <c r="CI2461" s="27"/>
      <c r="CJ2461" s="27"/>
      <c r="CK2461" s="27"/>
      <c r="CL2461" s="27"/>
      <c r="CM2461" s="27"/>
      <c r="CN2461" s="27"/>
      <c r="CO2461" s="27"/>
      <c r="CP2461" s="27"/>
      <c r="CQ2461" s="27"/>
      <c r="CR2461" s="27"/>
      <c r="CS2461" s="27"/>
      <c r="CT2461" s="27"/>
      <c r="CU2461" s="27"/>
      <c r="CV2461" s="27"/>
      <c r="CW2461" s="27"/>
      <c r="CX2461" s="27"/>
      <c r="CY2461" s="23" t="s">
        <v>452</v>
      </c>
      <c r="CZ2461" s="23" t="s">
        <v>453</v>
      </c>
      <c r="DA2461" s="24" t="s">
        <v>76</v>
      </c>
      <c r="DB2461" s="25" t="s">
        <v>345</v>
      </c>
      <c r="DC2461" s="25"/>
      <c r="DD2461" s="25"/>
      <c r="DE2461" s="25"/>
      <c r="DF2461" s="25"/>
      <c r="DG2461" s="25"/>
      <c r="DH2461" s="25" t="s">
        <v>333</v>
      </c>
      <c r="DI2461" s="25"/>
      <c r="DJ2461" s="25"/>
      <c r="DK2461" s="25"/>
      <c r="DL2461" s="25">
        <v>6</v>
      </c>
      <c r="DM2461" s="25" t="s">
        <v>396</v>
      </c>
      <c r="DN2461" s="25">
        <v>6</v>
      </c>
      <c r="DO2461" s="25" t="s">
        <v>393</v>
      </c>
    </row>
    <row r="2462" spans="1:119" x14ac:dyDescent="0.2">
      <c r="A2462" s="32" t="s">
        <v>791</v>
      </c>
      <c r="B2462" s="32" t="s">
        <v>791</v>
      </c>
      <c r="C2462" s="32" t="s">
        <v>329</v>
      </c>
      <c r="D2462" s="4" t="s">
        <v>129</v>
      </c>
      <c r="E2462" s="4" t="s">
        <v>270</v>
      </c>
      <c r="F2462" s="1">
        <v>-68</v>
      </c>
      <c r="G2462" s="2">
        <v>-4.0380047505899998E-2</v>
      </c>
      <c r="H2462" s="1">
        <v>-46.168918399999939</v>
      </c>
      <c r="I2462" s="2">
        <v>-2.7418583090589584E-2</v>
      </c>
      <c r="J2462" s="1">
        <v>33.526002529999914</v>
      </c>
      <c r="K2462" s="2">
        <v>2.0471568257038421E-2</v>
      </c>
      <c r="L2462" s="1">
        <v>-55.359420289999889</v>
      </c>
      <c r="M2462" s="2">
        <v>-3.3125311030432134E-2</v>
      </c>
      <c r="N2462" s="1">
        <v>-21.833417759999975</v>
      </c>
      <c r="O2462" s="2">
        <v>-1.3331869839188833E-2</v>
      </c>
      <c r="P2462" s="1">
        <v>1683.8550061999999</v>
      </c>
      <c r="Q2462" s="1">
        <v>1701.17677755</v>
      </c>
      <c r="R2462" s="1">
        <v>1594.8051760799999</v>
      </c>
      <c r="S2462" s="1">
        <v>1586.9230998600001</v>
      </c>
      <c r="T2462" s="1">
        <v>1612.23709009</v>
      </c>
      <c r="U2462" s="1">
        <v>1638.1368209300001</v>
      </c>
      <c r="V2462" s="1">
        <v>1637.6860878</v>
      </c>
      <c r="W2462" s="1">
        <v>1674.9411844900001</v>
      </c>
      <c r="X2462" s="1">
        <v>1694.38627049</v>
      </c>
      <c r="Y2462" s="1">
        <v>1671.2120903299999</v>
      </c>
      <c r="Z2462" s="1">
        <v>1630.1211003200001</v>
      </c>
      <c r="AA2462" s="1">
        <v>1626.07492981</v>
      </c>
      <c r="AB2462" s="1">
        <v>1645.40908848</v>
      </c>
      <c r="AC2462" s="1">
        <v>1618.47340244</v>
      </c>
      <c r="AD2462" s="1">
        <v>1627.48956378</v>
      </c>
      <c r="AE2462" s="1">
        <v>1596.1526956</v>
      </c>
      <c r="AF2462" s="1">
        <v>1615.85267004</v>
      </c>
      <c r="AG2462" s="1">
        <v>13172.7704705</v>
      </c>
      <c r="AH2462" s="2">
        <v>0.53028321815135082</v>
      </c>
      <c r="AI2462" s="1">
        <v>4597.6631849999976</v>
      </c>
      <c r="AJ2462" s="2">
        <v>0.18508358854181464</v>
      </c>
      <c r="AK2462" s="1">
        <v>1880.6705995000011</v>
      </c>
      <c r="AL2462" s="2">
        <v>6.388435437742418E-2</v>
      </c>
      <c r="AM2462" s="1">
        <v>6694.4366860000009</v>
      </c>
      <c r="AN2462" s="2">
        <v>0.21374767091605612</v>
      </c>
      <c r="AO2462" s="1">
        <v>8575.107285500002</v>
      </c>
      <c r="AP2462" s="2">
        <v>0.29128715724963067</v>
      </c>
      <c r="AQ2462" s="3">
        <v>24841.009520200001</v>
      </c>
      <c r="AR2462" s="3">
        <v>25095.3302449</v>
      </c>
      <c r="AS2462" s="3">
        <v>26856.7794388</v>
      </c>
      <c r="AT2462" s="3">
        <v>27389.2023539</v>
      </c>
      <c r="AU2462" s="3">
        <v>28096.568257300001</v>
      </c>
      <c r="AV2462" s="3">
        <v>28811.4659889</v>
      </c>
      <c r="AW2462" s="3">
        <v>29438.672705199999</v>
      </c>
      <c r="AX2462" s="3">
        <v>30077.7122084</v>
      </c>
      <c r="AY2462" s="3">
        <v>30642.6872927</v>
      </c>
      <c r="AZ2462" s="3">
        <v>31319.3433047</v>
      </c>
      <c r="BA2462" s="3">
        <v>32225.223858000001</v>
      </c>
      <c r="BB2462" s="3">
        <v>34284.924750999999</v>
      </c>
      <c r="BC2462" s="3">
        <v>34826.120525500002</v>
      </c>
      <c r="BD2462" s="3">
        <v>35396.1433569</v>
      </c>
      <c r="BE2462" s="3">
        <v>36654.636358700001</v>
      </c>
      <c r="BF2462" s="3">
        <v>38013.779990700001</v>
      </c>
      <c r="BG2462" s="1">
        <v>12.75</v>
      </c>
      <c r="BH2462" s="2">
        <v>7.2857142857142856E-2</v>
      </c>
      <c r="BI2462" s="1">
        <v>5.0748266239999964</v>
      </c>
      <c r="BJ2462" s="2">
        <v>2.8999009279999981E-2</v>
      </c>
      <c r="BK2462" s="1">
        <v>-5.0748260149999851</v>
      </c>
      <c r="BL2462" s="2">
        <v>-2.8181762604699477E-2</v>
      </c>
      <c r="BM2462" s="1">
        <v>12.749999390999989</v>
      </c>
      <c r="BN2462" s="2">
        <v>7.2857139123599937E-2</v>
      </c>
      <c r="BO2462" s="1">
        <v>7.6751733760000036</v>
      </c>
      <c r="BP2462" s="2">
        <v>4.262213392006161E-2</v>
      </c>
      <c r="BQ2462" s="1">
        <v>175</v>
      </c>
      <c r="BR2462" s="1">
        <v>184.00001160100001</v>
      </c>
      <c r="BS2462" s="1">
        <v>175.28195926000001</v>
      </c>
      <c r="BT2462" s="1">
        <v>180.074826624</v>
      </c>
      <c r="BU2462" s="1">
        <v>181.014351742</v>
      </c>
      <c r="BV2462" s="1">
        <v>177.00178866100001</v>
      </c>
      <c r="BW2462" s="1">
        <v>175.00000060900001</v>
      </c>
      <c r="BX2462" s="1">
        <v>176</v>
      </c>
      <c r="BY2462" s="1">
        <v>182</v>
      </c>
      <c r="BZ2462" s="1">
        <v>189</v>
      </c>
      <c r="CA2462" s="1">
        <v>184</v>
      </c>
      <c r="CB2462" s="1">
        <v>186</v>
      </c>
      <c r="CC2462" s="1">
        <v>187.75</v>
      </c>
      <c r="CD2462" s="1">
        <v>-252.06800000000001</v>
      </c>
      <c r="CE2462" s="27">
        <v>0</v>
      </c>
      <c r="CF2462" s="27">
        <v>184.066</v>
      </c>
      <c r="CG2462" s="27">
        <v>184</v>
      </c>
      <c r="CH2462" s="27"/>
      <c r="CI2462" s="27"/>
      <c r="CJ2462" s="27"/>
      <c r="CK2462" s="27"/>
      <c r="CL2462" s="27"/>
      <c r="CM2462" s="27"/>
      <c r="CN2462" s="27"/>
      <c r="CO2462" s="27"/>
      <c r="CP2462" s="27"/>
      <c r="CQ2462" s="27"/>
      <c r="CR2462" s="27"/>
      <c r="CS2462" s="27"/>
      <c r="CT2462" s="27"/>
      <c r="CU2462" s="27"/>
      <c r="CV2462" s="27"/>
      <c r="CW2462" s="27"/>
      <c r="CX2462" s="27"/>
      <c r="CY2462" s="23" t="s">
        <v>527</v>
      </c>
      <c r="CZ2462" s="23" t="s">
        <v>528</v>
      </c>
      <c r="DA2462" s="24" t="s">
        <v>129</v>
      </c>
      <c r="DB2462" s="25"/>
      <c r="DC2462" s="25"/>
      <c r="DD2462" s="25"/>
      <c r="DE2462" s="25"/>
      <c r="DF2462" s="25"/>
      <c r="DG2462" s="25"/>
      <c r="DH2462" s="25" t="s">
        <v>333</v>
      </c>
      <c r="DI2462" s="25"/>
      <c r="DJ2462" s="25"/>
      <c r="DK2462" s="25"/>
      <c r="DL2462" s="25">
        <v>7</v>
      </c>
      <c r="DM2462" s="25" t="s">
        <v>485</v>
      </c>
      <c r="DN2462" s="25">
        <v>8</v>
      </c>
      <c r="DO2462" s="25" t="s">
        <v>486</v>
      </c>
    </row>
    <row r="2463" spans="1:119" x14ac:dyDescent="0.2">
      <c r="A2463" s="32" t="s">
        <v>791</v>
      </c>
      <c r="B2463" s="32" t="s">
        <v>791</v>
      </c>
      <c r="C2463" s="32" t="s">
        <v>329</v>
      </c>
      <c r="D2463" s="4" t="s">
        <v>119</v>
      </c>
      <c r="E2463" s="4" t="s">
        <v>260</v>
      </c>
      <c r="F2463" s="1">
        <v>-40</v>
      </c>
      <c r="G2463" s="2">
        <v>-1.6666666666700001E-2</v>
      </c>
      <c r="H2463" s="1">
        <v>-8.0512080600001354</v>
      </c>
      <c r="I2463" s="2">
        <v>-3.3551501145343489E-3</v>
      </c>
      <c r="J2463" s="1">
        <v>29.063314400000309</v>
      </c>
      <c r="K2463" s="2">
        <v>1.2152219886266762E-2</v>
      </c>
      <c r="L2463" s="1">
        <v>-60.513185710000016</v>
      </c>
      <c r="M2463" s="2">
        <v>-2.4998541093721238E-2</v>
      </c>
      <c r="N2463" s="1">
        <v>-31.449871309999708</v>
      </c>
      <c r="O2463" s="2">
        <v>-1.3150108975661252E-2</v>
      </c>
      <c r="P2463" s="1">
        <v>2399.65658321</v>
      </c>
      <c r="Q2463" s="1">
        <v>2363.9899201399999</v>
      </c>
      <c r="R2463" s="1">
        <v>2433.59411937</v>
      </c>
      <c r="S2463" s="1">
        <v>2432.9752773700002</v>
      </c>
      <c r="T2463" s="1">
        <v>2402.9218726399999</v>
      </c>
      <c r="U2463" s="1">
        <v>2421.6760095099999</v>
      </c>
      <c r="V2463" s="1">
        <v>2391.6053751499999</v>
      </c>
      <c r="W2463" s="1">
        <v>2360.5961928400002</v>
      </c>
      <c r="X2463" s="1">
        <v>2771.9895796000001</v>
      </c>
      <c r="Y2463" s="1">
        <v>2420.6686895500002</v>
      </c>
      <c r="Z2463" s="1">
        <v>2321.2818852800001</v>
      </c>
      <c r="AA2463" s="1">
        <v>2409.9198912000002</v>
      </c>
      <c r="AB2463" s="1">
        <v>2327.3586387300002</v>
      </c>
      <c r="AC2463" s="1">
        <v>2336.92899554</v>
      </c>
      <c r="AD2463" s="1">
        <v>2319.9154075000001</v>
      </c>
      <c r="AE2463" s="1">
        <v>2329.8208842899999</v>
      </c>
      <c r="AF2463" s="1">
        <v>2360.1555038400002</v>
      </c>
      <c r="AG2463" s="1">
        <v>9734.0936270999991</v>
      </c>
      <c r="AH2463" s="2">
        <v>0.42595098525379643</v>
      </c>
      <c r="AI2463" s="1">
        <v>4544.2291455000013</v>
      </c>
      <c r="AJ2463" s="2">
        <v>0.1988494210037105</v>
      </c>
      <c r="AK2463" s="1">
        <v>4031.3803205999975</v>
      </c>
      <c r="AL2463" s="2">
        <v>0.14714761980561664</v>
      </c>
      <c r="AM2463" s="1">
        <v>1158.4841610000003</v>
      </c>
      <c r="AN2463" s="2">
        <v>3.6861267288319025E-2</v>
      </c>
      <c r="AO2463" s="1">
        <v>5189.8644815999978</v>
      </c>
      <c r="AP2463" s="2">
        <v>0.18943293483843043</v>
      </c>
      <c r="AQ2463" s="3">
        <v>22852.6144183</v>
      </c>
      <c r="AR2463" s="3">
        <v>23509.774442900001</v>
      </c>
      <c r="AS2463" s="3">
        <v>23945.1437305</v>
      </c>
      <c r="AT2463" s="3">
        <v>25203.193498100001</v>
      </c>
      <c r="AU2463" s="3">
        <v>26025.143078100002</v>
      </c>
      <c r="AV2463" s="3">
        <v>26851.5558385</v>
      </c>
      <c r="AW2463" s="3">
        <v>27396.843563800001</v>
      </c>
      <c r="AX2463" s="3">
        <v>28103.7029238</v>
      </c>
      <c r="AY2463" s="3">
        <v>40044.675225600004</v>
      </c>
      <c r="AZ2463" s="3">
        <v>31428.223884399998</v>
      </c>
      <c r="BA2463" s="3">
        <v>28926.668114600001</v>
      </c>
      <c r="BB2463" s="3">
        <v>28914.8032924</v>
      </c>
      <c r="BC2463" s="3">
        <v>29381.3837848</v>
      </c>
      <c r="BD2463" s="3">
        <v>30598.197837399999</v>
      </c>
      <c r="BE2463" s="3">
        <v>31438.210817200001</v>
      </c>
      <c r="BF2463" s="3">
        <v>32586.708045399999</v>
      </c>
      <c r="BG2463" s="1">
        <v>42.999578695999986</v>
      </c>
      <c r="BH2463" s="2">
        <v>0.16928939910905111</v>
      </c>
      <c r="BI2463" s="1">
        <v>33.000272563999971</v>
      </c>
      <c r="BJ2463" s="2">
        <v>0.12992211743028428</v>
      </c>
      <c r="BK2463" s="1">
        <v>-4.000682195999957</v>
      </c>
      <c r="BL2463" s="2">
        <v>-1.3939625518257415E-2</v>
      </c>
      <c r="BM2463" s="1">
        <v>13.999988327999972</v>
      </c>
      <c r="BN2463" s="2">
        <v>4.9469921380166246E-2</v>
      </c>
      <c r="BO2463" s="1">
        <v>9.9993061320000152</v>
      </c>
      <c r="BP2463" s="2">
        <v>3.4840703683451678E-2</v>
      </c>
      <c r="BQ2463" s="1">
        <v>254.00042130400001</v>
      </c>
      <c r="BR2463" s="1">
        <v>256.00053028799999</v>
      </c>
      <c r="BS2463" s="1">
        <v>267.00107257299999</v>
      </c>
      <c r="BT2463" s="1">
        <v>287.00069386799998</v>
      </c>
      <c r="BU2463" s="1">
        <v>276.000026924</v>
      </c>
      <c r="BV2463" s="1">
        <v>275.000060426</v>
      </c>
      <c r="BW2463" s="1">
        <v>283.00001167200003</v>
      </c>
      <c r="BX2463" s="1">
        <v>294</v>
      </c>
      <c r="BY2463" s="1">
        <v>313</v>
      </c>
      <c r="BZ2463" s="1">
        <v>322</v>
      </c>
      <c r="CA2463" s="1">
        <v>316</v>
      </c>
      <c r="CB2463" s="1">
        <v>305</v>
      </c>
      <c r="CC2463" s="1">
        <v>297</v>
      </c>
      <c r="CD2463" s="1">
        <v>-301.81200000000001</v>
      </c>
      <c r="CE2463" s="27">
        <v>0</v>
      </c>
      <c r="CF2463" s="27">
        <v>262.31099999999998</v>
      </c>
      <c r="CG2463" s="27">
        <v>262</v>
      </c>
      <c r="CH2463" s="27"/>
      <c r="CI2463" s="27"/>
      <c r="CJ2463" s="27"/>
      <c r="CK2463" s="27"/>
      <c r="CL2463" s="27"/>
      <c r="CM2463" s="27"/>
      <c r="CN2463" s="27"/>
      <c r="CO2463" s="27"/>
      <c r="CP2463" s="27"/>
      <c r="CQ2463" s="27"/>
      <c r="CR2463" s="27"/>
      <c r="CS2463" s="27"/>
      <c r="CT2463" s="27"/>
      <c r="CU2463" s="27"/>
      <c r="CV2463" s="27"/>
      <c r="CW2463" s="27"/>
      <c r="CX2463" s="27"/>
      <c r="CY2463" s="23" t="s">
        <v>408</v>
      </c>
      <c r="CZ2463" s="23" t="s">
        <v>409</v>
      </c>
      <c r="DA2463" s="24" t="s">
        <v>119</v>
      </c>
      <c r="DB2463" s="25" t="s">
        <v>345</v>
      </c>
      <c r="DC2463" s="25" t="s">
        <v>410</v>
      </c>
      <c r="DD2463" s="25" t="s">
        <v>411</v>
      </c>
      <c r="DE2463" s="25" t="s">
        <v>412</v>
      </c>
      <c r="DF2463" s="25" t="s">
        <v>375</v>
      </c>
      <c r="DG2463" s="25" t="s">
        <v>376</v>
      </c>
      <c r="DH2463" s="25" t="s">
        <v>328</v>
      </c>
      <c r="DI2463" s="25" t="s">
        <v>413</v>
      </c>
      <c r="DJ2463" s="25" t="s">
        <v>366</v>
      </c>
      <c r="DK2463" s="25" t="s">
        <v>414</v>
      </c>
      <c r="DL2463" s="25">
        <v>2</v>
      </c>
      <c r="DM2463" s="25" t="s">
        <v>379</v>
      </c>
      <c r="DN2463" s="25">
        <v>3</v>
      </c>
      <c r="DO2463" s="25" t="s">
        <v>380</v>
      </c>
    </row>
    <row r="2464" spans="1:119" x14ac:dyDescent="0.2">
      <c r="A2464" s="32" t="s">
        <v>791</v>
      </c>
      <c r="B2464" s="32" t="s">
        <v>791</v>
      </c>
      <c r="C2464" s="32" t="s">
        <v>329</v>
      </c>
      <c r="D2464" s="4" t="s">
        <v>120</v>
      </c>
      <c r="E2464" s="4" t="s">
        <v>261</v>
      </c>
      <c r="F2464" s="1">
        <v>256</v>
      </c>
      <c r="G2464" s="2">
        <v>8.9385474860300004E-2</v>
      </c>
      <c r="H2464" s="1">
        <v>201.21127908999961</v>
      </c>
      <c r="I2464" s="2">
        <v>7.0258220218536477E-2</v>
      </c>
      <c r="J2464" s="1">
        <v>27.528918650000378</v>
      </c>
      <c r="K2464" s="2">
        <v>8.9814282015234434E-3</v>
      </c>
      <c r="L2464" s="1">
        <v>27.621127049999814</v>
      </c>
      <c r="M2464" s="2">
        <v>8.9312957969662973E-3</v>
      </c>
      <c r="N2464" s="1">
        <v>55.150045700000192</v>
      </c>
      <c r="O2464" s="2">
        <v>1.7992939790436761E-2</v>
      </c>
      <c r="P2464" s="1">
        <v>2863.8823822200002</v>
      </c>
      <c r="Q2464" s="1">
        <v>2848.0913413100002</v>
      </c>
      <c r="R2464" s="1">
        <v>2806.01319943</v>
      </c>
      <c r="S2464" s="1">
        <v>3057.1892385000001</v>
      </c>
      <c r="T2464" s="1">
        <v>2931.7900448099999</v>
      </c>
      <c r="U2464" s="1">
        <v>3052.08847853</v>
      </c>
      <c r="V2464" s="1">
        <v>3065.0936613099998</v>
      </c>
      <c r="W2464" s="1">
        <v>3064.3213726399999</v>
      </c>
      <c r="X2464" s="1">
        <v>3496.2444049000001</v>
      </c>
      <c r="Y2464" s="1">
        <v>3092.6225799600002</v>
      </c>
      <c r="Z2464" s="1">
        <v>3018.8638052900001</v>
      </c>
      <c r="AA2464" s="1">
        <v>2981.7862232000002</v>
      </c>
      <c r="AB2464" s="1">
        <v>2874.5191164500002</v>
      </c>
      <c r="AC2464" s="1">
        <v>2932.6313714299999</v>
      </c>
      <c r="AD2464" s="1">
        <v>2963.7949674000001</v>
      </c>
      <c r="AE2464" s="1">
        <v>3031.9216913199998</v>
      </c>
      <c r="AF2464" s="1">
        <v>3120.24370701</v>
      </c>
      <c r="AG2464" s="1">
        <v>4828.0180578</v>
      </c>
      <c r="AH2464" s="2">
        <v>0.18209902786724139</v>
      </c>
      <c r="AI2464" s="1">
        <v>7079.8191722999982</v>
      </c>
      <c r="AJ2464" s="2">
        <v>0.26703052335706345</v>
      </c>
      <c r="AK2464" s="1">
        <v>-3399.8292559999973</v>
      </c>
      <c r="AL2464" s="2">
        <v>-0.10120658503508796</v>
      </c>
      <c r="AM2464" s="1">
        <v>1148.028141499999</v>
      </c>
      <c r="AN2464" s="2">
        <v>3.8022819360755994E-2</v>
      </c>
      <c r="AO2464" s="1">
        <v>-2251.8011144999982</v>
      </c>
      <c r="AP2464" s="2">
        <v>-6.7031925375240109E-2</v>
      </c>
      <c r="AQ2464" s="3">
        <v>26513.145700699999</v>
      </c>
      <c r="AR2464" s="3">
        <v>25474.429985899998</v>
      </c>
      <c r="AS2464" s="3">
        <v>26917.944757199999</v>
      </c>
      <c r="AT2464" s="3">
        <v>27069.3823921</v>
      </c>
      <c r="AU2464" s="3">
        <v>30755.764366399999</v>
      </c>
      <c r="AV2464" s="3">
        <v>29299.022510800001</v>
      </c>
      <c r="AW2464" s="3">
        <v>33592.964872999997</v>
      </c>
      <c r="AX2464" s="3">
        <v>33862.540182500001</v>
      </c>
      <c r="AY2464" s="3">
        <v>31463.930508699999</v>
      </c>
      <c r="AZ2464" s="3">
        <v>30193.135617</v>
      </c>
      <c r="BA2464" s="3">
        <v>29483.8392958</v>
      </c>
      <c r="BB2464" s="3">
        <v>29449.7638597</v>
      </c>
      <c r="BC2464" s="3">
        <v>29943.335396300001</v>
      </c>
      <c r="BD2464" s="3">
        <v>30387.896910700001</v>
      </c>
      <c r="BE2464" s="3">
        <v>30583.302882200001</v>
      </c>
      <c r="BF2464" s="3">
        <v>31341.163758499999</v>
      </c>
      <c r="BG2464" s="1">
        <v>-34.500730296</v>
      </c>
      <c r="BH2464" s="2">
        <v>-0.1437526054751968</v>
      </c>
      <c r="BI2464" s="1">
        <v>7.9992697039999996</v>
      </c>
      <c r="BJ2464" s="2">
        <v>3.3330189012901183E-2</v>
      </c>
      <c r="BK2464" s="1">
        <v>-40</v>
      </c>
      <c r="BL2464" s="2">
        <v>-0.16129032258064516</v>
      </c>
      <c r="BM2464" s="1">
        <v>-2.5</v>
      </c>
      <c r="BN2464" s="2">
        <v>-1.201923076923077E-2</v>
      </c>
      <c r="BO2464" s="1">
        <v>-42.5</v>
      </c>
      <c r="BP2464" s="2">
        <v>-0.17137096774193547</v>
      </c>
      <c r="BQ2464" s="1">
        <v>240.000730296</v>
      </c>
      <c r="BR2464" s="1">
        <v>240.00053248899999</v>
      </c>
      <c r="BS2464" s="1">
        <v>247</v>
      </c>
      <c r="BT2464" s="1">
        <v>248</v>
      </c>
      <c r="BU2464" s="1">
        <v>242</v>
      </c>
      <c r="BV2464" s="1">
        <v>235</v>
      </c>
      <c r="BW2464" s="1">
        <v>208</v>
      </c>
      <c r="BX2464" s="1">
        <v>197</v>
      </c>
      <c r="BY2464" s="1">
        <v>191</v>
      </c>
      <c r="BZ2464" s="1">
        <v>194</v>
      </c>
      <c r="CA2464" s="1">
        <v>185</v>
      </c>
      <c r="CB2464" s="1">
        <v>200</v>
      </c>
      <c r="CC2464" s="1">
        <v>205.5</v>
      </c>
      <c r="CD2464" s="1">
        <v>-56.695500000000003</v>
      </c>
      <c r="CE2464" s="27">
        <v>0</v>
      </c>
      <c r="CF2464" s="27">
        <v>313.05700000000002</v>
      </c>
      <c r="CG2464" s="27">
        <v>313</v>
      </c>
      <c r="CH2464" s="27"/>
      <c r="CI2464" s="27"/>
      <c r="CJ2464" s="27"/>
      <c r="CK2464" s="27"/>
      <c r="CL2464" s="27"/>
      <c r="CM2464" s="27"/>
      <c r="CN2464" s="27"/>
      <c r="CO2464" s="27"/>
      <c r="CP2464" s="27"/>
      <c r="CQ2464" s="27"/>
      <c r="CR2464" s="27"/>
      <c r="CS2464" s="27"/>
      <c r="CT2464" s="27"/>
      <c r="CU2464" s="27"/>
      <c r="CV2464" s="27"/>
      <c r="CW2464" s="27"/>
      <c r="CX2464" s="27"/>
      <c r="CY2464" s="23" t="s">
        <v>497</v>
      </c>
      <c r="CZ2464" s="23" t="s">
        <v>498</v>
      </c>
      <c r="DA2464" s="24" t="s">
        <v>120</v>
      </c>
      <c r="DB2464" s="25" t="s">
        <v>345</v>
      </c>
      <c r="DC2464" s="25"/>
      <c r="DD2464" s="25"/>
      <c r="DE2464" s="25"/>
      <c r="DF2464" s="25"/>
      <c r="DG2464" s="25"/>
      <c r="DH2464" s="25" t="s">
        <v>333</v>
      </c>
      <c r="DI2464" s="25"/>
      <c r="DJ2464" s="25"/>
      <c r="DK2464" s="25"/>
      <c r="DL2464" s="25">
        <v>6</v>
      </c>
      <c r="DM2464" s="25" t="s">
        <v>396</v>
      </c>
      <c r="DN2464" s="25">
        <v>6</v>
      </c>
      <c r="DO2464" s="25" t="s">
        <v>393</v>
      </c>
    </row>
    <row r="2465" spans="1:119" x14ac:dyDescent="0.2">
      <c r="A2465" s="32" t="s">
        <v>791</v>
      </c>
      <c r="B2465" s="32" t="s">
        <v>791</v>
      </c>
      <c r="C2465" s="32" t="s">
        <v>329</v>
      </c>
      <c r="D2465" s="4" t="s">
        <v>62</v>
      </c>
      <c r="E2465" s="4" t="s">
        <v>203</v>
      </c>
      <c r="F2465" s="1">
        <v>265</v>
      </c>
      <c r="G2465" s="2">
        <v>0.17008985879300001</v>
      </c>
      <c r="H2465" s="1">
        <v>84.612265910000133</v>
      </c>
      <c r="I2465" s="2">
        <v>5.4304667441461056E-2</v>
      </c>
      <c r="J2465" s="1">
        <v>0.8682466799998565</v>
      </c>
      <c r="K2465" s="2">
        <v>5.2854362021123623E-4</v>
      </c>
      <c r="L2465" s="1">
        <v>179.68728437999994</v>
      </c>
      <c r="M2465" s="2">
        <v>0.10932653052553015</v>
      </c>
      <c r="N2465" s="1">
        <v>180.55553105999979</v>
      </c>
      <c r="O2465" s="2">
        <v>0.10991285798597049</v>
      </c>
      <c r="P2465" s="1">
        <v>1558.10301207</v>
      </c>
      <c r="Q2465" s="1">
        <v>1560.6949688699999</v>
      </c>
      <c r="R2465" s="1">
        <v>1666.99498081</v>
      </c>
      <c r="S2465" s="1">
        <v>1687.39363983</v>
      </c>
      <c r="T2465" s="1">
        <v>1627.4893354599999</v>
      </c>
      <c r="U2465" s="1">
        <v>1629.21336187</v>
      </c>
      <c r="V2465" s="1">
        <v>1642.7152779800001</v>
      </c>
      <c r="W2465" s="1">
        <v>1599.86715523</v>
      </c>
      <c r="X2465" s="1">
        <v>1610.8245375399999</v>
      </c>
      <c r="Y2465" s="1">
        <v>1643.58352466</v>
      </c>
      <c r="Z2465" s="1">
        <v>1566.36754518</v>
      </c>
      <c r="AA2465" s="1">
        <v>1573.8022124399999</v>
      </c>
      <c r="AB2465" s="1">
        <v>1695.5526749200001</v>
      </c>
      <c r="AC2465" s="1">
        <v>1729.4633588700001</v>
      </c>
      <c r="AD2465" s="1">
        <v>1755.3353674699999</v>
      </c>
      <c r="AE2465" s="1">
        <v>1771.7813083399999</v>
      </c>
      <c r="AF2465" s="1">
        <v>1823.2708090399999</v>
      </c>
      <c r="AG2465" s="1">
        <v>7818.1171871999977</v>
      </c>
      <c r="AH2465" s="2">
        <v>0.36196928161220515</v>
      </c>
      <c r="AI2465" s="1">
        <v>3136.6045904999992</v>
      </c>
      <c r="AJ2465" s="2">
        <v>0.14522096345443097</v>
      </c>
      <c r="AK2465" s="1">
        <v>1596.4477852999989</v>
      </c>
      <c r="AL2465" s="2">
        <v>6.4540892907070491E-2</v>
      </c>
      <c r="AM2465" s="1">
        <v>3085.0648113999996</v>
      </c>
      <c r="AN2465" s="2">
        <v>0.11716076371606729</v>
      </c>
      <c r="AO2465" s="1">
        <v>4681.5125966999985</v>
      </c>
      <c r="AP2465" s="2">
        <v>0.18926331692704706</v>
      </c>
      <c r="AQ2465" s="3">
        <v>21598.841626500001</v>
      </c>
      <c r="AR2465" s="3">
        <v>22424.945251699999</v>
      </c>
      <c r="AS2465" s="3">
        <v>22978.047510799999</v>
      </c>
      <c r="AT2465" s="3">
        <v>24043.147244</v>
      </c>
      <c r="AU2465" s="3">
        <v>24617.185163599999</v>
      </c>
      <c r="AV2465" s="3">
        <v>25119.660083899998</v>
      </c>
      <c r="AW2465" s="3">
        <v>24735.446217000001</v>
      </c>
      <c r="AX2465" s="3">
        <v>26011.7011838</v>
      </c>
      <c r="AY2465" s="3">
        <v>26074.2794932</v>
      </c>
      <c r="AZ2465" s="3">
        <v>26331.8940023</v>
      </c>
      <c r="BA2465" s="3">
        <v>27680.893708700001</v>
      </c>
      <c r="BB2465" s="3">
        <v>27012.611373600001</v>
      </c>
      <c r="BC2465" s="3">
        <v>27250.1273822</v>
      </c>
      <c r="BD2465" s="3">
        <v>28355.639015100001</v>
      </c>
      <c r="BE2465" s="3">
        <v>28866.7983914</v>
      </c>
      <c r="BF2465" s="3">
        <v>29416.958813699999</v>
      </c>
      <c r="BG2465" s="1">
        <v>-28.250245733000014</v>
      </c>
      <c r="BH2465" s="2">
        <v>-0.13848142991932741</v>
      </c>
      <c r="BI2465" s="1">
        <v>-7.0002457330000141</v>
      </c>
      <c r="BJ2465" s="2">
        <v>-3.4314888728918927E-2</v>
      </c>
      <c r="BK2465" s="1">
        <v>-11</v>
      </c>
      <c r="BL2465" s="2">
        <v>-5.5837563451776651E-2</v>
      </c>
      <c r="BM2465" s="1">
        <v>-10.25</v>
      </c>
      <c r="BN2465" s="2">
        <v>-5.510752688172043E-2</v>
      </c>
      <c r="BO2465" s="1">
        <v>-21.25</v>
      </c>
      <c r="BP2465" s="2">
        <v>-0.10786802030456853</v>
      </c>
      <c r="BQ2465" s="1">
        <v>204.00024573300001</v>
      </c>
      <c r="BR2465" s="1">
        <v>206.00007900700001</v>
      </c>
      <c r="BS2465" s="1">
        <v>197.00004316100001</v>
      </c>
      <c r="BT2465" s="1">
        <v>197</v>
      </c>
      <c r="BU2465" s="1">
        <v>185</v>
      </c>
      <c r="BV2465" s="1">
        <v>182</v>
      </c>
      <c r="BW2465" s="1">
        <v>186</v>
      </c>
      <c r="BX2465" s="1">
        <v>180</v>
      </c>
      <c r="BY2465" s="1">
        <v>178</v>
      </c>
      <c r="BZ2465" s="1">
        <v>178</v>
      </c>
      <c r="CA2465" s="1">
        <v>174</v>
      </c>
      <c r="CB2465" s="1">
        <v>180</v>
      </c>
      <c r="CC2465" s="1">
        <v>175.75</v>
      </c>
      <c r="CD2465" s="1">
        <v>94.848399999999998</v>
      </c>
      <c r="CE2465" s="27">
        <v>0</v>
      </c>
      <c r="CF2465" s="27">
        <v>170.31899999999999</v>
      </c>
      <c r="CG2465" s="27">
        <v>170</v>
      </c>
      <c r="CH2465" s="27"/>
      <c r="CI2465" s="27"/>
      <c r="CJ2465" s="27"/>
      <c r="CK2465" s="27"/>
      <c r="CL2465" s="27"/>
      <c r="CM2465" s="27"/>
      <c r="CN2465" s="27"/>
      <c r="CO2465" s="27"/>
      <c r="CP2465" s="27"/>
      <c r="CQ2465" s="27"/>
      <c r="CR2465" s="27"/>
      <c r="CS2465" s="27"/>
      <c r="CT2465" s="27"/>
      <c r="CU2465" s="27"/>
      <c r="CV2465" s="27"/>
      <c r="CW2465" s="27"/>
      <c r="CX2465" s="27"/>
      <c r="CY2465" s="23" t="s">
        <v>525</v>
      </c>
      <c r="CZ2465" s="23" t="s">
        <v>526</v>
      </c>
      <c r="DA2465" s="24" t="s">
        <v>62</v>
      </c>
      <c r="DB2465" s="25" t="s">
        <v>345</v>
      </c>
      <c r="DC2465" s="25"/>
      <c r="DD2465" s="25"/>
      <c r="DE2465" s="25"/>
      <c r="DF2465" s="25"/>
      <c r="DG2465" s="25"/>
      <c r="DH2465" s="25" t="s">
        <v>333</v>
      </c>
      <c r="DI2465" s="25"/>
      <c r="DJ2465" s="25"/>
      <c r="DK2465" s="25"/>
      <c r="DL2465" s="25">
        <v>7</v>
      </c>
      <c r="DM2465" s="25" t="s">
        <v>485</v>
      </c>
      <c r="DN2465" s="25">
        <v>8</v>
      </c>
      <c r="DO2465" s="25" t="s">
        <v>486</v>
      </c>
    </row>
    <row r="2466" spans="1:119" x14ac:dyDescent="0.2">
      <c r="A2466" s="32" t="s">
        <v>791</v>
      </c>
      <c r="B2466" s="32" t="s">
        <v>791</v>
      </c>
      <c r="C2466" s="32" t="s">
        <v>329</v>
      </c>
      <c r="D2466" s="4" t="s">
        <v>137</v>
      </c>
      <c r="E2466" s="4" t="s">
        <v>278</v>
      </c>
      <c r="F2466" s="1">
        <v>-153</v>
      </c>
      <c r="G2466" s="2">
        <v>-0.1494140625</v>
      </c>
      <c r="H2466" s="1">
        <v>-103.49695831000008</v>
      </c>
      <c r="I2466" s="2">
        <v>-0.10111567864595361</v>
      </c>
      <c r="J2466" s="1">
        <v>-4.9112931639999715</v>
      </c>
      <c r="K2466" s="2">
        <v>-5.3380540628596759E-3</v>
      </c>
      <c r="L2466" s="1">
        <v>-43.856173803000047</v>
      </c>
      <c r="M2466" s="2">
        <v>-4.792281774842478E-2</v>
      </c>
      <c r="N2466" s="1">
        <v>-48.767466967000018</v>
      </c>
      <c r="O2466" s="2">
        <v>-5.3005057219298789E-2</v>
      </c>
      <c r="P2466" s="1">
        <v>1023.5500537200001</v>
      </c>
      <c r="Q2466" s="1">
        <v>1010.51073658</v>
      </c>
      <c r="R2466" s="1">
        <v>1008.84894242</v>
      </c>
      <c r="S2466" s="1">
        <v>1009.92788282</v>
      </c>
      <c r="T2466" s="1">
        <v>960.58373229400001</v>
      </c>
      <c r="U2466" s="1">
        <v>906.56710294899995</v>
      </c>
      <c r="V2466" s="1">
        <v>920.05309540999997</v>
      </c>
      <c r="W2466" s="1">
        <v>937.23855516499998</v>
      </c>
      <c r="X2466" s="1">
        <v>910.64749678500004</v>
      </c>
      <c r="Y2466" s="1">
        <v>915.141802246</v>
      </c>
      <c r="Z2466" s="1">
        <v>913.06610958900001</v>
      </c>
      <c r="AA2466" s="1">
        <v>891.85069752100003</v>
      </c>
      <c r="AB2466" s="1">
        <v>861.40856111400001</v>
      </c>
      <c r="AC2466" s="1">
        <v>842.15498029800005</v>
      </c>
      <c r="AD2466" s="1">
        <v>867.49326822299997</v>
      </c>
      <c r="AE2466" s="1">
        <v>862.58462762399995</v>
      </c>
      <c r="AF2466" s="1">
        <v>871.28562844299995</v>
      </c>
      <c r="AG2466" s="1">
        <v>7465.8171039000008</v>
      </c>
      <c r="AH2466" s="2">
        <v>0.3240183161249402</v>
      </c>
      <c r="AI2466" s="1">
        <v>4318.8507213999983</v>
      </c>
      <c r="AJ2466" s="2">
        <v>0.18743919371022333</v>
      </c>
      <c r="AK2466" s="1">
        <v>3103.4599928000025</v>
      </c>
      <c r="AL2466" s="2">
        <v>0.11342975287681052</v>
      </c>
      <c r="AM2466" s="1">
        <v>43.5063897</v>
      </c>
      <c r="AN2466" s="2">
        <v>1.4281409037781585E-3</v>
      </c>
      <c r="AO2466" s="1">
        <v>3146.9663825000025</v>
      </c>
      <c r="AP2466" s="2">
        <v>0.1150198874503775</v>
      </c>
      <c r="AQ2466" s="3">
        <v>23041.3428265</v>
      </c>
      <c r="AR2466" s="3">
        <v>23854.930718299998</v>
      </c>
      <c r="AS2466" s="3">
        <v>25088.3957047</v>
      </c>
      <c r="AT2466" s="3">
        <v>24637.178448899998</v>
      </c>
      <c r="AU2466" s="3">
        <v>24849.449185900001</v>
      </c>
      <c r="AV2466" s="3">
        <v>25407.698596400001</v>
      </c>
      <c r="AW2466" s="3">
        <v>27360.193547899999</v>
      </c>
      <c r="AX2466" s="3">
        <v>28119.585121600001</v>
      </c>
      <c r="AY2466" s="3">
        <v>29889.797839300001</v>
      </c>
      <c r="AZ2466" s="3">
        <v>30463.653540700001</v>
      </c>
      <c r="BA2466" s="3">
        <v>29591.0532838</v>
      </c>
      <c r="BB2466" s="3">
        <v>29449.208492199999</v>
      </c>
      <c r="BC2466" s="3">
        <v>33303.319644099996</v>
      </c>
      <c r="BD2466" s="3">
        <v>29890.0971952</v>
      </c>
      <c r="BE2466" s="3">
        <v>30670.637971299999</v>
      </c>
      <c r="BF2466" s="3">
        <v>30507.159930400001</v>
      </c>
      <c r="BG2466" s="1">
        <v>-28</v>
      </c>
      <c r="BH2466" s="2">
        <v>-0.22764227642276422</v>
      </c>
      <c r="BI2466" s="1">
        <v>-2</v>
      </c>
      <c r="BJ2466" s="2">
        <v>-1.6260162601626018E-2</v>
      </c>
      <c r="BK2466" s="1">
        <v>-7</v>
      </c>
      <c r="BL2466" s="2">
        <v>-5.7851239669421489E-2</v>
      </c>
      <c r="BM2466" s="1">
        <v>-19</v>
      </c>
      <c r="BN2466" s="2">
        <v>-0.16666666666666666</v>
      </c>
      <c r="BO2466" s="1">
        <v>-26</v>
      </c>
      <c r="BP2466" s="2">
        <v>-0.21487603305785125</v>
      </c>
      <c r="BQ2466" s="1">
        <v>123</v>
      </c>
      <c r="BR2466" s="1">
        <v>123</v>
      </c>
      <c r="BS2466" s="1">
        <v>122</v>
      </c>
      <c r="BT2466" s="1">
        <v>121</v>
      </c>
      <c r="BU2466" s="1">
        <v>115</v>
      </c>
      <c r="BV2466" s="1">
        <v>114</v>
      </c>
      <c r="BW2466" s="1">
        <v>114</v>
      </c>
      <c r="BX2466" s="1">
        <v>111</v>
      </c>
      <c r="BY2466" s="1">
        <v>104</v>
      </c>
      <c r="BZ2466" s="1">
        <v>98</v>
      </c>
      <c r="CA2466" s="1">
        <v>94</v>
      </c>
      <c r="CB2466" s="1">
        <v>93</v>
      </c>
      <c r="CC2466" s="1">
        <v>95</v>
      </c>
      <c r="CD2466" s="1">
        <v>-264.15100000000001</v>
      </c>
      <c r="CE2466" s="27">
        <v>0</v>
      </c>
      <c r="CF2466" s="27">
        <v>111.886</v>
      </c>
      <c r="CG2466" s="27">
        <v>112</v>
      </c>
      <c r="CH2466" s="27"/>
      <c r="CI2466" s="27"/>
      <c r="CJ2466" s="27"/>
      <c r="CK2466" s="27"/>
      <c r="CL2466" s="27"/>
      <c r="CM2466" s="27"/>
      <c r="CN2466" s="27"/>
      <c r="CO2466" s="27"/>
      <c r="CP2466" s="27"/>
      <c r="CQ2466" s="27"/>
      <c r="CR2466" s="27"/>
      <c r="CS2466" s="27"/>
      <c r="CT2466" s="27"/>
      <c r="CU2466" s="27"/>
      <c r="CV2466" s="27"/>
      <c r="CW2466" s="27"/>
      <c r="CX2466" s="27"/>
      <c r="CY2466" s="23" t="s">
        <v>697</v>
      </c>
      <c r="CZ2466" s="23" t="s">
        <v>698</v>
      </c>
      <c r="DA2466" s="24" t="s">
        <v>137</v>
      </c>
      <c r="DB2466" s="25"/>
      <c r="DC2466" s="25" t="s">
        <v>361</v>
      </c>
      <c r="DD2466" s="25"/>
      <c r="DE2466" s="25" t="s">
        <v>362</v>
      </c>
      <c r="DF2466" s="25" t="s">
        <v>363</v>
      </c>
      <c r="DG2466" s="25" t="s">
        <v>376</v>
      </c>
      <c r="DH2466" s="25" t="s">
        <v>468</v>
      </c>
      <c r="DI2466" s="25"/>
      <c r="DJ2466" s="25" t="s">
        <v>366</v>
      </c>
      <c r="DK2466" s="25" t="s">
        <v>699</v>
      </c>
      <c r="DL2466" s="25">
        <v>8</v>
      </c>
      <c r="DM2466" s="25" t="s">
        <v>368</v>
      </c>
      <c r="DN2466" s="25">
        <v>9</v>
      </c>
      <c r="DO2466" s="25" t="s">
        <v>384</v>
      </c>
    </row>
    <row r="2467" spans="1:119" x14ac:dyDescent="0.2">
      <c r="A2467" s="32" t="s">
        <v>791</v>
      </c>
      <c r="B2467" s="32" t="s">
        <v>791</v>
      </c>
      <c r="C2467" s="32" t="s">
        <v>329</v>
      </c>
      <c r="D2467" s="4" t="s">
        <v>123</v>
      </c>
      <c r="E2467" s="4" t="s">
        <v>264</v>
      </c>
      <c r="F2467" s="1">
        <v>226</v>
      </c>
      <c r="G2467" s="2">
        <v>7.4195666447799999E-2</v>
      </c>
      <c r="H2467" s="1">
        <v>333.13842968000017</v>
      </c>
      <c r="I2467" s="2">
        <v>0.10935130821482214</v>
      </c>
      <c r="J2467" s="1">
        <v>-5.2810030800001186</v>
      </c>
      <c r="K2467" s="2">
        <v>-1.5625955015183528E-3</v>
      </c>
      <c r="L2467" s="1">
        <v>-102.57433133999984</v>
      </c>
      <c r="M2467" s="2">
        <v>-3.0398209297101266E-2</v>
      </c>
      <c r="N2467" s="1">
        <v>-107.85533441999996</v>
      </c>
      <c r="O2467" s="2">
        <v>-3.1913304693517754E-2</v>
      </c>
      <c r="P2467" s="1">
        <v>3046.49697492</v>
      </c>
      <c r="Q2467" s="1">
        <v>3107.59975205</v>
      </c>
      <c r="R2467" s="1">
        <v>3036.8899516900001</v>
      </c>
      <c r="S2467" s="1">
        <v>3172.8799578100002</v>
      </c>
      <c r="T2467" s="1">
        <v>3179.3080474799999</v>
      </c>
      <c r="U2467" s="1">
        <v>3329.4857613099998</v>
      </c>
      <c r="V2467" s="1">
        <v>3379.6354046000001</v>
      </c>
      <c r="W2467" s="1">
        <v>3407.19879257</v>
      </c>
      <c r="X2467" s="1">
        <v>3409.31192693</v>
      </c>
      <c r="Y2467" s="1">
        <v>3374.35440152</v>
      </c>
      <c r="Z2467" s="1">
        <v>3234.4868335800002</v>
      </c>
      <c r="AA2467" s="1">
        <v>3204.74487232</v>
      </c>
      <c r="AB2467" s="1">
        <v>3184.4463764299999</v>
      </c>
      <c r="AC2467" s="1">
        <v>3204.5322215000001</v>
      </c>
      <c r="AD2467" s="1">
        <v>3230.7013373200002</v>
      </c>
      <c r="AE2467" s="1">
        <v>3209.4241282399998</v>
      </c>
      <c r="AF2467" s="1">
        <v>3271.7800701800002</v>
      </c>
      <c r="AG2467" s="1">
        <v>11749.110697799999</v>
      </c>
      <c r="AH2467" s="2">
        <v>0.48320183527927568</v>
      </c>
      <c r="AI2467" s="1">
        <v>5518.6660377000007</v>
      </c>
      <c r="AJ2467" s="2">
        <v>0.22696437426616217</v>
      </c>
      <c r="AK2467" s="1">
        <v>1541.3548933999991</v>
      </c>
      <c r="AL2467" s="2">
        <v>5.166474285098864E-2</v>
      </c>
      <c r="AM2467" s="1">
        <v>4689.089766699999</v>
      </c>
      <c r="AN2467" s="2">
        <v>0.14945238810378142</v>
      </c>
      <c r="AO2467" s="1">
        <v>6230.4446600999981</v>
      </c>
      <c r="AP2467" s="2">
        <v>0.20883855015461808</v>
      </c>
      <c r="AQ2467" s="3">
        <v>24315.120183700001</v>
      </c>
      <c r="AR2467" s="3">
        <v>25474.923967499999</v>
      </c>
      <c r="AS2467" s="3">
        <v>26110.744656899999</v>
      </c>
      <c r="AT2467" s="3">
        <v>26745.9502975</v>
      </c>
      <c r="AU2467" s="3">
        <v>27891.658786100001</v>
      </c>
      <c r="AV2467" s="3">
        <v>28296.8828493</v>
      </c>
      <c r="AW2467" s="3">
        <v>29833.786221400002</v>
      </c>
      <c r="AX2467" s="3">
        <v>30784.6356896</v>
      </c>
      <c r="AY2467" s="3">
        <v>30474.8532252</v>
      </c>
      <c r="AZ2467" s="3">
        <v>31375.141114800001</v>
      </c>
      <c r="BA2467" s="3">
        <v>31987.9363505</v>
      </c>
      <c r="BB2467" s="3">
        <v>31973.5710287</v>
      </c>
      <c r="BC2467" s="3">
        <v>32871.855950700003</v>
      </c>
      <c r="BD2467" s="3">
        <v>33290.704339299999</v>
      </c>
      <c r="BE2467" s="3">
        <v>34815.6395815</v>
      </c>
      <c r="BF2467" s="3">
        <v>36064.2308815</v>
      </c>
      <c r="BG2467" s="1">
        <v>-9.6597222620000025</v>
      </c>
      <c r="BH2467" s="2">
        <v>-2.9799267455543395E-2</v>
      </c>
      <c r="BI2467" s="1">
        <v>14.873348362000002</v>
      </c>
      <c r="BJ2467" s="2">
        <v>4.588277734881175E-2</v>
      </c>
      <c r="BK2467" s="1">
        <v>5.9878531289999728</v>
      </c>
      <c r="BL2467" s="2">
        <v>1.7661560619968899E-2</v>
      </c>
      <c r="BM2467" s="1">
        <v>-30.520923752999977</v>
      </c>
      <c r="BN2467" s="2">
        <v>-8.8461080623764912E-2</v>
      </c>
      <c r="BO2467" s="1">
        <v>-24.533070624000004</v>
      </c>
      <c r="BP2467" s="2">
        <v>-7.2361880741740589E-2</v>
      </c>
      <c r="BQ2467" s="1">
        <v>324.159722262</v>
      </c>
      <c r="BR2467" s="1">
        <v>335.01638312699998</v>
      </c>
      <c r="BS2467" s="1">
        <v>339.02061650799999</v>
      </c>
      <c r="BT2467" s="1">
        <v>339.033070624</v>
      </c>
      <c r="BU2467" s="1">
        <v>331.02748293299999</v>
      </c>
      <c r="BV2467" s="1">
        <v>329.01504490899998</v>
      </c>
      <c r="BW2467" s="1">
        <v>345.02092375299998</v>
      </c>
      <c r="BX2467" s="1">
        <v>331</v>
      </c>
      <c r="BY2467" s="1">
        <v>322</v>
      </c>
      <c r="BZ2467" s="1">
        <v>338</v>
      </c>
      <c r="CA2467" s="1">
        <v>328</v>
      </c>
      <c r="CB2467" s="1">
        <v>327</v>
      </c>
      <c r="CC2467" s="1">
        <v>314.5</v>
      </c>
      <c r="CD2467" s="1">
        <v>-107.736</v>
      </c>
      <c r="CE2467" s="27">
        <v>0</v>
      </c>
      <c r="CF2467" s="27">
        <v>333.01900000000001</v>
      </c>
      <c r="CG2467" s="27">
        <v>333</v>
      </c>
      <c r="CH2467" s="27"/>
      <c r="CI2467" s="27"/>
      <c r="CJ2467" s="27"/>
      <c r="CK2467" s="27"/>
      <c r="CL2467" s="27"/>
      <c r="CM2467" s="27"/>
      <c r="CN2467" s="27"/>
      <c r="CO2467" s="27"/>
      <c r="CP2467" s="27"/>
      <c r="CQ2467" s="27"/>
      <c r="CR2467" s="27"/>
      <c r="CS2467" s="27"/>
      <c r="CT2467" s="27"/>
      <c r="CU2467" s="27"/>
      <c r="CV2467" s="27"/>
      <c r="CW2467" s="27"/>
      <c r="CX2467" s="27"/>
      <c r="CY2467" s="23" t="s">
        <v>370</v>
      </c>
      <c r="CZ2467" s="23" t="s">
        <v>371</v>
      </c>
      <c r="DA2467" s="24" t="s">
        <v>123</v>
      </c>
      <c r="DB2467" s="25"/>
      <c r="DC2467" s="25" t="s">
        <v>372</v>
      </c>
      <c r="DD2467" s="25" t="s">
        <v>373</v>
      </c>
      <c r="DE2467" s="25" t="s">
        <v>374</v>
      </c>
      <c r="DF2467" s="25" t="s">
        <v>375</v>
      </c>
      <c r="DG2467" s="25" t="s">
        <v>376</v>
      </c>
      <c r="DH2467" s="25" t="s">
        <v>328</v>
      </c>
      <c r="DI2467" s="25" t="s">
        <v>377</v>
      </c>
      <c r="DJ2467" s="25" t="s">
        <v>366</v>
      </c>
      <c r="DK2467" s="25" t="s">
        <v>378</v>
      </c>
      <c r="DL2467" s="25">
        <v>2</v>
      </c>
      <c r="DM2467" s="25" t="s">
        <v>379</v>
      </c>
      <c r="DN2467" s="25">
        <v>3</v>
      </c>
      <c r="DO2467" s="25" t="s">
        <v>380</v>
      </c>
    </row>
    <row r="2468" spans="1:119" x14ac:dyDescent="0.2">
      <c r="A2468" s="32" t="s">
        <v>791</v>
      </c>
      <c r="B2468" s="32" t="s">
        <v>791</v>
      </c>
      <c r="C2468" s="32" t="s">
        <v>329</v>
      </c>
      <c r="D2468" s="4" t="s">
        <v>114</v>
      </c>
      <c r="E2468" s="4" t="s">
        <v>255</v>
      </c>
      <c r="F2468" s="1">
        <v>-126</v>
      </c>
      <c r="G2468" s="2">
        <v>-7.3943661971799995E-2</v>
      </c>
      <c r="H2468" s="1">
        <v>60.146416269999918</v>
      </c>
      <c r="I2468" s="2">
        <v>3.529707918379682E-2</v>
      </c>
      <c r="J2468" s="1">
        <v>-17.411971770000036</v>
      </c>
      <c r="K2468" s="2">
        <v>-9.8698824240663792E-3</v>
      </c>
      <c r="L2468" s="1">
        <v>-168.36667080999996</v>
      </c>
      <c r="M2468" s="2">
        <v>-9.6389089575699471E-2</v>
      </c>
      <c r="N2468" s="1">
        <v>-185.77864258</v>
      </c>
      <c r="O2468" s="2">
        <v>-0.10530762301869089</v>
      </c>
      <c r="P2468" s="1">
        <v>1704.00547753</v>
      </c>
      <c r="Q2468" s="1">
        <v>1738.58978278</v>
      </c>
      <c r="R2468" s="1">
        <v>1748.1383310599999</v>
      </c>
      <c r="S2468" s="1">
        <v>1712.2435818700001</v>
      </c>
      <c r="T2468" s="1">
        <v>1798.4741365</v>
      </c>
      <c r="U2468" s="1">
        <v>1835.81664991</v>
      </c>
      <c r="V2468" s="1">
        <v>1764.1518937999999</v>
      </c>
      <c r="W2468" s="1">
        <v>1694.52907467</v>
      </c>
      <c r="X2468" s="1">
        <v>1668.45000009</v>
      </c>
      <c r="Y2468" s="1">
        <v>1746.7399220299999</v>
      </c>
      <c r="Z2468" s="1">
        <v>1724.50285975</v>
      </c>
      <c r="AA2468" s="1">
        <v>1743.262839</v>
      </c>
      <c r="AB2468" s="1">
        <v>1815.8062485400001</v>
      </c>
      <c r="AC2468" s="1">
        <v>1595.6114294199999</v>
      </c>
      <c r="AD2468" s="1">
        <v>1567.86170608</v>
      </c>
      <c r="AE2468" s="1">
        <v>1568.26899746</v>
      </c>
      <c r="AF2468" s="1">
        <v>1578.3732512199999</v>
      </c>
      <c r="AG2468" s="1">
        <v>8407.2016741999978</v>
      </c>
      <c r="AH2468" s="2">
        <v>0.33481818549690201</v>
      </c>
      <c r="AI2468" s="1">
        <v>3575.5865830000002</v>
      </c>
      <c r="AJ2468" s="2">
        <v>0.14239832208153222</v>
      </c>
      <c r="AK2468" s="1">
        <v>5097.8417586000032</v>
      </c>
      <c r="AL2468" s="2">
        <v>0.17771593338575589</v>
      </c>
      <c r="AM2468" s="1">
        <v>-266.22666740000568</v>
      </c>
      <c r="AN2468" s="2">
        <v>-7.8804500651003286E-3</v>
      </c>
      <c r="AO2468" s="1">
        <v>4831.6150911999976</v>
      </c>
      <c r="AP2468" s="2">
        <v>0.1684350017818364</v>
      </c>
      <c r="AQ2468" s="3">
        <v>25109.752212899999</v>
      </c>
      <c r="AR2468" s="3">
        <v>25431.052623200001</v>
      </c>
      <c r="AS2468" s="3">
        <v>25853.783506299998</v>
      </c>
      <c r="AT2468" s="3">
        <v>26284.326650800002</v>
      </c>
      <c r="AU2468" s="3">
        <v>27547.550985000002</v>
      </c>
      <c r="AV2468" s="3">
        <v>28104.977985400001</v>
      </c>
      <c r="AW2468" s="3">
        <v>28685.338795899999</v>
      </c>
      <c r="AX2468" s="3">
        <v>30880.953298699998</v>
      </c>
      <c r="AY2468" s="3">
        <v>31361.659224399998</v>
      </c>
      <c r="AZ2468" s="3">
        <v>33783.180554500002</v>
      </c>
      <c r="BA2468" s="3">
        <v>33731.464584599998</v>
      </c>
      <c r="BB2468" s="3">
        <v>34418.799420800002</v>
      </c>
      <c r="BC2468" s="3">
        <v>35538.940410399999</v>
      </c>
      <c r="BD2468" s="3">
        <v>31917.063878500001</v>
      </c>
      <c r="BE2468" s="3">
        <v>32640.347706</v>
      </c>
      <c r="BF2468" s="3">
        <v>33516.953887099997</v>
      </c>
      <c r="BG2468" s="1">
        <v>-20.250083202000013</v>
      </c>
      <c r="BH2468" s="2">
        <v>-0.11440719594967511</v>
      </c>
      <c r="BI2468" s="1">
        <v>2.9999433389999979</v>
      </c>
      <c r="BJ2468" s="2">
        <v>1.6948824456632233E-2</v>
      </c>
      <c r="BK2468" s="1">
        <v>-15.999980975</v>
      </c>
      <c r="BL2468" s="2">
        <v>-8.8888770087795291E-2</v>
      </c>
      <c r="BM2468" s="1">
        <v>-7.2500455660000114</v>
      </c>
      <c r="BN2468" s="2">
        <v>-4.4207582631934757E-2</v>
      </c>
      <c r="BO2468" s="1">
        <v>-23.250026541000011</v>
      </c>
      <c r="BP2468" s="2">
        <v>-0.1291667950710228</v>
      </c>
      <c r="BQ2468" s="1">
        <v>177.00008320200001</v>
      </c>
      <c r="BR2468" s="1">
        <v>178.000020197</v>
      </c>
      <c r="BS2468" s="1">
        <v>185.00004941</v>
      </c>
      <c r="BT2468" s="1">
        <v>180.00002654100001</v>
      </c>
      <c r="BU2468" s="1">
        <v>174.00002598699999</v>
      </c>
      <c r="BV2468" s="1">
        <v>171.00001792200001</v>
      </c>
      <c r="BW2468" s="1">
        <v>164.00004556600001</v>
      </c>
      <c r="BX2468" s="1">
        <v>159</v>
      </c>
      <c r="BY2468" s="1">
        <v>165</v>
      </c>
      <c r="BZ2468" s="1">
        <v>164</v>
      </c>
      <c r="CA2468" s="1">
        <v>158</v>
      </c>
      <c r="CB2468" s="1">
        <v>159</v>
      </c>
      <c r="CC2468" s="1">
        <v>156.75</v>
      </c>
      <c r="CD2468" s="1">
        <v>-311.90100000000001</v>
      </c>
      <c r="CE2468" s="27">
        <v>0</v>
      </c>
      <c r="CF2468" s="27">
        <v>186.268</v>
      </c>
      <c r="CG2468" s="27">
        <v>186</v>
      </c>
      <c r="CH2468" s="27"/>
      <c r="CI2468" s="27"/>
      <c r="CJ2468" s="27"/>
      <c r="CK2468" s="27"/>
      <c r="CL2468" s="27"/>
      <c r="CM2468" s="27"/>
      <c r="CN2468" s="27"/>
      <c r="CO2468" s="27"/>
      <c r="CP2468" s="27"/>
      <c r="CQ2468" s="27"/>
      <c r="CR2468" s="27"/>
      <c r="CS2468" s="27"/>
      <c r="CT2468" s="27"/>
      <c r="CU2468" s="27"/>
      <c r="CV2468" s="27"/>
      <c r="CW2468" s="27"/>
      <c r="CX2468" s="27"/>
      <c r="CY2468" s="28" t="s">
        <v>593</v>
      </c>
      <c r="CZ2468" s="28" t="s">
        <v>594</v>
      </c>
      <c r="DA2468" s="29" t="s">
        <v>114</v>
      </c>
      <c r="DB2468" s="30"/>
      <c r="DC2468" s="30"/>
      <c r="DD2468" s="30"/>
      <c r="DE2468" s="30"/>
      <c r="DF2468" s="30"/>
      <c r="DG2468" s="30"/>
      <c r="DH2468" s="30" t="s">
        <v>333</v>
      </c>
      <c r="DI2468" s="30"/>
      <c r="DJ2468" s="30"/>
      <c r="DK2468" s="30"/>
      <c r="DL2468" s="30">
        <v>7</v>
      </c>
      <c r="DM2468" s="30" t="s">
        <v>485</v>
      </c>
      <c r="DN2468" s="30">
        <v>8</v>
      </c>
      <c r="DO2468" s="30" t="s">
        <v>486</v>
      </c>
    </row>
    <row r="2469" spans="1:119" x14ac:dyDescent="0.2">
      <c r="A2469" s="32" t="s">
        <v>791</v>
      </c>
      <c r="B2469" s="32" t="s">
        <v>791</v>
      </c>
      <c r="C2469" s="32" t="s">
        <v>329</v>
      </c>
      <c r="D2469" s="4" t="s">
        <v>105</v>
      </c>
      <c r="E2469" s="4" t="s">
        <v>246</v>
      </c>
      <c r="F2469" s="1">
        <v>-39</v>
      </c>
      <c r="G2469" s="2">
        <v>-2.4952015355099999E-2</v>
      </c>
      <c r="H2469" s="1">
        <v>-47.264379360000021</v>
      </c>
      <c r="I2469" s="2">
        <v>-3.0248076234533315E-2</v>
      </c>
      <c r="J2469" s="1">
        <v>-28.34233949999998</v>
      </c>
      <c r="K2469" s="2">
        <v>-1.8704187421748494E-2</v>
      </c>
      <c r="L2469" s="1">
        <v>36.696877289999975</v>
      </c>
      <c r="M2469" s="2">
        <v>2.4679270247979654E-2</v>
      </c>
      <c r="N2469" s="1">
        <v>8.3545377899999949</v>
      </c>
      <c r="O2469" s="2">
        <v>5.5134771300809687E-3</v>
      </c>
      <c r="P2469" s="1">
        <v>1562.55819357</v>
      </c>
      <c r="Q2469" s="1">
        <v>1548.6583938900001</v>
      </c>
      <c r="R2469" s="1">
        <v>1508.35290749</v>
      </c>
      <c r="S2469" s="1">
        <v>1555.43877537</v>
      </c>
      <c r="T2469" s="1">
        <v>1563.5303384700001</v>
      </c>
      <c r="U2469" s="1">
        <v>1502.6791845099999</v>
      </c>
      <c r="V2469" s="1">
        <v>1515.2938142099999</v>
      </c>
      <c r="W2469" s="1">
        <v>1531.4322297799999</v>
      </c>
      <c r="X2469" s="1">
        <v>1514.5633504100001</v>
      </c>
      <c r="Y2469" s="1">
        <v>1486.95147471</v>
      </c>
      <c r="Z2469" s="1">
        <v>1499.10024008</v>
      </c>
      <c r="AA2469" s="1">
        <v>1503.5611976600001</v>
      </c>
      <c r="AB2469" s="1">
        <v>1493.5548435000001</v>
      </c>
      <c r="AC2469" s="1">
        <v>1499.37246129</v>
      </c>
      <c r="AD2469" s="1">
        <v>1501.1294402999999</v>
      </c>
      <c r="AE2469" s="1">
        <v>1505.84167445</v>
      </c>
      <c r="AF2469" s="1">
        <v>1523.6483519999999</v>
      </c>
      <c r="AG2469" s="1">
        <v>11929.268728499996</v>
      </c>
      <c r="AH2469" s="2">
        <v>0.50531072225621743</v>
      </c>
      <c r="AI2469" s="1">
        <v>6725.7837759999966</v>
      </c>
      <c r="AJ2469" s="2">
        <v>0.28489681429257685</v>
      </c>
      <c r="AK2469" s="1">
        <v>1233.730751500003</v>
      </c>
      <c r="AL2469" s="2">
        <v>4.0672121785870374E-2</v>
      </c>
      <c r="AM2469" s="1">
        <v>3969.7542009999961</v>
      </c>
      <c r="AN2469" s="2">
        <v>0.12575525314749145</v>
      </c>
      <c r="AO2469" s="1">
        <v>5203.4849524999991</v>
      </c>
      <c r="AP2469" s="2">
        <v>0.17154210790458957</v>
      </c>
      <c r="AQ2469" s="3">
        <v>23607.788639900002</v>
      </c>
      <c r="AR2469" s="3">
        <v>24579.014299999999</v>
      </c>
      <c r="AS2469" s="3">
        <v>25644.487749799999</v>
      </c>
      <c r="AT2469" s="3">
        <v>26617.626561199999</v>
      </c>
      <c r="AU2469" s="3">
        <v>27952.751895699999</v>
      </c>
      <c r="AV2469" s="3">
        <v>29265.470510300001</v>
      </c>
      <c r="AW2469" s="3">
        <v>30333.572415899998</v>
      </c>
      <c r="AX2469" s="3">
        <v>30207.400999900001</v>
      </c>
      <c r="AY2469" s="3">
        <v>30838.601617200002</v>
      </c>
      <c r="AZ2469" s="3">
        <v>31567.303167400001</v>
      </c>
      <c r="BA2469" s="3">
        <v>31388.366868500001</v>
      </c>
      <c r="BB2469" s="3">
        <v>32338.0639261</v>
      </c>
      <c r="BC2469" s="3">
        <v>34175.459515399998</v>
      </c>
      <c r="BD2469" s="3">
        <v>34729.488056399998</v>
      </c>
      <c r="BE2469" s="3">
        <v>34824.700226300003</v>
      </c>
      <c r="BF2469" s="3">
        <v>35537.057368399997</v>
      </c>
      <c r="BG2469" s="1">
        <v>-17.250094866000012</v>
      </c>
      <c r="BH2469" s="2">
        <v>-0.10267907812646777</v>
      </c>
      <c r="BI2469" s="1">
        <v>-10.000065491000015</v>
      </c>
      <c r="BJ2469" s="2">
        <v>-5.9524165739169688E-2</v>
      </c>
      <c r="BK2469" s="1">
        <v>-4.0000088649999839</v>
      </c>
      <c r="BL2469" s="2">
        <v>-2.5316507097010051E-2</v>
      </c>
      <c r="BM2469" s="1">
        <v>-3.250020510000013</v>
      </c>
      <c r="BN2469" s="2">
        <v>-2.110402647504175E-2</v>
      </c>
      <c r="BO2469" s="1">
        <v>-7.2500293749999969</v>
      </c>
      <c r="BP2469" s="2">
        <v>-4.5886253336020921E-2</v>
      </c>
      <c r="BQ2469" s="1">
        <v>168.00009486600001</v>
      </c>
      <c r="BR2469" s="1">
        <v>163.000026663</v>
      </c>
      <c r="BS2469" s="1">
        <v>161.00004137400001</v>
      </c>
      <c r="BT2469" s="1">
        <v>158.000029375</v>
      </c>
      <c r="BU2469" s="1">
        <v>155.000073523</v>
      </c>
      <c r="BV2469" s="1">
        <v>155.00002531499999</v>
      </c>
      <c r="BW2469" s="1">
        <v>154.00002051000001</v>
      </c>
      <c r="BX2469" s="1">
        <v>147</v>
      </c>
      <c r="BY2469" s="1">
        <v>141</v>
      </c>
      <c r="BZ2469" s="1">
        <v>146</v>
      </c>
      <c r="CA2469" s="1">
        <v>152</v>
      </c>
      <c r="CB2469" s="1">
        <v>154</v>
      </c>
      <c r="CC2469" s="1">
        <v>150.75</v>
      </c>
      <c r="CD2469" s="1">
        <v>-209.71600000000001</v>
      </c>
      <c r="CE2469" s="27">
        <v>0</v>
      </c>
      <c r="CF2469" s="27">
        <v>170.80600000000001</v>
      </c>
      <c r="CG2469" s="27">
        <v>171</v>
      </c>
      <c r="CH2469" s="27"/>
      <c r="CI2469" s="27"/>
      <c r="CJ2469" s="27"/>
      <c r="CK2469" s="27"/>
      <c r="CL2469" s="27"/>
      <c r="CM2469" s="27"/>
      <c r="CN2469" s="27"/>
      <c r="CO2469" s="27"/>
      <c r="CP2469" s="27"/>
      <c r="CQ2469" s="27"/>
      <c r="CR2469" s="27"/>
      <c r="CS2469" s="27"/>
      <c r="CT2469" s="27"/>
      <c r="CU2469" s="27"/>
      <c r="CV2469" s="27"/>
      <c r="CW2469" s="27"/>
      <c r="CX2469" s="27"/>
      <c r="CY2469" s="23" t="s">
        <v>700</v>
      </c>
      <c r="CZ2469" s="23" t="s">
        <v>701</v>
      </c>
      <c r="DA2469" s="24" t="s">
        <v>105</v>
      </c>
      <c r="DB2469" s="25"/>
      <c r="DC2469" s="25"/>
      <c r="DD2469" s="25"/>
      <c r="DE2469" s="25"/>
      <c r="DF2469" s="25"/>
      <c r="DG2469" s="25"/>
      <c r="DH2469" s="25" t="s">
        <v>333</v>
      </c>
      <c r="DI2469" s="25"/>
      <c r="DJ2469" s="25"/>
      <c r="DK2469" s="25"/>
      <c r="DL2469" s="25">
        <v>10</v>
      </c>
      <c r="DM2469" s="25" t="s">
        <v>383</v>
      </c>
      <c r="DN2469" s="25">
        <v>9</v>
      </c>
      <c r="DO2469" s="25" t="s">
        <v>384</v>
      </c>
    </row>
    <row r="2470" spans="1:119" x14ac:dyDescent="0.2">
      <c r="A2470" s="32" t="s">
        <v>791</v>
      </c>
      <c r="B2470" s="32" t="s">
        <v>791</v>
      </c>
      <c r="C2470" s="32" t="s">
        <v>329</v>
      </c>
      <c r="D2470" s="4" t="s">
        <v>71</v>
      </c>
      <c r="E2470" s="4" t="s">
        <v>212</v>
      </c>
      <c r="F2470" s="1">
        <v>-282</v>
      </c>
      <c r="G2470" s="2">
        <v>-0.122395833333</v>
      </c>
      <c r="H2470" s="1">
        <v>-30.483091720000175</v>
      </c>
      <c r="I2470" s="2">
        <v>-1.3228397855501933E-2</v>
      </c>
      <c r="J2470" s="1">
        <v>-34.799402579999878</v>
      </c>
      <c r="K2470" s="2">
        <v>-1.5303944463338928E-2</v>
      </c>
      <c r="L2470" s="1">
        <v>-216.92390065000018</v>
      </c>
      <c r="M2470" s="2">
        <v>-9.6880595510624223E-2</v>
      </c>
      <c r="N2470" s="1">
        <v>-251.72330323000006</v>
      </c>
      <c r="O2470" s="2">
        <v>-0.11070188472069335</v>
      </c>
      <c r="P2470" s="1">
        <v>2304.3676228200002</v>
      </c>
      <c r="Q2470" s="1">
        <v>2315.8468071000002</v>
      </c>
      <c r="R2470" s="1">
        <v>2375.6799787099999</v>
      </c>
      <c r="S2470" s="1">
        <v>2326.8133571600001</v>
      </c>
      <c r="T2470" s="1">
        <v>2162.5397237799998</v>
      </c>
      <c r="U2470" s="1">
        <v>2225.9028689400002</v>
      </c>
      <c r="V2470" s="1">
        <v>2273.8845311</v>
      </c>
      <c r="W2470" s="1">
        <v>2269.68705383</v>
      </c>
      <c r="X2470" s="1">
        <v>2250.9143137999999</v>
      </c>
      <c r="Y2470" s="1">
        <v>2239.0851285200001</v>
      </c>
      <c r="Z2470" s="1">
        <v>2164.21549258</v>
      </c>
      <c r="AA2470" s="1">
        <v>2134.3176882500002</v>
      </c>
      <c r="AB2470" s="1">
        <v>2080.5096751699998</v>
      </c>
      <c r="AC2470" s="1">
        <v>2061.4864321099999</v>
      </c>
      <c r="AD2470" s="1">
        <v>2019.84826266</v>
      </c>
      <c r="AE2470" s="1">
        <v>2014.9336259900001</v>
      </c>
      <c r="AF2470" s="1">
        <v>2022.1612278699999</v>
      </c>
      <c r="AG2470" s="1">
        <v>11297.8174855</v>
      </c>
      <c r="AH2470" s="2">
        <v>0.47294199629830086</v>
      </c>
      <c r="AI2470" s="1">
        <v>3223.1624604999997</v>
      </c>
      <c r="AJ2470" s="2">
        <v>0.13492596162214868</v>
      </c>
      <c r="AK2470" s="1">
        <v>3800.3158588000006</v>
      </c>
      <c r="AL2470" s="2">
        <v>0.14017336173452538</v>
      </c>
      <c r="AM2470" s="1">
        <v>4274.3391661999995</v>
      </c>
      <c r="AN2470" s="2">
        <v>0.1382750693658214</v>
      </c>
      <c r="AO2470" s="1">
        <v>8074.655025</v>
      </c>
      <c r="AP2470" s="2">
        <v>0.29783091241742865</v>
      </c>
      <c r="AQ2470" s="3">
        <v>23888.378646699999</v>
      </c>
      <c r="AR2470" s="3">
        <v>24022.469993300001</v>
      </c>
      <c r="AS2470" s="3">
        <v>24238.691908000001</v>
      </c>
      <c r="AT2470" s="3">
        <v>25121.0622726</v>
      </c>
      <c r="AU2470" s="3">
        <v>26090.203080300002</v>
      </c>
      <c r="AV2470" s="3">
        <v>26463.518421000001</v>
      </c>
      <c r="AW2470" s="3">
        <v>27111.541107199999</v>
      </c>
      <c r="AX2470" s="3">
        <v>28773.520252099999</v>
      </c>
      <c r="AY2470" s="3">
        <v>29867.512635499999</v>
      </c>
      <c r="AZ2470" s="3">
        <v>30911.856965999999</v>
      </c>
      <c r="BA2470" s="3">
        <v>30926.019861699999</v>
      </c>
      <c r="BB2470" s="3">
        <v>31477.004939300001</v>
      </c>
      <c r="BC2470" s="3">
        <v>32370.903921699999</v>
      </c>
      <c r="BD2470" s="3">
        <v>33425.734401299997</v>
      </c>
      <c r="BE2470" s="3">
        <v>33829.770186599999</v>
      </c>
      <c r="BF2470" s="3">
        <v>35186.196132199999</v>
      </c>
      <c r="BG2470" s="1">
        <v>-41.500001374000021</v>
      </c>
      <c r="BH2470" s="2">
        <v>-0.15090909515145789</v>
      </c>
      <c r="BI2470" s="1">
        <v>-5.0000013740000213</v>
      </c>
      <c r="BJ2470" s="2">
        <v>-1.8181823087338896E-2</v>
      </c>
      <c r="BK2470" s="1">
        <v>-10.999985453000022</v>
      </c>
      <c r="BL2470" s="2">
        <v>-4.0740686862963046E-2</v>
      </c>
      <c r="BM2470" s="1">
        <v>-25.500014546999978</v>
      </c>
      <c r="BN2470" s="2">
        <v>-9.8455649091759273E-2</v>
      </c>
      <c r="BO2470" s="1">
        <v>-36.5</v>
      </c>
      <c r="BP2470" s="2">
        <v>-0.13518518518518519</v>
      </c>
      <c r="BQ2470" s="1">
        <v>275.00000137400002</v>
      </c>
      <c r="BR2470" s="1">
        <v>275.00000016400003</v>
      </c>
      <c r="BS2470" s="1">
        <v>269</v>
      </c>
      <c r="BT2470" s="1">
        <v>270</v>
      </c>
      <c r="BU2470" s="1">
        <v>271</v>
      </c>
      <c r="BV2470" s="1">
        <v>270.00001257299999</v>
      </c>
      <c r="BW2470" s="1">
        <v>259.00001454699998</v>
      </c>
      <c r="BX2470" s="1">
        <v>250</v>
      </c>
      <c r="BY2470" s="1">
        <v>243</v>
      </c>
      <c r="BZ2470" s="1">
        <v>239</v>
      </c>
      <c r="CA2470" s="1">
        <v>237</v>
      </c>
      <c r="CB2470" s="1">
        <v>232</v>
      </c>
      <c r="CC2470" s="1">
        <v>233.5</v>
      </c>
      <c r="CD2470" s="1">
        <v>-534.10199999999998</v>
      </c>
      <c r="CE2470" s="27">
        <v>0</v>
      </c>
      <c r="CF2470" s="27">
        <v>251.89500000000001</v>
      </c>
      <c r="CG2470" s="27">
        <v>252</v>
      </c>
      <c r="CH2470" s="27"/>
      <c r="CI2470" s="27"/>
      <c r="CJ2470" s="27"/>
      <c r="CK2470" s="27"/>
      <c r="CL2470" s="27"/>
      <c r="CM2470" s="27"/>
      <c r="CN2470" s="27"/>
      <c r="CO2470" s="27"/>
      <c r="CP2470" s="27"/>
      <c r="CQ2470" s="27"/>
      <c r="CR2470" s="27"/>
      <c r="CS2470" s="27"/>
      <c r="CT2470" s="27"/>
      <c r="CU2470" s="27"/>
      <c r="CV2470" s="27"/>
      <c r="CW2470" s="27"/>
      <c r="CX2470" s="27"/>
      <c r="CY2470" s="23" t="s">
        <v>381</v>
      </c>
      <c r="CZ2470" s="23" t="s">
        <v>382</v>
      </c>
      <c r="DA2470" s="24" t="s">
        <v>71</v>
      </c>
      <c r="DB2470" s="25"/>
      <c r="DC2470" s="25"/>
      <c r="DD2470" s="25"/>
      <c r="DE2470" s="25"/>
      <c r="DF2470" s="25"/>
      <c r="DG2470" s="25"/>
      <c r="DH2470" s="25" t="s">
        <v>333</v>
      </c>
      <c r="DI2470" s="25"/>
      <c r="DJ2470" s="25"/>
      <c r="DK2470" s="25"/>
      <c r="DL2470" s="25">
        <v>10</v>
      </c>
      <c r="DM2470" s="25" t="s">
        <v>383</v>
      </c>
      <c r="DN2470" s="25">
        <v>9</v>
      </c>
      <c r="DO2470" s="25" t="s">
        <v>384</v>
      </c>
    </row>
    <row r="2471" spans="1:119" x14ac:dyDescent="0.2">
      <c r="A2471" s="32" t="s">
        <v>791</v>
      </c>
      <c r="B2471" s="32" t="s">
        <v>791</v>
      </c>
      <c r="C2471" s="32" t="s">
        <v>329</v>
      </c>
      <c r="D2471" s="4" t="s">
        <v>113</v>
      </c>
      <c r="E2471" s="4" t="s">
        <v>254</v>
      </c>
      <c r="F2471" s="1">
        <v>-117</v>
      </c>
      <c r="G2471" s="2">
        <v>-0.192118226601</v>
      </c>
      <c r="H2471" s="1">
        <v>-4.9869482120000157</v>
      </c>
      <c r="I2471" s="2">
        <v>-8.1874307099839179E-3</v>
      </c>
      <c r="J2471" s="1">
        <v>-37.057530425999971</v>
      </c>
      <c r="K2471" s="2">
        <v>-6.1342242059537894E-2</v>
      </c>
      <c r="L2471" s="1">
        <v>-75.29791999400004</v>
      </c>
      <c r="M2471" s="2">
        <v>-0.13278801449335809</v>
      </c>
      <c r="N2471" s="1">
        <v>-112.35545042000001</v>
      </c>
      <c r="O2471" s="2">
        <v>-0.18598474202523899</v>
      </c>
      <c r="P2471" s="1">
        <v>609.09806612700004</v>
      </c>
      <c r="Q2471" s="1">
        <v>586.80217173100004</v>
      </c>
      <c r="R2471" s="1">
        <v>609.06646302900003</v>
      </c>
      <c r="S2471" s="1">
        <v>592.30332154200005</v>
      </c>
      <c r="T2471" s="1">
        <v>587.030472014</v>
      </c>
      <c r="U2471" s="1">
        <v>610.31909647700002</v>
      </c>
      <c r="V2471" s="1">
        <v>604.11111791500002</v>
      </c>
      <c r="W2471" s="1">
        <v>581.98467686699996</v>
      </c>
      <c r="X2471" s="1">
        <v>566.92596644299999</v>
      </c>
      <c r="Y2471" s="1">
        <v>567.05358748900005</v>
      </c>
      <c r="Z2471" s="1">
        <v>551.282007755</v>
      </c>
      <c r="AA2471" s="1">
        <v>552.81372027600003</v>
      </c>
      <c r="AB2471" s="1">
        <v>594.19558192600005</v>
      </c>
      <c r="AC2471" s="1">
        <v>560.56064933799996</v>
      </c>
      <c r="AD2471" s="1">
        <v>494.74314490400002</v>
      </c>
      <c r="AE2471" s="1">
        <v>491.16067629499997</v>
      </c>
      <c r="AF2471" s="1">
        <v>491.75566749500001</v>
      </c>
      <c r="AG2471" s="1">
        <v>8406.1091162000012</v>
      </c>
      <c r="AH2471" s="2">
        <v>0.37792541918612299</v>
      </c>
      <c r="AI2471" s="1">
        <v>3504.0011075000002</v>
      </c>
      <c r="AJ2471" s="2">
        <v>0.1575343680500792</v>
      </c>
      <c r="AK2471" s="1">
        <v>1747.2601885000004</v>
      </c>
      <c r="AL2471" s="2">
        <v>6.7863267684900017E-2</v>
      </c>
      <c r="AM2471" s="1">
        <v>3154.8478202000006</v>
      </c>
      <c r="AN2471" s="2">
        <v>0.11474663358031226</v>
      </c>
      <c r="AO2471" s="1">
        <v>4902.1080087000009</v>
      </c>
      <c r="AP2471" s="2">
        <v>0.19039698277581413</v>
      </c>
      <c r="AQ2471" s="3">
        <v>22242.772487499999</v>
      </c>
      <c r="AR2471" s="3">
        <v>23088.686413799998</v>
      </c>
      <c r="AS2471" s="3">
        <v>24010.414791800002</v>
      </c>
      <c r="AT2471" s="3">
        <v>23829.046752999999</v>
      </c>
      <c r="AU2471" s="3">
        <v>39289.447705899998</v>
      </c>
      <c r="AV2471" s="3">
        <v>24927.997612499999</v>
      </c>
      <c r="AW2471" s="3">
        <v>25746.773594999999</v>
      </c>
      <c r="AX2471" s="3">
        <v>25481.0030161</v>
      </c>
      <c r="AY2471" s="3">
        <v>26415.720103700001</v>
      </c>
      <c r="AZ2471" s="3">
        <v>27494.033783499999</v>
      </c>
      <c r="BA2471" s="3">
        <v>27734.718813300002</v>
      </c>
      <c r="BB2471" s="3">
        <v>27331.2299695</v>
      </c>
      <c r="BC2471" s="3">
        <v>28844.2842237</v>
      </c>
      <c r="BD2471" s="3">
        <v>29568.007004999999</v>
      </c>
      <c r="BE2471" s="3">
        <v>30406.870888699999</v>
      </c>
      <c r="BF2471" s="3">
        <v>30648.8816037</v>
      </c>
      <c r="BG2471" s="1">
        <v>-9.75</v>
      </c>
      <c r="BH2471" s="2">
        <v>-0.12341772151898735</v>
      </c>
      <c r="BI2471" s="1">
        <v>1</v>
      </c>
      <c r="BJ2471" s="2">
        <v>1.2658227848101266E-2</v>
      </c>
      <c r="BK2471" s="1">
        <v>-5</v>
      </c>
      <c r="BL2471" s="2">
        <v>-6.25E-2</v>
      </c>
      <c r="BM2471" s="1">
        <v>-5.75</v>
      </c>
      <c r="BN2471" s="2">
        <v>-7.6666666666666661E-2</v>
      </c>
      <c r="BO2471" s="1">
        <v>-10.75</v>
      </c>
      <c r="BP2471" s="2">
        <v>-0.13437499999999999</v>
      </c>
      <c r="BQ2471" s="1">
        <v>79</v>
      </c>
      <c r="BR2471" s="1">
        <v>72</v>
      </c>
      <c r="BS2471" s="1">
        <v>76</v>
      </c>
      <c r="BT2471" s="1">
        <v>80</v>
      </c>
      <c r="BU2471" s="1">
        <v>77</v>
      </c>
      <c r="BV2471" s="1">
        <v>74</v>
      </c>
      <c r="BW2471" s="1">
        <v>75</v>
      </c>
      <c r="BX2471" s="1">
        <v>78</v>
      </c>
      <c r="BY2471" s="1">
        <v>82</v>
      </c>
      <c r="BZ2471" s="1">
        <v>78</v>
      </c>
      <c r="CA2471" s="1">
        <v>75</v>
      </c>
      <c r="CB2471" s="1">
        <v>73</v>
      </c>
      <c r="CC2471" s="1">
        <v>69.25</v>
      </c>
      <c r="CD2471" s="1">
        <v>-183.92400000000001</v>
      </c>
      <c r="CE2471" s="27">
        <v>0</v>
      </c>
      <c r="CF2471" s="27">
        <v>66.581800000000001</v>
      </c>
      <c r="CG2471" s="27">
        <v>67</v>
      </c>
      <c r="CH2471" s="27"/>
      <c r="CI2471" s="27"/>
      <c r="CJ2471" s="27"/>
      <c r="CK2471" s="27"/>
      <c r="CL2471" s="27"/>
      <c r="CM2471" s="27"/>
      <c r="CN2471" s="27"/>
      <c r="CO2471" s="27"/>
      <c r="CP2471" s="27"/>
      <c r="CQ2471" s="27"/>
      <c r="CR2471" s="27"/>
      <c r="CS2471" s="27"/>
      <c r="CT2471" s="27"/>
      <c r="CU2471" s="27"/>
      <c r="CV2471" s="27"/>
      <c r="CW2471" s="27"/>
      <c r="CX2471" s="27"/>
      <c r="CY2471" s="23" t="s">
        <v>737</v>
      </c>
      <c r="CZ2471" s="23" t="s">
        <v>738</v>
      </c>
      <c r="DA2471" s="24" t="s">
        <v>113</v>
      </c>
      <c r="DB2471" s="25"/>
      <c r="DC2471" s="25"/>
      <c r="DD2471" s="25"/>
      <c r="DE2471" s="25"/>
      <c r="DF2471" s="25"/>
      <c r="DG2471" s="25"/>
      <c r="DH2471" s="25" t="s">
        <v>333</v>
      </c>
      <c r="DI2471" s="25"/>
      <c r="DJ2471" s="25"/>
      <c r="DK2471" s="25"/>
      <c r="DL2471" s="25">
        <v>10</v>
      </c>
      <c r="DM2471" s="25" t="s">
        <v>383</v>
      </c>
      <c r="DN2471" s="25">
        <v>9</v>
      </c>
      <c r="DO2471" s="25" t="s">
        <v>384</v>
      </c>
    </row>
    <row r="2472" spans="1:119" x14ac:dyDescent="0.2">
      <c r="A2472" s="32" t="s">
        <v>791</v>
      </c>
      <c r="B2472" s="32" t="s">
        <v>791</v>
      </c>
      <c r="C2472" s="32" t="s">
        <v>329</v>
      </c>
      <c r="D2472" s="4" t="s">
        <v>97</v>
      </c>
      <c r="E2472" s="4" t="s">
        <v>238</v>
      </c>
      <c r="F2472" s="1">
        <v>147</v>
      </c>
      <c r="G2472" s="2">
        <v>0.10848708487100001</v>
      </c>
      <c r="H2472" s="1">
        <v>196.56126268000003</v>
      </c>
      <c r="I2472" s="2">
        <v>0.1450548054908623</v>
      </c>
      <c r="J2472" s="1">
        <v>-39.493057090000093</v>
      </c>
      <c r="K2472" s="2">
        <v>-2.5452395733907066E-2</v>
      </c>
      <c r="L2472" s="1">
        <v>-9.6578808199999457</v>
      </c>
      <c r="M2472" s="2">
        <v>-6.3868497218164877E-3</v>
      </c>
      <c r="N2472" s="1">
        <v>-49.150937910000039</v>
      </c>
      <c r="O2472" s="2">
        <v>-3.1676684829110888E-2</v>
      </c>
      <c r="P2472" s="1">
        <v>1355.0827359</v>
      </c>
      <c r="Q2472" s="1">
        <v>1414.3560634</v>
      </c>
      <c r="R2472" s="1">
        <v>1452.1950295300001</v>
      </c>
      <c r="S2472" s="1">
        <v>1588.8967215800001</v>
      </c>
      <c r="T2472" s="1">
        <v>1642.49294811</v>
      </c>
      <c r="U2472" s="1">
        <v>1566.9641597499999</v>
      </c>
      <c r="V2472" s="1">
        <v>1551.64399858</v>
      </c>
      <c r="W2472" s="1">
        <v>1539.60521225</v>
      </c>
      <c r="X2472" s="1">
        <v>1555.59000803</v>
      </c>
      <c r="Y2472" s="1">
        <v>1512.1509414899999</v>
      </c>
      <c r="Z2472" s="1">
        <v>1494.7200330200001</v>
      </c>
      <c r="AA2472" s="1">
        <v>1466.28092029</v>
      </c>
      <c r="AB2472" s="1">
        <v>1455.5590434200001</v>
      </c>
      <c r="AC2472" s="1">
        <v>1462.5373388099999</v>
      </c>
      <c r="AD2472" s="1">
        <v>1453.6503116700001</v>
      </c>
      <c r="AE2472" s="1">
        <v>1473.4081886900001</v>
      </c>
      <c r="AF2472" s="1">
        <v>1502.49306067</v>
      </c>
      <c r="AG2472" s="1">
        <v>7255.5823256999975</v>
      </c>
      <c r="AH2472" s="2">
        <v>0.31446818847620789</v>
      </c>
      <c r="AI2472" s="1">
        <v>2836.0452559999976</v>
      </c>
      <c r="AJ2472" s="2">
        <v>0.12291859895681354</v>
      </c>
      <c r="AK2472" s="1">
        <v>2278.9498711000015</v>
      </c>
      <c r="AL2472" s="2">
        <v>8.7961158749056412E-2</v>
      </c>
      <c r="AM2472" s="1">
        <v>2140.5871985999984</v>
      </c>
      <c r="AN2472" s="2">
        <v>7.5940893478803867E-2</v>
      </c>
      <c r="AO2472" s="1">
        <v>4419.5370696999998</v>
      </c>
      <c r="AP2472" s="2">
        <v>0.17058190121469452</v>
      </c>
      <c r="AQ2472" s="3">
        <v>23072.547849300001</v>
      </c>
      <c r="AR2472" s="3">
        <v>23621.404667899998</v>
      </c>
      <c r="AS2472" s="3">
        <v>23496.5437275</v>
      </c>
      <c r="AT2472" s="3">
        <v>23006.0469687</v>
      </c>
      <c r="AU2472" s="3">
        <v>23346.230562100001</v>
      </c>
      <c r="AV2472" s="3">
        <v>24614.189732300001</v>
      </c>
      <c r="AW2472" s="3">
        <v>25908.593105299999</v>
      </c>
      <c r="AX2472" s="3">
        <v>27115.829858699999</v>
      </c>
      <c r="AY2472" s="3">
        <v>28772.876124599999</v>
      </c>
      <c r="AZ2472" s="3">
        <v>28187.5429764</v>
      </c>
      <c r="BA2472" s="3">
        <v>28643.633094500001</v>
      </c>
      <c r="BB2472" s="3">
        <v>28724.0792483</v>
      </c>
      <c r="BC2472" s="3">
        <v>29951.835634399999</v>
      </c>
      <c r="BD2472" s="3">
        <v>29811.268905299999</v>
      </c>
      <c r="BE2472" s="3">
        <v>30036.5177205</v>
      </c>
      <c r="BF2472" s="3">
        <v>30328.130174999998</v>
      </c>
      <c r="BG2472" s="1">
        <v>-32.750156927999996</v>
      </c>
      <c r="BH2472" s="2">
        <v>-0.21546133629002248</v>
      </c>
      <c r="BI2472" s="1">
        <v>-2.0000397830000054</v>
      </c>
      <c r="BJ2472" s="2">
        <v>-1.3158142882361574E-2</v>
      </c>
      <c r="BK2472" s="1">
        <v>-17.000056833000002</v>
      </c>
      <c r="BL2472" s="2">
        <v>-0.11333362371021768</v>
      </c>
      <c r="BM2472" s="1">
        <v>-13.750060311999988</v>
      </c>
      <c r="BN2472" s="2">
        <v>-0.10338386523843841</v>
      </c>
      <c r="BO2472" s="1">
        <v>-30.75011714499999</v>
      </c>
      <c r="BP2472" s="2">
        <v>-0.20500062086801507</v>
      </c>
      <c r="BQ2472" s="1">
        <v>152.000156928</v>
      </c>
      <c r="BR2472" s="1">
        <v>150.000072472</v>
      </c>
      <c r="BS2472" s="1">
        <v>146.00012850100001</v>
      </c>
      <c r="BT2472" s="1">
        <v>150.00011714499999</v>
      </c>
      <c r="BU2472" s="1">
        <v>147</v>
      </c>
      <c r="BV2472" s="1">
        <v>139.00005932400001</v>
      </c>
      <c r="BW2472" s="1">
        <v>133.00006031199999</v>
      </c>
      <c r="BX2472" s="1">
        <v>131</v>
      </c>
      <c r="BY2472" s="1">
        <v>124</v>
      </c>
      <c r="BZ2472" s="1">
        <v>130</v>
      </c>
      <c r="CA2472" s="1">
        <v>124</v>
      </c>
      <c r="CB2472" s="1">
        <v>125</v>
      </c>
      <c r="CC2472" s="1">
        <v>119.25</v>
      </c>
      <c r="CD2472" s="1">
        <v>-0.71653599999999995</v>
      </c>
      <c r="CE2472" s="27">
        <v>0</v>
      </c>
      <c r="CF2472" s="27">
        <v>148.12700000000001</v>
      </c>
      <c r="CG2472" s="27">
        <v>148</v>
      </c>
      <c r="CH2472" s="27"/>
      <c r="CI2472" s="27"/>
      <c r="CJ2472" s="27"/>
      <c r="CK2472" s="27"/>
      <c r="CL2472" s="27"/>
      <c r="CM2472" s="27"/>
      <c r="CN2472" s="27"/>
      <c r="CO2472" s="27"/>
      <c r="CP2472" s="27"/>
      <c r="CQ2472" s="27"/>
      <c r="CR2472" s="27"/>
      <c r="CS2472" s="27"/>
      <c r="CT2472" s="27"/>
      <c r="CU2472" s="27"/>
      <c r="CV2472" s="27"/>
      <c r="CW2472" s="27"/>
      <c r="CX2472" s="27"/>
      <c r="CY2472" s="23" t="s">
        <v>558</v>
      </c>
      <c r="CZ2472" s="23" t="s">
        <v>559</v>
      </c>
      <c r="DA2472" s="24" t="s">
        <v>97</v>
      </c>
      <c r="DB2472" s="25"/>
      <c r="DC2472" s="25"/>
      <c r="DD2472" s="25"/>
      <c r="DE2472" s="25"/>
      <c r="DF2472" s="25"/>
      <c r="DG2472" s="25"/>
      <c r="DH2472" s="25" t="s">
        <v>333</v>
      </c>
      <c r="DI2472" s="25"/>
      <c r="DJ2472" s="25"/>
      <c r="DK2472" s="25"/>
      <c r="DL2472" s="25">
        <v>10</v>
      </c>
      <c r="DM2472" s="25" t="s">
        <v>383</v>
      </c>
      <c r="DN2472" s="25">
        <v>9</v>
      </c>
      <c r="DO2472" s="25" t="s">
        <v>384</v>
      </c>
    </row>
    <row r="2473" spans="1:119" x14ac:dyDescent="0.2">
      <c r="A2473" s="32" t="s">
        <v>791</v>
      </c>
      <c r="B2473" s="32" t="s">
        <v>791</v>
      </c>
      <c r="C2473" s="32" t="s">
        <v>329</v>
      </c>
      <c r="D2473" s="4" t="s">
        <v>99</v>
      </c>
      <c r="E2473" s="4" t="s">
        <v>240</v>
      </c>
      <c r="F2473" s="1">
        <v>801</v>
      </c>
      <c r="G2473" s="2">
        <v>0.220965517241</v>
      </c>
      <c r="H2473" s="1">
        <v>500.13311655999996</v>
      </c>
      <c r="I2473" s="2">
        <v>0.13797785834074125</v>
      </c>
      <c r="J2473" s="1">
        <v>-41.819612369999959</v>
      </c>
      <c r="K2473" s="2">
        <v>-1.0138412983842202E-2</v>
      </c>
      <c r="L2473" s="1">
        <v>343.30210909000016</v>
      </c>
      <c r="M2473" s="2">
        <v>8.4079859138640509E-2</v>
      </c>
      <c r="N2473" s="1">
        <v>301.4824967200002</v>
      </c>
      <c r="O2473" s="2">
        <v>7.3089009819227488E-2</v>
      </c>
      <c r="P2473" s="1">
        <v>3624.73459564</v>
      </c>
      <c r="Q2473" s="1">
        <v>3743.6465681200002</v>
      </c>
      <c r="R2473" s="1">
        <v>3814.12921839</v>
      </c>
      <c r="S2473" s="1">
        <v>4002.33046926</v>
      </c>
      <c r="T2473" s="1">
        <v>4076.60162188</v>
      </c>
      <c r="U2473" s="1">
        <v>4114.1451564299996</v>
      </c>
      <c r="V2473" s="1">
        <v>4124.8677121999999</v>
      </c>
      <c r="W2473" s="1">
        <v>4109.8358893000004</v>
      </c>
      <c r="X2473" s="1">
        <v>3960.6919756100001</v>
      </c>
      <c r="Y2473" s="1">
        <v>4083.04809983</v>
      </c>
      <c r="Z2473" s="1">
        <v>4091.69793252</v>
      </c>
      <c r="AA2473" s="1">
        <v>4253.5347278099998</v>
      </c>
      <c r="AB2473" s="1">
        <v>4341.0955136000002</v>
      </c>
      <c r="AC2473" s="1">
        <v>4281.5106932500003</v>
      </c>
      <c r="AD2473" s="1">
        <v>4302.4148433800001</v>
      </c>
      <c r="AE2473" s="1">
        <v>4309.7983064099999</v>
      </c>
      <c r="AF2473" s="1">
        <v>4426.3502089200001</v>
      </c>
      <c r="AG2473" s="1">
        <v>11515.644190300001</v>
      </c>
      <c r="AH2473" s="2">
        <v>0.50769198720643394</v>
      </c>
      <c r="AI2473" s="1">
        <v>5854.7597921000015</v>
      </c>
      <c r="AJ2473" s="2">
        <v>0.25811970084759467</v>
      </c>
      <c r="AK2473" s="1">
        <v>2612.6721940999996</v>
      </c>
      <c r="AL2473" s="2">
        <v>9.1553516884236907E-2</v>
      </c>
      <c r="AM2473" s="1">
        <v>3048.2122041000002</v>
      </c>
      <c r="AN2473" s="2">
        <v>9.7856633915052338E-2</v>
      </c>
      <c r="AO2473" s="1">
        <v>5660.8843981999999</v>
      </c>
      <c r="AP2473" s="2">
        <v>0.1983692697846656</v>
      </c>
      <c r="AQ2473" s="3">
        <v>22682.343784199998</v>
      </c>
      <c r="AR2473" s="3">
        <v>22530.969571500002</v>
      </c>
      <c r="AS2473" s="3">
        <v>22898.330191900001</v>
      </c>
      <c r="AT2473" s="3">
        <v>25059.6885253</v>
      </c>
      <c r="AU2473" s="3">
        <v>26316.5731959</v>
      </c>
      <c r="AV2473" s="3">
        <v>27839.697967299999</v>
      </c>
      <c r="AW2473" s="3">
        <v>28537.1035763</v>
      </c>
      <c r="AX2473" s="3">
        <v>29954.587214499999</v>
      </c>
      <c r="AY2473" s="3">
        <v>30119.6844681</v>
      </c>
      <c r="AZ2473" s="3">
        <v>31149.7757704</v>
      </c>
      <c r="BA2473" s="3">
        <v>31702.965959699999</v>
      </c>
      <c r="BB2473" s="3">
        <v>32250.758245100002</v>
      </c>
      <c r="BC2473" s="3">
        <v>32716.423990300002</v>
      </c>
      <c r="BD2473" s="3">
        <v>33548.702595499999</v>
      </c>
      <c r="BE2473" s="3">
        <v>33481.593080799998</v>
      </c>
      <c r="BF2473" s="3">
        <v>34197.9879745</v>
      </c>
      <c r="BG2473" s="1">
        <v>81.494153154000003</v>
      </c>
      <c r="BH2473" s="2">
        <v>0.26984296497927013</v>
      </c>
      <c r="BI2473" s="1">
        <v>16.994239649999997</v>
      </c>
      <c r="BJ2473" s="2">
        <v>5.6271227287416611E-2</v>
      </c>
      <c r="BK2473" s="1">
        <v>2.9999205660000143</v>
      </c>
      <c r="BL2473" s="2">
        <v>9.4041371554224665E-3</v>
      </c>
      <c r="BM2473" s="1">
        <v>61.499992937999991</v>
      </c>
      <c r="BN2473" s="2">
        <v>0.1909937626993852</v>
      </c>
      <c r="BO2473" s="1">
        <v>64.499913504000006</v>
      </c>
      <c r="BP2473" s="2">
        <v>0.2021940313950629</v>
      </c>
      <c r="BQ2473" s="1">
        <v>302.005846846</v>
      </c>
      <c r="BR2473" s="1">
        <v>304.01942666299999</v>
      </c>
      <c r="BS2473" s="1">
        <v>309.01150826499997</v>
      </c>
      <c r="BT2473" s="1">
        <v>319.00008649599999</v>
      </c>
      <c r="BU2473" s="1">
        <v>313.00003441199999</v>
      </c>
      <c r="BV2473" s="1">
        <v>319.00000795400001</v>
      </c>
      <c r="BW2473" s="1">
        <v>322.00000706200001</v>
      </c>
      <c r="BX2473" s="1">
        <v>334</v>
      </c>
      <c r="BY2473" s="1">
        <v>358</v>
      </c>
      <c r="BZ2473" s="1">
        <v>387</v>
      </c>
      <c r="CA2473" s="1">
        <v>390</v>
      </c>
      <c r="CB2473" s="1">
        <v>395</v>
      </c>
      <c r="CC2473" s="1">
        <v>383.5</v>
      </c>
      <c r="CD2473" s="1">
        <v>405.38799999999998</v>
      </c>
      <c r="CE2473" s="27">
        <v>0</v>
      </c>
      <c r="CF2473" s="27">
        <v>396.22699999999998</v>
      </c>
      <c r="CG2473" s="27">
        <v>396</v>
      </c>
      <c r="CH2473" s="27"/>
      <c r="CI2473" s="27"/>
      <c r="CJ2473" s="27"/>
      <c r="CK2473" s="27"/>
      <c r="CL2473" s="27"/>
      <c r="CM2473" s="27"/>
      <c r="CN2473" s="27"/>
      <c r="CO2473" s="27"/>
      <c r="CP2473" s="27"/>
      <c r="CQ2473" s="27"/>
      <c r="CR2473" s="27"/>
      <c r="CS2473" s="27"/>
      <c r="CT2473" s="27"/>
      <c r="CU2473" s="27"/>
      <c r="CV2473" s="27"/>
      <c r="CW2473" s="27"/>
      <c r="CX2473" s="27"/>
      <c r="CY2473" s="23" t="s">
        <v>591</v>
      </c>
      <c r="CZ2473" s="23" t="s">
        <v>592</v>
      </c>
      <c r="DA2473" s="24" t="s">
        <v>99</v>
      </c>
      <c r="DB2473" s="25" t="s">
        <v>345</v>
      </c>
      <c r="DC2473" s="25"/>
      <c r="DD2473" s="25"/>
      <c r="DE2473" s="25"/>
      <c r="DF2473" s="25"/>
      <c r="DG2473" s="25"/>
      <c r="DH2473" s="25" t="s">
        <v>333</v>
      </c>
      <c r="DI2473" s="25"/>
      <c r="DJ2473" s="25"/>
      <c r="DK2473" s="25"/>
      <c r="DL2473" s="25">
        <v>6</v>
      </c>
      <c r="DM2473" s="25" t="s">
        <v>396</v>
      </c>
      <c r="DN2473" s="25">
        <v>6</v>
      </c>
      <c r="DO2473" s="25" t="s">
        <v>393</v>
      </c>
    </row>
    <row r="2474" spans="1:119" x14ac:dyDescent="0.2">
      <c r="A2474" s="32" t="s">
        <v>791</v>
      </c>
      <c r="B2474" s="32" t="s">
        <v>791</v>
      </c>
      <c r="C2474" s="32" t="s">
        <v>329</v>
      </c>
      <c r="D2474" s="4" t="s">
        <v>109</v>
      </c>
      <c r="E2474" s="4" t="s">
        <v>250</v>
      </c>
      <c r="F2474" s="1">
        <v>303</v>
      </c>
      <c r="G2474" s="2">
        <v>9.375E-2</v>
      </c>
      <c r="H2474" s="1">
        <v>518.17615599999999</v>
      </c>
      <c r="I2474" s="2">
        <v>0.1603104018646403</v>
      </c>
      <c r="J2474" s="1">
        <v>-74.735441629999968</v>
      </c>
      <c r="K2474" s="2">
        <v>-1.9926760336631145E-2</v>
      </c>
      <c r="L2474" s="1">
        <v>-141.12385566000012</v>
      </c>
      <c r="M2474" s="2">
        <v>-3.8392995185512195E-2</v>
      </c>
      <c r="N2474" s="1">
        <v>-215.85929729000009</v>
      </c>
      <c r="O2474" s="2">
        <v>-5.7554707508476202E-2</v>
      </c>
      <c r="P2474" s="1">
        <v>3232.3302167100001</v>
      </c>
      <c r="Q2474" s="1">
        <v>3213.5000890299998</v>
      </c>
      <c r="R2474" s="1">
        <v>3374.4078604800002</v>
      </c>
      <c r="S2474" s="1">
        <v>3506.4553423799998</v>
      </c>
      <c r="T2474" s="1">
        <v>3604.45688002</v>
      </c>
      <c r="U2474" s="1">
        <v>3709.9169241499999</v>
      </c>
      <c r="V2474" s="1">
        <v>3750.5063727100001</v>
      </c>
      <c r="W2474" s="1">
        <v>3717.5628268</v>
      </c>
      <c r="X2474" s="1">
        <v>3707.7218868599998</v>
      </c>
      <c r="Y2474" s="1">
        <v>3675.7709310800001</v>
      </c>
      <c r="Z2474" s="1">
        <v>3767.5390574600001</v>
      </c>
      <c r="AA2474" s="1">
        <v>3933.9321664200002</v>
      </c>
      <c r="AB2474" s="1">
        <v>3679.5757499000001</v>
      </c>
      <c r="AC2474" s="1">
        <v>3655.8022979799998</v>
      </c>
      <c r="AD2474" s="1">
        <v>3454.7422634899999</v>
      </c>
      <c r="AE2474" s="1">
        <v>3495.7978274900001</v>
      </c>
      <c r="AF2474" s="1">
        <v>3534.64707542</v>
      </c>
      <c r="AG2474" s="1">
        <v>6943.535646100001</v>
      </c>
      <c r="AH2474" s="2">
        <v>0.30331836062767503</v>
      </c>
      <c r="AI2474" s="1">
        <v>3272.6400848999983</v>
      </c>
      <c r="AJ2474" s="2">
        <v>0.1429605716842296</v>
      </c>
      <c r="AK2474" s="1">
        <v>1393.5545376000009</v>
      </c>
      <c r="AL2474" s="2">
        <v>5.3261176012281787E-2</v>
      </c>
      <c r="AM2474" s="1">
        <v>2277.3410236000018</v>
      </c>
      <c r="AN2474" s="2">
        <v>8.2637805399862832E-2</v>
      </c>
      <c r="AO2474" s="1">
        <v>3670.8955612000027</v>
      </c>
      <c r="AP2474" s="2">
        <v>0.14030036811081539</v>
      </c>
      <c r="AQ2474" s="3">
        <v>22891.9068128</v>
      </c>
      <c r="AR2474" s="3">
        <v>23954.872353899998</v>
      </c>
      <c r="AS2474" s="3">
        <v>24516.622036100001</v>
      </c>
      <c r="AT2474" s="3">
        <v>24665.649486999999</v>
      </c>
      <c r="AU2474" s="3">
        <v>25083.6830878</v>
      </c>
      <c r="AV2474" s="3">
        <v>25453.299189400001</v>
      </c>
      <c r="AW2474" s="3">
        <v>26164.546897699998</v>
      </c>
      <c r="AX2474" s="3">
        <v>26965.028880400001</v>
      </c>
      <c r="AY2474" s="3">
        <v>26837.853054499999</v>
      </c>
      <c r="AZ2474" s="3">
        <v>27558.101435299999</v>
      </c>
      <c r="BA2474" s="3">
        <v>27837.479089100001</v>
      </c>
      <c r="BB2474" s="3">
        <v>27230.7327673</v>
      </c>
      <c r="BC2474" s="3">
        <v>28311.361168300002</v>
      </c>
      <c r="BD2474" s="3">
        <v>28563.1792264</v>
      </c>
      <c r="BE2474" s="3">
        <v>29651.750396300002</v>
      </c>
      <c r="BF2474" s="3">
        <v>29835.442458900001</v>
      </c>
      <c r="BG2474" s="1">
        <v>190.499992389</v>
      </c>
      <c r="BH2474" s="2">
        <v>0.61254015346288393</v>
      </c>
      <c r="BI2474" s="1">
        <v>62.597855913999979</v>
      </c>
      <c r="BJ2474" s="2">
        <v>0.20127927454039685</v>
      </c>
      <c r="BK2474" s="1">
        <v>54.403699306000021</v>
      </c>
      <c r="BL2474" s="2">
        <v>0.14562101290592497</v>
      </c>
      <c r="BM2474" s="1">
        <v>73.498437168999999</v>
      </c>
      <c r="BN2474" s="2">
        <v>0.17172469344001315</v>
      </c>
      <c r="BO2474" s="1">
        <v>127.90213647500002</v>
      </c>
      <c r="BP2474" s="2">
        <v>0.34235243014563227</v>
      </c>
      <c r="BQ2474" s="1">
        <v>311.000007611</v>
      </c>
      <c r="BR2474" s="1">
        <v>319.00000713700001</v>
      </c>
      <c r="BS2474" s="1">
        <v>338.00008657299998</v>
      </c>
      <c r="BT2474" s="1">
        <v>373.59786352499998</v>
      </c>
      <c r="BU2474" s="1">
        <v>401.42983269600001</v>
      </c>
      <c r="BV2474" s="1">
        <v>425.47507813300001</v>
      </c>
      <c r="BW2474" s="1">
        <v>428.001562831</v>
      </c>
      <c r="BX2474" s="1">
        <v>436</v>
      </c>
      <c r="BY2474" s="1">
        <v>470</v>
      </c>
      <c r="BZ2474" s="1">
        <v>475</v>
      </c>
      <c r="CA2474" s="1">
        <v>485</v>
      </c>
      <c r="CB2474" s="1">
        <v>506</v>
      </c>
      <c r="CC2474" s="1">
        <v>501.5</v>
      </c>
      <c r="CD2474" s="1">
        <v>-51.015799999999999</v>
      </c>
      <c r="CE2474" s="27">
        <v>0</v>
      </c>
      <c r="CF2474" s="27">
        <v>353.33300000000003</v>
      </c>
      <c r="CG2474" s="27">
        <v>353</v>
      </c>
      <c r="CH2474" s="27"/>
      <c r="CI2474" s="27"/>
      <c r="CJ2474" s="27"/>
      <c r="CK2474" s="27"/>
      <c r="CL2474" s="27"/>
      <c r="CM2474" s="27"/>
      <c r="CN2474" s="27"/>
      <c r="CO2474" s="27"/>
      <c r="CP2474" s="27"/>
      <c r="CQ2474" s="27"/>
      <c r="CR2474" s="27"/>
      <c r="CS2474" s="27"/>
      <c r="CT2474" s="27"/>
      <c r="CU2474" s="27"/>
      <c r="CV2474" s="27"/>
      <c r="CW2474" s="27"/>
      <c r="CX2474" s="27"/>
      <c r="CY2474" s="23" t="s">
        <v>675</v>
      </c>
      <c r="CZ2474" s="23" t="s">
        <v>676</v>
      </c>
      <c r="DA2474" s="24" t="s">
        <v>109</v>
      </c>
      <c r="DB2474" s="25" t="s">
        <v>345</v>
      </c>
      <c r="DC2474" s="25"/>
      <c r="DD2474" s="25"/>
      <c r="DE2474" s="25"/>
      <c r="DF2474" s="25"/>
      <c r="DG2474" s="25"/>
      <c r="DH2474" s="25" t="s">
        <v>333</v>
      </c>
      <c r="DI2474" s="25"/>
      <c r="DJ2474" s="25"/>
      <c r="DK2474" s="25"/>
      <c r="DL2474" s="25">
        <v>10</v>
      </c>
      <c r="DM2474" s="25" t="s">
        <v>383</v>
      </c>
      <c r="DN2474" s="25">
        <v>9</v>
      </c>
      <c r="DO2474" s="25" t="s">
        <v>384</v>
      </c>
    </row>
    <row r="2475" spans="1:119" x14ac:dyDescent="0.2">
      <c r="A2475" s="32" t="s">
        <v>791</v>
      </c>
      <c r="B2475" s="32" t="s">
        <v>791</v>
      </c>
      <c r="C2475" s="32" t="s">
        <v>329</v>
      </c>
      <c r="D2475" s="4" t="s">
        <v>91</v>
      </c>
      <c r="E2475" s="4" t="s">
        <v>232</v>
      </c>
      <c r="F2475" s="1">
        <v>-28</v>
      </c>
      <c r="G2475" s="2">
        <v>-2.0334059549699999E-2</v>
      </c>
      <c r="H2475" s="1">
        <v>53.684844359999943</v>
      </c>
      <c r="I2475" s="2">
        <v>3.8997729509582406E-2</v>
      </c>
      <c r="J2475" s="1">
        <v>-88.037053929999956</v>
      </c>
      <c r="K2475" s="2">
        <v>-6.1551483787999003E-2</v>
      </c>
      <c r="L2475" s="1">
        <v>7.175049700000045</v>
      </c>
      <c r="M2475" s="2">
        <v>5.3454895821648E-3</v>
      </c>
      <c r="N2475" s="1">
        <v>-80.862004229999911</v>
      </c>
      <c r="O2475" s="2">
        <v>-5.6535017021189737E-2</v>
      </c>
      <c r="P2475" s="1">
        <v>1376.61461411</v>
      </c>
      <c r="Q2475" s="1">
        <v>1399.6618922299999</v>
      </c>
      <c r="R2475" s="1">
        <v>1439.36428396</v>
      </c>
      <c r="S2475" s="1">
        <v>1453.80086179</v>
      </c>
      <c r="T2475" s="1">
        <v>1461.2728835999999</v>
      </c>
      <c r="U2475" s="1">
        <v>1456.59985908</v>
      </c>
      <c r="V2475" s="1">
        <v>1430.29945847</v>
      </c>
      <c r="W2475" s="1">
        <v>1407.88815434</v>
      </c>
      <c r="X2475" s="1">
        <v>1366.6712800299999</v>
      </c>
      <c r="Y2475" s="1">
        <v>1342.26240454</v>
      </c>
      <c r="Z2475" s="1">
        <v>1314.88779688</v>
      </c>
      <c r="AA2475" s="1">
        <v>1282.96918867</v>
      </c>
      <c r="AB2475" s="1">
        <v>1352.12972444</v>
      </c>
      <c r="AC2475" s="1">
        <v>1356.57672819</v>
      </c>
      <c r="AD2475" s="1">
        <v>1362.600066</v>
      </c>
      <c r="AE2475" s="1">
        <v>1323.5151805200001</v>
      </c>
      <c r="AF2475" s="1">
        <v>1349.4374542400001</v>
      </c>
      <c r="AG2475" s="1">
        <v>11022.893892600001</v>
      </c>
      <c r="AH2475" s="2">
        <v>0.48516448576297322</v>
      </c>
      <c r="AI2475" s="1">
        <v>6917.660025000001</v>
      </c>
      <c r="AJ2475" s="2">
        <v>0.3044756668632474</v>
      </c>
      <c r="AK2475" s="1">
        <v>1425.7169070999989</v>
      </c>
      <c r="AL2475" s="2">
        <v>4.8105052545951349E-2</v>
      </c>
      <c r="AM2475" s="1">
        <v>2679.516960500001</v>
      </c>
      <c r="AN2475" s="2">
        <v>8.6259927610772613E-2</v>
      </c>
      <c r="AO2475" s="1">
        <v>4105.2338675999999</v>
      </c>
      <c r="AP2475" s="2">
        <v>0.13851451850705013</v>
      </c>
      <c r="AQ2475" s="3">
        <v>22719.9109087</v>
      </c>
      <c r="AR2475" s="3">
        <v>23157.486107199999</v>
      </c>
      <c r="AS2475" s="3">
        <v>24207.401030199999</v>
      </c>
      <c r="AT2475" s="3">
        <v>24909.992424399999</v>
      </c>
      <c r="AU2475" s="3">
        <v>25171.364215699999</v>
      </c>
      <c r="AV2475" s="3">
        <v>27765.0254499</v>
      </c>
      <c r="AW2475" s="3">
        <v>29637.570933700001</v>
      </c>
      <c r="AX2475" s="3">
        <v>30216.122921900002</v>
      </c>
      <c r="AY2475" s="3">
        <v>30468.0900243</v>
      </c>
      <c r="AZ2475" s="3">
        <v>31063.2878408</v>
      </c>
      <c r="BA2475" s="3">
        <v>30257.483036599999</v>
      </c>
      <c r="BB2475" s="3">
        <v>30410.791500800002</v>
      </c>
      <c r="BC2475" s="3">
        <v>31426.275984799999</v>
      </c>
      <c r="BD2475" s="3">
        <v>32924.263207399999</v>
      </c>
      <c r="BE2475" s="3">
        <v>34556.240865599997</v>
      </c>
      <c r="BF2475" s="3">
        <v>33742.804801300001</v>
      </c>
      <c r="BG2475" s="1">
        <v>-20.500000174000007</v>
      </c>
      <c r="BH2475" s="2">
        <v>-0.13666666766813337</v>
      </c>
      <c r="BI2475" s="1">
        <v>-2.0000001740000073</v>
      </c>
      <c r="BJ2475" s="2">
        <v>-1.3333334477866714E-2</v>
      </c>
      <c r="BK2475" s="1">
        <v>5</v>
      </c>
      <c r="BL2475" s="2">
        <v>3.3783783783783786E-2</v>
      </c>
      <c r="BM2475" s="1">
        <v>-23.5</v>
      </c>
      <c r="BN2475" s="2">
        <v>-0.15359477124183007</v>
      </c>
      <c r="BO2475" s="1">
        <v>-18.5</v>
      </c>
      <c r="BP2475" s="2">
        <v>-0.125</v>
      </c>
      <c r="BQ2475" s="1">
        <v>150.00000017400001</v>
      </c>
      <c r="BR2475" s="1">
        <v>151.000000879</v>
      </c>
      <c r="BS2475" s="1">
        <v>146.00000093700001</v>
      </c>
      <c r="BT2475" s="1">
        <v>148</v>
      </c>
      <c r="BU2475" s="1">
        <v>154</v>
      </c>
      <c r="BV2475" s="1">
        <v>154</v>
      </c>
      <c r="BW2475" s="1">
        <v>153</v>
      </c>
      <c r="BX2475" s="1">
        <v>149</v>
      </c>
      <c r="BY2475" s="1">
        <v>143</v>
      </c>
      <c r="BZ2475" s="1">
        <v>136</v>
      </c>
      <c r="CA2475" s="1">
        <v>133</v>
      </c>
      <c r="CB2475" s="1">
        <v>133</v>
      </c>
      <c r="CC2475" s="1">
        <v>129.5</v>
      </c>
      <c r="CD2475" s="1">
        <v>-177.65799999999999</v>
      </c>
      <c r="CE2475" s="27">
        <v>0</v>
      </c>
      <c r="CF2475" s="27">
        <v>150.48099999999999</v>
      </c>
      <c r="CG2475" s="27">
        <v>150</v>
      </c>
      <c r="CH2475" s="27"/>
      <c r="CI2475" s="27"/>
      <c r="CJ2475" s="27"/>
      <c r="CK2475" s="27"/>
      <c r="CL2475" s="27"/>
      <c r="CM2475" s="27"/>
      <c r="CN2475" s="27"/>
      <c r="CO2475" s="27"/>
      <c r="CP2475" s="27"/>
      <c r="CQ2475" s="27"/>
      <c r="CR2475" s="27"/>
      <c r="CS2475" s="27"/>
      <c r="CT2475" s="27"/>
      <c r="CU2475" s="27"/>
      <c r="CV2475" s="27"/>
      <c r="CW2475" s="27"/>
      <c r="CX2475" s="27"/>
      <c r="CY2475" s="23" t="s">
        <v>660</v>
      </c>
      <c r="CZ2475" s="23" t="s">
        <v>661</v>
      </c>
      <c r="DA2475" s="24" t="s">
        <v>91</v>
      </c>
      <c r="DB2475" s="25"/>
      <c r="DC2475" s="25"/>
      <c r="DD2475" s="25"/>
      <c r="DE2475" s="25"/>
      <c r="DF2475" s="25"/>
      <c r="DG2475" s="25"/>
      <c r="DH2475" s="25" t="s">
        <v>333</v>
      </c>
      <c r="DI2475" s="25"/>
      <c r="DJ2475" s="25"/>
      <c r="DK2475" s="25"/>
      <c r="DL2475" s="25">
        <v>10</v>
      </c>
      <c r="DM2475" s="25" t="s">
        <v>383</v>
      </c>
      <c r="DN2475" s="25">
        <v>9</v>
      </c>
      <c r="DO2475" s="25" t="s">
        <v>384</v>
      </c>
    </row>
    <row r="2476" spans="1:119" x14ac:dyDescent="0.2">
      <c r="A2476" s="32" t="s">
        <v>791</v>
      </c>
      <c r="B2476" s="32" t="s">
        <v>791</v>
      </c>
      <c r="C2476" s="32" t="s">
        <v>329</v>
      </c>
      <c r="D2476" s="4" t="s">
        <v>88</v>
      </c>
      <c r="E2476" s="4" t="s">
        <v>229</v>
      </c>
      <c r="F2476" s="1">
        <v>-86</v>
      </c>
      <c r="G2476" s="2">
        <v>-4.6087888531600001E-2</v>
      </c>
      <c r="H2476" s="1">
        <v>57.92655574000014</v>
      </c>
      <c r="I2476" s="2">
        <v>3.1040639249067199E-2</v>
      </c>
      <c r="J2476" s="1">
        <v>-98.23549522999997</v>
      </c>
      <c r="K2476" s="2">
        <v>-5.1055861085685834E-2</v>
      </c>
      <c r="L2476" s="1">
        <v>-46.206230480000158</v>
      </c>
      <c r="M2476" s="2">
        <v>-2.5306789848440394E-2</v>
      </c>
      <c r="N2476" s="1">
        <v>-144.44172571000013</v>
      </c>
      <c r="O2476" s="2">
        <v>-7.5070590987099617E-2</v>
      </c>
      <c r="P2476" s="1">
        <v>1866.1521521899999</v>
      </c>
      <c r="Q2476" s="1">
        <v>1805.95763919</v>
      </c>
      <c r="R2476" s="1">
        <v>1815.7817025300001</v>
      </c>
      <c r="S2476" s="1">
        <v>1844.5577653099999</v>
      </c>
      <c r="T2476" s="1">
        <v>1769.5001059199999</v>
      </c>
      <c r="U2476" s="1">
        <v>1869.41507366</v>
      </c>
      <c r="V2476" s="1">
        <v>1924.0787079300001</v>
      </c>
      <c r="W2476" s="1">
        <v>1903.8423648099999</v>
      </c>
      <c r="X2476" s="1">
        <v>1855.4815566499999</v>
      </c>
      <c r="Y2476" s="1">
        <v>1825.8432127000001</v>
      </c>
      <c r="Z2476" s="1">
        <v>1809.7055181200001</v>
      </c>
      <c r="AA2476" s="1">
        <v>1757.76563285</v>
      </c>
      <c r="AB2476" s="1">
        <v>1811.2897097</v>
      </c>
      <c r="AC2476" s="1">
        <v>1836.69019738</v>
      </c>
      <c r="AD2476" s="1">
        <v>1774.49945561</v>
      </c>
      <c r="AE2476" s="1">
        <v>1765.64413375</v>
      </c>
      <c r="AF2476" s="1">
        <v>1779.6369822199999</v>
      </c>
      <c r="AG2476" s="1">
        <v>9023.109907099999</v>
      </c>
      <c r="AH2476" s="2">
        <v>0.39304712589215307</v>
      </c>
      <c r="AI2476" s="1">
        <v>4107.2905666999977</v>
      </c>
      <c r="AJ2476" s="2">
        <v>0.17891378571983246</v>
      </c>
      <c r="AK2476" s="1">
        <v>1617.1265416999995</v>
      </c>
      <c r="AL2476" s="2">
        <v>5.9751709712324151E-2</v>
      </c>
      <c r="AM2476" s="1">
        <v>3298.6927987000017</v>
      </c>
      <c r="AN2476" s="2">
        <v>0.11501224420505748</v>
      </c>
      <c r="AO2476" s="1">
        <v>4915.8193404000012</v>
      </c>
      <c r="AP2476" s="2">
        <v>0.18163613214648516</v>
      </c>
      <c r="AQ2476" s="3">
        <v>22956.814368300002</v>
      </c>
      <c r="AR2476" s="3">
        <v>24185.097124600001</v>
      </c>
      <c r="AS2476" s="3">
        <v>24594.643131699999</v>
      </c>
      <c r="AT2476" s="3">
        <v>25412.447069400001</v>
      </c>
      <c r="AU2476" s="3">
        <v>25710.768627000001</v>
      </c>
      <c r="AV2476" s="3">
        <v>26086.641794800002</v>
      </c>
      <c r="AW2476" s="3">
        <v>27064.104934999999</v>
      </c>
      <c r="AX2476" s="3">
        <v>28448.697013500001</v>
      </c>
      <c r="AY2476" s="3">
        <v>27888.939171400001</v>
      </c>
      <c r="AZ2476" s="3">
        <v>28681.231476699999</v>
      </c>
      <c r="BA2476" s="3">
        <v>29459.592937599999</v>
      </c>
      <c r="BB2476" s="3">
        <v>30348.0056869</v>
      </c>
      <c r="BC2476" s="3">
        <v>30369.382142999999</v>
      </c>
      <c r="BD2476" s="3">
        <v>30530.4972194</v>
      </c>
      <c r="BE2476" s="3">
        <v>31345.182573099999</v>
      </c>
      <c r="BF2476" s="3">
        <v>31979.924275400001</v>
      </c>
      <c r="BG2476" s="1">
        <v>2.75</v>
      </c>
      <c r="BH2476" s="2">
        <v>1.6467065868263474E-2</v>
      </c>
      <c r="BI2476" s="1">
        <v>11</v>
      </c>
      <c r="BJ2476" s="2">
        <v>6.5868263473053898E-2</v>
      </c>
      <c r="BK2476" s="1">
        <v>-11</v>
      </c>
      <c r="BL2476" s="2">
        <v>-6.1797752808988762E-2</v>
      </c>
      <c r="BM2476" s="1">
        <v>2.75</v>
      </c>
      <c r="BN2476" s="2">
        <v>1.6467065868263474E-2</v>
      </c>
      <c r="BO2476" s="1">
        <v>-8.25</v>
      </c>
      <c r="BP2476" s="2">
        <v>-4.6348314606741575E-2</v>
      </c>
      <c r="BQ2476" s="1">
        <v>167</v>
      </c>
      <c r="BR2476" s="1">
        <v>168.000000801</v>
      </c>
      <c r="BS2476" s="1">
        <v>171</v>
      </c>
      <c r="BT2476" s="1">
        <v>178</v>
      </c>
      <c r="BU2476" s="1">
        <v>177</v>
      </c>
      <c r="BV2476" s="1">
        <v>167</v>
      </c>
      <c r="BW2476" s="1">
        <v>167</v>
      </c>
      <c r="BX2476" s="1">
        <v>172</v>
      </c>
      <c r="BY2476" s="1">
        <v>165</v>
      </c>
      <c r="BZ2476" s="1">
        <v>171</v>
      </c>
      <c r="CA2476" s="1">
        <v>172</v>
      </c>
      <c r="CB2476" s="1">
        <v>173</v>
      </c>
      <c r="CC2476" s="1">
        <v>169.75</v>
      </c>
      <c r="CD2476" s="1">
        <v>-290.50799999999998</v>
      </c>
      <c r="CE2476" s="27">
        <v>0</v>
      </c>
      <c r="CF2476" s="27">
        <v>203.99299999999999</v>
      </c>
      <c r="CG2476" s="27">
        <v>204</v>
      </c>
      <c r="CH2476" s="27"/>
      <c r="CI2476" s="27"/>
      <c r="CJ2476" s="27"/>
      <c r="CK2476" s="27"/>
      <c r="CL2476" s="27"/>
      <c r="CM2476" s="27"/>
      <c r="CN2476" s="27"/>
      <c r="CO2476" s="27"/>
      <c r="CP2476" s="27"/>
      <c r="CQ2476" s="27"/>
      <c r="CR2476" s="27"/>
      <c r="CS2476" s="27"/>
      <c r="CT2476" s="27"/>
      <c r="CU2476" s="27"/>
      <c r="CV2476" s="27"/>
      <c r="CW2476" s="27"/>
      <c r="CX2476" s="27"/>
      <c r="CY2476" s="23" t="s">
        <v>464</v>
      </c>
      <c r="CZ2476" s="23" t="s">
        <v>465</v>
      </c>
      <c r="DA2476" s="24" t="s">
        <v>88</v>
      </c>
      <c r="DB2476" s="25"/>
      <c r="DC2476" s="25" t="s">
        <v>466</v>
      </c>
      <c r="DD2476" s="25"/>
      <c r="DE2476" s="25" t="s">
        <v>467</v>
      </c>
      <c r="DF2476" s="25" t="s">
        <v>363</v>
      </c>
      <c r="DG2476" s="25" t="s">
        <v>376</v>
      </c>
      <c r="DH2476" s="25" t="s">
        <v>468</v>
      </c>
      <c r="DI2476" s="25"/>
      <c r="DJ2476" s="25" t="s">
        <v>366</v>
      </c>
      <c r="DK2476" s="25" t="s">
        <v>469</v>
      </c>
      <c r="DL2476" s="25">
        <v>8</v>
      </c>
      <c r="DM2476" s="25" t="s">
        <v>368</v>
      </c>
      <c r="DN2476" s="25">
        <v>9</v>
      </c>
      <c r="DO2476" s="25" t="s">
        <v>384</v>
      </c>
    </row>
    <row r="2477" spans="1:119" x14ac:dyDescent="0.2">
      <c r="A2477" s="32" t="s">
        <v>791</v>
      </c>
      <c r="B2477" s="32" t="s">
        <v>791</v>
      </c>
      <c r="C2477" s="32" t="s">
        <v>329</v>
      </c>
      <c r="D2477" s="4" t="s">
        <v>78</v>
      </c>
      <c r="E2477" s="4" t="s">
        <v>219</v>
      </c>
      <c r="F2477" s="1">
        <v>-308</v>
      </c>
      <c r="G2477" s="2">
        <v>-0.12581699346399999</v>
      </c>
      <c r="H2477" s="1">
        <v>-23.681961750000028</v>
      </c>
      <c r="I2477" s="2">
        <v>-9.6733477512299191E-3</v>
      </c>
      <c r="J2477" s="1">
        <v>-105.52206088999992</v>
      </c>
      <c r="K2477" s="2">
        <v>-4.3523511051838111E-2</v>
      </c>
      <c r="L2477" s="1">
        <v>-178.79193417000033</v>
      </c>
      <c r="M2477" s="2">
        <v>-7.7099982880954127E-2</v>
      </c>
      <c r="N2477" s="1">
        <v>-284.31399506000025</v>
      </c>
      <c r="O2477" s="2">
        <v>-0.11726783197577649</v>
      </c>
      <c r="P2477" s="1">
        <v>2448.1660702200002</v>
      </c>
      <c r="Q2477" s="1">
        <v>2292.1391072400002</v>
      </c>
      <c r="R2477" s="1">
        <v>2332.6247443399998</v>
      </c>
      <c r="S2477" s="1">
        <v>2317.58014116</v>
      </c>
      <c r="T2477" s="1">
        <v>2358.11586197</v>
      </c>
      <c r="U2477" s="1">
        <v>2377.90711435</v>
      </c>
      <c r="V2477" s="1">
        <v>2424.4841084700001</v>
      </c>
      <c r="W2477" s="1">
        <v>2430.3976190899998</v>
      </c>
      <c r="X2477" s="1">
        <v>2336.3810693099999</v>
      </c>
      <c r="Y2477" s="1">
        <v>2318.9620475800002</v>
      </c>
      <c r="Z2477" s="1">
        <v>2293.5500579499999</v>
      </c>
      <c r="AA2477" s="1">
        <v>2315.2172679599998</v>
      </c>
      <c r="AB2477" s="1">
        <v>2165.2123434999999</v>
      </c>
      <c r="AC2477" s="1">
        <v>2131.8805920499999</v>
      </c>
      <c r="AD2477" s="1">
        <v>2146.26907626</v>
      </c>
      <c r="AE2477" s="1">
        <v>2131.1730137499999</v>
      </c>
      <c r="AF2477" s="1">
        <v>2140.1701134099999</v>
      </c>
      <c r="AG2477" s="1">
        <v>6683.9418059000018</v>
      </c>
      <c r="AH2477" s="2">
        <v>0.26190773702820608</v>
      </c>
      <c r="AI2477" s="1">
        <v>2374.2025807999999</v>
      </c>
      <c r="AJ2477" s="2">
        <v>9.3032232063266052E-2</v>
      </c>
      <c r="AK2477" s="1">
        <v>1466.9491727000022</v>
      </c>
      <c r="AL2477" s="2">
        <v>5.2589345486720632E-2</v>
      </c>
      <c r="AM2477" s="1">
        <v>2842.7900523999997</v>
      </c>
      <c r="AN2477" s="2">
        <v>9.6820766518606896E-2</v>
      </c>
      <c r="AO2477" s="1">
        <v>4309.7392251000019</v>
      </c>
      <c r="AP2477" s="2">
        <v>0.15450185274606368</v>
      </c>
      <c r="AQ2477" s="3">
        <v>25520.215178599999</v>
      </c>
      <c r="AR2477" s="3">
        <v>23927.721928800001</v>
      </c>
      <c r="AS2477" s="3">
        <v>24437.420404799999</v>
      </c>
      <c r="AT2477" s="3">
        <v>25691.700972999999</v>
      </c>
      <c r="AU2477" s="3">
        <v>26159.412049400002</v>
      </c>
      <c r="AV2477" s="3">
        <v>26866.290609299998</v>
      </c>
      <c r="AW2477" s="3">
        <v>27894.417759399999</v>
      </c>
      <c r="AX2477" s="3">
        <v>28323.679123599999</v>
      </c>
      <c r="AY2477" s="3">
        <v>28481.335505700001</v>
      </c>
      <c r="AZ2477" s="3">
        <v>29361.366932100002</v>
      </c>
      <c r="BA2477" s="3">
        <v>30104.469921100001</v>
      </c>
      <c r="BB2477" s="3">
        <v>30088.728423199998</v>
      </c>
      <c r="BC2477" s="3">
        <v>30787.5303442</v>
      </c>
      <c r="BD2477" s="3">
        <v>31354.410974999999</v>
      </c>
      <c r="BE2477" s="3">
        <v>31777.812578599998</v>
      </c>
      <c r="BF2477" s="3">
        <v>32204.156984500001</v>
      </c>
      <c r="BG2477" s="1">
        <v>-21.500001512000011</v>
      </c>
      <c r="BH2477" s="2">
        <v>-9.3073599009838651E-2</v>
      </c>
      <c r="BI2477" s="1">
        <v>-19.000001512000011</v>
      </c>
      <c r="BJ2477" s="2">
        <v>-8.2251088258166086E-2</v>
      </c>
      <c r="BK2477" s="1">
        <v>-3</v>
      </c>
      <c r="BL2477" s="2">
        <v>-1.4150943396226415E-2</v>
      </c>
      <c r="BM2477" s="1">
        <v>0.5</v>
      </c>
      <c r="BN2477" s="2">
        <v>2.3923444976076554E-3</v>
      </c>
      <c r="BO2477" s="1">
        <v>-2.5</v>
      </c>
      <c r="BP2477" s="2">
        <v>-1.179245283018868E-2</v>
      </c>
      <c r="BQ2477" s="1">
        <v>231.00000151200001</v>
      </c>
      <c r="BR2477" s="1">
        <v>209.00000308</v>
      </c>
      <c r="BS2477" s="1">
        <v>219.38350746699999</v>
      </c>
      <c r="BT2477" s="1">
        <v>212</v>
      </c>
      <c r="BU2477" s="1">
        <v>208</v>
      </c>
      <c r="BV2477" s="1">
        <v>208</v>
      </c>
      <c r="BW2477" s="1">
        <v>209</v>
      </c>
      <c r="BX2477" s="1">
        <v>204</v>
      </c>
      <c r="BY2477" s="1">
        <v>205</v>
      </c>
      <c r="BZ2477" s="1">
        <v>205</v>
      </c>
      <c r="CA2477" s="1">
        <v>211</v>
      </c>
      <c r="CB2477" s="1">
        <v>216</v>
      </c>
      <c r="CC2477" s="1">
        <v>209.5</v>
      </c>
      <c r="CD2477" s="1">
        <v>-575.61</v>
      </c>
      <c r="CE2477" s="27">
        <v>0</v>
      </c>
      <c r="CF2477" s="27">
        <v>267.61399999999998</v>
      </c>
      <c r="CG2477" s="27">
        <v>268</v>
      </c>
      <c r="CH2477" s="27"/>
      <c r="CI2477" s="27"/>
      <c r="CJ2477" s="27"/>
      <c r="CK2477" s="27"/>
      <c r="CL2477" s="27"/>
      <c r="CM2477" s="27"/>
      <c r="CN2477" s="27"/>
      <c r="CO2477" s="27"/>
      <c r="CP2477" s="27"/>
      <c r="CQ2477" s="27"/>
      <c r="CR2477" s="27"/>
      <c r="CS2477" s="27"/>
      <c r="CT2477" s="27"/>
      <c r="CU2477" s="27"/>
      <c r="CV2477" s="27"/>
      <c r="CW2477" s="27"/>
      <c r="CX2477" s="27"/>
      <c r="CY2477" s="23" t="s">
        <v>709</v>
      </c>
      <c r="CZ2477" s="23" t="s">
        <v>710</v>
      </c>
      <c r="DA2477" s="24" t="s">
        <v>78</v>
      </c>
      <c r="DB2477" s="25"/>
      <c r="DC2477" s="25"/>
      <c r="DD2477" s="25"/>
      <c r="DE2477" s="25"/>
      <c r="DF2477" s="25"/>
      <c r="DG2477" s="25"/>
      <c r="DH2477" s="25" t="s">
        <v>333</v>
      </c>
      <c r="DI2477" s="25"/>
      <c r="DJ2477" s="25"/>
      <c r="DK2477" s="25"/>
      <c r="DL2477" s="25">
        <v>10</v>
      </c>
      <c r="DM2477" s="25" t="s">
        <v>383</v>
      </c>
      <c r="DN2477" s="25">
        <v>9</v>
      </c>
      <c r="DO2477" s="25" t="s">
        <v>384</v>
      </c>
    </row>
    <row r="2478" spans="1:119" x14ac:dyDescent="0.2">
      <c r="A2478" s="32" t="s">
        <v>791</v>
      </c>
      <c r="B2478" s="32" t="s">
        <v>791</v>
      </c>
      <c r="C2478" s="32" t="s">
        <v>329</v>
      </c>
      <c r="D2478" s="4" t="s">
        <v>95</v>
      </c>
      <c r="E2478" s="4" t="s">
        <v>236</v>
      </c>
      <c r="F2478" s="1">
        <v>-267</v>
      </c>
      <c r="G2478" s="2">
        <v>-6.0448268055199997E-2</v>
      </c>
      <c r="H2478" s="1">
        <v>-214.32189687999926</v>
      </c>
      <c r="I2478" s="2">
        <v>-4.8521828922011345E-2</v>
      </c>
      <c r="J2478" s="1">
        <v>-106.49215810000078</v>
      </c>
      <c r="K2478" s="2">
        <v>-2.5338996820551601E-2</v>
      </c>
      <c r="L2478" s="1">
        <v>53.876383100000567</v>
      </c>
      <c r="M2478" s="2">
        <v>1.3152751992664739E-2</v>
      </c>
      <c r="N2478" s="1">
        <v>-52.615775000000212</v>
      </c>
      <c r="O2478" s="2">
        <v>-1.2519522368810498E-2</v>
      </c>
      <c r="P2478" s="1">
        <v>4417.0201668299997</v>
      </c>
      <c r="Q2478" s="1">
        <v>4319.0168922499997</v>
      </c>
      <c r="R2478" s="1">
        <v>4197.1345309300004</v>
      </c>
      <c r="S2478" s="1">
        <v>4157.6953120899998</v>
      </c>
      <c r="T2478" s="1">
        <v>4294.7708361599998</v>
      </c>
      <c r="U2478" s="1">
        <v>4226.5003085300004</v>
      </c>
      <c r="V2478" s="1">
        <v>4202.6982699500004</v>
      </c>
      <c r="W2478" s="1">
        <v>4750.5177504800004</v>
      </c>
      <c r="X2478" s="1">
        <v>4101.8925090599996</v>
      </c>
      <c r="Y2478" s="1">
        <v>4096.2061118499996</v>
      </c>
      <c r="Z2478" s="1">
        <v>4200.0841239199999</v>
      </c>
      <c r="AA2478" s="1">
        <v>4197.8816801200001</v>
      </c>
      <c r="AB2478" s="1">
        <v>4117.4115173600003</v>
      </c>
      <c r="AC2478" s="1">
        <v>4124.9372273400004</v>
      </c>
      <c r="AD2478" s="1">
        <v>4182.94278227</v>
      </c>
      <c r="AE2478" s="1">
        <v>4135.37036644</v>
      </c>
      <c r="AF2478" s="1">
        <v>4150.0824949500002</v>
      </c>
      <c r="AG2478" s="1">
        <v>14283.759223500001</v>
      </c>
      <c r="AH2478" s="2">
        <v>0.58177244452248245</v>
      </c>
      <c r="AI2478" s="1">
        <v>6731.1358518000015</v>
      </c>
      <c r="AJ2478" s="2">
        <v>0.27415677467258931</v>
      </c>
      <c r="AK2478" s="1">
        <v>4478.838416999999</v>
      </c>
      <c r="AL2478" s="2">
        <v>0.14317037197958887</v>
      </c>
      <c r="AM2478" s="1">
        <v>3073.7849547000005</v>
      </c>
      <c r="AN2478" s="2">
        <v>8.5950870398819074E-2</v>
      </c>
      <c r="AO2478" s="1">
        <v>7552.6233716999996</v>
      </c>
      <c r="AP2478" s="2">
        <v>0.24142686046537631</v>
      </c>
      <c r="AQ2478" s="3">
        <v>24552.1412332</v>
      </c>
      <c r="AR2478" s="3">
        <v>25805.099663500001</v>
      </c>
      <c r="AS2478" s="3">
        <v>26384.736978000001</v>
      </c>
      <c r="AT2478" s="3">
        <v>27633.213621499999</v>
      </c>
      <c r="AU2478" s="3">
        <v>28023.796234000001</v>
      </c>
      <c r="AV2478" s="3">
        <v>29462.143512800001</v>
      </c>
      <c r="AW2478" s="3">
        <v>31283.277085000002</v>
      </c>
      <c r="AX2478" s="3">
        <v>34564.2768746</v>
      </c>
      <c r="AY2478" s="3">
        <v>33207.116273599997</v>
      </c>
      <c r="AZ2478" s="3">
        <v>35762.115502000001</v>
      </c>
      <c r="BA2478" s="3">
        <v>35614.540604200003</v>
      </c>
      <c r="BB2478" s="3">
        <v>36283.560188299998</v>
      </c>
      <c r="BC2478" s="3">
        <v>37352.343088599999</v>
      </c>
      <c r="BD2478" s="3">
        <v>37248.9347079</v>
      </c>
      <c r="BE2478" s="3">
        <v>37705.133922300003</v>
      </c>
      <c r="BF2478" s="3">
        <v>38835.900456700001</v>
      </c>
      <c r="BG2478" s="1">
        <v>6.4999387540000271</v>
      </c>
      <c r="BH2478" s="2">
        <v>2.1594476516361191E-2</v>
      </c>
      <c r="BI2478" s="1">
        <v>-3.0000311639999495</v>
      </c>
      <c r="BJ2478" s="2">
        <v>-9.9668789155099129E-3</v>
      </c>
      <c r="BK2478" s="1">
        <v>5.0000360469999805</v>
      </c>
      <c r="BL2478" s="2">
        <v>1.6778642759278015E-2</v>
      </c>
      <c r="BM2478" s="1">
        <v>4.4999338709999961</v>
      </c>
      <c r="BN2478" s="2">
        <v>1.4851263659738552E-2</v>
      </c>
      <c r="BO2478" s="1">
        <v>9.4999699179999766</v>
      </c>
      <c r="BP2478" s="2">
        <v>3.1879090466487167E-2</v>
      </c>
      <c r="BQ2478" s="1">
        <v>301.00006124599997</v>
      </c>
      <c r="BR2478" s="1">
        <v>306.00002660500002</v>
      </c>
      <c r="BS2478" s="1">
        <v>296.00003119100001</v>
      </c>
      <c r="BT2478" s="1">
        <v>298.00003008200002</v>
      </c>
      <c r="BU2478" s="1">
        <v>308.00005065699997</v>
      </c>
      <c r="BV2478" s="1">
        <v>310.00006139499999</v>
      </c>
      <c r="BW2478" s="1">
        <v>303.000066129</v>
      </c>
      <c r="BX2478" s="1">
        <v>306</v>
      </c>
      <c r="BY2478" s="1">
        <v>308</v>
      </c>
      <c r="BZ2478" s="1">
        <v>312</v>
      </c>
      <c r="CA2478" s="1">
        <v>305</v>
      </c>
      <c r="CB2478" s="1">
        <v>310</v>
      </c>
      <c r="CC2478" s="1">
        <v>307.5</v>
      </c>
      <c r="CD2478" s="1">
        <v>-749.77099999999996</v>
      </c>
      <c r="CE2478" s="27">
        <v>0</v>
      </c>
      <c r="CF2478" s="27">
        <v>482.83300000000003</v>
      </c>
      <c r="CG2478" s="27">
        <v>483</v>
      </c>
      <c r="CH2478" s="27"/>
      <c r="CI2478" s="27"/>
      <c r="CJ2478" s="27"/>
      <c r="CK2478" s="27"/>
      <c r="CL2478" s="27"/>
      <c r="CM2478" s="27"/>
      <c r="CN2478" s="27"/>
      <c r="CO2478" s="27"/>
      <c r="CP2478" s="27"/>
      <c r="CQ2478" s="27"/>
      <c r="CR2478" s="27"/>
      <c r="CS2478" s="27"/>
      <c r="CT2478" s="27"/>
      <c r="CU2478" s="27"/>
      <c r="CV2478" s="27"/>
      <c r="CW2478" s="27"/>
      <c r="CX2478" s="27"/>
      <c r="CY2478" s="23" t="s">
        <v>518</v>
      </c>
      <c r="CZ2478" s="23" t="s">
        <v>519</v>
      </c>
      <c r="DA2478" s="24" t="s">
        <v>95</v>
      </c>
      <c r="DB2478" s="25"/>
      <c r="DC2478" s="25"/>
      <c r="DD2478" s="25"/>
      <c r="DE2478" s="25"/>
      <c r="DF2478" s="25"/>
      <c r="DG2478" s="25"/>
      <c r="DH2478" s="25" t="s">
        <v>333</v>
      </c>
      <c r="DI2478" s="25"/>
      <c r="DJ2478" s="25"/>
      <c r="DK2478" s="25"/>
      <c r="DL2478" s="25">
        <v>11</v>
      </c>
      <c r="DM2478" s="25" t="s">
        <v>520</v>
      </c>
      <c r="DN2478" s="25">
        <v>7</v>
      </c>
      <c r="DO2478" s="25" t="s">
        <v>369</v>
      </c>
    </row>
    <row r="2479" spans="1:119" x14ac:dyDescent="0.2">
      <c r="A2479" s="32" t="s">
        <v>791</v>
      </c>
      <c r="B2479" s="32" t="s">
        <v>791</v>
      </c>
      <c r="C2479" s="32" t="s">
        <v>329</v>
      </c>
      <c r="D2479" s="4" t="s">
        <v>108</v>
      </c>
      <c r="E2479" s="4" t="s">
        <v>249</v>
      </c>
      <c r="F2479" s="1">
        <v>336</v>
      </c>
      <c r="G2479" s="2">
        <v>0.12551363466599999</v>
      </c>
      <c r="H2479" s="1">
        <v>392.7894527200001</v>
      </c>
      <c r="I2479" s="2">
        <v>0.1467076094673323</v>
      </c>
      <c r="J2479" s="1">
        <v>-108.63896074000013</v>
      </c>
      <c r="K2479" s="2">
        <v>-3.5385532133921684E-2</v>
      </c>
      <c r="L2479" s="1">
        <v>51.022557800000413</v>
      </c>
      <c r="M2479" s="2">
        <v>1.7228544281177718E-2</v>
      </c>
      <c r="N2479" s="1">
        <v>-57.616402939999716</v>
      </c>
      <c r="O2479" s="2">
        <v>-1.8766629060026272E-2</v>
      </c>
      <c r="P2479" s="1">
        <v>2677.3625045499998</v>
      </c>
      <c r="Q2479" s="1">
        <v>2687.7518905100001</v>
      </c>
      <c r="R2479" s="1">
        <v>2699.0174714099999</v>
      </c>
      <c r="S2479" s="1">
        <v>2745.6931257199999</v>
      </c>
      <c r="T2479" s="1">
        <v>2817.8667792299998</v>
      </c>
      <c r="U2479" s="1">
        <v>2900.0361388900001</v>
      </c>
      <c r="V2479" s="1">
        <v>3070.1519572699999</v>
      </c>
      <c r="W2479" s="1">
        <v>2945.3373763099999</v>
      </c>
      <c r="X2479" s="1">
        <v>2944.4430776499999</v>
      </c>
      <c r="Y2479" s="1">
        <v>2961.5129965299998</v>
      </c>
      <c r="Z2479" s="1">
        <v>2962.8534615499998</v>
      </c>
      <c r="AA2479" s="1">
        <v>3040.1044855199998</v>
      </c>
      <c r="AB2479" s="1">
        <v>3046.9239951200002</v>
      </c>
      <c r="AC2479" s="1">
        <v>2959.0022821399998</v>
      </c>
      <c r="AD2479" s="1">
        <v>2957.37493094</v>
      </c>
      <c r="AE2479" s="1">
        <v>2955.8095308699999</v>
      </c>
      <c r="AF2479" s="1">
        <v>3012.5355543300002</v>
      </c>
      <c r="AG2479" s="1">
        <v>8469.7987188000006</v>
      </c>
      <c r="AH2479" s="2">
        <v>0.36083543856037514</v>
      </c>
      <c r="AI2479" s="1">
        <v>4269.1476713000011</v>
      </c>
      <c r="AJ2479" s="2">
        <v>0.18187678637902652</v>
      </c>
      <c r="AK2479" s="1">
        <v>460.38273370000024</v>
      </c>
      <c r="AL2479" s="2">
        <v>1.6595216374157472E-2</v>
      </c>
      <c r="AM2479" s="1">
        <v>3740.2683137999993</v>
      </c>
      <c r="AN2479" s="2">
        <v>0.13262292076594343</v>
      </c>
      <c r="AO2479" s="1">
        <v>4200.6510474999995</v>
      </c>
      <c r="AP2479" s="2">
        <v>0.15141904320638447</v>
      </c>
      <c r="AQ2479" s="3">
        <v>23472.746337199998</v>
      </c>
      <c r="AR2479" s="3">
        <v>24211.2173492</v>
      </c>
      <c r="AS2479" s="3">
        <v>25243.206185999999</v>
      </c>
      <c r="AT2479" s="3">
        <v>26470.8898305</v>
      </c>
      <c r="AU2479" s="3">
        <v>27302.7903453</v>
      </c>
      <c r="AV2479" s="3">
        <v>28083.094414700001</v>
      </c>
      <c r="AW2479" s="3">
        <v>27741.894008499999</v>
      </c>
      <c r="AX2479" s="3">
        <v>28627.584113299999</v>
      </c>
      <c r="AY2479" s="3">
        <v>28237.043271800001</v>
      </c>
      <c r="AZ2479" s="3">
        <v>28202.2767422</v>
      </c>
      <c r="BA2479" s="3">
        <v>28298.266842199999</v>
      </c>
      <c r="BB2479" s="3">
        <v>29551.594412099999</v>
      </c>
      <c r="BC2479" s="3">
        <v>29875.059615400001</v>
      </c>
      <c r="BD2479" s="3">
        <v>30144.453950700001</v>
      </c>
      <c r="BE2479" s="3">
        <v>31164.501788099999</v>
      </c>
      <c r="BF2479" s="3">
        <v>31942.545055999999</v>
      </c>
      <c r="BG2479" s="1">
        <v>-4.7500004190000027</v>
      </c>
      <c r="BH2479" s="2">
        <v>-1.7992425800989306E-2</v>
      </c>
      <c r="BI2479" s="1">
        <v>34.999999580999997</v>
      </c>
      <c r="BJ2479" s="2">
        <v>0.13257575577822256</v>
      </c>
      <c r="BK2479" s="1">
        <v>-32.999976306000008</v>
      </c>
      <c r="BL2479" s="2">
        <v>-0.11036781373244149</v>
      </c>
      <c r="BM2479" s="1">
        <v>-6.7500236939999922</v>
      </c>
      <c r="BN2479" s="2">
        <v>-2.5376026664437657E-2</v>
      </c>
      <c r="BO2479" s="1">
        <v>-39.75</v>
      </c>
      <c r="BP2479" s="2">
        <v>-0.13294314381270902</v>
      </c>
      <c r="BQ2479" s="1">
        <v>264.000000419</v>
      </c>
      <c r="BR2479" s="1">
        <v>268</v>
      </c>
      <c r="BS2479" s="1">
        <v>285.00000139100001</v>
      </c>
      <c r="BT2479" s="1">
        <v>299</v>
      </c>
      <c r="BU2479" s="1">
        <v>287</v>
      </c>
      <c r="BV2479" s="1">
        <v>282.00034347399998</v>
      </c>
      <c r="BW2479" s="1">
        <v>266.00002369399999</v>
      </c>
      <c r="BX2479" s="1">
        <v>272</v>
      </c>
      <c r="BY2479" s="1">
        <v>270</v>
      </c>
      <c r="BZ2479" s="1">
        <v>266</v>
      </c>
      <c r="CA2479" s="1">
        <v>257</v>
      </c>
      <c r="CB2479" s="1">
        <v>263</v>
      </c>
      <c r="CC2479" s="1">
        <v>259.25</v>
      </c>
      <c r="CD2479" s="1">
        <v>42.505099999999999</v>
      </c>
      <c r="CE2479" s="27">
        <v>0</v>
      </c>
      <c r="CF2479" s="27">
        <v>292.66800000000001</v>
      </c>
      <c r="CG2479" s="27">
        <v>293</v>
      </c>
      <c r="CH2479" s="27"/>
      <c r="CI2479" s="27"/>
      <c r="CJ2479" s="27"/>
      <c r="CK2479" s="27"/>
      <c r="CL2479" s="27"/>
      <c r="CM2479" s="27"/>
      <c r="CN2479" s="27"/>
      <c r="CO2479" s="27"/>
      <c r="CP2479" s="27"/>
      <c r="CQ2479" s="27"/>
      <c r="CR2479" s="27"/>
      <c r="CS2479" s="27"/>
      <c r="CT2479" s="27"/>
      <c r="CU2479" s="27"/>
      <c r="CV2479" s="27"/>
      <c r="CW2479" s="27"/>
      <c r="CX2479" s="27"/>
      <c r="CY2479" s="23" t="s">
        <v>626</v>
      </c>
      <c r="CZ2479" s="23" t="s">
        <v>627</v>
      </c>
      <c r="DA2479" s="24" t="s">
        <v>108</v>
      </c>
      <c r="DB2479" s="25" t="s">
        <v>345</v>
      </c>
      <c r="DC2479" s="25"/>
      <c r="DD2479" s="25"/>
      <c r="DE2479" s="25"/>
      <c r="DF2479" s="25"/>
      <c r="DG2479" s="25"/>
      <c r="DH2479" s="25" t="s">
        <v>333</v>
      </c>
      <c r="DI2479" s="25"/>
      <c r="DJ2479" s="25"/>
      <c r="DK2479" s="25"/>
      <c r="DL2479" s="25">
        <v>10</v>
      </c>
      <c r="DM2479" s="25" t="s">
        <v>383</v>
      </c>
      <c r="DN2479" s="25">
        <v>9</v>
      </c>
      <c r="DO2479" s="25" t="s">
        <v>384</v>
      </c>
    </row>
    <row r="2480" spans="1:119" x14ac:dyDescent="0.2">
      <c r="A2480" s="32" t="s">
        <v>791</v>
      </c>
      <c r="B2480" s="32" t="s">
        <v>791</v>
      </c>
      <c r="C2480" s="32" t="s">
        <v>329</v>
      </c>
      <c r="D2480" s="4" t="s">
        <v>161</v>
      </c>
      <c r="E2480" s="4" t="s">
        <v>300</v>
      </c>
      <c r="F2480" s="1">
        <v>202</v>
      </c>
      <c r="G2480" s="2">
        <v>2.6890308839199999E-2</v>
      </c>
      <c r="H2480" s="1">
        <v>-35.680992810000134</v>
      </c>
      <c r="I2480" s="2">
        <v>-4.7497707919748845E-3</v>
      </c>
      <c r="J2480" s="1">
        <v>-148.19189314999949</v>
      </c>
      <c r="K2480" s="2">
        <v>-1.9821105927711805E-2</v>
      </c>
      <c r="L2480" s="1">
        <v>385.66525028999968</v>
      </c>
      <c r="M2480" s="2">
        <v>5.2626998189410031E-2</v>
      </c>
      <c r="N2480" s="1">
        <v>237.47335714000019</v>
      </c>
      <c r="O2480" s="2">
        <v>3.1762766955928431E-2</v>
      </c>
      <c r="P2480" s="1">
        <v>7512.1504537199999</v>
      </c>
      <c r="Q2480" s="1">
        <v>7150.2994911699998</v>
      </c>
      <c r="R2480" s="1">
        <v>7362.0945592899998</v>
      </c>
      <c r="S2480" s="1">
        <v>7514.7903614200004</v>
      </c>
      <c r="T2480" s="1">
        <v>7506.6195736299996</v>
      </c>
      <c r="U2480" s="1">
        <v>7607.7250590599997</v>
      </c>
      <c r="V2480" s="1">
        <v>7476.4694609099997</v>
      </c>
      <c r="W2480" s="1">
        <v>7514.0320957499998</v>
      </c>
      <c r="X2480" s="1">
        <v>7473.2324813799996</v>
      </c>
      <c r="Y2480" s="1">
        <v>7328.2775677600002</v>
      </c>
      <c r="Z2480" s="1">
        <v>7319.7553998399999</v>
      </c>
      <c r="AA2480" s="1">
        <v>7451.8788820099999</v>
      </c>
      <c r="AB2480" s="1">
        <v>7402.6257668600001</v>
      </c>
      <c r="AC2480" s="1">
        <v>7521.5545400499996</v>
      </c>
      <c r="AD2480" s="1">
        <v>7527.7832986200001</v>
      </c>
      <c r="AE2480" s="1">
        <v>7539.3187241899996</v>
      </c>
      <c r="AF2480" s="1">
        <v>7713.9428180499999</v>
      </c>
      <c r="AG2480" s="1">
        <v>10917.3526705</v>
      </c>
      <c r="AH2480" s="2">
        <v>0.40504555859399582</v>
      </c>
      <c r="AI2480" s="1">
        <v>5274.704155200001</v>
      </c>
      <c r="AJ2480" s="2">
        <v>0.19569721300055853</v>
      </c>
      <c r="AK2480" s="1">
        <v>1824.3464142999983</v>
      </c>
      <c r="AL2480" s="2">
        <v>5.6607324009688015E-2</v>
      </c>
      <c r="AM2480" s="1">
        <v>3818.3021010000011</v>
      </c>
      <c r="AN2480" s="2">
        <v>0.11213004264529228</v>
      </c>
      <c r="AO2480" s="1">
        <v>5642.6485152999994</v>
      </c>
      <c r="AP2480" s="2">
        <v>0.17508474831022247</v>
      </c>
      <c r="AQ2480" s="3">
        <v>26953.394349999999</v>
      </c>
      <c r="AR2480" s="3">
        <v>27748.9006701</v>
      </c>
      <c r="AS2480" s="3">
        <v>28378.943846499998</v>
      </c>
      <c r="AT2480" s="3">
        <v>29206.406225999999</v>
      </c>
      <c r="AU2480" s="3">
        <v>30341.778337799999</v>
      </c>
      <c r="AV2480" s="3">
        <v>30996.586825300001</v>
      </c>
      <c r="AW2480" s="3">
        <v>32228.0985052</v>
      </c>
      <c r="AX2480" s="3">
        <v>34339.091441299999</v>
      </c>
      <c r="AY2480" s="3">
        <v>33750.051239699998</v>
      </c>
      <c r="AZ2480" s="3">
        <v>34052.444919499998</v>
      </c>
      <c r="BA2480" s="3">
        <v>34622.768211499999</v>
      </c>
      <c r="BB2480" s="3">
        <v>34649.588494299998</v>
      </c>
      <c r="BC2480" s="3">
        <v>35137.779325700001</v>
      </c>
      <c r="BD2480" s="3">
        <v>35630.486916200003</v>
      </c>
      <c r="BE2480" s="3">
        <v>36974.428815799998</v>
      </c>
      <c r="BF2480" s="3">
        <v>37870.747020499999</v>
      </c>
      <c r="BG2480" s="1">
        <v>-1.7507532650000144</v>
      </c>
      <c r="BH2480" s="2">
        <v>-3.6172531823342891E-3</v>
      </c>
      <c r="BI2480" s="1">
        <v>2.9992669289999867</v>
      </c>
      <c r="BJ2480" s="2">
        <v>6.1968228536161563E-3</v>
      </c>
      <c r="BK2480" s="1">
        <v>-17.995218310999974</v>
      </c>
      <c r="BL2480" s="2">
        <v>-3.6951165430817536E-2</v>
      </c>
      <c r="BM2480" s="1">
        <v>13.245198116999973</v>
      </c>
      <c r="BN2480" s="2">
        <v>2.8241071442812599E-2</v>
      </c>
      <c r="BO2480" s="1">
        <v>-4.7500201940000011</v>
      </c>
      <c r="BP2480" s="2">
        <v>-9.7536344908318393E-3</v>
      </c>
      <c r="BQ2480" s="1">
        <v>484.00075326500001</v>
      </c>
      <c r="BR2480" s="1">
        <v>483.000340386</v>
      </c>
      <c r="BS2480" s="1">
        <v>492.00048781300001</v>
      </c>
      <c r="BT2480" s="1">
        <v>487.000020194</v>
      </c>
      <c r="BU2480" s="1">
        <v>476.00001154500001</v>
      </c>
      <c r="BV2480" s="1">
        <v>474.00000677999998</v>
      </c>
      <c r="BW2480" s="1">
        <v>469.00480188300003</v>
      </c>
      <c r="BX2480" s="1">
        <v>462</v>
      </c>
      <c r="BY2480" s="1">
        <v>477</v>
      </c>
      <c r="BZ2480" s="1">
        <v>483</v>
      </c>
      <c r="CA2480" s="1">
        <v>490</v>
      </c>
      <c r="CB2480" s="1">
        <v>491</v>
      </c>
      <c r="CC2480" s="1">
        <v>482.25</v>
      </c>
      <c r="CD2480" s="1">
        <v>-619.37599999999998</v>
      </c>
      <c r="CE2480" s="27">
        <v>0</v>
      </c>
      <c r="CF2480" s="27">
        <v>821.16899999999998</v>
      </c>
      <c r="CG2480" s="27">
        <v>821</v>
      </c>
      <c r="CH2480" s="27"/>
      <c r="CI2480" s="27"/>
      <c r="CJ2480" s="27"/>
      <c r="CK2480" s="27"/>
      <c r="CL2480" s="27"/>
      <c r="CM2480" s="27"/>
      <c r="CN2480" s="27"/>
      <c r="CO2480" s="27"/>
      <c r="CP2480" s="27"/>
      <c r="CQ2480" s="27"/>
      <c r="CR2480" s="27"/>
      <c r="CS2480" s="27"/>
      <c r="CT2480" s="27"/>
      <c r="CU2480" s="27"/>
      <c r="CV2480" s="27"/>
      <c r="CW2480" s="27"/>
      <c r="CX2480" s="27"/>
      <c r="CY2480" s="28" t="s">
        <v>647</v>
      </c>
      <c r="CZ2480" s="28" t="s">
        <v>648</v>
      </c>
      <c r="DA2480" s="29" t="s">
        <v>161</v>
      </c>
      <c r="DB2480" s="30"/>
      <c r="DC2480" s="30"/>
      <c r="DD2480" s="30"/>
      <c r="DE2480" s="30"/>
      <c r="DF2480" s="30"/>
      <c r="DG2480" s="30"/>
      <c r="DH2480" s="30" t="s">
        <v>333</v>
      </c>
      <c r="DI2480" s="30"/>
      <c r="DJ2480" s="30"/>
      <c r="DK2480" s="30"/>
      <c r="DL2480" s="30">
        <v>4</v>
      </c>
      <c r="DM2480" s="30" t="s">
        <v>446</v>
      </c>
      <c r="DN2480" s="30">
        <v>6</v>
      </c>
      <c r="DO2480" s="30" t="s">
        <v>393</v>
      </c>
    </row>
    <row r="2481" spans="1:119" x14ac:dyDescent="0.2">
      <c r="A2481" s="32" t="s">
        <v>791</v>
      </c>
      <c r="B2481" s="32" t="s">
        <v>791</v>
      </c>
      <c r="C2481" s="32" t="s">
        <v>329</v>
      </c>
      <c r="D2481" s="4" t="s">
        <v>135</v>
      </c>
      <c r="E2481" s="4" t="s">
        <v>276</v>
      </c>
      <c r="F2481" s="1">
        <v>112</v>
      </c>
      <c r="G2481" s="2">
        <v>5.6997455470700002E-2</v>
      </c>
      <c r="H2481" s="1">
        <v>136.30740539999988</v>
      </c>
      <c r="I2481" s="2">
        <v>6.9352341563879399E-2</v>
      </c>
      <c r="J2481" s="1">
        <v>-158.09392595999975</v>
      </c>
      <c r="K2481" s="2">
        <v>-7.5220469094996703E-2</v>
      </c>
      <c r="L2481" s="1">
        <v>133.76553983999997</v>
      </c>
      <c r="M2481" s="2">
        <v>6.8821936900831396E-2</v>
      </c>
      <c r="N2481" s="1">
        <v>-24.328386119999777</v>
      </c>
      <c r="O2481" s="2">
        <v>-1.157535057187211E-2</v>
      </c>
      <c r="P2481" s="1">
        <v>1965.4333556199999</v>
      </c>
      <c r="Q2481" s="1">
        <v>1970.1093053899999</v>
      </c>
      <c r="R2481" s="1">
        <v>2056.5196989000001</v>
      </c>
      <c r="S2481" s="1">
        <v>2165.0172575500001</v>
      </c>
      <c r="T2481" s="1">
        <v>2113.2285793599999</v>
      </c>
      <c r="U2481" s="1">
        <v>2032.7455298499999</v>
      </c>
      <c r="V2481" s="1">
        <v>2101.7407610199998</v>
      </c>
      <c r="W2481" s="1">
        <v>2068.99253606</v>
      </c>
      <c r="X2481" s="1">
        <v>2040.46846749</v>
      </c>
      <c r="Y2481" s="1">
        <v>1943.6468350600001</v>
      </c>
      <c r="Z2481" s="1">
        <v>1924.8965904500001</v>
      </c>
      <c r="AA2481" s="1">
        <v>1871.1970836600001</v>
      </c>
      <c r="AB2481" s="1">
        <v>1811.2362139300001</v>
      </c>
      <c r="AC2481" s="1">
        <v>1937.43197596</v>
      </c>
      <c r="AD2481" s="1">
        <v>2007.1528990100001</v>
      </c>
      <c r="AE2481" s="1">
        <v>2006.7090499000001</v>
      </c>
      <c r="AF2481" s="1">
        <v>2077.4123749</v>
      </c>
      <c r="AG2481" s="1">
        <v>8129.5791159</v>
      </c>
      <c r="AH2481" s="2">
        <v>0.36034165444888061</v>
      </c>
      <c r="AI2481" s="1">
        <v>6662.5492833999997</v>
      </c>
      <c r="AJ2481" s="2">
        <v>0.29531590718294837</v>
      </c>
      <c r="AK2481" s="1">
        <v>1708.6081204999973</v>
      </c>
      <c r="AL2481" s="2">
        <v>5.84673181396538E-2</v>
      </c>
      <c r="AM2481" s="1">
        <v>-241.57828799999697</v>
      </c>
      <c r="AN2481" s="2">
        <v>-7.8100021521254519E-3</v>
      </c>
      <c r="AO2481" s="1">
        <v>1467.0298325000003</v>
      </c>
      <c r="AP2481" s="2">
        <v>5.0200686107028651E-2</v>
      </c>
      <c r="AQ2481" s="3">
        <v>22560.753150600001</v>
      </c>
      <c r="AR2481" s="3">
        <v>23705.018830500001</v>
      </c>
      <c r="AS2481" s="3">
        <v>24526.820095300001</v>
      </c>
      <c r="AT2481" s="3">
        <v>24713.615635999999</v>
      </c>
      <c r="AU2481" s="3">
        <v>28272.795942000001</v>
      </c>
      <c r="AV2481" s="3">
        <v>30286.3188916</v>
      </c>
      <c r="AW2481" s="3">
        <v>29223.302434000001</v>
      </c>
      <c r="AX2481" s="3">
        <v>31409.7230882</v>
      </c>
      <c r="AY2481" s="3">
        <v>29631.5489366</v>
      </c>
      <c r="AZ2481" s="3">
        <v>30931.910554499998</v>
      </c>
      <c r="BA2481" s="3">
        <v>28064.870084999999</v>
      </c>
      <c r="BB2481" s="3">
        <v>29458.447124099999</v>
      </c>
      <c r="BC2481" s="3">
        <v>30251.689744700001</v>
      </c>
      <c r="BD2481" s="3">
        <v>30135.649558500001</v>
      </c>
      <c r="BE2481" s="3">
        <v>30358.665102200001</v>
      </c>
      <c r="BF2481" s="3">
        <v>30690.332266500001</v>
      </c>
      <c r="BG2481" s="1">
        <v>2.9995154399999819</v>
      </c>
      <c r="BH2481" s="2">
        <v>9.3442707543306691E-3</v>
      </c>
      <c r="BI2481" s="1">
        <v>-5.000196969000001</v>
      </c>
      <c r="BJ2481" s="2">
        <v>-1.5576914084269507E-2</v>
      </c>
      <c r="BK2481" s="1">
        <v>26.999727261999965</v>
      </c>
      <c r="BL2481" s="2">
        <v>8.5442097119056357E-2</v>
      </c>
      <c r="BM2481" s="1">
        <v>-19.000014852999982</v>
      </c>
      <c r="BN2481" s="2">
        <v>-5.5393626910316157E-2</v>
      </c>
      <c r="BO2481" s="1">
        <v>7.9997124089999829</v>
      </c>
      <c r="BP2481" s="2">
        <v>2.5315522558492197E-2</v>
      </c>
      <c r="BQ2481" s="1">
        <v>321.00048456000002</v>
      </c>
      <c r="BR2481" s="1">
        <v>315.00037128899999</v>
      </c>
      <c r="BS2481" s="1">
        <v>302.00024899700003</v>
      </c>
      <c r="BT2481" s="1">
        <v>316.00028759100002</v>
      </c>
      <c r="BU2481" s="1">
        <v>315.00007206499998</v>
      </c>
      <c r="BV2481" s="1">
        <v>331.00038520999999</v>
      </c>
      <c r="BW2481" s="1">
        <v>343.00001485299998</v>
      </c>
      <c r="BX2481" s="1">
        <v>332</v>
      </c>
      <c r="BY2481" s="1">
        <v>326</v>
      </c>
      <c r="BZ2481" s="1">
        <v>351</v>
      </c>
      <c r="CA2481" s="1">
        <v>338</v>
      </c>
      <c r="CB2481" s="1">
        <v>339</v>
      </c>
      <c r="CC2481" s="1">
        <v>324</v>
      </c>
      <c r="CD2481" s="1">
        <v>-102.867</v>
      </c>
      <c r="CE2481" s="27">
        <v>0</v>
      </c>
      <c r="CF2481" s="27">
        <v>214.846</v>
      </c>
      <c r="CG2481" s="27">
        <v>215</v>
      </c>
      <c r="CH2481" s="27"/>
      <c r="CI2481" s="27"/>
      <c r="CJ2481" s="27"/>
      <c r="CK2481" s="27"/>
      <c r="CL2481" s="27"/>
      <c r="CM2481" s="27"/>
      <c r="CN2481" s="27"/>
      <c r="CO2481" s="27"/>
      <c r="CP2481" s="27"/>
      <c r="CQ2481" s="27"/>
      <c r="CR2481" s="27"/>
      <c r="CS2481" s="27"/>
      <c r="CT2481" s="27"/>
      <c r="CU2481" s="27"/>
      <c r="CV2481" s="27"/>
      <c r="CW2481" s="27"/>
      <c r="CX2481" s="27"/>
      <c r="CY2481" s="23" t="s">
        <v>673</v>
      </c>
      <c r="CZ2481" s="23" t="s">
        <v>674</v>
      </c>
      <c r="DA2481" s="24" t="s">
        <v>135</v>
      </c>
      <c r="DB2481" s="25" t="s">
        <v>345</v>
      </c>
      <c r="DC2481" s="25"/>
      <c r="DD2481" s="25"/>
      <c r="DE2481" s="25"/>
      <c r="DF2481" s="25"/>
      <c r="DG2481" s="25"/>
      <c r="DH2481" s="25" t="s">
        <v>333</v>
      </c>
      <c r="DI2481" s="25"/>
      <c r="DJ2481" s="25"/>
      <c r="DK2481" s="25"/>
      <c r="DL2481" s="25">
        <v>12</v>
      </c>
      <c r="DM2481" s="25" t="s">
        <v>602</v>
      </c>
      <c r="DN2481" s="25">
        <v>9</v>
      </c>
      <c r="DO2481" s="25" t="s">
        <v>384</v>
      </c>
    </row>
    <row r="2482" spans="1:119" x14ac:dyDescent="0.2">
      <c r="A2482" s="32" t="s">
        <v>791</v>
      </c>
      <c r="B2482" s="32" t="s">
        <v>791</v>
      </c>
      <c r="C2482" s="32" t="s">
        <v>329</v>
      </c>
      <c r="D2482" s="4" t="s">
        <v>102</v>
      </c>
      <c r="E2482" s="4" t="s">
        <v>243</v>
      </c>
      <c r="F2482" s="1">
        <v>338</v>
      </c>
      <c r="G2482" s="2">
        <v>0.17874140666300001</v>
      </c>
      <c r="H2482" s="1">
        <v>245.70908166000027</v>
      </c>
      <c r="I2482" s="2">
        <v>0.12990359710588548</v>
      </c>
      <c r="J2482" s="1">
        <v>-167.69987891000028</v>
      </c>
      <c r="K2482" s="2">
        <v>-7.8467772836374711E-2</v>
      </c>
      <c r="L2482" s="1">
        <v>259.02762084999995</v>
      </c>
      <c r="M2482" s="2">
        <v>0.13152070435797641</v>
      </c>
      <c r="N2482" s="1">
        <v>91.327741939999669</v>
      </c>
      <c r="O2482" s="2">
        <v>4.2732794768759998E-2</v>
      </c>
      <c r="P2482" s="1">
        <v>1891.4725006399999</v>
      </c>
      <c r="Q2482" s="1">
        <v>1946.8616548099999</v>
      </c>
      <c r="R2482" s="1">
        <v>1958.2179517699999</v>
      </c>
      <c r="S2482" s="1">
        <v>2062.78058908</v>
      </c>
      <c r="T2482" s="1">
        <v>2116.8962617400002</v>
      </c>
      <c r="U2482" s="1">
        <v>2137.5095212000001</v>
      </c>
      <c r="V2482" s="1">
        <v>2137.1815823000002</v>
      </c>
      <c r="W2482" s="1">
        <v>2023.45417144</v>
      </c>
      <c r="X2482" s="1">
        <v>1989.1298182600001</v>
      </c>
      <c r="Y2482" s="1">
        <v>1969.4817033899999</v>
      </c>
      <c r="Z2482" s="1">
        <v>1941.9271451100001</v>
      </c>
      <c r="AA2482" s="1">
        <v>1944.4025407399999</v>
      </c>
      <c r="AB2482" s="1">
        <v>1899.4302740099999</v>
      </c>
      <c r="AC2482" s="1">
        <v>1951.09080305</v>
      </c>
      <c r="AD2482" s="1">
        <v>2071.9116880199999</v>
      </c>
      <c r="AE2482" s="1">
        <v>2160.6836822599998</v>
      </c>
      <c r="AF2482" s="1">
        <v>2228.5093242399998</v>
      </c>
      <c r="AG2482" s="1">
        <v>11287.452161900001</v>
      </c>
      <c r="AH2482" s="2">
        <v>0.44137640581408677</v>
      </c>
      <c r="AI2482" s="1">
        <v>5339.831072099998</v>
      </c>
      <c r="AJ2482" s="2">
        <v>0.20880491119274425</v>
      </c>
      <c r="AK2482" s="1">
        <v>3408.3735159000025</v>
      </c>
      <c r="AL2482" s="2">
        <v>0.1102564886539668</v>
      </c>
      <c r="AM2482" s="1">
        <v>2539.2475739000001</v>
      </c>
      <c r="AN2482" s="2">
        <v>7.3984152199940381E-2</v>
      </c>
      <c r="AO2482" s="1">
        <v>5947.6210898000027</v>
      </c>
      <c r="AP2482" s="2">
        <v>0.19239787369151326</v>
      </c>
      <c r="AQ2482" s="3">
        <v>25573.302091400001</v>
      </c>
      <c r="AR2482" s="3">
        <v>25784.027099300001</v>
      </c>
      <c r="AS2482" s="3">
        <v>26388.586990899999</v>
      </c>
      <c r="AT2482" s="3">
        <v>28554.567962900001</v>
      </c>
      <c r="AU2482" s="3">
        <v>28468.058033199999</v>
      </c>
      <c r="AV2482" s="3">
        <v>28561.894128399999</v>
      </c>
      <c r="AW2482" s="3">
        <v>30913.133163499999</v>
      </c>
      <c r="AX2482" s="3">
        <v>31548.848228899999</v>
      </c>
      <c r="AY2482" s="3">
        <v>33203.390031199997</v>
      </c>
      <c r="AZ2482" s="3">
        <v>34321.506679400001</v>
      </c>
      <c r="BA2482" s="3">
        <v>35494.378132799997</v>
      </c>
      <c r="BB2482" s="3">
        <v>35360.943627799999</v>
      </c>
      <c r="BC2482" s="3">
        <v>37051.449885100003</v>
      </c>
      <c r="BD2482" s="3">
        <v>36576.397438</v>
      </c>
      <c r="BE2482" s="3">
        <v>36821.041512700001</v>
      </c>
      <c r="BF2482" s="3">
        <v>36860.754253300001</v>
      </c>
      <c r="BG2482" s="1">
        <v>-9.250000397000008</v>
      </c>
      <c r="BH2482" s="2">
        <v>-4.1666668380442973E-2</v>
      </c>
      <c r="BI2482" s="1">
        <v>22.999999602999992</v>
      </c>
      <c r="BJ2482" s="2">
        <v>0.10360360163004217</v>
      </c>
      <c r="BK2482" s="1">
        <v>-11</v>
      </c>
      <c r="BL2482" s="2">
        <v>-4.4897959183673466E-2</v>
      </c>
      <c r="BM2482" s="1">
        <v>-21.25</v>
      </c>
      <c r="BN2482" s="2">
        <v>-9.0811965811965809E-2</v>
      </c>
      <c r="BO2482" s="1">
        <v>-32.25</v>
      </c>
      <c r="BP2482" s="2">
        <v>-0.13163265306122449</v>
      </c>
      <c r="BQ2482" s="1">
        <v>222.00000039700001</v>
      </c>
      <c r="BR2482" s="1">
        <v>232</v>
      </c>
      <c r="BS2482" s="1">
        <v>235</v>
      </c>
      <c r="BT2482" s="1">
        <v>245</v>
      </c>
      <c r="BU2482" s="1">
        <v>232</v>
      </c>
      <c r="BV2482" s="1">
        <v>228</v>
      </c>
      <c r="BW2482" s="1">
        <v>234</v>
      </c>
      <c r="BX2482" s="1">
        <v>215</v>
      </c>
      <c r="BY2482" s="1">
        <v>220</v>
      </c>
      <c r="BZ2482" s="1">
        <v>220</v>
      </c>
      <c r="CA2482" s="1">
        <v>211</v>
      </c>
      <c r="CB2482" s="1">
        <v>218</v>
      </c>
      <c r="CC2482" s="1">
        <v>212.75</v>
      </c>
      <c r="CD2482" s="1">
        <v>130.27600000000001</v>
      </c>
      <c r="CE2482" s="27">
        <v>0</v>
      </c>
      <c r="CF2482" s="27">
        <v>206.761</v>
      </c>
      <c r="CG2482" s="27">
        <v>207</v>
      </c>
      <c r="CH2482" s="27"/>
      <c r="CI2482" s="27"/>
      <c r="CJ2482" s="27"/>
      <c r="CK2482" s="27"/>
      <c r="CL2482" s="27"/>
      <c r="CM2482" s="27"/>
      <c r="CN2482" s="27"/>
      <c r="CO2482" s="27"/>
      <c r="CP2482" s="27"/>
      <c r="CQ2482" s="27"/>
      <c r="CR2482" s="27"/>
      <c r="CS2482" s="27"/>
      <c r="CT2482" s="27"/>
      <c r="CU2482" s="27"/>
      <c r="CV2482" s="27"/>
      <c r="CW2482" s="27"/>
      <c r="CX2482" s="27"/>
      <c r="CY2482" s="23" t="s">
        <v>430</v>
      </c>
      <c r="CZ2482" s="23" t="s">
        <v>431</v>
      </c>
      <c r="DA2482" s="24" t="s">
        <v>102</v>
      </c>
      <c r="DB2482" s="25"/>
      <c r="DC2482" s="25" t="s">
        <v>401</v>
      </c>
      <c r="DD2482" s="25" t="s">
        <v>373</v>
      </c>
      <c r="DE2482" s="25" t="s">
        <v>402</v>
      </c>
      <c r="DF2482" s="25" t="s">
        <v>375</v>
      </c>
      <c r="DG2482" s="25" t="s">
        <v>376</v>
      </c>
      <c r="DH2482" s="25" t="s">
        <v>328</v>
      </c>
      <c r="DI2482" s="25" t="s">
        <v>377</v>
      </c>
      <c r="DJ2482" s="25" t="s">
        <v>366</v>
      </c>
      <c r="DK2482" s="25" t="s">
        <v>432</v>
      </c>
      <c r="DL2482" s="25">
        <v>1</v>
      </c>
      <c r="DM2482" s="25" t="s">
        <v>404</v>
      </c>
      <c r="DN2482" s="25">
        <v>1</v>
      </c>
      <c r="DO2482" s="25" t="s">
        <v>405</v>
      </c>
    </row>
    <row r="2483" spans="1:119" x14ac:dyDescent="0.2">
      <c r="A2483" s="32" t="s">
        <v>791</v>
      </c>
      <c r="B2483" s="32" t="s">
        <v>791</v>
      </c>
      <c r="C2483" s="32" t="s">
        <v>329</v>
      </c>
      <c r="D2483" s="4" t="s">
        <v>84</v>
      </c>
      <c r="E2483" s="4" t="s">
        <v>225</v>
      </c>
      <c r="F2483" s="1">
        <v>10</v>
      </c>
      <c r="G2483" s="2">
        <v>4.8285852245300003E-3</v>
      </c>
      <c r="H2483" s="1">
        <v>129.8337323300002</v>
      </c>
      <c r="I2483" s="2">
        <v>6.2697989709969135E-2</v>
      </c>
      <c r="J2483" s="1">
        <v>-193.46014249000018</v>
      </c>
      <c r="K2483" s="2">
        <v>-8.7911910569888771E-2</v>
      </c>
      <c r="L2483" s="1">
        <v>73.439143269999931</v>
      </c>
      <c r="M2483" s="2">
        <v>3.6588704494386066E-2</v>
      </c>
      <c r="N2483" s="1">
        <v>-120.02099922000025</v>
      </c>
      <c r="O2483" s="2">
        <v>-5.4539788992881262E-2</v>
      </c>
      <c r="P2483" s="1">
        <v>2070.77982772</v>
      </c>
      <c r="Q2483" s="1">
        <v>2127.9822556499998</v>
      </c>
      <c r="R2483" s="1">
        <v>2147.9286911999998</v>
      </c>
      <c r="S2483" s="1">
        <v>2111.1197982899998</v>
      </c>
      <c r="T2483" s="1">
        <v>2177.1801672400002</v>
      </c>
      <c r="U2483" s="1">
        <v>2214.5654139200001</v>
      </c>
      <c r="V2483" s="1">
        <v>2200.6135600500002</v>
      </c>
      <c r="W2483" s="1">
        <v>2133.3382560599998</v>
      </c>
      <c r="X2483" s="1">
        <v>2113.4190042099999</v>
      </c>
      <c r="Y2483" s="1">
        <v>2007.15341756</v>
      </c>
      <c r="Z2483" s="1">
        <v>1957.3431518100001</v>
      </c>
      <c r="AA2483" s="1">
        <v>1966.34919831</v>
      </c>
      <c r="AB2483" s="1">
        <v>2033.31131815</v>
      </c>
      <c r="AC2483" s="1">
        <v>2015.0854146500001</v>
      </c>
      <c r="AD2483" s="1">
        <v>2036.85792109</v>
      </c>
      <c r="AE2483" s="1">
        <v>2041.55740967</v>
      </c>
      <c r="AF2483" s="1">
        <v>2080.5925608299999</v>
      </c>
      <c r="AG2483" s="1">
        <v>7345.8582442000006</v>
      </c>
      <c r="AH2483" s="2">
        <v>0.34314032974369191</v>
      </c>
      <c r="AI2483" s="1">
        <v>3437.7140404999991</v>
      </c>
      <c r="AJ2483" s="2">
        <v>0.16058277878600083</v>
      </c>
      <c r="AK2483" s="1">
        <v>1969.8710895000004</v>
      </c>
      <c r="AL2483" s="2">
        <v>7.9284977134885276E-2</v>
      </c>
      <c r="AM2483" s="1">
        <v>1938.2731142000011</v>
      </c>
      <c r="AN2483" s="2">
        <v>7.2282295894156565E-2</v>
      </c>
      <c r="AO2483" s="1">
        <v>3908.1442037000015</v>
      </c>
      <c r="AP2483" s="2">
        <v>0.15729817320626704</v>
      </c>
      <c r="AQ2483" s="3">
        <v>21407.7379062</v>
      </c>
      <c r="AR2483" s="3">
        <v>22190.7845648</v>
      </c>
      <c r="AS2483" s="3">
        <v>22201.2833703</v>
      </c>
      <c r="AT2483" s="3">
        <v>22845.409657200002</v>
      </c>
      <c r="AU2483" s="3">
        <v>23637.658400699998</v>
      </c>
      <c r="AV2483" s="3">
        <v>23965.733815899999</v>
      </c>
      <c r="AW2483" s="3">
        <v>24845.451946699999</v>
      </c>
      <c r="AX2483" s="3">
        <v>25687.3435794</v>
      </c>
      <c r="AY2483" s="3">
        <v>25526.3315301</v>
      </c>
      <c r="AZ2483" s="3">
        <v>26815.323036199999</v>
      </c>
      <c r="BA2483" s="3">
        <v>26906.635505300001</v>
      </c>
      <c r="BB2483" s="3">
        <v>26539.022161699999</v>
      </c>
      <c r="BC2483" s="3">
        <v>27017.410109799999</v>
      </c>
      <c r="BD2483" s="3">
        <v>27605.713001299999</v>
      </c>
      <c r="BE2483" s="3">
        <v>28145.561948099999</v>
      </c>
      <c r="BF2483" s="3">
        <v>28753.596150400001</v>
      </c>
      <c r="BG2483" s="1">
        <v>14.98384626699999</v>
      </c>
      <c r="BH2483" s="2">
        <v>7.3806177446875676E-2</v>
      </c>
      <c r="BI2483" s="1">
        <v>18.046343317999998</v>
      </c>
      <c r="BJ2483" s="2">
        <v>8.8891169427502498E-2</v>
      </c>
      <c r="BK2483" s="1">
        <v>-4.0422108420000029</v>
      </c>
      <c r="BL2483" s="2">
        <v>-1.8285375836804417E-2</v>
      </c>
      <c r="BM2483" s="1">
        <v>0.97971379099999467</v>
      </c>
      <c r="BN2483" s="2">
        <v>4.5143880699543802E-3</v>
      </c>
      <c r="BO2483" s="1">
        <v>-3.0624970510000082</v>
      </c>
      <c r="BP2483" s="2">
        <v>-1.3853535049382337E-2</v>
      </c>
      <c r="BQ2483" s="1">
        <v>203.01615373300001</v>
      </c>
      <c r="BR2483" s="1">
        <v>202.02921632300001</v>
      </c>
      <c r="BS2483" s="1">
        <v>212.09050008899999</v>
      </c>
      <c r="BT2483" s="1">
        <v>221.06249705100001</v>
      </c>
      <c r="BU2483" s="1">
        <v>223.09265228699999</v>
      </c>
      <c r="BV2483" s="1">
        <v>223.01908447299999</v>
      </c>
      <c r="BW2483" s="1">
        <v>217.02028620900001</v>
      </c>
      <c r="BX2483" s="1">
        <v>210</v>
      </c>
      <c r="BY2483" s="1">
        <v>207</v>
      </c>
      <c r="BZ2483" s="1">
        <v>212</v>
      </c>
      <c r="CA2483" s="1">
        <v>211</v>
      </c>
      <c r="CB2483" s="1">
        <v>219</v>
      </c>
      <c r="CC2483" s="1">
        <v>218</v>
      </c>
      <c r="CD2483" s="1">
        <v>-216.548</v>
      </c>
      <c r="CE2483" s="27">
        <v>0</v>
      </c>
      <c r="CF2483" s="27">
        <v>226.36099999999999</v>
      </c>
      <c r="CG2483" s="27">
        <v>226</v>
      </c>
      <c r="CH2483" s="27"/>
      <c r="CI2483" s="27"/>
      <c r="CJ2483" s="27"/>
      <c r="CK2483" s="27"/>
      <c r="CL2483" s="27"/>
      <c r="CM2483" s="27"/>
      <c r="CN2483" s="27"/>
      <c r="CO2483" s="27"/>
      <c r="CP2483" s="27"/>
      <c r="CQ2483" s="27"/>
      <c r="CR2483" s="27"/>
      <c r="CS2483" s="27"/>
      <c r="CT2483" s="27"/>
      <c r="CU2483" s="27"/>
      <c r="CV2483" s="27"/>
      <c r="CW2483" s="27"/>
      <c r="CX2483" s="27"/>
      <c r="CY2483" s="23" t="s">
        <v>631</v>
      </c>
      <c r="CZ2483" s="23" t="s">
        <v>632</v>
      </c>
      <c r="DA2483" s="24" t="s">
        <v>84</v>
      </c>
      <c r="DB2483" s="25" t="s">
        <v>345</v>
      </c>
      <c r="DC2483" s="25"/>
      <c r="DD2483" s="25"/>
      <c r="DE2483" s="25"/>
      <c r="DF2483" s="25"/>
      <c r="DG2483" s="25"/>
      <c r="DH2483" s="25" t="s">
        <v>333</v>
      </c>
      <c r="DI2483" s="25"/>
      <c r="DJ2483" s="25"/>
      <c r="DK2483" s="25"/>
      <c r="DL2483" s="25">
        <v>10</v>
      </c>
      <c r="DM2483" s="25" t="s">
        <v>383</v>
      </c>
      <c r="DN2483" s="25">
        <v>9</v>
      </c>
      <c r="DO2483" s="25" t="s">
        <v>384</v>
      </c>
    </row>
    <row r="2484" spans="1:119" x14ac:dyDescent="0.2">
      <c r="A2484" s="32" t="s">
        <v>791</v>
      </c>
      <c r="B2484" s="32" t="s">
        <v>791</v>
      </c>
      <c r="C2484" s="32" t="s">
        <v>329</v>
      </c>
      <c r="D2484" s="4" t="s">
        <v>133</v>
      </c>
      <c r="E2484" s="4" t="s">
        <v>274</v>
      </c>
      <c r="F2484" s="1">
        <v>-446</v>
      </c>
      <c r="G2484" s="2">
        <v>-6.1095890410999998E-2</v>
      </c>
      <c r="H2484" s="1">
        <v>64.108308840000063</v>
      </c>
      <c r="I2484" s="2">
        <v>8.7819591075131292E-3</v>
      </c>
      <c r="J2484" s="1">
        <v>-236.08763951000037</v>
      </c>
      <c r="K2484" s="2">
        <v>-3.2059226013288429E-2</v>
      </c>
      <c r="L2484" s="1">
        <v>-274.44221106999976</v>
      </c>
      <c r="M2484" s="2">
        <v>-3.8501877527428459E-2</v>
      </c>
      <c r="N2484" s="1">
        <v>-510.52985058000013</v>
      </c>
      <c r="O2484" s="2">
        <v>-6.93267631471291E-2</v>
      </c>
      <c r="P2484" s="1">
        <v>7300.0008375300004</v>
      </c>
      <c r="Q2484" s="1">
        <v>7051.3355797100003</v>
      </c>
      <c r="R2484" s="1">
        <v>7074.9463166100004</v>
      </c>
      <c r="S2484" s="1">
        <v>7140.8201546399996</v>
      </c>
      <c r="T2484" s="1">
        <v>7131.4642047300003</v>
      </c>
      <c r="U2484" s="1">
        <v>7199.9413087399998</v>
      </c>
      <c r="V2484" s="1">
        <v>7364.1091463700004</v>
      </c>
      <c r="W2484" s="1">
        <v>7316.1144184599998</v>
      </c>
      <c r="X2484" s="1">
        <v>7067.6578117999998</v>
      </c>
      <c r="Y2484" s="1">
        <v>7128.02150686</v>
      </c>
      <c r="Z2484" s="1">
        <v>7047.0324975399999</v>
      </c>
      <c r="AA2484" s="1">
        <v>7092.7670253300003</v>
      </c>
      <c r="AB2484" s="1">
        <v>7015.4248426800004</v>
      </c>
      <c r="AC2484" s="1">
        <v>6809.6707171899998</v>
      </c>
      <c r="AD2484" s="1">
        <v>6839.5028511</v>
      </c>
      <c r="AE2484" s="1">
        <v>6814.6169552299998</v>
      </c>
      <c r="AF2484" s="1">
        <v>6853.5792957900003</v>
      </c>
      <c r="AG2484" s="1">
        <v>10251.523427799999</v>
      </c>
      <c r="AH2484" s="2">
        <v>0.39970048698688648</v>
      </c>
      <c r="AI2484" s="1">
        <v>4425.768312799999</v>
      </c>
      <c r="AJ2484" s="2">
        <v>0.17255793857137175</v>
      </c>
      <c r="AK2484" s="1">
        <v>2651.4236792000011</v>
      </c>
      <c r="AL2484" s="2">
        <v>8.8163959843329615E-2</v>
      </c>
      <c r="AM2484" s="1">
        <v>3174.3314357999989</v>
      </c>
      <c r="AN2484" s="2">
        <v>9.6999588000987041E-2</v>
      </c>
      <c r="AO2484" s="1">
        <v>5825.7551149999999</v>
      </c>
      <c r="AP2484" s="2">
        <v>0.1937154156256552</v>
      </c>
      <c r="AQ2484" s="3">
        <v>25648.013353900002</v>
      </c>
      <c r="AR2484" s="3">
        <v>26130.537041799998</v>
      </c>
      <c r="AS2484" s="3">
        <v>27130.812647399998</v>
      </c>
      <c r="AT2484" s="3">
        <v>27748.443095999999</v>
      </c>
      <c r="AU2484" s="3">
        <v>28791.9324228</v>
      </c>
      <c r="AV2484" s="3">
        <v>29814.725998499998</v>
      </c>
      <c r="AW2484" s="3">
        <v>30073.781666700001</v>
      </c>
      <c r="AX2484" s="3">
        <v>31230.842037800001</v>
      </c>
      <c r="AY2484" s="3">
        <v>31940.043787800001</v>
      </c>
      <c r="AZ2484" s="3">
        <v>32725.205345900002</v>
      </c>
      <c r="BA2484" s="3">
        <v>33329.611472600001</v>
      </c>
      <c r="BB2484" s="3">
        <v>34192.169375199999</v>
      </c>
      <c r="BC2484" s="3">
        <v>34824.209002600001</v>
      </c>
      <c r="BD2484" s="3">
        <v>34883.889085199997</v>
      </c>
      <c r="BE2484" s="3">
        <v>35654.063860299997</v>
      </c>
      <c r="BF2484" s="3">
        <v>35899.536781700001</v>
      </c>
      <c r="BG2484" s="1">
        <v>63.132606646999989</v>
      </c>
      <c r="BH2484" s="2">
        <v>0.11455382720349472</v>
      </c>
      <c r="BI2484" s="1">
        <v>32.889300104999961</v>
      </c>
      <c r="BJ2484" s="2">
        <v>5.9677485235770461E-2</v>
      </c>
      <c r="BK2484" s="1">
        <v>-6.0058682559999852</v>
      </c>
      <c r="BL2484" s="2">
        <v>-1.02839031183671E-2</v>
      </c>
      <c r="BM2484" s="1">
        <v>36.249174798000013</v>
      </c>
      <c r="BN2484" s="2">
        <v>6.271474575374808E-2</v>
      </c>
      <c r="BO2484" s="1">
        <v>30.243306542000028</v>
      </c>
      <c r="BP2484" s="2">
        <v>5.1785890265956404E-2</v>
      </c>
      <c r="BQ2484" s="1">
        <v>551.11739335300001</v>
      </c>
      <c r="BR2484" s="1">
        <v>549.01370419800003</v>
      </c>
      <c r="BS2484" s="1">
        <v>564.03055894900001</v>
      </c>
      <c r="BT2484" s="1">
        <v>584.00669345799997</v>
      </c>
      <c r="BU2484" s="1">
        <v>570.00099154300005</v>
      </c>
      <c r="BV2484" s="1">
        <v>547.00052164900001</v>
      </c>
      <c r="BW2484" s="1">
        <v>578.00082520199999</v>
      </c>
      <c r="BX2484" s="1">
        <v>572</v>
      </c>
      <c r="BY2484" s="1">
        <v>580</v>
      </c>
      <c r="BZ2484" s="1">
        <v>592</v>
      </c>
      <c r="CA2484" s="1">
        <v>602</v>
      </c>
      <c r="CB2484" s="1">
        <v>635</v>
      </c>
      <c r="CC2484" s="1">
        <v>614.25</v>
      </c>
      <c r="CD2484" s="1">
        <v>-1244.4000000000001</v>
      </c>
      <c r="CE2484" s="27">
        <v>0</v>
      </c>
      <c r="CF2484" s="27">
        <v>797.97799999999995</v>
      </c>
      <c r="CG2484" s="27">
        <v>798</v>
      </c>
      <c r="CH2484" s="27"/>
      <c r="CI2484" s="27"/>
      <c r="CJ2484" s="27"/>
      <c r="CK2484" s="27"/>
      <c r="CL2484" s="27"/>
      <c r="CM2484" s="27"/>
      <c r="CN2484" s="27"/>
      <c r="CO2484" s="27"/>
      <c r="CP2484" s="27"/>
      <c r="CQ2484" s="27"/>
      <c r="CR2484" s="27"/>
      <c r="CS2484" s="27"/>
      <c r="CT2484" s="27"/>
      <c r="CU2484" s="27"/>
      <c r="CV2484" s="27"/>
      <c r="CW2484" s="27"/>
      <c r="CX2484" s="27"/>
      <c r="CY2484" s="28" t="s">
        <v>723</v>
      </c>
      <c r="CZ2484" s="28" t="s">
        <v>724</v>
      </c>
      <c r="DA2484" s="29" t="s">
        <v>133</v>
      </c>
      <c r="DB2484" s="25" t="s">
        <v>345</v>
      </c>
      <c r="DC2484" s="30"/>
      <c r="DD2484" s="30"/>
      <c r="DE2484" s="30"/>
      <c r="DF2484" s="30"/>
      <c r="DG2484" s="30"/>
      <c r="DH2484" s="30" t="s">
        <v>333</v>
      </c>
      <c r="DI2484" s="30"/>
      <c r="DJ2484" s="30"/>
      <c r="DK2484" s="30"/>
      <c r="DL2484" s="30">
        <v>9</v>
      </c>
      <c r="DM2484" s="30" t="s">
        <v>440</v>
      </c>
      <c r="DN2484" s="30">
        <v>9</v>
      </c>
      <c r="DO2484" s="30" t="s">
        <v>384</v>
      </c>
    </row>
    <row r="2485" spans="1:119" x14ac:dyDescent="0.2">
      <c r="A2485" s="32" t="s">
        <v>791</v>
      </c>
      <c r="B2485" s="32" t="s">
        <v>791</v>
      </c>
      <c r="C2485" s="32" t="s">
        <v>329</v>
      </c>
      <c r="D2485" s="4" t="s">
        <v>60</v>
      </c>
      <c r="E2485" s="4" t="s">
        <v>201</v>
      </c>
      <c r="F2485" s="1">
        <v>46</v>
      </c>
      <c r="G2485" s="2">
        <v>1.4497321147199999E-2</v>
      </c>
      <c r="H2485" s="1">
        <v>238.8781618500002</v>
      </c>
      <c r="I2485" s="2">
        <v>7.5279043589184885E-2</v>
      </c>
      <c r="J2485" s="1">
        <v>-237.26948132000007</v>
      </c>
      <c r="K2485" s="2">
        <v>-6.9537383178828224E-2</v>
      </c>
      <c r="L2485" s="1">
        <v>44.133948830000008</v>
      </c>
      <c r="M2485" s="2">
        <v>1.3901136902968762E-2</v>
      </c>
      <c r="N2485" s="1">
        <v>-193.13553249000006</v>
      </c>
      <c r="O2485" s="2">
        <v>-5.6602894959302548E-2</v>
      </c>
      <c r="P2485" s="1">
        <v>3173.2358762899999</v>
      </c>
      <c r="Q2485" s="1">
        <v>3255.6700085699999</v>
      </c>
      <c r="R2485" s="1">
        <v>3178.7905639599999</v>
      </c>
      <c r="S2485" s="1">
        <v>3229.1010195899999</v>
      </c>
      <c r="T2485" s="1">
        <v>3474.0004289100002</v>
      </c>
      <c r="U2485" s="1">
        <v>3527.4168125900001</v>
      </c>
      <c r="V2485" s="1">
        <v>3412.11403814</v>
      </c>
      <c r="W2485" s="1">
        <v>3361.1421695700001</v>
      </c>
      <c r="X2485" s="1">
        <v>3371.7228906199998</v>
      </c>
      <c r="Y2485" s="1">
        <v>3174.84455682</v>
      </c>
      <c r="Z2485" s="1">
        <v>3095.0864262800001</v>
      </c>
      <c r="AA2485" s="1">
        <v>3065.9005967500002</v>
      </c>
      <c r="AB2485" s="1">
        <v>2997.0512254199998</v>
      </c>
      <c r="AC2485" s="1">
        <v>3028.4773409899999</v>
      </c>
      <c r="AD2485" s="1">
        <v>3147.4573217299999</v>
      </c>
      <c r="AE2485" s="1">
        <v>3179.4940455400001</v>
      </c>
      <c r="AF2485" s="1">
        <v>3218.97850565</v>
      </c>
      <c r="AG2485" s="1">
        <v>11252.243953600002</v>
      </c>
      <c r="AH2485" s="2">
        <v>0.49805910878756238</v>
      </c>
      <c r="AI2485" s="1">
        <v>3960.653198</v>
      </c>
      <c r="AJ2485" s="2">
        <v>0.17531075669412319</v>
      </c>
      <c r="AK2485" s="1">
        <v>2787.8796822000004</v>
      </c>
      <c r="AL2485" s="2">
        <v>0.10499365722830431</v>
      </c>
      <c r="AM2485" s="1">
        <v>4503.7110734000016</v>
      </c>
      <c r="AN2485" s="2">
        <v>0.15349695805710498</v>
      </c>
      <c r="AO2485" s="1">
        <v>7291.590755600002</v>
      </c>
      <c r="AP2485" s="2">
        <v>0.27460682228524436</v>
      </c>
      <c r="AQ2485" s="3">
        <v>22592.185857199998</v>
      </c>
      <c r="AR2485" s="3">
        <v>23536.654314700001</v>
      </c>
      <c r="AS2485" s="3">
        <v>23881.7860129</v>
      </c>
      <c r="AT2485" s="3">
        <v>24550.688967499998</v>
      </c>
      <c r="AU2485" s="3">
        <v>24524.5432028</v>
      </c>
      <c r="AV2485" s="3">
        <v>25493.664685700001</v>
      </c>
      <c r="AW2485" s="3">
        <v>26552.839055199998</v>
      </c>
      <c r="AX2485" s="3">
        <v>27818.736345099998</v>
      </c>
      <c r="AY2485" s="3">
        <v>28203.598525699999</v>
      </c>
      <c r="AZ2485" s="3">
        <v>29340.718737399999</v>
      </c>
      <c r="BA2485" s="3">
        <v>30431.9538699</v>
      </c>
      <c r="BB2485" s="3">
        <v>29995.9117721</v>
      </c>
      <c r="BC2485" s="3">
        <v>31357.8518362</v>
      </c>
      <c r="BD2485" s="3">
        <v>32612.908159999999</v>
      </c>
      <c r="BE2485" s="3">
        <v>33406.999873000001</v>
      </c>
      <c r="BF2485" s="3">
        <v>33844.4298108</v>
      </c>
      <c r="BG2485" s="1">
        <v>7.9999973839999825</v>
      </c>
      <c r="BH2485" s="2">
        <v>2.7491399697877939E-2</v>
      </c>
      <c r="BI2485" s="1">
        <v>7.9999973839999825</v>
      </c>
      <c r="BJ2485" s="2">
        <v>2.7491399697877939E-2</v>
      </c>
      <c r="BK2485" s="1">
        <v>-8</v>
      </c>
      <c r="BL2485" s="2">
        <v>-2.6755852842809364E-2</v>
      </c>
      <c r="BM2485" s="1">
        <v>8</v>
      </c>
      <c r="BN2485" s="2">
        <v>2.7491408934707903E-2</v>
      </c>
      <c r="BO2485" s="1">
        <v>0</v>
      </c>
      <c r="BP2485" s="2">
        <v>0</v>
      </c>
      <c r="BQ2485" s="1">
        <v>291.00000261600002</v>
      </c>
      <c r="BR2485" s="1">
        <v>302.00000010299999</v>
      </c>
      <c r="BS2485" s="1">
        <v>292</v>
      </c>
      <c r="BT2485" s="1">
        <v>299</v>
      </c>
      <c r="BU2485" s="1">
        <v>288</v>
      </c>
      <c r="BV2485" s="1">
        <v>291</v>
      </c>
      <c r="BW2485" s="1">
        <v>291</v>
      </c>
      <c r="BX2485" s="1">
        <v>301</v>
      </c>
      <c r="BY2485" s="1">
        <v>293</v>
      </c>
      <c r="BZ2485" s="1">
        <v>297</v>
      </c>
      <c r="CA2485" s="1">
        <v>298</v>
      </c>
      <c r="CB2485" s="1">
        <v>305</v>
      </c>
      <c r="CC2485" s="1">
        <v>299</v>
      </c>
      <c r="CD2485" s="1">
        <v>-301.13</v>
      </c>
      <c r="CE2485" s="27">
        <v>0</v>
      </c>
      <c r="CF2485" s="27">
        <v>346.87299999999999</v>
      </c>
      <c r="CG2485" s="27">
        <v>347</v>
      </c>
      <c r="CH2485" s="27"/>
      <c r="CI2485" s="27"/>
      <c r="CJ2485" s="27"/>
      <c r="CK2485" s="27"/>
      <c r="CL2485" s="27"/>
      <c r="CM2485" s="27"/>
      <c r="CN2485" s="27"/>
      <c r="CO2485" s="27"/>
      <c r="CP2485" s="27"/>
      <c r="CQ2485" s="27"/>
      <c r="CR2485" s="27"/>
      <c r="CS2485" s="27"/>
      <c r="CT2485" s="27"/>
      <c r="CU2485" s="27"/>
      <c r="CV2485" s="27"/>
      <c r="CW2485" s="27"/>
      <c r="CX2485" s="27"/>
      <c r="CY2485" s="23" t="s">
        <v>521</v>
      </c>
      <c r="CZ2485" s="23" t="s">
        <v>522</v>
      </c>
      <c r="DA2485" s="24" t="s">
        <v>60</v>
      </c>
      <c r="DB2485" s="25"/>
      <c r="DC2485" s="25"/>
      <c r="DD2485" s="25"/>
      <c r="DE2485" s="25"/>
      <c r="DF2485" s="25"/>
      <c r="DG2485" s="25"/>
      <c r="DH2485" s="25" t="s">
        <v>333</v>
      </c>
      <c r="DI2485" s="25"/>
      <c r="DJ2485" s="25"/>
      <c r="DK2485" s="25"/>
      <c r="DL2485" s="25">
        <v>11</v>
      </c>
      <c r="DM2485" s="25" t="s">
        <v>520</v>
      </c>
      <c r="DN2485" s="25">
        <v>7</v>
      </c>
      <c r="DO2485" s="25" t="s">
        <v>369</v>
      </c>
    </row>
    <row r="2486" spans="1:119" x14ac:dyDescent="0.2">
      <c r="A2486" s="32" t="s">
        <v>791</v>
      </c>
      <c r="B2486" s="32" t="s">
        <v>791</v>
      </c>
      <c r="C2486" s="32" t="s">
        <v>329</v>
      </c>
      <c r="D2486" s="4" t="s">
        <v>94</v>
      </c>
      <c r="E2486" s="4" t="s">
        <v>235</v>
      </c>
      <c r="F2486" s="1">
        <v>-558</v>
      </c>
      <c r="G2486" s="2">
        <v>-0.21001129093000001</v>
      </c>
      <c r="H2486" s="1">
        <v>-153.90344891999985</v>
      </c>
      <c r="I2486" s="2">
        <v>-5.7922343450113503E-2</v>
      </c>
      <c r="J2486" s="1">
        <v>-247.95443711000007</v>
      </c>
      <c r="K2486" s="2">
        <v>-9.9056494060796002E-2</v>
      </c>
      <c r="L2486" s="1">
        <v>-156.4044193499999</v>
      </c>
      <c r="M2486" s="2">
        <v>-6.9352565235657096E-2</v>
      </c>
      <c r="N2486" s="1">
        <v>-404.35885645999997</v>
      </c>
      <c r="O2486" s="2">
        <v>-0.16153923733008627</v>
      </c>
      <c r="P2486" s="1">
        <v>2657.0653007599999</v>
      </c>
      <c r="Q2486" s="1">
        <v>2755.9844868499999</v>
      </c>
      <c r="R2486" s="1">
        <v>2809.8312343699999</v>
      </c>
      <c r="S2486" s="1">
        <v>2777.6168413300002</v>
      </c>
      <c r="T2486" s="1">
        <v>2661.6001978999998</v>
      </c>
      <c r="U2486" s="1">
        <v>2703.9683657999999</v>
      </c>
      <c r="V2486" s="1">
        <v>2503.1618518400001</v>
      </c>
      <c r="W2486" s="1">
        <v>2530.39234635</v>
      </c>
      <c r="X2486" s="1">
        <v>2446.3380847799999</v>
      </c>
      <c r="Y2486" s="1">
        <v>2255.20741473</v>
      </c>
      <c r="Z2486" s="1">
        <v>2181.4185887600001</v>
      </c>
      <c r="AA2486" s="1">
        <v>2150.4878502699999</v>
      </c>
      <c r="AB2486" s="1">
        <v>2093.36434001</v>
      </c>
      <c r="AC2486" s="1">
        <v>2109.4091542199999</v>
      </c>
      <c r="AD2486" s="1">
        <v>2095.58978041</v>
      </c>
      <c r="AE2486" s="1">
        <v>2103.4302988099998</v>
      </c>
      <c r="AF2486" s="1">
        <v>2098.8029953800001</v>
      </c>
      <c r="AG2486" s="1">
        <v>10146.121004200002</v>
      </c>
      <c r="AH2486" s="2">
        <v>0.46573081032743979</v>
      </c>
      <c r="AI2486" s="1">
        <v>5259.1638614000003</v>
      </c>
      <c r="AJ2486" s="2">
        <v>0.24140798693418847</v>
      </c>
      <c r="AK2486" s="1">
        <v>2690.616135100001</v>
      </c>
      <c r="AL2486" s="2">
        <v>9.948832958755835E-2</v>
      </c>
      <c r="AM2486" s="1">
        <v>2196.3410077000008</v>
      </c>
      <c r="AN2486" s="2">
        <v>7.3863442263124052E-2</v>
      </c>
      <c r="AO2486" s="1">
        <v>4886.9571428000017</v>
      </c>
      <c r="AP2486" s="2">
        <v>0.18070032233902766</v>
      </c>
      <c r="AQ2486" s="3">
        <v>21785.3764003</v>
      </c>
      <c r="AR2486" s="3">
        <v>22332.656776799999</v>
      </c>
      <c r="AS2486" s="3">
        <v>23058.525275600001</v>
      </c>
      <c r="AT2486" s="3">
        <v>24358.300838200001</v>
      </c>
      <c r="AU2486" s="3">
        <v>25223.633277100002</v>
      </c>
      <c r="AV2486" s="3">
        <v>27662.658240000001</v>
      </c>
      <c r="AW2486" s="3">
        <v>27044.5402617</v>
      </c>
      <c r="AX2486" s="3">
        <v>29775.094925000001</v>
      </c>
      <c r="AY2486" s="3">
        <v>30544.732607999998</v>
      </c>
      <c r="AZ2486" s="3">
        <v>29735.156396800001</v>
      </c>
      <c r="BA2486" s="3">
        <v>29507.874601799998</v>
      </c>
      <c r="BB2486" s="3">
        <v>29326.341980000001</v>
      </c>
      <c r="BC2486" s="3">
        <v>30638.257016200001</v>
      </c>
      <c r="BD2486" s="3">
        <v>31213.235028999999</v>
      </c>
      <c r="BE2486" s="3">
        <v>31491.246329500002</v>
      </c>
      <c r="BF2486" s="3">
        <v>31931.497404500002</v>
      </c>
      <c r="BG2486" s="1">
        <v>-54.750147577000007</v>
      </c>
      <c r="BH2486" s="2">
        <v>-0.21220975294465619</v>
      </c>
      <c r="BI2486" s="1">
        <v>-21.000147577000007</v>
      </c>
      <c r="BJ2486" s="2">
        <v>-8.1395874282329722E-2</v>
      </c>
      <c r="BK2486" s="1">
        <v>-25</v>
      </c>
      <c r="BL2486" s="2">
        <v>-0.10548523206751055</v>
      </c>
      <c r="BM2486" s="1">
        <v>-8.75</v>
      </c>
      <c r="BN2486" s="2">
        <v>-4.1273584905660375E-2</v>
      </c>
      <c r="BO2486" s="1">
        <v>-33.75</v>
      </c>
      <c r="BP2486" s="2">
        <v>-0.14240506329113925</v>
      </c>
      <c r="BQ2486" s="1">
        <v>258.00014757700001</v>
      </c>
      <c r="BR2486" s="1">
        <v>259.00012565600002</v>
      </c>
      <c r="BS2486" s="1">
        <v>257.00010267200003</v>
      </c>
      <c r="BT2486" s="1">
        <v>237</v>
      </c>
      <c r="BU2486" s="1">
        <v>230</v>
      </c>
      <c r="BV2486" s="1">
        <v>229</v>
      </c>
      <c r="BW2486" s="1">
        <v>212</v>
      </c>
      <c r="BX2486" s="1">
        <v>210</v>
      </c>
      <c r="BY2486" s="1">
        <v>200</v>
      </c>
      <c r="BZ2486" s="1">
        <v>206</v>
      </c>
      <c r="CA2486" s="1">
        <v>212</v>
      </c>
      <c r="CB2486" s="1">
        <v>210</v>
      </c>
      <c r="CC2486" s="1">
        <v>203.25</v>
      </c>
      <c r="CD2486" s="1">
        <v>-848.71199999999999</v>
      </c>
      <c r="CE2486" s="27">
        <v>0</v>
      </c>
      <c r="CF2486" s="27">
        <v>290.44900000000001</v>
      </c>
      <c r="CG2486" s="27">
        <v>290</v>
      </c>
      <c r="CH2486" s="27"/>
      <c r="CI2486" s="27"/>
      <c r="CJ2486" s="27"/>
      <c r="CK2486" s="27"/>
      <c r="CL2486" s="27"/>
      <c r="CM2486" s="27"/>
      <c r="CN2486" s="27"/>
      <c r="CO2486" s="27"/>
      <c r="CP2486" s="27"/>
      <c r="CQ2486" s="27"/>
      <c r="CR2486" s="27"/>
      <c r="CS2486" s="27"/>
      <c r="CT2486" s="27"/>
      <c r="CU2486" s="27"/>
      <c r="CV2486" s="27"/>
      <c r="CW2486" s="27"/>
      <c r="CX2486" s="27"/>
      <c r="CY2486" s="23" t="s">
        <v>680</v>
      </c>
      <c r="CZ2486" s="23" t="s">
        <v>681</v>
      </c>
      <c r="DA2486" s="24" t="s">
        <v>94</v>
      </c>
      <c r="DB2486" s="25" t="s">
        <v>345</v>
      </c>
      <c r="DC2486" s="25"/>
      <c r="DD2486" s="25"/>
      <c r="DE2486" s="25"/>
      <c r="DF2486" s="25"/>
      <c r="DG2486" s="25"/>
      <c r="DH2486" s="25" t="s">
        <v>333</v>
      </c>
      <c r="DI2486" s="25"/>
      <c r="DJ2486" s="25"/>
      <c r="DK2486" s="25"/>
      <c r="DL2486" s="25">
        <v>4</v>
      </c>
      <c r="DM2486" s="25" t="s">
        <v>446</v>
      </c>
      <c r="DN2486" s="25">
        <v>8</v>
      </c>
      <c r="DO2486" s="25" t="s">
        <v>486</v>
      </c>
    </row>
    <row r="2487" spans="1:119" x14ac:dyDescent="0.2">
      <c r="A2487" s="32" t="s">
        <v>791</v>
      </c>
      <c r="B2487" s="32" t="s">
        <v>791</v>
      </c>
      <c r="C2487" s="32" t="s">
        <v>329</v>
      </c>
      <c r="D2487" s="4" t="s">
        <v>141</v>
      </c>
      <c r="E2487" s="4" t="s">
        <v>282</v>
      </c>
      <c r="F2487" s="1">
        <v>-446</v>
      </c>
      <c r="G2487" s="2">
        <v>-0.14221938775500001</v>
      </c>
      <c r="H2487" s="1">
        <v>2.2355473099996743</v>
      </c>
      <c r="I2487" s="2">
        <v>7.1295359493153568E-4</v>
      </c>
      <c r="J2487" s="1">
        <v>-249.74696928000003</v>
      </c>
      <c r="K2487" s="2">
        <v>-7.9591759086261607E-2</v>
      </c>
      <c r="L2487" s="1">
        <v>-198.01988035999966</v>
      </c>
      <c r="M2487" s="2">
        <v>-6.8564004051493779E-2</v>
      </c>
      <c r="N2487" s="1">
        <v>-447.76684963999969</v>
      </c>
      <c r="O2487" s="2">
        <v>-0.14269863344529943</v>
      </c>
      <c r="P2487" s="1">
        <v>3135.6140510300002</v>
      </c>
      <c r="Q2487" s="1">
        <v>3009.0618055599998</v>
      </c>
      <c r="R2487" s="1">
        <v>2556.1529508100002</v>
      </c>
      <c r="S2487" s="1">
        <v>2600.46926932</v>
      </c>
      <c r="T2487" s="1">
        <v>2607.9110962700001</v>
      </c>
      <c r="U2487" s="1">
        <v>2706.1986133300002</v>
      </c>
      <c r="V2487" s="1">
        <v>3137.8495983399998</v>
      </c>
      <c r="W2487" s="1">
        <v>5911.3507610500001</v>
      </c>
      <c r="X2487" s="1">
        <v>2887.1038518199998</v>
      </c>
      <c r="Y2487" s="1">
        <v>2888.1026290599998</v>
      </c>
      <c r="Z2487" s="1">
        <v>2747.2370010499999</v>
      </c>
      <c r="AA2487" s="1">
        <v>2707.2918152299999</v>
      </c>
      <c r="AB2487" s="1">
        <v>2584.8608069299999</v>
      </c>
      <c r="AC2487" s="1">
        <v>2610.43650402</v>
      </c>
      <c r="AD2487" s="1">
        <v>2643.8889336100001</v>
      </c>
      <c r="AE2487" s="1">
        <v>2632.61567758</v>
      </c>
      <c r="AF2487" s="1">
        <v>2690.0827487000001</v>
      </c>
      <c r="AG2487" s="1">
        <v>19861.776699700004</v>
      </c>
      <c r="AH2487" s="2">
        <v>0.74625319083016139</v>
      </c>
      <c r="AI2487" s="1">
        <v>9634.2307220999974</v>
      </c>
      <c r="AJ2487" s="2">
        <v>0.3619804776915897</v>
      </c>
      <c r="AK2487" s="1">
        <v>4345.958664400001</v>
      </c>
      <c r="AL2487" s="2">
        <v>0.11988995989797696</v>
      </c>
      <c r="AM2487" s="1">
        <v>5881.5873132000052</v>
      </c>
      <c r="AN2487" s="2">
        <v>0.14488266340619846</v>
      </c>
      <c r="AO2487" s="1">
        <v>10227.545977600006</v>
      </c>
      <c r="AP2487" s="2">
        <v>0.28214260000985664</v>
      </c>
      <c r="AQ2487" s="3">
        <v>26615.3323614</v>
      </c>
      <c r="AR2487" s="3">
        <v>27157.754263800001</v>
      </c>
      <c r="AS2487" s="3">
        <v>27258.170696100002</v>
      </c>
      <c r="AT2487" s="3">
        <v>28528.8578767</v>
      </c>
      <c r="AU2487" s="3">
        <v>30432.2978167</v>
      </c>
      <c r="AV2487" s="3">
        <v>34217.532358600001</v>
      </c>
      <c r="AW2487" s="3">
        <v>36249.563083499997</v>
      </c>
      <c r="AX2487" s="3">
        <v>32471.4775156</v>
      </c>
      <c r="AY2487" s="3">
        <v>39646.558586400002</v>
      </c>
      <c r="AZ2487" s="3">
        <v>40595.521747899998</v>
      </c>
      <c r="BA2487" s="3">
        <v>38981.732025899997</v>
      </c>
      <c r="BB2487" s="3">
        <v>39077.055831400001</v>
      </c>
      <c r="BC2487" s="3">
        <v>41727.078970499999</v>
      </c>
      <c r="BD2487" s="3">
        <v>41166.377460700001</v>
      </c>
      <c r="BE2487" s="3">
        <v>44284.078534300003</v>
      </c>
      <c r="BF2487" s="3">
        <v>46477.109061100004</v>
      </c>
      <c r="BG2487" s="1">
        <v>-40.264488935000003</v>
      </c>
      <c r="BH2487" s="2">
        <v>-0.1963982601628019</v>
      </c>
      <c r="BI2487" s="1">
        <v>-14.014488935000003</v>
      </c>
      <c r="BJ2487" s="2">
        <v>-6.8358529232747572E-2</v>
      </c>
      <c r="BK2487" s="1">
        <v>1</v>
      </c>
      <c r="BL2487" s="2">
        <v>5.235602094240838E-3</v>
      </c>
      <c r="BM2487" s="1">
        <v>-27.25</v>
      </c>
      <c r="BN2487" s="2">
        <v>-0.14192708333333334</v>
      </c>
      <c r="BO2487" s="1">
        <v>-26.25</v>
      </c>
      <c r="BP2487" s="2">
        <v>-0.13743455497382198</v>
      </c>
      <c r="BQ2487" s="1">
        <v>205.014488935</v>
      </c>
      <c r="BR2487" s="1">
        <v>203.00955628899999</v>
      </c>
      <c r="BS2487" s="1">
        <v>195.01035562000001</v>
      </c>
      <c r="BT2487" s="1">
        <v>191</v>
      </c>
      <c r="BU2487" s="1">
        <v>191</v>
      </c>
      <c r="BV2487" s="1">
        <v>185</v>
      </c>
      <c r="BW2487" s="1">
        <v>192</v>
      </c>
      <c r="BX2487" s="1">
        <v>194</v>
      </c>
      <c r="BY2487" s="1">
        <v>191</v>
      </c>
      <c r="BZ2487" s="1">
        <v>180</v>
      </c>
      <c r="CA2487" s="1">
        <v>173</v>
      </c>
      <c r="CB2487" s="1">
        <v>169</v>
      </c>
      <c r="CC2487" s="1">
        <v>164.75</v>
      </c>
      <c r="CD2487" s="1">
        <v>-788.29200000000003</v>
      </c>
      <c r="CE2487" s="27">
        <v>0</v>
      </c>
      <c r="CF2487" s="27">
        <v>342.76</v>
      </c>
      <c r="CG2487" s="27">
        <v>343</v>
      </c>
      <c r="CH2487" s="27"/>
      <c r="CI2487" s="27"/>
      <c r="CJ2487" s="27"/>
      <c r="CK2487" s="27"/>
      <c r="CL2487" s="27"/>
      <c r="CM2487" s="27"/>
      <c r="CN2487" s="27"/>
      <c r="CO2487" s="27"/>
      <c r="CP2487" s="27"/>
      <c r="CQ2487" s="27"/>
      <c r="CR2487" s="27"/>
      <c r="CS2487" s="27"/>
      <c r="CT2487" s="27"/>
      <c r="CU2487" s="27"/>
      <c r="CV2487" s="27"/>
      <c r="CW2487" s="27"/>
      <c r="CX2487" s="27"/>
      <c r="CY2487" s="28" t="s">
        <v>718</v>
      </c>
      <c r="CZ2487" s="28" t="s">
        <v>719</v>
      </c>
      <c r="DA2487" s="29" t="s">
        <v>141</v>
      </c>
      <c r="DB2487" s="30"/>
      <c r="DC2487" s="30"/>
      <c r="DD2487" s="30"/>
      <c r="DE2487" s="30"/>
      <c r="DF2487" s="30"/>
      <c r="DG2487" s="30"/>
      <c r="DH2487" s="30" t="s">
        <v>333</v>
      </c>
      <c r="DI2487" s="30"/>
      <c r="DJ2487" s="30"/>
      <c r="DK2487" s="30"/>
      <c r="DL2487" s="30">
        <v>10</v>
      </c>
      <c r="DM2487" s="30" t="s">
        <v>383</v>
      </c>
      <c r="DN2487" s="30">
        <v>9</v>
      </c>
      <c r="DO2487" s="30" t="s">
        <v>384</v>
      </c>
    </row>
    <row r="2488" spans="1:119" x14ac:dyDescent="0.2">
      <c r="A2488" s="32" t="s">
        <v>791</v>
      </c>
      <c r="B2488" s="32" t="s">
        <v>791</v>
      </c>
      <c r="C2488" s="32" t="s">
        <v>329</v>
      </c>
      <c r="D2488" s="4" t="s">
        <v>82</v>
      </c>
      <c r="E2488" s="4" t="s">
        <v>223</v>
      </c>
      <c r="F2488" s="1">
        <v>161</v>
      </c>
      <c r="G2488" s="2">
        <v>2.81173594132E-2</v>
      </c>
      <c r="H2488" s="1">
        <v>233.16485782000018</v>
      </c>
      <c r="I2488" s="2">
        <v>4.0717945723744466E-2</v>
      </c>
      <c r="J2488" s="1">
        <v>-276.94325440000011</v>
      </c>
      <c r="K2488" s="2">
        <v>-4.6470838856522624E-2</v>
      </c>
      <c r="L2488" s="1">
        <v>204.89877780000006</v>
      </c>
      <c r="M2488" s="2">
        <v>3.6057458249066539E-2</v>
      </c>
      <c r="N2488" s="1">
        <v>-72.044476600000053</v>
      </c>
      <c r="O2488" s="2">
        <v>-1.2089000939324256E-2</v>
      </c>
      <c r="P2488" s="1">
        <v>5726.3413877000003</v>
      </c>
      <c r="Q2488" s="1">
        <v>5756.7226205200004</v>
      </c>
      <c r="R2488" s="1">
        <v>5878.5817304100001</v>
      </c>
      <c r="S2488" s="1">
        <v>5869.46848744</v>
      </c>
      <c r="T2488" s="1">
        <v>5959.7392749399996</v>
      </c>
      <c r="U2488" s="1">
        <v>6207.4288289899996</v>
      </c>
      <c r="V2488" s="1">
        <v>5959.5062455200004</v>
      </c>
      <c r="W2488" s="1">
        <v>5640.3983972300002</v>
      </c>
      <c r="X2488" s="1">
        <v>5700.4607412100004</v>
      </c>
      <c r="Y2488" s="1">
        <v>5682.5629911200003</v>
      </c>
      <c r="Z2488" s="1">
        <v>5707.1355464400003</v>
      </c>
      <c r="AA2488" s="1">
        <v>5720.0239504399997</v>
      </c>
      <c r="AB2488" s="1">
        <v>5707.27748187</v>
      </c>
      <c r="AC2488" s="1">
        <v>5648.3065268999999</v>
      </c>
      <c r="AD2488" s="1">
        <v>5683.9242655099997</v>
      </c>
      <c r="AE2488" s="1">
        <v>5797.98354294</v>
      </c>
      <c r="AF2488" s="1">
        <v>5887.4617689200004</v>
      </c>
      <c r="AG2488" s="1">
        <v>13225.591276300001</v>
      </c>
      <c r="AH2488" s="2">
        <v>0.5010352167006431</v>
      </c>
      <c r="AI2488" s="1">
        <v>5665.1159060999998</v>
      </c>
      <c r="AJ2488" s="2">
        <v>0.21461593030879994</v>
      </c>
      <c r="AK2488" s="1">
        <v>3492.481558200001</v>
      </c>
      <c r="AL2488" s="2">
        <v>0.10893020078687506</v>
      </c>
      <c r="AM2488" s="1">
        <v>4067.9938120000006</v>
      </c>
      <c r="AN2488" s="2">
        <v>0.1144169205777152</v>
      </c>
      <c r="AO2488" s="1">
        <v>7560.4753702000016</v>
      </c>
      <c r="AP2488" s="2">
        <v>0.23581057949653669</v>
      </c>
      <c r="AQ2488" s="3">
        <v>26396.530294600001</v>
      </c>
      <c r="AR2488" s="3">
        <v>27130.850231100001</v>
      </c>
      <c r="AS2488" s="3">
        <v>27927.4741092</v>
      </c>
      <c r="AT2488" s="3">
        <v>29226.782720499999</v>
      </c>
      <c r="AU2488" s="3">
        <v>29747.307011000001</v>
      </c>
      <c r="AV2488" s="3">
        <v>30185.3703461</v>
      </c>
      <c r="AW2488" s="3">
        <v>32061.646200700001</v>
      </c>
      <c r="AX2488" s="3">
        <v>32675.213356</v>
      </c>
      <c r="AY2488" s="3">
        <v>34859.232455899997</v>
      </c>
      <c r="AZ2488" s="3">
        <v>35554.127758900002</v>
      </c>
      <c r="BA2488" s="3">
        <v>34661.787643800002</v>
      </c>
      <c r="BB2488" s="3">
        <v>34666.960019799997</v>
      </c>
      <c r="BC2488" s="3">
        <v>35201.0825511</v>
      </c>
      <c r="BD2488" s="3">
        <v>36871.672254700003</v>
      </c>
      <c r="BE2488" s="3">
        <v>38444.158592200001</v>
      </c>
      <c r="BF2488" s="3">
        <v>39622.121570900003</v>
      </c>
      <c r="BG2488" s="1">
        <v>-44.250176227999987</v>
      </c>
      <c r="BH2488" s="2">
        <v>-9.475408892864326E-2</v>
      </c>
      <c r="BI2488" s="1">
        <v>1.9998237720000134</v>
      </c>
      <c r="BJ2488" s="2">
        <v>4.2822762684004952E-3</v>
      </c>
      <c r="BK2488" s="1">
        <v>-36.998904777000007</v>
      </c>
      <c r="BL2488" s="2">
        <v>-7.8888922765458433E-2</v>
      </c>
      <c r="BM2488" s="1">
        <v>-9.251095222999993</v>
      </c>
      <c r="BN2488" s="2">
        <v>-2.1414517984554082E-2</v>
      </c>
      <c r="BO2488" s="1">
        <v>-46.25</v>
      </c>
      <c r="BP2488" s="2">
        <v>-9.8614072494669511E-2</v>
      </c>
      <c r="BQ2488" s="1">
        <v>467.00017622799999</v>
      </c>
      <c r="BR2488" s="1">
        <v>472.00010045499999</v>
      </c>
      <c r="BS2488" s="1">
        <v>458.00001872899998</v>
      </c>
      <c r="BT2488" s="1">
        <v>469</v>
      </c>
      <c r="BU2488" s="1">
        <v>458.33243378200001</v>
      </c>
      <c r="BV2488" s="1">
        <v>446.27758873499999</v>
      </c>
      <c r="BW2488" s="1">
        <v>432.00109522299999</v>
      </c>
      <c r="BX2488" s="1">
        <v>430</v>
      </c>
      <c r="BY2488" s="1">
        <v>432</v>
      </c>
      <c r="BZ2488" s="1">
        <v>427</v>
      </c>
      <c r="CA2488" s="1">
        <v>429</v>
      </c>
      <c r="CB2488" s="1">
        <v>426</v>
      </c>
      <c r="CC2488" s="1">
        <v>422.75</v>
      </c>
      <c r="CD2488" s="1">
        <v>-464.83800000000002</v>
      </c>
      <c r="CE2488" s="27">
        <v>0</v>
      </c>
      <c r="CF2488" s="27">
        <v>625.95799999999997</v>
      </c>
      <c r="CG2488" s="27">
        <v>626</v>
      </c>
      <c r="CH2488" s="27"/>
      <c r="CI2488" s="27"/>
      <c r="CJ2488" s="27"/>
      <c r="CK2488" s="27"/>
      <c r="CL2488" s="27"/>
      <c r="CM2488" s="27"/>
      <c r="CN2488" s="27"/>
      <c r="CO2488" s="27"/>
      <c r="CP2488" s="27"/>
      <c r="CQ2488" s="27"/>
      <c r="CR2488" s="27"/>
      <c r="CS2488" s="27"/>
      <c r="CT2488" s="27"/>
      <c r="CU2488" s="27"/>
      <c r="CV2488" s="27"/>
      <c r="CW2488" s="27"/>
      <c r="CX2488" s="27"/>
      <c r="CY2488" s="23" t="s">
        <v>589</v>
      </c>
      <c r="CZ2488" s="23" t="s">
        <v>590</v>
      </c>
      <c r="DA2488" s="24" t="s">
        <v>82</v>
      </c>
      <c r="DB2488" s="25"/>
      <c r="DC2488" s="25"/>
      <c r="DD2488" s="25"/>
      <c r="DE2488" s="25"/>
      <c r="DF2488" s="25"/>
      <c r="DG2488" s="25"/>
      <c r="DH2488" s="25" t="s">
        <v>333</v>
      </c>
      <c r="DI2488" s="25"/>
      <c r="DJ2488" s="25"/>
      <c r="DK2488" s="25"/>
      <c r="DL2488" s="25">
        <v>9</v>
      </c>
      <c r="DM2488" s="25" t="s">
        <v>440</v>
      </c>
      <c r="DN2488" s="25">
        <v>7</v>
      </c>
      <c r="DO2488" s="25" t="s">
        <v>369</v>
      </c>
    </row>
    <row r="2489" spans="1:119" x14ac:dyDescent="0.2">
      <c r="A2489" s="32" t="s">
        <v>791</v>
      </c>
      <c r="B2489" s="32" t="s">
        <v>791</v>
      </c>
      <c r="C2489" s="32" t="s">
        <v>329</v>
      </c>
      <c r="D2489" s="4" t="s">
        <v>64</v>
      </c>
      <c r="E2489" s="4" t="s">
        <v>205</v>
      </c>
      <c r="F2489" s="1">
        <v>-321</v>
      </c>
      <c r="G2489" s="2">
        <v>-5.6683736535400001E-2</v>
      </c>
      <c r="H2489" s="1">
        <v>-274.48012645999916</v>
      </c>
      <c r="I2489" s="2">
        <v>-4.8467351861226818E-2</v>
      </c>
      <c r="J2489" s="1">
        <v>-324.98257858000034</v>
      </c>
      <c r="K2489" s="2">
        <v>-6.0307978690291336E-2</v>
      </c>
      <c r="L2489" s="1">
        <v>278.49169462000009</v>
      </c>
      <c r="M2489" s="2">
        <v>5.4997304032693539E-2</v>
      </c>
      <c r="N2489" s="1">
        <v>-46.490883960000247</v>
      </c>
      <c r="O2489" s="2">
        <v>-8.6274508972249506E-3</v>
      </c>
      <c r="P2489" s="1">
        <v>5663.1962737699996</v>
      </c>
      <c r="Q2489" s="1">
        <v>5722.6111012399997</v>
      </c>
      <c r="R2489" s="1">
        <v>5715.5614809899998</v>
      </c>
      <c r="S2489" s="1">
        <v>5750.0380053400004</v>
      </c>
      <c r="T2489" s="1">
        <v>5358.89493201</v>
      </c>
      <c r="U2489" s="1">
        <v>5460.5403137100002</v>
      </c>
      <c r="V2489" s="1">
        <v>5388.7161473100005</v>
      </c>
      <c r="W2489" s="1">
        <v>5224.1669919400001</v>
      </c>
      <c r="X2489" s="1">
        <v>5189.6924312199999</v>
      </c>
      <c r="Y2489" s="1">
        <v>5063.7335687300001</v>
      </c>
      <c r="Z2489" s="1">
        <v>5003.6100566200003</v>
      </c>
      <c r="AA2489" s="1">
        <v>5023.3309302400003</v>
      </c>
      <c r="AB2489" s="1">
        <v>5041.7587934699995</v>
      </c>
      <c r="AC2489" s="1">
        <v>4996.2398980600001</v>
      </c>
      <c r="AD2489" s="1">
        <v>5259.4644572799998</v>
      </c>
      <c r="AE2489" s="1">
        <v>5267.4774844499998</v>
      </c>
      <c r="AF2489" s="1">
        <v>5342.2252633500002</v>
      </c>
      <c r="AG2489" s="1">
        <v>14038.589377200002</v>
      </c>
      <c r="AH2489" s="2">
        <v>0.51504682996554663</v>
      </c>
      <c r="AI2489" s="1">
        <v>5046.8552359000023</v>
      </c>
      <c r="AJ2489" s="2">
        <v>0.18515868800656959</v>
      </c>
      <c r="AK2489" s="1">
        <v>3456.7402184999992</v>
      </c>
      <c r="AL2489" s="2">
        <v>0.10700731950504369</v>
      </c>
      <c r="AM2489" s="1">
        <v>5534.9939228000003</v>
      </c>
      <c r="AN2489" s="2">
        <v>0.15477948547274925</v>
      </c>
      <c r="AO2489" s="1">
        <v>8991.7341412999995</v>
      </c>
      <c r="AP2489" s="2">
        <v>0.27834934283260171</v>
      </c>
      <c r="AQ2489" s="3">
        <v>27256.918323599999</v>
      </c>
      <c r="AR2489" s="3">
        <v>27629.897822200001</v>
      </c>
      <c r="AS2489" s="3">
        <v>28369.921024800002</v>
      </c>
      <c r="AT2489" s="3">
        <v>30292.653964599998</v>
      </c>
      <c r="AU2489" s="3">
        <v>31922.6195161</v>
      </c>
      <c r="AV2489" s="3">
        <v>30924.749530000001</v>
      </c>
      <c r="AW2489" s="3">
        <v>32303.773559500001</v>
      </c>
      <c r="AX2489" s="3">
        <v>33407.089673199996</v>
      </c>
      <c r="AY2489" s="3">
        <v>34139.3984069</v>
      </c>
      <c r="AZ2489" s="3">
        <v>35760.513778</v>
      </c>
      <c r="BA2489" s="3">
        <v>36456.134001600003</v>
      </c>
      <c r="BB2489" s="3">
        <v>37664.672177</v>
      </c>
      <c r="BC2489" s="3">
        <v>38945.279246500002</v>
      </c>
      <c r="BD2489" s="3">
        <v>39629.431779400002</v>
      </c>
      <c r="BE2489" s="3">
        <v>40845.142816699998</v>
      </c>
      <c r="BF2489" s="3">
        <v>41295.507700800001</v>
      </c>
      <c r="BG2489" s="1">
        <v>-23.000128609000001</v>
      </c>
      <c r="BH2489" s="2">
        <v>-5.1339558049711562E-2</v>
      </c>
      <c r="BI2489" s="1">
        <v>1.0322127140000248</v>
      </c>
      <c r="BJ2489" s="2">
        <v>2.3040455751764007E-3</v>
      </c>
      <c r="BK2489" s="1">
        <v>-30.032325313000001</v>
      </c>
      <c r="BL2489" s="2">
        <v>-6.6882321270032991E-2</v>
      </c>
      <c r="BM2489" s="1">
        <v>5.9999839899999756</v>
      </c>
      <c r="BN2489" s="2">
        <v>1.4319770312029721E-2</v>
      </c>
      <c r="BO2489" s="1">
        <v>-24.032341323000026</v>
      </c>
      <c r="BP2489" s="2">
        <v>-5.3520290436525529E-2</v>
      </c>
      <c r="BQ2489" s="1">
        <v>448.000128609</v>
      </c>
      <c r="BR2489" s="1">
        <v>445.00027971399999</v>
      </c>
      <c r="BS2489" s="1">
        <v>433.22245761400001</v>
      </c>
      <c r="BT2489" s="1">
        <v>449.03234132300003</v>
      </c>
      <c r="BU2489" s="1">
        <v>434.00382502999997</v>
      </c>
      <c r="BV2489" s="1">
        <v>427</v>
      </c>
      <c r="BW2489" s="1">
        <v>419.00001601000002</v>
      </c>
      <c r="BX2489" s="1">
        <v>407</v>
      </c>
      <c r="BY2489" s="1">
        <v>405</v>
      </c>
      <c r="BZ2489" s="1">
        <v>404</v>
      </c>
      <c r="CA2489" s="1">
        <v>413</v>
      </c>
      <c r="CB2489" s="1">
        <v>423</v>
      </c>
      <c r="CC2489" s="1">
        <v>425</v>
      </c>
      <c r="CD2489" s="1">
        <v>-940.02700000000004</v>
      </c>
      <c r="CE2489" s="27">
        <v>0</v>
      </c>
      <c r="CF2489" s="27">
        <v>619.05600000000004</v>
      </c>
      <c r="CG2489" s="27">
        <v>619</v>
      </c>
      <c r="CH2489" s="27"/>
      <c r="CI2489" s="27"/>
      <c r="CJ2489" s="27"/>
      <c r="CK2489" s="27"/>
      <c r="CL2489" s="27"/>
      <c r="CM2489" s="27"/>
      <c r="CN2489" s="27"/>
      <c r="CO2489" s="27"/>
      <c r="CP2489" s="27"/>
      <c r="CQ2489" s="27"/>
      <c r="CR2489" s="27"/>
      <c r="CS2489" s="27"/>
      <c r="CT2489" s="27"/>
      <c r="CU2489" s="27"/>
      <c r="CV2489" s="27"/>
      <c r="CW2489" s="27"/>
      <c r="CX2489" s="27"/>
      <c r="CY2489" s="23" t="s">
        <v>670</v>
      </c>
      <c r="CZ2489" s="23" t="s">
        <v>671</v>
      </c>
      <c r="DA2489" s="24" t="s">
        <v>64</v>
      </c>
      <c r="DB2489" s="25"/>
      <c r="DC2489" s="25" t="s">
        <v>401</v>
      </c>
      <c r="DD2489" s="25" t="s">
        <v>373</v>
      </c>
      <c r="DE2489" s="25" t="s">
        <v>402</v>
      </c>
      <c r="DF2489" s="25" t="s">
        <v>375</v>
      </c>
      <c r="DG2489" s="25" t="s">
        <v>376</v>
      </c>
      <c r="DH2489" s="25" t="s">
        <v>328</v>
      </c>
      <c r="DI2489" s="25" t="s">
        <v>377</v>
      </c>
      <c r="DJ2489" s="25" t="s">
        <v>366</v>
      </c>
      <c r="DK2489" s="25" t="s">
        <v>672</v>
      </c>
      <c r="DL2489" s="25">
        <v>1</v>
      </c>
      <c r="DM2489" s="25" t="s">
        <v>404</v>
      </c>
      <c r="DN2489" s="25">
        <v>1</v>
      </c>
      <c r="DO2489" s="25" t="s">
        <v>405</v>
      </c>
    </row>
    <row r="2490" spans="1:119" x14ac:dyDescent="0.2">
      <c r="A2490" s="32" t="s">
        <v>791</v>
      </c>
      <c r="B2490" s="32" t="s">
        <v>791</v>
      </c>
      <c r="C2490" s="32" t="s">
        <v>329</v>
      </c>
      <c r="D2490" s="4" t="s">
        <v>69</v>
      </c>
      <c r="E2490" s="4" t="s">
        <v>210</v>
      </c>
      <c r="F2490" s="1">
        <v>61</v>
      </c>
      <c r="G2490" s="2">
        <v>1.35465245392E-2</v>
      </c>
      <c r="H2490" s="1">
        <v>245.48525402999985</v>
      </c>
      <c r="I2490" s="2">
        <v>5.4510284771960071E-2</v>
      </c>
      <c r="J2490" s="1">
        <v>-325.44564809999974</v>
      </c>
      <c r="K2490" s="2">
        <v>-6.8529993364382188E-2</v>
      </c>
      <c r="L2490" s="1">
        <v>140.21100486999967</v>
      </c>
      <c r="M2490" s="2">
        <v>3.169680207379888E-2</v>
      </c>
      <c r="N2490" s="1">
        <v>-185.23464323000007</v>
      </c>
      <c r="O2490" s="2">
        <v>-3.9005372926372892E-2</v>
      </c>
      <c r="P2490" s="1">
        <v>4503.4667321400002</v>
      </c>
      <c r="Q2490" s="1">
        <v>4512.1603350900004</v>
      </c>
      <c r="R2490" s="1">
        <v>4515.1532889399996</v>
      </c>
      <c r="S2490" s="1">
        <v>4630.9787397299997</v>
      </c>
      <c r="T2490" s="1">
        <v>4734.7250525400004</v>
      </c>
      <c r="U2490" s="1">
        <v>4870.7401296199996</v>
      </c>
      <c r="V2490" s="1">
        <v>4748.9519861700001</v>
      </c>
      <c r="W2490" s="1">
        <v>4634.0758713900004</v>
      </c>
      <c r="X2490" s="1">
        <v>4615.5005436600004</v>
      </c>
      <c r="Y2490" s="1">
        <v>4423.5063380700003</v>
      </c>
      <c r="Z2490" s="1">
        <v>4426.1029102100001</v>
      </c>
      <c r="AA2490" s="1">
        <v>4461.3470235599998</v>
      </c>
      <c r="AB2490" s="1">
        <v>4338.5198336499998</v>
      </c>
      <c r="AC2490" s="1">
        <v>4377.7234172300005</v>
      </c>
      <c r="AD2490" s="1">
        <v>4445.79675933</v>
      </c>
      <c r="AE2490" s="1">
        <v>4487.5478723699998</v>
      </c>
      <c r="AF2490" s="1">
        <v>4563.71734294</v>
      </c>
      <c r="AG2490" s="1">
        <v>11869.728872700005</v>
      </c>
      <c r="AH2490" s="2">
        <v>0.48402242564185927</v>
      </c>
      <c r="AI2490" s="1">
        <v>5079.3350104000019</v>
      </c>
      <c r="AJ2490" s="2">
        <v>0.207124533234784</v>
      </c>
      <c r="AK2490" s="1">
        <v>3214.9643608000006</v>
      </c>
      <c r="AL2490" s="2">
        <v>0.10860473776251092</v>
      </c>
      <c r="AM2490" s="1">
        <v>3575.4295015000025</v>
      </c>
      <c r="AN2490" s="2">
        <v>0.10894921296910333</v>
      </c>
      <c r="AO2490" s="1">
        <v>6790.3938623000031</v>
      </c>
      <c r="AP2490" s="2">
        <v>0.22938635143555566</v>
      </c>
      <c r="AQ2490" s="3">
        <v>24523.096955599998</v>
      </c>
      <c r="AR2490" s="3">
        <v>25534.273187300001</v>
      </c>
      <c r="AS2490" s="3">
        <v>25822.778674599998</v>
      </c>
      <c r="AT2490" s="3">
        <v>26245.602398999999</v>
      </c>
      <c r="AU2490" s="3">
        <v>27569.074247699999</v>
      </c>
      <c r="AV2490" s="3">
        <v>29048.4654415</v>
      </c>
      <c r="AW2490" s="3">
        <v>29602.431966</v>
      </c>
      <c r="AX2490" s="3">
        <v>30543.053786500001</v>
      </c>
      <c r="AY2490" s="3">
        <v>31131.747293699998</v>
      </c>
      <c r="AZ2490" s="3">
        <v>32817.396326800001</v>
      </c>
      <c r="BA2490" s="3">
        <v>32756.070773399999</v>
      </c>
      <c r="BB2490" s="3">
        <v>33094.137465500004</v>
      </c>
      <c r="BC2490" s="3">
        <v>33919.688087100003</v>
      </c>
      <c r="BD2490" s="3">
        <v>34492.265965400002</v>
      </c>
      <c r="BE2490" s="3">
        <v>35463.639788300003</v>
      </c>
      <c r="BF2490" s="3">
        <v>36392.825828300003</v>
      </c>
      <c r="BG2490" s="1">
        <v>-15.750070572000027</v>
      </c>
      <c r="BH2490" s="2">
        <v>-3.4845283435616554E-2</v>
      </c>
      <c r="BI2490" s="1">
        <v>25.999971318999997</v>
      </c>
      <c r="BJ2490" s="2">
        <v>5.7522051459189774E-2</v>
      </c>
      <c r="BK2490" s="1">
        <v>-39.000006647000021</v>
      </c>
      <c r="BL2490" s="2">
        <v>-8.1589964914466101E-2</v>
      </c>
      <c r="BM2490" s="1">
        <v>-2.7500352440000029</v>
      </c>
      <c r="BN2490" s="2">
        <v>-6.2643166815955029E-3</v>
      </c>
      <c r="BO2490" s="1">
        <v>-41.750041891000023</v>
      </c>
      <c r="BP2490" s="2">
        <v>-8.7343176217797122E-2</v>
      </c>
      <c r="BQ2490" s="1">
        <v>452.00007057200003</v>
      </c>
      <c r="BR2490" s="1">
        <v>466.00239428399999</v>
      </c>
      <c r="BS2490" s="1">
        <v>476.00754004999999</v>
      </c>
      <c r="BT2490" s="1">
        <v>478.00004189100002</v>
      </c>
      <c r="BU2490" s="1">
        <v>470.00012383799998</v>
      </c>
      <c r="BV2490" s="1">
        <v>460.00026872199999</v>
      </c>
      <c r="BW2490" s="1">
        <v>439.000035244</v>
      </c>
      <c r="BX2490" s="1">
        <v>428</v>
      </c>
      <c r="BY2490" s="1">
        <v>432</v>
      </c>
      <c r="BZ2490" s="1">
        <v>436</v>
      </c>
      <c r="CA2490" s="1">
        <v>436</v>
      </c>
      <c r="CB2490" s="1">
        <v>448</v>
      </c>
      <c r="CC2490" s="1">
        <v>436.25</v>
      </c>
      <c r="CD2490" s="1">
        <v>-432.03300000000002</v>
      </c>
      <c r="CE2490" s="27">
        <v>0</v>
      </c>
      <c r="CF2490" s="27">
        <v>492.28300000000002</v>
      </c>
      <c r="CG2490" s="27">
        <v>492</v>
      </c>
      <c r="CH2490" s="27"/>
      <c r="CI2490" s="27"/>
      <c r="CJ2490" s="27"/>
      <c r="CK2490" s="27"/>
      <c r="CL2490" s="27"/>
      <c r="CM2490" s="27"/>
      <c r="CN2490" s="27"/>
      <c r="CO2490" s="27"/>
      <c r="CP2490" s="27"/>
      <c r="CQ2490" s="27"/>
      <c r="CR2490" s="27"/>
      <c r="CS2490" s="27"/>
      <c r="CT2490" s="27"/>
      <c r="CU2490" s="27"/>
      <c r="CV2490" s="27"/>
      <c r="CW2490" s="27"/>
      <c r="CX2490" s="27"/>
      <c r="CY2490" s="23" t="s">
        <v>399</v>
      </c>
      <c r="CZ2490" s="23" t="s">
        <v>400</v>
      </c>
      <c r="DA2490" s="24" t="s">
        <v>69</v>
      </c>
      <c r="DB2490" s="25"/>
      <c r="DC2490" s="25" t="s">
        <v>401</v>
      </c>
      <c r="DD2490" s="25" t="s">
        <v>373</v>
      </c>
      <c r="DE2490" s="25" t="s">
        <v>402</v>
      </c>
      <c r="DF2490" s="25" t="s">
        <v>375</v>
      </c>
      <c r="DG2490" s="25" t="s">
        <v>376</v>
      </c>
      <c r="DH2490" s="25" t="s">
        <v>328</v>
      </c>
      <c r="DI2490" s="25" t="s">
        <v>377</v>
      </c>
      <c r="DJ2490" s="25" t="s">
        <v>366</v>
      </c>
      <c r="DK2490" s="25" t="s">
        <v>403</v>
      </c>
      <c r="DL2490" s="25">
        <v>1</v>
      </c>
      <c r="DM2490" s="25" t="s">
        <v>404</v>
      </c>
      <c r="DN2490" s="25">
        <v>1</v>
      </c>
      <c r="DO2490" s="25" t="s">
        <v>405</v>
      </c>
    </row>
    <row r="2491" spans="1:119" x14ac:dyDescent="0.2">
      <c r="A2491" s="32" t="s">
        <v>791</v>
      </c>
      <c r="B2491" s="32" t="s">
        <v>791</v>
      </c>
      <c r="C2491" s="32" t="s">
        <v>329</v>
      </c>
      <c r="D2491" s="4" t="s">
        <v>101</v>
      </c>
      <c r="E2491" s="4" t="s">
        <v>242</v>
      </c>
      <c r="F2491" s="1">
        <v>-244</v>
      </c>
      <c r="G2491" s="2">
        <v>-4.5564892623699997E-2</v>
      </c>
      <c r="H2491" s="1">
        <v>21.176665050000338</v>
      </c>
      <c r="I2491" s="2">
        <v>3.9545846396570588E-3</v>
      </c>
      <c r="J2491" s="1">
        <v>-328.45329250000032</v>
      </c>
      <c r="K2491" s="2">
        <v>-6.1094604833338728E-2</v>
      </c>
      <c r="L2491" s="1">
        <v>62.835302340000453</v>
      </c>
      <c r="M2491" s="2">
        <v>1.244833063290055E-2</v>
      </c>
      <c r="N2491" s="1">
        <v>-265.61799015999986</v>
      </c>
      <c r="O2491" s="2">
        <v>-4.9406800041289986E-2</v>
      </c>
      <c r="P2491" s="1">
        <v>5354.9656865699999</v>
      </c>
      <c r="Q2491" s="1">
        <v>5358.44977664</v>
      </c>
      <c r="R2491" s="1">
        <v>5333.1629151200004</v>
      </c>
      <c r="S2491" s="1">
        <v>5520.6932659900003</v>
      </c>
      <c r="T2491" s="1">
        <v>5587.9609938599997</v>
      </c>
      <c r="U2491" s="1">
        <v>5534.0801170499999</v>
      </c>
      <c r="V2491" s="1">
        <v>5376.1423516200002</v>
      </c>
      <c r="W2491" s="1">
        <v>5341.2229675299996</v>
      </c>
      <c r="X2491" s="1">
        <v>5174.4139513700002</v>
      </c>
      <c r="Y2491" s="1">
        <v>5047.6890591199999</v>
      </c>
      <c r="Z2491" s="1">
        <v>5547.1232239299998</v>
      </c>
      <c r="AA2491" s="1">
        <v>5624.1205975299999</v>
      </c>
      <c r="AB2491" s="1">
        <v>5057.5668970200004</v>
      </c>
      <c r="AC2491" s="1">
        <v>5067.7733640200004</v>
      </c>
      <c r="AD2491" s="1">
        <v>5063.7727716299996</v>
      </c>
      <c r="AE2491" s="1">
        <v>5025.8591732100003</v>
      </c>
      <c r="AF2491" s="1">
        <v>5110.5243614600004</v>
      </c>
      <c r="AG2491" s="1">
        <v>10478.372373299997</v>
      </c>
      <c r="AH2491" s="2">
        <v>0.43446066961911106</v>
      </c>
      <c r="AI2491" s="1">
        <v>4546.5922236000006</v>
      </c>
      <c r="AJ2491" s="2">
        <v>0.18851358126798515</v>
      </c>
      <c r="AK2491" s="1">
        <v>2981.0521322999994</v>
      </c>
      <c r="AL2491" s="2">
        <v>0.10399729931745269</v>
      </c>
      <c r="AM2491" s="1">
        <v>2950.728017399997</v>
      </c>
      <c r="AN2491" s="2">
        <v>9.3242446433688647E-2</v>
      </c>
      <c r="AO2491" s="1">
        <v>5931.7801496999964</v>
      </c>
      <c r="AP2491" s="2">
        <v>0.20693670836199721</v>
      </c>
      <c r="AQ2491" s="3">
        <v>24118.114955000001</v>
      </c>
      <c r="AR2491" s="3">
        <v>24734.5484994</v>
      </c>
      <c r="AS2491" s="3">
        <v>25943.508945400001</v>
      </c>
      <c r="AT2491" s="3">
        <v>26785.564791699999</v>
      </c>
      <c r="AU2491" s="3">
        <v>27395.769776100002</v>
      </c>
      <c r="AV2491" s="3">
        <v>27899.636892400002</v>
      </c>
      <c r="AW2491" s="3">
        <v>28664.707178600001</v>
      </c>
      <c r="AX2491" s="3">
        <v>29874.0637231</v>
      </c>
      <c r="AY2491" s="3">
        <v>30291.3611251</v>
      </c>
      <c r="AZ2491" s="3">
        <v>31645.759310900001</v>
      </c>
      <c r="BA2491" s="3">
        <v>30553.344138500001</v>
      </c>
      <c r="BB2491" s="3">
        <v>30585.041987100001</v>
      </c>
      <c r="BC2491" s="3">
        <v>32677.8227152</v>
      </c>
      <c r="BD2491" s="3">
        <v>33083.128465100002</v>
      </c>
      <c r="BE2491" s="3">
        <v>34055.9328962</v>
      </c>
      <c r="BF2491" s="3">
        <v>34596.487328299998</v>
      </c>
      <c r="BG2491" s="1">
        <v>47.249938008000015</v>
      </c>
      <c r="BH2491" s="2">
        <v>0.10690029724216468</v>
      </c>
      <c r="BI2491" s="1">
        <v>8.9999708420000388</v>
      </c>
      <c r="BJ2491" s="2">
        <v>2.0361922126071862E-2</v>
      </c>
      <c r="BK2491" s="1">
        <v>21.000624191999975</v>
      </c>
      <c r="BL2491" s="2">
        <v>4.6564573532369771E-2</v>
      </c>
      <c r="BM2491" s="1">
        <v>17.249342974000001</v>
      </c>
      <c r="BN2491" s="2">
        <v>3.6545167294226515E-2</v>
      </c>
      <c r="BO2491" s="1">
        <v>38.249967165999976</v>
      </c>
      <c r="BP2491" s="2">
        <v>8.4811450956321047E-2</v>
      </c>
      <c r="BQ2491" s="1">
        <v>442.00006199199998</v>
      </c>
      <c r="BR2491" s="1">
        <v>445.00003972000002</v>
      </c>
      <c r="BS2491" s="1">
        <v>444.00008171100001</v>
      </c>
      <c r="BT2491" s="1">
        <v>451.00003283400002</v>
      </c>
      <c r="BU2491" s="1">
        <v>459.00404687999998</v>
      </c>
      <c r="BV2491" s="1">
        <v>464.005576013</v>
      </c>
      <c r="BW2491" s="1">
        <v>472.000657026</v>
      </c>
      <c r="BX2491" s="1">
        <v>460</v>
      </c>
      <c r="BY2491" s="1">
        <v>472</v>
      </c>
      <c r="BZ2491" s="1">
        <v>480</v>
      </c>
      <c r="CA2491" s="1">
        <v>472</v>
      </c>
      <c r="CB2491" s="1">
        <v>495</v>
      </c>
      <c r="CC2491" s="1">
        <v>489.25</v>
      </c>
      <c r="CD2491" s="1">
        <v>-829.80399999999997</v>
      </c>
      <c r="CE2491" s="27">
        <v>0</v>
      </c>
      <c r="CF2491" s="27">
        <v>585.36199999999997</v>
      </c>
      <c r="CG2491" s="27">
        <v>585</v>
      </c>
      <c r="CH2491" s="27"/>
      <c r="CI2491" s="27"/>
      <c r="CJ2491" s="27"/>
      <c r="CK2491" s="27"/>
      <c r="CL2491" s="27"/>
      <c r="CM2491" s="27"/>
      <c r="CN2491" s="27"/>
      <c r="CO2491" s="27"/>
      <c r="CP2491" s="27"/>
      <c r="CQ2491" s="27"/>
      <c r="CR2491" s="27"/>
      <c r="CS2491" s="27"/>
      <c r="CT2491" s="27"/>
      <c r="CU2491" s="27"/>
      <c r="CV2491" s="27"/>
      <c r="CW2491" s="27"/>
      <c r="CX2491" s="27"/>
      <c r="CY2491" s="23" t="s">
        <v>739</v>
      </c>
      <c r="CZ2491" s="23" t="s">
        <v>740</v>
      </c>
      <c r="DA2491" s="24" t="s">
        <v>101</v>
      </c>
      <c r="DB2491" s="25" t="s">
        <v>345</v>
      </c>
      <c r="DC2491" s="25"/>
      <c r="DD2491" s="25"/>
      <c r="DE2491" s="25"/>
      <c r="DF2491" s="25"/>
      <c r="DG2491" s="25"/>
      <c r="DH2491" s="25" t="s">
        <v>333</v>
      </c>
      <c r="DI2491" s="25"/>
      <c r="DJ2491" s="25"/>
      <c r="DK2491" s="25"/>
      <c r="DL2491" s="25">
        <v>6</v>
      </c>
      <c r="DM2491" s="25" t="s">
        <v>396</v>
      </c>
      <c r="DN2491" s="25">
        <v>6</v>
      </c>
      <c r="DO2491" s="25" t="s">
        <v>393</v>
      </c>
    </row>
    <row r="2492" spans="1:119" x14ac:dyDescent="0.2">
      <c r="A2492" s="32" t="s">
        <v>791</v>
      </c>
      <c r="B2492" s="32" t="s">
        <v>791</v>
      </c>
      <c r="C2492" s="32" t="s">
        <v>329</v>
      </c>
      <c r="D2492" s="4" t="s">
        <v>90</v>
      </c>
      <c r="E2492" s="4" t="s">
        <v>231</v>
      </c>
      <c r="F2492" s="1">
        <v>-131</v>
      </c>
      <c r="G2492" s="2">
        <v>-1.82807703042E-2</v>
      </c>
      <c r="H2492" s="1">
        <v>-221.92771790999996</v>
      </c>
      <c r="I2492" s="2">
        <v>-3.0971211457717467E-2</v>
      </c>
      <c r="J2492" s="1">
        <v>-329.4307711499996</v>
      </c>
      <c r="K2492" s="2">
        <v>-4.744321696535167E-2</v>
      </c>
      <c r="L2492" s="1">
        <v>420.3593958700003</v>
      </c>
      <c r="M2492" s="2">
        <v>6.3553555449211346E-2</v>
      </c>
      <c r="N2492" s="1">
        <v>90.928624720000698</v>
      </c>
      <c r="O2492" s="2">
        <v>1.3095153363763231E-2</v>
      </c>
      <c r="P2492" s="1">
        <v>7165.6130795199997</v>
      </c>
      <c r="Q2492" s="1">
        <v>7096.5413416299998</v>
      </c>
      <c r="R2492" s="1">
        <v>6752.3507708200004</v>
      </c>
      <c r="S2492" s="1">
        <v>6836.1354674800004</v>
      </c>
      <c r="T2492" s="1">
        <v>7049.7075399799996</v>
      </c>
      <c r="U2492" s="1">
        <v>6856.9654023800003</v>
      </c>
      <c r="V2492" s="1">
        <v>6943.6853616099997</v>
      </c>
      <c r="W2492" s="1">
        <v>6777.2511282200003</v>
      </c>
      <c r="X2492" s="1">
        <v>6777.5224679599996</v>
      </c>
      <c r="Y2492" s="1">
        <v>6614.2545904600001</v>
      </c>
      <c r="Z2492" s="1">
        <v>6530.6534322300004</v>
      </c>
      <c r="AA2492" s="1">
        <v>6733.3491204800002</v>
      </c>
      <c r="AB2492" s="1">
        <v>6865.9681239399997</v>
      </c>
      <c r="AC2492" s="1">
        <v>6876.84431012</v>
      </c>
      <c r="AD2492" s="1">
        <v>6914.7406709799998</v>
      </c>
      <c r="AE2492" s="1">
        <v>6919.0189801300003</v>
      </c>
      <c r="AF2492" s="1">
        <v>7034.6139863300004</v>
      </c>
      <c r="AG2492" s="1">
        <v>11600.500706400002</v>
      </c>
      <c r="AH2492" s="2">
        <v>0.41928594532812585</v>
      </c>
      <c r="AI2492" s="1">
        <v>5309.9533340999988</v>
      </c>
      <c r="AJ2492" s="2">
        <v>0.19192178507502283</v>
      </c>
      <c r="AK2492" s="1">
        <v>3205.266870899999</v>
      </c>
      <c r="AL2492" s="2">
        <v>9.7196361412152169E-2</v>
      </c>
      <c r="AM2492" s="1">
        <v>3085.2805014000041</v>
      </c>
      <c r="AN2492" s="2">
        <v>8.5269969618154529E-2</v>
      </c>
      <c r="AO2492" s="1">
        <v>6290.5473723000032</v>
      </c>
      <c r="AP2492" s="2">
        <v>0.19075426181491609</v>
      </c>
      <c r="AQ2492" s="3">
        <v>27667.2777508</v>
      </c>
      <c r="AR2492" s="3">
        <v>27644.720229800001</v>
      </c>
      <c r="AS2492" s="3">
        <v>28717.937725700001</v>
      </c>
      <c r="AT2492" s="3">
        <v>29804.9613169</v>
      </c>
      <c r="AU2492" s="3">
        <v>30040.340109000001</v>
      </c>
      <c r="AV2492" s="3">
        <v>31622.683327399998</v>
      </c>
      <c r="AW2492" s="3">
        <v>32977.231084899999</v>
      </c>
      <c r="AX2492" s="3">
        <v>34170.611822300001</v>
      </c>
      <c r="AY2492" s="3">
        <v>34958.456447500001</v>
      </c>
      <c r="AZ2492" s="3">
        <v>36182.497955799998</v>
      </c>
      <c r="BA2492" s="3">
        <v>36274.8145936</v>
      </c>
      <c r="BB2492" s="3">
        <v>36542.112393000003</v>
      </c>
      <c r="BC2492" s="3">
        <v>37418.648276200001</v>
      </c>
      <c r="BD2492" s="3">
        <v>38772.147378000001</v>
      </c>
      <c r="BE2492" s="3">
        <v>38798.113698599998</v>
      </c>
      <c r="BF2492" s="3">
        <v>39267.778457200002</v>
      </c>
      <c r="BG2492" s="1">
        <v>-20.508211874999972</v>
      </c>
      <c r="BH2492" s="2">
        <v>-4.0330148847313486E-2</v>
      </c>
      <c r="BI2492" s="1">
        <v>-14.483807931999991</v>
      </c>
      <c r="BJ2492" s="2">
        <v>-2.8482938119316664E-2</v>
      </c>
      <c r="BK2492" s="1">
        <v>-17.023382580999964</v>
      </c>
      <c r="BL2492" s="2">
        <v>-3.4458586347414742E-2</v>
      </c>
      <c r="BM2492" s="1">
        <v>10.998978637999983</v>
      </c>
      <c r="BN2492" s="2">
        <v>2.3058606052025133E-2</v>
      </c>
      <c r="BO2492" s="1">
        <v>-6.0244039429999816</v>
      </c>
      <c r="BP2492" s="2">
        <v>-1.2194547263084337E-2</v>
      </c>
      <c r="BQ2492" s="1">
        <v>508.50821187499997</v>
      </c>
      <c r="BR2492" s="1">
        <v>503.08681206</v>
      </c>
      <c r="BS2492" s="1">
        <v>490.150709183</v>
      </c>
      <c r="BT2492" s="1">
        <v>494.02440394299998</v>
      </c>
      <c r="BU2492" s="1">
        <v>486.00284215200003</v>
      </c>
      <c r="BV2492" s="1">
        <v>471.00203047700001</v>
      </c>
      <c r="BW2492" s="1">
        <v>477.00102136200002</v>
      </c>
      <c r="BX2492" s="1">
        <v>478</v>
      </c>
      <c r="BY2492" s="1">
        <v>479</v>
      </c>
      <c r="BZ2492" s="1">
        <v>476</v>
      </c>
      <c r="CA2492" s="1">
        <v>477</v>
      </c>
      <c r="CB2492" s="1">
        <v>487</v>
      </c>
      <c r="CC2492" s="1">
        <v>488</v>
      </c>
      <c r="CD2492" s="1">
        <v>-914.28700000000003</v>
      </c>
      <c r="CE2492" s="27">
        <v>0</v>
      </c>
      <c r="CF2492" s="27">
        <v>783.28800000000001</v>
      </c>
      <c r="CG2492" s="27">
        <v>783</v>
      </c>
      <c r="CH2492" s="27"/>
      <c r="CI2492" s="27"/>
      <c r="CJ2492" s="27"/>
      <c r="CK2492" s="27"/>
      <c r="CL2492" s="27"/>
      <c r="CM2492" s="27"/>
      <c r="CN2492" s="27"/>
      <c r="CO2492" s="27"/>
      <c r="CP2492" s="27"/>
      <c r="CQ2492" s="27"/>
      <c r="CR2492" s="27"/>
      <c r="CS2492" s="27"/>
      <c r="CT2492" s="27"/>
      <c r="CU2492" s="27"/>
      <c r="CV2492" s="27"/>
      <c r="CW2492" s="27"/>
      <c r="CX2492" s="27"/>
      <c r="CY2492" s="23" t="s">
        <v>582</v>
      </c>
      <c r="CZ2492" s="23" t="s">
        <v>583</v>
      </c>
      <c r="DA2492" s="24" t="s">
        <v>90</v>
      </c>
      <c r="DB2492" s="25"/>
      <c r="DC2492" s="25"/>
      <c r="DD2492" s="25"/>
      <c r="DE2492" s="25"/>
      <c r="DF2492" s="25"/>
      <c r="DG2492" s="25"/>
      <c r="DH2492" s="25" t="s">
        <v>333</v>
      </c>
      <c r="DI2492" s="25"/>
      <c r="DJ2492" s="25"/>
      <c r="DK2492" s="25"/>
      <c r="DL2492" s="25">
        <v>4</v>
      </c>
      <c r="DM2492" s="25" t="s">
        <v>446</v>
      </c>
      <c r="DN2492" s="25">
        <v>6</v>
      </c>
      <c r="DO2492" s="25" t="s">
        <v>393</v>
      </c>
    </row>
    <row r="2493" spans="1:119" x14ac:dyDescent="0.2">
      <c r="A2493" s="32" t="s">
        <v>791</v>
      </c>
      <c r="B2493" s="32" t="s">
        <v>791</v>
      </c>
      <c r="C2493" s="32" t="s">
        <v>329</v>
      </c>
      <c r="D2493" s="4" t="s">
        <v>162</v>
      </c>
      <c r="E2493" s="4" t="s">
        <v>301</v>
      </c>
      <c r="F2493" s="1">
        <v>675</v>
      </c>
      <c r="G2493" s="2">
        <v>9.0494704383999994E-2</v>
      </c>
      <c r="H2493" s="1">
        <v>969.55796962000022</v>
      </c>
      <c r="I2493" s="2">
        <v>0.12998728816564015</v>
      </c>
      <c r="J2493" s="1">
        <v>-332.6075240300006</v>
      </c>
      <c r="K2493" s="2">
        <v>-3.9462592632362729E-2</v>
      </c>
      <c r="L2493" s="1">
        <v>37.954913909999959</v>
      </c>
      <c r="M2493" s="2">
        <v>4.6882123321065894E-3</v>
      </c>
      <c r="N2493" s="1">
        <v>-294.65261012000065</v>
      </c>
      <c r="O2493" s="2">
        <v>-3.495938931369208E-2</v>
      </c>
      <c r="P2493" s="1">
        <v>7458.8675808400003</v>
      </c>
      <c r="Q2493" s="1">
        <v>7602.3260817099999</v>
      </c>
      <c r="R2493" s="1">
        <v>7588.5743228900001</v>
      </c>
      <c r="S2493" s="1">
        <v>7711.6274680500001</v>
      </c>
      <c r="T2493" s="1">
        <v>7988.5771568999999</v>
      </c>
      <c r="U2493" s="1">
        <v>8200.7346073999997</v>
      </c>
      <c r="V2493" s="1">
        <v>8428.4255504600005</v>
      </c>
      <c r="W2493" s="1">
        <v>8327.7063426599998</v>
      </c>
      <c r="X2493" s="1">
        <v>8036.83221873</v>
      </c>
      <c r="Y2493" s="1">
        <v>8095.8180264299999</v>
      </c>
      <c r="Z2493" s="1">
        <v>8107.7671684099996</v>
      </c>
      <c r="AA2493" s="1">
        <v>8080.7422036400003</v>
      </c>
      <c r="AB2493" s="1">
        <v>7992.57547075</v>
      </c>
      <c r="AC2493" s="1">
        <v>8193.3778814300003</v>
      </c>
      <c r="AD2493" s="1">
        <v>8132.6581110799998</v>
      </c>
      <c r="AE2493" s="1">
        <v>8040.29625906</v>
      </c>
      <c r="AF2493" s="1">
        <v>8133.7729403399999</v>
      </c>
      <c r="AG2493" s="1">
        <v>13313.065671300003</v>
      </c>
      <c r="AH2493" s="2">
        <v>0.52061042017300507</v>
      </c>
      <c r="AI2493" s="1">
        <v>4864.0131594000013</v>
      </c>
      <c r="AJ2493" s="2">
        <v>0.19020832595314532</v>
      </c>
      <c r="AK2493" s="1">
        <v>2149.0956315000003</v>
      </c>
      <c r="AL2493" s="2">
        <v>7.0610215906731763E-2</v>
      </c>
      <c r="AM2493" s="1">
        <v>6299.956880400001</v>
      </c>
      <c r="AN2493" s="2">
        <v>0.19333834287513638</v>
      </c>
      <c r="AO2493" s="1">
        <v>8449.0525119000013</v>
      </c>
      <c r="AP2493" s="2">
        <v>0.27760022091533126</v>
      </c>
      <c r="AQ2493" s="3">
        <v>25572.0307459</v>
      </c>
      <c r="AR2493" s="3">
        <v>25897.135560800001</v>
      </c>
      <c r="AS2493" s="3">
        <v>27478.8916833</v>
      </c>
      <c r="AT2493" s="3">
        <v>27979.584474899999</v>
      </c>
      <c r="AU2493" s="3">
        <v>28957.379663299998</v>
      </c>
      <c r="AV2493" s="3">
        <v>29324.296253299999</v>
      </c>
      <c r="AW2493" s="3">
        <v>30436.043905300001</v>
      </c>
      <c r="AX2493" s="3">
        <v>31641.6855383</v>
      </c>
      <c r="AY2493" s="3">
        <v>31427.2085319</v>
      </c>
      <c r="AZ2493" s="3">
        <v>32585.139536800001</v>
      </c>
      <c r="BA2493" s="3">
        <v>32263.9235113</v>
      </c>
      <c r="BB2493" s="3">
        <v>33144.6337546</v>
      </c>
      <c r="BC2493" s="3">
        <v>34520.339389699999</v>
      </c>
      <c r="BD2493" s="3">
        <v>36168.983188400001</v>
      </c>
      <c r="BE2493" s="3">
        <v>36598.232509499998</v>
      </c>
      <c r="BF2493" s="3">
        <v>38885.096417200002</v>
      </c>
      <c r="BG2493" s="1">
        <v>11.249765704000026</v>
      </c>
      <c r="BH2493" s="2">
        <v>2.855268785334892E-2</v>
      </c>
      <c r="BI2493" s="1">
        <v>24.000386683000045</v>
      </c>
      <c r="BJ2493" s="2">
        <v>6.0914650789190422E-2</v>
      </c>
      <c r="BK2493" s="1">
        <v>-5.7317400001011265E-4</v>
      </c>
      <c r="BL2493" s="2">
        <v>-1.3712276280061039E-6</v>
      </c>
      <c r="BM2493" s="1">
        <v>-12.750047805000008</v>
      </c>
      <c r="BN2493" s="2">
        <v>-3.0502503222076177E-2</v>
      </c>
      <c r="BO2493" s="1">
        <v>-12.750620979000018</v>
      </c>
      <c r="BP2493" s="2">
        <v>-3.0503832623829042E-2</v>
      </c>
      <c r="BQ2493" s="1">
        <v>394.00023429599997</v>
      </c>
      <c r="BR2493" s="1">
        <v>416.000378302</v>
      </c>
      <c r="BS2493" s="1">
        <v>411.000234197</v>
      </c>
      <c r="BT2493" s="1">
        <v>418.00062097900002</v>
      </c>
      <c r="BU2493" s="1">
        <v>423.00087353200001</v>
      </c>
      <c r="BV2493" s="1">
        <v>415.00057687100002</v>
      </c>
      <c r="BW2493" s="1">
        <v>418.00004780500001</v>
      </c>
      <c r="BX2493" s="1">
        <v>414</v>
      </c>
      <c r="BY2493" s="1">
        <v>408</v>
      </c>
      <c r="BZ2493" s="1">
        <v>410</v>
      </c>
      <c r="CA2493" s="1">
        <v>410</v>
      </c>
      <c r="CB2493" s="1">
        <v>412</v>
      </c>
      <c r="CC2493" s="1">
        <v>405.25</v>
      </c>
      <c r="CD2493" s="1">
        <v>-140.43899999999999</v>
      </c>
      <c r="CE2493" s="27">
        <v>0</v>
      </c>
      <c r="CF2493" s="27">
        <v>815.34400000000005</v>
      </c>
      <c r="CG2493" s="27">
        <v>815</v>
      </c>
      <c r="CH2493" s="27"/>
      <c r="CI2493" s="27"/>
      <c r="CJ2493" s="27"/>
      <c r="CK2493" s="27"/>
      <c r="CL2493" s="27"/>
      <c r="CM2493" s="27"/>
      <c r="CN2493" s="27"/>
      <c r="CO2493" s="27"/>
      <c r="CP2493" s="27"/>
      <c r="CQ2493" s="27"/>
      <c r="CR2493" s="27"/>
      <c r="CS2493" s="27"/>
      <c r="CT2493" s="27"/>
      <c r="CU2493" s="27"/>
      <c r="CV2493" s="27"/>
      <c r="CW2493" s="27"/>
      <c r="CX2493" s="27"/>
      <c r="CY2493" s="23" t="s">
        <v>584</v>
      </c>
      <c r="CZ2493" s="23" t="s">
        <v>585</v>
      </c>
      <c r="DA2493" s="24" t="s">
        <v>162</v>
      </c>
      <c r="DB2493" s="25" t="s">
        <v>345</v>
      </c>
      <c r="DC2493" s="25" t="s">
        <v>586</v>
      </c>
      <c r="DD2493" s="25"/>
      <c r="DE2493" s="25" t="s">
        <v>587</v>
      </c>
      <c r="DF2493" s="25" t="s">
        <v>375</v>
      </c>
      <c r="DG2493" s="25" t="s">
        <v>376</v>
      </c>
      <c r="DH2493" s="25" t="s">
        <v>328</v>
      </c>
      <c r="DI2493" s="25"/>
      <c r="DJ2493" s="25" t="s">
        <v>366</v>
      </c>
      <c r="DK2493" s="25" t="s">
        <v>588</v>
      </c>
      <c r="DL2493" s="25">
        <v>2</v>
      </c>
      <c r="DM2493" s="25" t="s">
        <v>379</v>
      </c>
      <c r="DN2493" s="25">
        <v>2</v>
      </c>
      <c r="DO2493" s="25" t="s">
        <v>463</v>
      </c>
    </row>
    <row r="2494" spans="1:119" x14ac:dyDescent="0.2">
      <c r="A2494" s="32" t="s">
        <v>791</v>
      </c>
      <c r="B2494" s="32" t="s">
        <v>791</v>
      </c>
      <c r="C2494" s="32" t="s">
        <v>329</v>
      </c>
      <c r="D2494" s="4" t="s">
        <v>106</v>
      </c>
      <c r="E2494" s="4" t="s">
        <v>247</v>
      </c>
      <c r="F2494" s="1">
        <v>440</v>
      </c>
      <c r="G2494" s="2">
        <v>0.10702991972799999</v>
      </c>
      <c r="H2494" s="1">
        <v>617.83915700000034</v>
      </c>
      <c r="I2494" s="2">
        <v>0.15030511083292994</v>
      </c>
      <c r="J2494" s="1">
        <v>-341.76019909000024</v>
      </c>
      <c r="K2494" s="2">
        <v>-7.227810431996555E-2</v>
      </c>
      <c r="L2494" s="1">
        <v>164.6678965000001</v>
      </c>
      <c r="M2494" s="2">
        <v>3.7538455563155174E-2</v>
      </c>
      <c r="N2494" s="1">
        <v>-177.09230259000014</v>
      </c>
      <c r="O2494" s="2">
        <v>-3.7452857164014496E-2</v>
      </c>
      <c r="P2494" s="1">
        <v>4110.56652416</v>
      </c>
      <c r="Q2494" s="1">
        <v>4351.6565862699999</v>
      </c>
      <c r="R2494" s="1">
        <v>4563.3164652300002</v>
      </c>
      <c r="S2494" s="1">
        <v>4698.5558058200004</v>
      </c>
      <c r="T2494" s="1">
        <v>4752.6278660400003</v>
      </c>
      <c r="U2494" s="1">
        <v>4817.5418599000004</v>
      </c>
      <c r="V2494" s="1">
        <v>4728.4056811600003</v>
      </c>
      <c r="W2494" s="1">
        <v>4566.9755000100004</v>
      </c>
      <c r="X2494" s="1">
        <v>4453.1771975600004</v>
      </c>
      <c r="Y2494" s="1">
        <v>4386.6454820700001</v>
      </c>
      <c r="Z2494" s="1">
        <v>4359.4966745000002</v>
      </c>
      <c r="AA2494" s="1">
        <v>4415.9966450100001</v>
      </c>
      <c r="AB2494" s="1">
        <v>4409.1613828099998</v>
      </c>
      <c r="AC2494" s="1">
        <v>4312.1504814899999</v>
      </c>
      <c r="AD2494" s="1">
        <v>4359.0498397299998</v>
      </c>
      <c r="AE2494" s="1">
        <v>4460.5924083199998</v>
      </c>
      <c r="AF2494" s="1">
        <v>4551.3133785700002</v>
      </c>
      <c r="AG2494" s="1">
        <v>10932.522460299995</v>
      </c>
      <c r="AH2494" s="2">
        <v>0.4701858730307783</v>
      </c>
      <c r="AI2494" s="1">
        <v>4593.7634843999986</v>
      </c>
      <c r="AJ2494" s="2">
        <v>0.19756855769132842</v>
      </c>
      <c r="AK2494" s="1">
        <v>3881.4437767999989</v>
      </c>
      <c r="AL2494" s="2">
        <v>0.13939336840820091</v>
      </c>
      <c r="AM2494" s="1">
        <v>2457.3151990999977</v>
      </c>
      <c r="AN2494" s="2">
        <v>7.7452598473217699E-2</v>
      </c>
      <c r="AO2494" s="1">
        <v>6338.7589758999966</v>
      </c>
      <c r="AP2494" s="2">
        <v>0.2276423454745683</v>
      </c>
      <c r="AQ2494" s="3">
        <v>23251.490713300002</v>
      </c>
      <c r="AR2494" s="3">
        <v>24281.019350800001</v>
      </c>
      <c r="AS2494" s="3">
        <v>24721.017481300001</v>
      </c>
      <c r="AT2494" s="3">
        <v>25417.867702</v>
      </c>
      <c r="AU2494" s="3">
        <v>26489.053426400002</v>
      </c>
      <c r="AV2494" s="3">
        <v>27430.502915900001</v>
      </c>
      <c r="AW2494" s="3">
        <v>27845.2541977</v>
      </c>
      <c r="AX2494" s="3">
        <v>28737.729587999998</v>
      </c>
      <c r="AY2494" s="3">
        <v>30634.537183100001</v>
      </c>
      <c r="AZ2494" s="3">
        <v>31726.697974499999</v>
      </c>
      <c r="BA2494" s="3">
        <v>31346.272487900002</v>
      </c>
      <c r="BB2494" s="3">
        <v>31928.1083292</v>
      </c>
      <c r="BC2494" s="3">
        <v>32902.040247299999</v>
      </c>
      <c r="BD2494" s="3">
        <v>33163.487438299999</v>
      </c>
      <c r="BE2494" s="3">
        <v>33811.130028500003</v>
      </c>
      <c r="BF2494" s="3">
        <v>34184.013173599997</v>
      </c>
      <c r="BG2494" s="1">
        <v>81.249878217000003</v>
      </c>
      <c r="BH2494" s="2">
        <v>0.18721164842811941</v>
      </c>
      <c r="BI2494" s="1">
        <v>25.999909732999981</v>
      </c>
      <c r="BJ2494" s="2">
        <v>5.990760930246912E-2</v>
      </c>
      <c r="BK2494" s="1">
        <v>-14.000007757999981</v>
      </c>
      <c r="BL2494" s="2">
        <v>-3.0434797388732407E-2</v>
      </c>
      <c r="BM2494" s="1">
        <v>69.249976242000002</v>
      </c>
      <c r="BN2494" s="2">
        <v>0.15526899675587261</v>
      </c>
      <c r="BO2494" s="1">
        <v>55.249968484000021</v>
      </c>
      <c r="BP2494" s="2">
        <v>0.12010861891012346</v>
      </c>
      <c r="BQ2494" s="1">
        <v>434.000121783</v>
      </c>
      <c r="BR2494" s="1">
        <v>448.00003908299999</v>
      </c>
      <c r="BS2494" s="1">
        <v>463.00007780300001</v>
      </c>
      <c r="BT2494" s="1">
        <v>460.00003151599998</v>
      </c>
      <c r="BU2494" s="1">
        <v>458.00003025799998</v>
      </c>
      <c r="BV2494" s="1">
        <v>456.00002980300002</v>
      </c>
      <c r="BW2494" s="1">
        <v>446.000023758</v>
      </c>
      <c r="BX2494" s="1">
        <v>453</v>
      </c>
      <c r="BY2494" s="1">
        <v>475</v>
      </c>
      <c r="BZ2494" s="1">
        <v>505</v>
      </c>
      <c r="CA2494" s="1">
        <v>518</v>
      </c>
      <c r="CB2494" s="1">
        <v>528</v>
      </c>
      <c r="CC2494" s="1">
        <v>515.25</v>
      </c>
      <c r="CD2494" s="1">
        <v>-8.5875699999999995</v>
      </c>
      <c r="CE2494" s="27">
        <v>0</v>
      </c>
      <c r="CF2494" s="27">
        <v>449.334</v>
      </c>
      <c r="CG2494" s="27">
        <v>449</v>
      </c>
      <c r="CH2494" s="27"/>
      <c r="CI2494" s="27"/>
      <c r="CJ2494" s="27"/>
      <c r="CK2494" s="27"/>
      <c r="CL2494" s="27"/>
      <c r="CM2494" s="27"/>
      <c r="CN2494" s="27"/>
      <c r="CO2494" s="27"/>
      <c r="CP2494" s="27"/>
      <c r="CQ2494" s="27"/>
      <c r="CR2494" s="27"/>
      <c r="CS2494" s="27"/>
      <c r="CT2494" s="27"/>
      <c r="CU2494" s="27"/>
      <c r="CV2494" s="27"/>
      <c r="CW2494" s="27"/>
      <c r="CX2494" s="27"/>
      <c r="CY2494" s="23" t="s">
        <v>406</v>
      </c>
      <c r="CZ2494" s="23" t="s">
        <v>407</v>
      </c>
      <c r="DA2494" s="24" t="s">
        <v>106</v>
      </c>
      <c r="DB2494" s="25" t="s">
        <v>345</v>
      </c>
      <c r="DC2494" s="25"/>
      <c r="DD2494" s="25"/>
      <c r="DE2494" s="25"/>
      <c r="DF2494" s="25"/>
      <c r="DG2494" s="25"/>
      <c r="DH2494" s="25" t="s">
        <v>333</v>
      </c>
      <c r="DI2494" s="25"/>
      <c r="DJ2494" s="25"/>
      <c r="DK2494" s="25"/>
      <c r="DL2494" s="25">
        <v>10</v>
      </c>
      <c r="DM2494" s="25" t="s">
        <v>383</v>
      </c>
      <c r="DN2494" s="25">
        <v>7</v>
      </c>
      <c r="DO2494" s="25" t="s">
        <v>369</v>
      </c>
    </row>
    <row r="2495" spans="1:119" x14ac:dyDescent="0.2">
      <c r="A2495" s="32" t="s">
        <v>791</v>
      </c>
      <c r="B2495" s="32" t="s">
        <v>791</v>
      </c>
      <c r="C2495" s="32" t="s">
        <v>329</v>
      </c>
      <c r="D2495" s="4" t="s">
        <v>128</v>
      </c>
      <c r="E2495" s="4" t="s">
        <v>269</v>
      </c>
      <c r="F2495" s="1">
        <v>-776</v>
      </c>
      <c r="G2495" s="2">
        <v>-6.9149884156100003E-2</v>
      </c>
      <c r="H2495" s="1">
        <v>-303.59669049999866</v>
      </c>
      <c r="I2495" s="2">
        <v>-2.7054488273101938E-2</v>
      </c>
      <c r="J2495" s="1">
        <v>-390.85542979999991</v>
      </c>
      <c r="K2495" s="2">
        <v>-3.579891971855536E-2</v>
      </c>
      <c r="L2495" s="1">
        <v>-81.000733700000637</v>
      </c>
      <c r="M2495" s="2">
        <v>-7.6944062199305694E-3</v>
      </c>
      <c r="N2495" s="1">
        <v>-471.85616350000055</v>
      </c>
      <c r="O2495" s="2">
        <v>-4.3217874507936682E-2</v>
      </c>
      <c r="P2495" s="1">
        <v>11221.675584299999</v>
      </c>
      <c r="Q2495" s="1">
        <v>11076.988569700001</v>
      </c>
      <c r="R2495" s="1">
        <v>11067.175057</v>
      </c>
      <c r="S2495" s="1">
        <v>11110.0511124</v>
      </c>
      <c r="T2495" s="1">
        <v>11056.8310901</v>
      </c>
      <c r="U2495" s="1">
        <v>11177.429769</v>
      </c>
      <c r="V2495" s="1">
        <v>10918.078893800001</v>
      </c>
      <c r="W2495" s="1">
        <v>10783.279641200001</v>
      </c>
      <c r="X2495" s="1">
        <v>10541.3167029</v>
      </c>
      <c r="Y2495" s="1">
        <v>10527.223464000001</v>
      </c>
      <c r="Z2495" s="1">
        <v>10369.5388996</v>
      </c>
      <c r="AA2495" s="1">
        <v>10807.2423143</v>
      </c>
      <c r="AB2495" s="1">
        <v>9938.1189360499993</v>
      </c>
      <c r="AC2495" s="1">
        <v>10084.115207000001</v>
      </c>
      <c r="AD2495" s="1">
        <v>10247.791665500001</v>
      </c>
      <c r="AE2495" s="1">
        <v>10371.890586</v>
      </c>
      <c r="AF2495" s="1">
        <v>10446.2227303</v>
      </c>
      <c r="AG2495" s="1">
        <v>13029.833134099998</v>
      </c>
      <c r="AH2495" s="2">
        <v>0.52574599665884336</v>
      </c>
      <c r="AI2495" s="1">
        <v>6035.823978299999</v>
      </c>
      <c r="AJ2495" s="2">
        <v>0.24354189807879426</v>
      </c>
      <c r="AK2495" s="1">
        <v>2145.7139927000026</v>
      </c>
      <c r="AL2495" s="2">
        <v>6.9622326476550547E-2</v>
      </c>
      <c r="AM2495" s="1">
        <v>4848.295163099996</v>
      </c>
      <c r="AN2495" s="2">
        <v>0.14707379211782584</v>
      </c>
      <c r="AO2495" s="1">
        <v>6994.0091557999986</v>
      </c>
      <c r="AP2495" s="2">
        <v>0.22693573816534798</v>
      </c>
      <c r="AQ2495" s="3">
        <v>24783.513744100001</v>
      </c>
      <c r="AR2495" s="3">
        <v>25580.541039899999</v>
      </c>
      <c r="AS2495" s="3">
        <v>26858.5074135</v>
      </c>
      <c r="AT2495" s="3">
        <v>27976.972785599999</v>
      </c>
      <c r="AU2495" s="3">
        <v>28731.735584099999</v>
      </c>
      <c r="AV2495" s="3">
        <v>29712.7240766</v>
      </c>
      <c r="AW2495" s="3">
        <v>30819.3377224</v>
      </c>
      <c r="AX2495" s="3">
        <v>32324.5897257</v>
      </c>
      <c r="AY2495" s="3">
        <v>32243.8533408</v>
      </c>
      <c r="AZ2495" s="3">
        <v>32965.051715100002</v>
      </c>
      <c r="BA2495" s="3">
        <v>33026.779540800002</v>
      </c>
      <c r="BB2495" s="3">
        <v>32949.932774300003</v>
      </c>
      <c r="BC2495" s="3">
        <v>35657.808074799999</v>
      </c>
      <c r="BD2495" s="3">
        <v>36238.959362699999</v>
      </c>
      <c r="BE2495" s="3">
        <v>37153.683365600002</v>
      </c>
      <c r="BF2495" s="3">
        <v>37813.346878199998</v>
      </c>
      <c r="BG2495" s="1">
        <v>-36.251744809000002</v>
      </c>
      <c r="BH2495" s="2">
        <v>-4.0369347853227773E-2</v>
      </c>
      <c r="BI2495" s="1">
        <v>-8.0015894110000545</v>
      </c>
      <c r="BJ2495" s="2">
        <v>-8.9104386013213691E-3</v>
      </c>
      <c r="BK2495" s="1">
        <v>-20.000109695999981</v>
      </c>
      <c r="BL2495" s="2">
        <v>-2.2472029442574776E-2</v>
      </c>
      <c r="BM2495" s="1">
        <v>-8.2500457019999658</v>
      </c>
      <c r="BN2495" s="2">
        <v>-9.4828106535822451E-3</v>
      </c>
      <c r="BO2495" s="1">
        <v>-28.250155397999947</v>
      </c>
      <c r="BP2495" s="2">
        <v>-3.1741742095951361E-2</v>
      </c>
      <c r="BQ2495" s="1">
        <v>898.001744809</v>
      </c>
      <c r="BR2495" s="1">
        <v>874.00075589400001</v>
      </c>
      <c r="BS2495" s="1">
        <v>887.00071462699998</v>
      </c>
      <c r="BT2495" s="1">
        <v>890.00015539799995</v>
      </c>
      <c r="BU2495" s="1">
        <v>858.00013722999995</v>
      </c>
      <c r="BV2495" s="1">
        <v>857.00010680299999</v>
      </c>
      <c r="BW2495" s="1">
        <v>870.00004570199997</v>
      </c>
      <c r="BX2495" s="1">
        <v>856</v>
      </c>
      <c r="BY2495" s="1">
        <v>861</v>
      </c>
      <c r="BZ2495" s="1">
        <v>855</v>
      </c>
      <c r="CA2495" s="1">
        <v>864</v>
      </c>
      <c r="CB2495" s="1">
        <v>866</v>
      </c>
      <c r="CC2495" s="1">
        <v>861.75</v>
      </c>
      <c r="CD2495" s="1">
        <v>-2002.12</v>
      </c>
      <c r="CE2495" s="27">
        <v>0</v>
      </c>
      <c r="CF2495" s="27">
        <v>1226.6600000000001</v>
      </c>
      <c r="CG2495" s="27">
        <v>1227</v>
      </c>
      <c r="CH2495" s="27"/>
      <c r="CI2495" s="27"/>
      <c r="CJ2495" s="27"/>
      <c r="CK2495" s="27"/>
      <c r="CL2495" s="27"/>
      <c r="CM2495" s="27"/>
      <c r="CN2495" s="27"/>
      <c r="CO2495" s="27"/>
      <c r="CP2495" s="27"/>
      <c r="CQ2495" s="27"/>
      <c r="CR2495" s="27"/>
      <c r="CS2495" s="27"/>
      <c r="CT2495" s="27"/>
      <c r="CU2495" s="27"/>
      <c r="CV2495" s="27"/>
      <c r="CW2495" s="27"/>
      <c r="CX2495" s="27"/>
      <c r="CY2495" s="23" t="s">
        <v>565</v>
      </c>
      <c r="CZ2495" s="23" t="s">
        <v>566</v>
      </c>
      <c r="DA2495" s="24" t="s">
        <v>128</v>
      </c>
      <c r="DB2495" s="25"/>
      <c r="DC2495" s="25" t="s">
        <v>401</v>
      </c>
      <c r="DD2495" s="25" t="s">
        <v>373</v>
      </c>
      <c r="DE2495" s="25" t="s">
        <v>402</v>
      </c>
      <c r="DF2495" s="25" t="s">
        <v>375</v>
      </c>
      <c r="DG2495" s="25" t="s">
        <v>376</v>
      </c>
      <c r="DH2495" s="25" t="s">
        <v>328</v>
      </c>
      <c r="DI2495" s="25" t="s">
        <v>377</v>
      </c>
      <c r="DJ2495" s="25" t="s">
        <v>366</v>
      </c>
      <c r="DK2495" s="25" t="s">
        <v>567</v>
      </c>
      <c r="DL2495" s="25">
        <v>1</v>
      </c>
      <c r="DM2495" s="25" t="s">
        <v>404</v>
      </c>
      <c r="DN2495" s="25">
        <v>1</v>
      </c>
      <c r="DO2495" s="25" t="s">
        <v>405</v>
      </c>
    </row>
    <row r="2496" spans="1:119" x14ac:dyDescent="0.2">
      <c r="A2496" s="32" t="s">
        <v>791</v>
      </c>
      <c r="B2496" s="32" t="s">
        <v>791</v>
      </c>
      <c r="C2496" s="32" t="s">
        <v>329</v>
      </c>
      <c r="D2496" s="4" t="s">
        <v>98</v>
      </c>
      <c r="E2496" s="4" t="s">
        <v>239</v>
      </c>
      <c r="F2496" s="1">
        <v>-640</v>
      </c>
      <c r="G2496" s="2">
        <v>-0.15462672143</v>
      </c>
      <c r="H2496" s="1">
        <v>-165.25210583999979</v>
      </c>
      <c r="I2496" s="2">
        <v>-3.9924721948257275E-2</v>
      </c>
      <c r="J2496" s="1">
        <v>-408.3710790099999</v>
      </c>
      <c r="K2496" s="2">
        <v>-0.10276484903633824</v>
      </c>
      <c r="L2496" s="1">
        <v>-66.333352189999914</v>
      </c>
      <c r="M2496" s="2">
        <v>-1.8604383213373498E-2</v>
      </c>
      <c r="N2496" s="1">
        <v>-474.70443119999982</v>
      </c>
      <c r="O2496" s="2">
        <v>-0.11945735561737524</v>
      </c>
      <c r="P2496" s="1">
        <v>4139.0922159499996</v>
      </c>
      <c r="Q2496" s="1">
        <v>4245.8095679099997</v>
      </c>
      <c r="R2496" s="1">
        <v>4197.4159411099999</v>
      </c>
      <c r="S2496" s="1">
        <v>4202.2785181999998</v>
      </c>
      <c r="T2496" s="1">
        <v>4134.5236485799996</v>
      </c>
      <c r="U2496" s="1">
        <v>4088.8073937899999</v>
      </c>
      <c r="V2496" s="1">
        <v>3973.8401101099998</v>
      </c>
      <c r="W2496" s="1">
        <v>3808.0243557499998</v>
      </c>
      <c r="X2496" s="1">
        <v>3595.4550311799999</v>
      </c>
      <c r="Y2496" s="1">
        <v>3565.4690310999999</v>
      </c>
      <c r="Z2496" s="1">
        <v>3480.2196359200002</v>
      </c>
      <c r="AA2496" s="1">
        <v>3480.1137869099998</v>
      </c>
      <c r="AB2496" s="1">
        <v>3411.19655074</v>
      </c>
      <c r="AC2496" s="1">
        <v>3391.7875122199998</v>
      </c>
      <c r="AD2496" s="1">
        <v>3421.93073426</v>
      </c>
      <c r="AE2496" s="1">
        <v>3477.9593790399999</v>
      </c>
      <c r="AF2496" s="1">
        <v>3499.13567891</v>
      </c>
      <c r="AG2496" s="1">
        <v>12395.9876902</v>
      </c>
      <c r="AH2496" s="2">
        <v>0.485603589911557</v>
      </c>
      <c r="AI2496" s="1">
        <v>5350.1357632000036</v>
      </c>
      <c r="AJ2496" s="2">
        <v>0.20958758576197103</v>
      </c>
      <c r="AK2496" s="1">
        <v>1366.2196036999994</v>
      </c>
      <c r="AL2496" s="2">
        <v>4.4247011593321409E-2</v>
      </c>
      <c r="AM2496" s="1">
        <v>5679.6323232999966</v>
      </c>
      <c r="AN2496" s="2">
        <v>0.17614909348079297</v>
      </c>
      <c r="AO2496" s="1">
        <v>7045.8519269999961</v>
      </c>
      <c r="AP2496" s="2">
        <v>0.22819017605551206</v>
      </c>
      <c r="AQ2496" s="3">
        <v>25526.968802799998</v>
      </c>
      <c r="AR2496" s="3">
        <v>26363.754717100001</v>
      </c>
      <c r="AS2496" s="3">
        <v>26458.3596081</v>
      </c>
      <c r="AT2496" s="3">
        <v>27823.836208699999</v>
      </c>
      <c r="AU2496" s="3">
        <v>28576.484346400001</v>
      </c>
      <c r="AV2496" s="3">
        <v>29315.940008099999</v>
      </c>
      <c r="AW2496" s="3">
        <v>30877.104566000002</v>
      </c>
      <c r="AX2496" s="3">
        <v>31335.0178438</v>
      </c>
      <c r="AY2496" s="3">
        <v>31325.417651299998</v>
      </c>
      <c r="AZ2496" s="3">
        <v>32243.324169700001</v>
      </c>
      <c r="BA2496" s="3">
        <v>33237.367931100001</v>
      </c>
      <c r="BB2496" s="3">
        <v>33358.480050099999</v>
      </c>
      <c r="BC2496" s="3">
        <v>34457.5891825</v>
      </c>
      <c r="BD2496" s="3">
        <v>35387.480502899998</v>
      </c>
      <c r="BE2496" s="3">
        <v>37162.522481100001</v>
      </c>
      <c r="BF2496" s="3">
        <v>37922.956492999998</v>
      </c>
      <c r="BG2496" s="1">
        <v>-45.630243943999972</v>
      </c>
      <c r="BH2496" s="2">
        <v>-0.12139569631331339</v>
      </c>
      <c r="BI2496" s="1">
        <v>-12.880215243999999</v>
      </c>
      <c r="BJ2496" s="2">
        <v>-3.4266805589066661E-2</v>
      </c>
      <c r="BK2496" s="1">
        <v>-27.00002841099996</v>
      </c>
      <c r="BL2496" s="2">
        <v>-7.4380237675722147E-2</v>
      </c>
      <c r="BM2496" s="1">
        <v>-5.7500002890000133</v>
      </c>
      <c r="BN2496" s="2">
        <v>-1.7113096083495025E-2</v>
      </c>
      <c r="BO2496" s="1">
        <v>-32.750028699999973</v>
      </c>
      <c r="BP2496" s="2">
        <v>-9.0220457605159343E-2</v>
      </c>
      <c r="BQ2496" s="1">
        <v>375.88024394399997</v>
      </c>
      <c r="BR2496" s="1">
        <v>373.09345534800002</v>
      </c>
      <c r="BS2496" s="1">
        <v>368.00225003499997</v>
      </c>
      <c r="BT2496" s="1">
        <v>363.00002869999997</v>
      </c>
      <c r="BU2496" s="1">
        <v>349.00000042099998</v>
      </c>
      <c r="BV2496" s="1">
        <v>338.00000039700001</v>
      </c>
      <c r="BW2496" s="1">
        <v>336.00000028900001</v>
      </c>
      <c r="BX2496" s="1">
        <v>328</v>
      </c>
      <c r="BY2496" s="1">
        <v>320</v>
      </c>
      <c r="BZ2496" s="1">
        <v>324</v>
      </c>
      <c r="CA2496" s="1">
        <v>325</v>
      </c>
      <c r="CB2496" s="1">
        <v>326</v>
      </c>
      <c r="CC2496" s="1">
        <v>330.25</v>
      </c>
      <c r="CD2496" s="1">
        <v>-1092.4100000000001</v>
      </c>
      <c r="CE2496" s="27">
        <v>0</v>
      </c>
      <c r="CF2496" s="27">
        <v>452.45299999999997</v>
      </c>
      <c r="CG2496" s="27">
        <v>452</v>
      </c>
      <c r="CH2496" s="27"/>
      <c r="CI2496" s="27"/>
      <c r="CJ2496" s="27"/>
      <c r="CK2496" s="27"/>
      <c r="CL2496" s="27"/>
      <c r="CM2496" s="27"/>
      <c r="CN2496" s="27"/>
      <c r="CO2496" s="27"/>
      <c r="CP2496" s="27"/>
      <c r="CQ2496" s="27"/>
      <c r="CR2496" s="27"/>
      <c r="CS2496" s="27"/>
      <c r="CT2496" s="27"/>
      <c r="CU2496" s="27"/>
      <c r="CV2496" s="27"/>
      <c r="CW2496" s="27"/>
      <c r="CX2496" s="27"/>
      <c r="CY2496" s="28" t="s">
        <v>612</v>
      </c>
      <c r="CZ2496" s="28" t="s">
        <v>613</v>
      </c>
      <c r="DA2496" s="29" t="s">
        <v>98</v>
      </c>
      <c r="DB2496" s="30"/>
      <c r="DC2496" s="30"/>
      <c r="DD2496" s="30"/>
      <c r="DE2496" s="30"/>
      <c r="DF2496" s="30"/>
      <c r="DG2496" s="30"/>
      <c r="DH2496" s="30" t="s">
        <v>333</v>
      </c>
      <c r="DI2496" s="30"/>
      <c r="DJ2496" s="30"/>
      <c r="DK2496" s="30"/>
      <c r="DL2496" s="30">
        <v>4</v>
      </c>
      <c r="DM2496" s="30" t="s">
        <v>446</v>
      </c>
      <c r="DN2496" s="30">
        <v>6</v>
      </c>
      <c r="DO2496" s="30" t="s">
        <v>393</v>
      </c>
    </row>
    <row r="2497" spans="1:119" x14ac:dyDescent="0.2">
      <c r="A2497" s="32" t="s">
        <v>791</v>
      </c>
      <c r="B2497" s="32" t="s">
        <v>791</v>
      </c>
      <c r="C2497" s="32" t="s">
        <v>329</v>
      </c>
      <c r="D2497" s="4" t="s">
        <v>142</v>
      </c>
      <c r="E2497" s="4" t="s">
        <v>283</v>
      </c>
      <c r="F2497" s="1">
        <v>-86</v>
      </c>
      <c r="G2497" s="2">
        <v>-1.3247073321000001E-2</v>
      </c>
      <c r="H2497" s="1">
        <v>338.63087918000019</v>
      </c>
      <c r="I2497" s="2">
        <v>5.215838432312276E-2</v>
      </c>
      <c r="J2497" s="1">
        <v>-433.35978890000024</v>
      </c>
      <c r="K2497" s="2">
        <v>-6.344027584025555E-2</v>
      </c>
      <c r="L2497" s="1">
        <v>8.4495173600007547</v>
      </c>
      <c r="M2497" s="2">
        <v>1.3207264538689352E-3</v>
      </c>
      <c r="N2497" s="1">
        <v>-424.91027153999948</v>
      </c>
      <c r="O2497" s="2">
        <v>-6.2203336636929576E-2</v>
      </c>
      <c r="P2497" s="1">
        <v>6492.3575293699996</v>
      </c>
      <c r="Q2497" s="1">
        <v>6361.7302792600003</v>
      </c>
      <c r="R2497" s="1">
        <v>6442.1072053199996</v>
      </c>
      <c r="S2497" s="1">
        <v>6214.11437845</v>
      </c>
      <c r="T2497" s="1">
        <v>6414.71022662</v>
      </c>
      <c r="U2497" s="1">
        <v>6795.5061991100001</v>
      </c>
      <c r="V2497" s="1">
        <v>6830.9884085499998</v>
      </c>
      <c r="W2497" s="1">
        <v>6770.0235747899997</v>
      </c>
      <c r="X2497" s="1">
        <v>6519.8541019499999</v>
      </c>
      <c r="Y2497" s="1">
        <v>6397.6286196499996</v>
      </c>
      <c r="Z2497" s="1">
        <v>6301.3579739300003</v>
      </c>
      <c r="AA2497" s="1">
        <v>6214.9664721400004</v>
      </c>
      <c r="AB2497" s="1">
        <v>6144.8720879700004</v>
      </c>
      <c r="AC2497" s="1">
        <v>6184.0418159700002</v>
      </c>
      <c r="AD2497" s="1">
        <v>6203.6690217200003</v>
      </c>
      <c r="AE2497" s="1">
        <v>6217.2279356700001</v>
      </c>
      <c r="AF2497" s="1">
        <v>6406.0781370100003</v>
      </c>
      <c r="AG2497" s="1">
        <v>17660.271931199997</v>
      </c>
      <c r="AH2497" s="2">
        <v>0.58318915007479633</v>
      </c>
      <c r="AI2497" s="1">
        <v>9500.935462100002</v>
      </c>
      <c r="AJ2497" s="2">
        <v>0.31374615853274113</v>
      </c>
      <c r="AK2497" s="1">
        <v>3275.3057566999996</v>
      </c>
      <c r="AL2497" s="2">
        <v>8.2328923812604538E-2</v>
      </c>
      <c r="AM2497" s="1">
        <v>4884.0307123999955</v>
      </c>
      <c r="AN2497" s="2">
        <v>0.11342785298450624</v>
      </c>
      <c r="AO2497" s="1">
        <v>8159.3364690999952</v>
      </c>
      <c r="AP2497" s="2">
        <v>0.20509516986369949</v>
      </c>
      <c r="AQ2497" s="3">
        <v>30282.236781899999</v>
      </c>
      <c r="AR2497" s="3">
        <v>30964.776992800002</v>
      </c>
      <c r="AS2497" s="3">
        <v>32076.0282683</v>
      </c>
      <c r="AT2497" s="3">
        <v>32877.434360300002</v>
      </c>
      <c r="AU2497" s="3">
        <v>34222.359392899998</v>
      </c>
      <c r="AV2497" s="3">
        <v>37034.381344000001</v>
      </c>
      <c r="AW2497" s="3">
        <v>39783.172244000001</v>
      </c>
      <c r="AX2497" s="3">
        <v>41572.751242500002</v>
      </c>
      <c r="AY2497" s="3">
        <v>42166.396990200003</v>
      </c>
      <c r="AZ2497" s="3">
        <v>43058.478000700001</v>
      </c>
      <c r="BA2497" s="3">
        <v>44193.909048200003</v>
      </c>
      <c r="BB2497" s="3">
        <v>45991.615227399998</v>
      </c>
      <c r="BC2497" s="3">
        <v>45910.754569500001</v>
      </c>
      <c r="BD2497" s="3">
        <v>47048.534409100001</v>
      </c>
      <c r="BE2497" s="3">
        <v>47913.727458399997</v>
      </c>
      <c r="BF2497" s="3">
        <v>47942.508713099996</v>
      </c>
      <c r="BG2497" s="1">
        <v>45.999974225000017</v>
      </c>
      <c r="BH2497" s="2">
        <v>0.10697667783180499</v>
      </c>
      <c r="BI2497" s="1">
        <v>20.999981786000035</v>
      </c>
      <c r="BJ2497" s="2">
        <v>4.8837164016795657E-2</v>
      </c>
      <c r="BK2497" s="1">
        <v>19.000002642999959</v>
      </c>
      <c r="BL2497" s="2">
        <v>4.212860825823847E-2</v>
      </c>
      <c r="BM2497" s="1">
        <v>5.9999897960000226</v>
      </c>
      <c r="BN2497" s="2">
        <v>1.2765935459013654E-2</v>
      </c>
      <c r="BO2497" s="1">
        <v>24.999992438999982</v>
      </c>
      <c r="BP2497" s="2">
        <v>5.5432354811254872E-2</v>
      </c>
      <c r="BQ2497" s="1">
        <v>430.00002577499998</v>
      </c>
      <c r="BR2497" s="1">
        <v>443.00001268099999</v>
      </c>
      <c r="BS2497" s="1">
        <v>452.00904944600001</v>
      </c>
      <c r="BT2497" s="1">
        <v>451.00000756100002</v>
      </c>
      <c r="BU2497" s="1">
        <v>456.00000963799999</v>
      </c>
      <c r="BV2497" s="1">
        <v>457.00000521700002</v>
      </c>
      <c r="BW2497" s="1">
        <v>470.00001020399998</v>
      </c>
      <c r="BX2497" s="1">
        <v>456</v>
      </c>
      <c r="BY2497" s="1">
        <v>440</v>
      </c>
      <c r="BZ2497" s="1">
        <v>464</v>
      </c>
      <c r="CA2497" s="1">
        <v>464</v>
      </c>
      <c r="CB2497" s="1">
        <v>474</v>
      </c>
      <c r="CC2497" s="1">
        <v>476</v>
      </c>
      <c r="CD2497" s="1">
        <v>-795.97199999999998</v>
      </c>
      <c r="CE2497" s="27">
        <v>0</v>
      </c>
      <c r="CF2497" s="27">
        <v>709.69299999999998</v>
      </c>
      <c r="CG2497" s="27">
        <v>710</v>
      </c>
      <c r="CH2497" s="27"/>
      <c r="CI2497" s="27"/>
      <c r="CJ2497" s="27"/>
      <c r="CK2497" s="27"/>
      <c r="CL2497" s="27"/>
      <c r="CM2497" s="27"/>
      <c r="CN2497" s="27"/>
      <c r="CO2497" s="27"/>
      <c r="CP2497" s="27"/>
      <c r="CQ2497" s="27"/>
      <c r="CR2497" s="27"/>
      <c r="CS2497" s="27"/>
      <c r="CT2497" s="27"/>
      <c r="CU2497" s="27"/>
      <c r="CV2497" s="27"/>
      <c r="CW2497" s="27"/>
      <c r="CX2497" s="27"/>
      <c r="CY2497" s="28" t="s">
        <v>682</v>
      </c>
      <c r="CZ2497" s="28" t="s">
        <v>683</v>
      </c>
      <c r="DA2497" s="29" t="s">
        <v>142</v>
      </c>
      <c r="DB2497" s="25" t="s">
        <v>345</v>
      </c>
      <c r="DC2497" s="30"/>
      <c r="DD2497" s="30"/>
      <c r="DE2497" s="30"/>
      <c r="DF2497" s="30"/>
      <c r="DG2497" s="30"/>
      <c r="DH2497" s="30" t="s">
        <v>333</v>
      </c>
      <c r="DI2497" s="30"/>
      <c r="DJ2497" s="30"/>
      <c r="DK2497" s="30"/>
      <c r="DL2497" s="30">
        <v>4</v>
      </c>
      <c r="DM2497" s="30" t="s">
        <v>446</v>
      </c>
      <c r="DN2497" s="30">
        <v>6</v>
      </c>
      <c r="DO2497" s="30" t="s">
        <v>393</v>
      </c>
    </row>
    <row r="2498" spans="1:119" x14ac:dyDescent="0.2">
      <c r="A2498" s="32" t="s">
        <v>791</v>
      </c>
      <c r="B2498" s="32" t="s">
        <v>791</v>
      </c>
      <c r="C2498" s="32" t="s">
        <v>329</v>
      </c>
      <c r="D2498" s="4" t="s">
        <v>56</v>
      </c>
      <c r="E2498" s="4" t="s">
        <v>197</v>
      </c>
      <c r="F2498" s="1">
        <v>557</v>
      </c>
      <c r="G2498" s="2">
        <v>4.6432144048000001E-2</v>
      </c>
      <c r="H2498" s="1">
        <v>1073.2253688000001</v>
      </c>
      <c r="I2498" s="2">
        <v>8.9464932268262728E-2</v>
      </c>
      <c r="J2498" s="1">
        <v>-456.50996470000064</v>
      </c>
      <c r="K2498" s="2">
        <v>-3.4930026375600345E-2</v>
      </c>
      <c r="L2498" s="1">
        <v>-59.576269699999102</v>
      </c>
      <c r="M2498" s="2">
        <v>-4.7234916845159619E-3</v>
      </c>
      <c r="N2498" s="1">
        <v>-516.08623439999974</v>
      </c>
      <c r="O2498" s="2">
        <v>-3.9488526370991241E-2</v>
      </c>
      <c r="P2498" s="1">
        <v>11996.045172</v>
      </c>
      <c r="Q2498" s="1">
        <v>12186.376988599999</v>
      </c>
      <c r="R2498" s="1">
        <v>12330.1906934</v>
      </c>
      <c r="S2498" s="1">
        <v>12859.6850755</v>
      </c>
      <c r="T2498" s="1">
        <v>13197.6546088</v>
      </c>
      <c r="U2498" s="1">
        <v>13178.297412600001</v>
      </c>
      <c r="V2498" s="1">
        <v>13069.2705408</v>
      </c>
      <c r="W2498" s="1">
        <v>12430.1096755</v>
      </c>
      <c r="X2498" s="1">
        <v>12109.7587349</v>
      </c>
      <c r="Y2498" s="1">
        <v>12612.7605761</v>
      </c>
      <c r="Z2498" s="1">
        <v>12638.4754629</v>
      </c>
      <c r="AA2498" s="1">
        <v>12633.384143699999</v>
      </c>
      <c r="AB2498" s="1">
        <v>12058.1719937</v>
      </c>
      <c r="AC2498" s="1">
        <v>12223.187608800001</v>
      </c>
      <c r="AD2498" s="1">
        <v>12266.9759013</v>
      </c>
      <c r="AE2498" s="1">
        <v>12449.087637000001</v>
      </c>
      <c r="AF2498" s="1">
        <v>12553.1843064</v>
      </c>
      <c r="AG2498" s="1">
        <v>13559.202504600002</v>
      </c>
      <c r="AH2498" s="2">
        <v>0.54497856904110109</v>
      </c>
      <c r="AI2498" s="1">
        <v>4925.1301746000026</v>
      </c>
      <c r="AJ2498" s="2">
        <v>0.19795341163936978</v>
      </c>
      <c r="AK2498" s="1">
        <v>4046.5483623</v>
      </c>
      <c r="AL2498" s="2">
        <v>0.13576570647879366</v>
      </c>
      <c r="AM2498" s="1">
        <v>4587.523967699999</v>
      </c>
      <c r="AN2498" s="2">
        <v>0.13551736340303161</v>
      </c>
      <c r="AO2498" s="1">
        <v>8634.0723299999991</v>
      </c>
      <c r="AP2498" s="2">
        <v>0.28968168046438125</v>
      </c>
      <c r="AQ2498" s="3">
        <v>24880.249013199998</v>
      </c>
      <c r="AR2498" s="3">
        <v>25736.348635400002</v>
      </c>
      <c r="AS2498" s="3">
        <v>26822.5043286</v>
      </c>
      <c r="AT2498" s="3">
        <v>27929.4565005</v>
      </c>
      <c r="AU2498" s="3">
        <v>28612.2483207</v>
      </c>
      <c r="AV2498" s="3">
        <v>29649.034503300001</v>
      </c>
      <c r="AW2498" s="3">
        <v>29805.379187800001</v>
      </c>
      <c r="AX2498" s="3">
        <v>31965.276848199999</v>
      </c>
      <c r="AY2498" s="3">
        <v>32461.561850900001</v>
      </c>
      <c r="AZ2498" s="3">
        <v>33851.927550100001</v>
      </c>
      <c r="BA2498" s="3">
        <v>33734.427905899996</v>
      </c>
      <c r="BB2498" s="3">
        <v>34668.273694000003</v>
      </c>
      <c r="BC2498" s="3">
        <v>35879.146161199998</v>
      </c>
      <c r="BD2498" s="3">
        <v>36908.759660399999</v>
      </c>
      <c r="BE2498" s="3">
        <v>37500.454216500002</v>
      </c>
      <c r="BF2498" s="3">
        <v>38439.4515178</v>
      </c>
      <c r="BG2498" s="1">
        <v>188.99872512900004</v>
      </c>
      <c r="BH2498" s="2">
        <v>0.22526631459297769</v>
      </c>
      <c r="BI2498" s="1">
        <v>57.998729274000084</v>
      </c>
      <c r="BJ2498" s="2">
        <v>6.9128296953920171E-2</v>
      </c>
      <c r="BK2498" s="1">
        <v>83.000000248999982</v>
      </c>
      <c r="BL2498" s="2">
        <v>9.2530657598060645E-2</v>
      </c>
      <c r="BM2498" s="1">
        <v>47.99999560599997</v>
      </c>
      <c r="BN2498" s="2">
        <v>4.8979587133452719E-2</v>
      </c>
      <c r="BO2498" s="1">
        <v>130.99999585499995</v>
      </c>
      <c r="BP2498" s="2">
        <v>0.14604235813785327</v>
      </c>
      <c r="BQ2498" s="1">
        <v>839.00127487099996</v>
      </c>
      <c r="BR2498" s="1">
        <v>840.00086699300005</v>
      </c>
      <c r="BS2498" s="1">
        <v>866.00078987500001</v>
      </c>
      <c r="BT2498" s="1">
        <v>897.00000414500005</v>
      </c>
      <c r="BU2498" s="1">
        <v>896.00000338699999</v>
      </c>
      <c r="BV2498" s="1">
        <v>920.000004096</v>
      </c>
      <c r="BW2498" s="1">
        <v>980.00000439400003</v>
      </c>
      <c r="BX2498" s="1">
        <v>997</v>
      </c>
      <c r="BY2498" s="1">
        <v>1030</v>
      </c>
      <c r="BZ2498" s="1">
        <v>1045</v>
      </c>
      <c r="CA2498" s="1">
        <v>1040</v>
      </c>
      <c r="CB2498" s="1">
        <v>1045</v>
      </c>
      <c r="CC2498" s="1">
        <v>1028</v>
      </c>
      <c r="CD2498" s="1">
        <v>-754.173</v>
      </c>
      <c r="CE2498" s="27">
        <v>0</v>
      </c>
      <c r="CF2498" s="27">
        <v>1311.31</v>
      </c>
      <c r="CG2498" s="27">
        <v>1311</v>
      </c>
      <c r="CH2498" s="27"/>
      <c r="CI2498" s="27"/>
      <c r="CJ2498" s="27"/>
      <c r="CK2498" s="27"/>
      <c r="CL2498" s="27"/>
      <c r="CM2498" s="27"/>
      <c r="CN2498" s="27"/>
      <c r="CO2498" s="27"/>
      <c r="CP2498" s="27"/>
      <c r="CQ2498" s="27"/>
      <c r="CR2498" s="27"/>
      <c r="CS2498" s="27"/>
      <c r="CT2498" s="27"/>
      <c r="CU2498" s="27"/>
      <c r="CV2498" s="27"/>
      <c r="CW2498" s="27"/>
      <c r="CX2498" s="27"/>
      <c r="CY2498" s="23" t="s">
        <v>711</v>
      </c>
      <c r="CZ2498" s="23" t="s">
        <v>712</v>
      </c>
      <c r="DA2498" s="24" t="s">
        <v>56</v>
      </c>
      <c r="DB2498" s="25" t="s">
        <v>345</v>
      </c>
      <c r="DC2498" s="25"/>
      <c r="DD2498" s="25"/>
      <c r="DE2498" s="25"/>
      <c r="DF2498" s="25"/>
      <c r="DG2498" s="25"/>
      <c r="DH2498" s="25" t="s">
        <v>333</v>
      </c>
      <c r="DI2498" s="25"/>
      <c r="DJ2498" s="25"/>
      <c r="DK2498" s="25"/>
      <c r="DL2498" s="25">
        <v>6</v>
      </c>
      <c r="DM2498" s="25" t="s">
        <v>396</v>
      </c>
      <c r="DN2498" s="25">
        <v>6</v>
      </c>
      <c r="DO2498" s="25" t="s">
        <v>393</v>
      </c>
    </row>
    <row r="2499" spans="1:119" x14ac:dyDescent="0.2">
      <c r="A2499" s="32" t="s">
        <v>791</v>
      </c>
      <c r="B2499" s="32" t="s">
        <v>791</v>
      </c>
      <c r="C2499" s="32" t="s">
        <v>329</v>
      </c>
      <c r="D2499" s="4" t="s">
        <v>111</v>
      </c>
      <c r="E2499" s="4" t="s">
        <v>252</v>
      </c>
      <c r="F2499" s="1">
        <v>6123</v>
      </c>
      <c r="G2499" s="2">
        <v>0.236190402716</v>
      </c>
      <c r="H2499" s="1">
        <v>4967.643197100002</v>
      </c>
      <c r="I2499" s="2">
        <v>0.19162051228743021</v>
      </c>
      <c r="J2499" s="1">
        <v>-458.64483000000109</v>
      </c>
      <c r="K2499" s="2">
        <v>-1.4846706865679344E-2</v>
      </c>
      <c r="L2499" s="1">
        <v>1613.9234428999989</v>
      </c>
      <c r="M2499" s="2">
        <v>5.3031357949641998E-2</v>
      </c>
      <c r="N2499" s="1">
        <v>1155.2786128999978</v>
      </c>
      <c r="O2499" s="2">
        <v>3.739731005779541E-2</v>
      </c>
      <c r="P2499" s="1">
        <v>25924.381152099999</v>
      </c>
      <c r="Q2499" s="1">
        <v>26164.355229299999</v>
      </c>
      <c r="R2499" s="1">
        <v>26578.561199200001</v>
      </c>
      <c r="S2499" s="1">
        <v>26970.6863233</v>
      </c>
      <c r="T2499" s="1">
        <v>27565.481869399999</v>
      </c>
      <c r="U2499" s="1">
        <v>29381.473323400001</v>
      </c>
      <c r="V2499" s="1">
        <v>30892.024349200001</v>
      </c>
      <c r="W2499" s="1">
        <v>30775.276135399999</v>
      </c>
      <c r="X2499" s="1">
        <v>28754.227163</v>
      </c>
      <c r="Y2499" s="1">
        <v>30433.3795192</v>
      </c>
      <c r="Z2499" s="1">
        <v>30442.0697941</v>
      </c>
      <c r="AA2499" s="1">
        <v>30063.554782200001</v>
      </c>
      <c r="AB2499" s="1">
        <v>30671.133967900001</v>
      </c>
      <c r="AC2499" s="1">
        <v>30562.488635199999</v>
      </c>
      <c r="AD2499" s="1">
        <v>31059.089988899999</v>
      </c>
      <c r="AE2499" s="1">
        <v>31517.1979364</v>
      </c>
      <c r="AF2499" s="1">
        <v>32047.302962099999</v>
      </c>
      <c r="AG2499" s="1">
        <v>9776.1801728999999</v>
      </c>
      <c r="AH2499" s="2">
        <v>0.38565085115240078</v>
      </c>
      <c r="AI2499" s="1">
        <v>4861.4471704999996</v>
      </c>
      <c r="AJ2499" s="2">
        <v>0.19177441556701685</v>
      </c>
      <c r="AK2499" s="1">
        <v>1047.3678357999997</v>
      </c>
      <c r="AL2499" s="2">
        <v>3.4668118478525016E-2</v>
      </c>
      <c r="AM2499" s="1">
        <v>3867.3651666000005</v>
      </c>
      <c r="AN2499" s="2">
        <v>0.12372149331328369</v>
      </c>
      <c r="AO2499" s="1">
        <v>4914.7330024000003</v>
      </c>
      <c r="AP2499" s="2">
        <v>0.16267880318033368</v>
      </c>
      <c r="AQ2499" s="3">
        <v>25349.8213311</v>
      </c>
      <c r="AR2499" s="3">
        <v>25881.180268</v>
      </c>
      <c r="AS2499" s="3">
        <v>26599.144114999999</v>
      </c>
      <c r="AT2499" s="3">
        <v>27819.3691249</v>
      </c>
      <c r="AU2499" s="3">
        <v>28378.1427267</v>
      </c>
      <c r="AV2499" s="3">
        <v>28823.601242000001</v>
      </c>
      <c r="AW2499" s="3">
        <v>30211.2685016</v>
      </c>
      <c r="AX2499" s="3">
        <v>30389.627824700001</v>
      </c>
      <c r="AY2499" s="3">
        <v>30759.896501200001</v>
      </c>
      <c r="AZ2499" s="3">
        <v>31258.636337399999</v>
      </c>
      <c r="BA2499" s="3">
        <v>31341.375842400001</v>
      </c>
      <c r="BB2499" s="3">
        <v>31977.869727699999</v>
      </c>
      <c r="BC2499" s="3">
        <v>32700.607240599998</v>
      </c>
      <c r="BD2499" s="3">
        <v>33204.763812600002</v>
      </c>
      <c r="BE2499" s="3">
        <v>34790.7352397</v>
      </c>
      <c r="BF2499" s="3">
        <v>35126.001504</v>
      </c>
      <c r="BG2499" s="1">
        <v>117.23546974999999</v>
      </c>
      <c r="BH2499" s="2">
        <v>6.5112204195165224E-2</v>
      </c>
      <c r="BI2499" s="1">
        <v>174.72880927999995</v>
      </c>
      <c r="BJ2499" s="2">
        <v>9.7043820721479546E-2</v>
      </c>
      <c r="BK2499" s="1">
        <v>-18.242542199999889</v>
      </c>
      <c r="BL2499" s="2">
        <v>-9.2355923115481145E-3</v>
      </c>
      <c r="BM2499" s="1">
        <v>-39.250797330000069</v>
      </c>
      <c r="BN2499" s="2">
        <v>-2.005660773544457E-2</v>
      </c>
      <c r="BO2499" s="1">
        <v>-57.493339529999957</v>
      </c>
      <c r="BP2499" s="2">
        <v>-2.9106965394795476E-2</v>
      </c>
      <c r="BQ2499" s="1">
        <v>1800.51453025</v>
      </c>
      <c r="BR2499" s="1">
        <v>1812.2143469</v>
      </c>
      <c r="BS2499" s="1">
        <v>1893.52379662</v>
      </c>
      <c r="BT2499" s="1">
        <v>1975.24333953</v>
      </c>
      <c r="BU2499" s="1">
        <v>1968.93830684</v>
      </c>
      <c r="BV2499" s="1">
        <v>1936.3162402</v>
      </c>
      <c r="BW2499" s="1">
        <v>1957.0007973300001</v>
      </c>
      <c r="BX2499" s="1">
        <v>1895</v>
      </c>
      <c r="BY2499" s="1">
        <v>1871</v>
      </c>
      <c r="BZ2499" s="1">
        <v>1898</v>
      </c>
      <c r="CA2499" s="1">
        <v>1914</v>
      </c>
      <c r="CB2499" s="1">
        <v>1946</v>
      </c>
      <c r="CC2499" s="1">
        <v>1917.75</v>
      </c>
      <c r="CD2499" s="1">
        <v>3289.07</v>
      </c>
      <c r="CE2499" s="27">
        <v>0</v>
      </c>
      <c r="CF2499" s="27">
        <v>2833.85</v>
      </c>
      <c r="CG2499" s="27">
        <v>2834</v>
      </c>
      <c r="CH2499" s="27"/>
      <c r="CI2499" s="27"/>
      <c r="CJ2499" s="27"/>
      <c r="CK2499" s="27"/>
      <c r="CL2499" s="27"/>
      <c r="CM2499" s="27"/>
      <c r="CN2499" s="27"/>
      <c r="CO2499" s="27"/>
      <c r="CP2499" s="27"/>
      <c r="CQ2499" s="27"/>
      <c r="CR2499" s="27"/>
      <c r="CS2499" s="27"/>
      <c r="CT2499" s="27"/>
      <c r="CU2499" s="27"/>
      <c r="CV2499" s="27"/>
      <c r="CW2499" s="27"/>
      <c r="CX2499" s="27"/>
      <c r="CY2499" s="28" t="s">
        <v>720</v>
      </c>
      <c r="CZ2499" s="28" t="s">
        <v>721</v>
      </c>
      <c r="DA2499" s="29" t="s">
        <v>111</v>
      </c>
      <c r="DB2499" s="30"/>
      <c r="DC2499" s="30" t="s">
        <v>715</v>
      </c>
      <c r="DD2499" s="30" t="s">
        <v>459</v>
      </c>
      <c r="DE2499" s="30" t="s">
        <v>716</v>
      </c>
      <c r="DF2499" s="30" t="s">
        <v>363</v>
      </c>
      <c r="DG2499" s="30" t="s">
        <v>364</v>
      </c>
      <c r="DH2499" s="30" t="s">
        <v>365</v>
      </c>
      <c r="DI2499" s="30" t="s">
        <v>461</v>
      </c>
      <c r="DJ2499" s="30" t="s">
        <v>366</v>
      </c>
      <c r="DK2499" s="30" t="s">
        <v>722</v>
      </c>
      <c r="DL2499" s="30">
        <v>5</v>
      </c>
      <c r="DM2499" s="30" t="s">
        <v>392</v>
      </c>
      <c r="DN2499" s="30">
        <v>4</v>
      </c>
      <c r="DO2499" s="30" t="s">
        <v>557</v>
      </c>
    </row>
    <row r="2500" spans="1:119" x14ac:dyDescent="0.2">
      <c r="A2500" s="32" t="s">
        <v>791</v>
      </c>
      <c r="B2500" s="32" t="s">
        <v>791</v>
      </c>
      <c r="C2500" s="32" t="s">
        <v>329</v>
      </c>
      <c r="D2500" s="4" t="s">
        <v>77</v>
      </c>
      <c r="E2500" s="4" t="s">
        <v>218</v>
      </c>
      <c r="F2500" s="1">
        <v>860</v>
      </c>
      <c r="G2500" s="2">
        <v>5.4644808743199998E-2</v>
      </c>
      <c r="H2500" s="1">
        <v>1178.9260814000008</v>
      </c>
      <c r="I2500" s="2">
        <v>7.4909733479225582E-2</v>
      </c>
      <c r="J2500" s="1">
        <v>-460.74883490000138</v>
      </c>
      <c r="K2500" s="2">
        <v>-2.7236037682139603E-2</v>
      </c>
      <c r="L2500" s="1">
        <v>142.34943570000178</v>
      </c>
      <c r="M2500" s="2">
        <v>8.6502360244262132E-3</v>
      </c>
      <c r="N2500" s="1">
        <v>-318.39939919999961</v>
      </c>
      <c r="O2500" s="2">
        <v>-1.8821399812034061E-2</v>
      </c>
      <c r="P2500" s="1">
        <v>15737.9558923</v>
      </c>
      <c r="Q2500" s="1">
        <v>15881.4103461</v>
      </c>
      <c r="R2500" s="1">
        <v>15995.406488000001</v>
      </c>
      <c r="S2500" s="1">
        <v>16271.864484399999</v>
      </c>
      <c r="T2500" s="1">
        <v>16486.165328200001</v>
      </c>
      <c r="U2500" s="1">
        <v>16748.597189100001</v>
      </c>
      <c r="V2500" s="1">
        <v>16916.881973700001</v>
      </c>
      <c r="W2500" s="1">
        <v>17113.6682607</v>
      </c>
      <c r="X2500" s="1">
        <v>16705.783759800001</v>
      </c>
      <c r="Y2500" s="1">
        <v>16456.1331388</v>
      </c>
      <c r="Z2500" s="1">
        <v>15801.2331388</v>
      </c>
      <c r="AA2500" s="1">
        <v>15704.8805708</v>
      </c>
      <c r="AB2500" s="1">
        <v>16413.268647199999</v>
      </c>
      <c r="AC2500" s="1">
        <v>16252.924205900001</v>
      </c>
      <c r="AD2500" s="1">
        <v>16375.3224551</v>
      </c>
      <c r="AE2500" s="1">
        <v>16484.071247100001</v>
      </c>
      <c r="AF2500" s="1">
        <v>16598.482574500002</v>
      </c>
      <c r="AG2500" s="1">
        <v>16362.306075</v>
      </c>
      <c r="AH2500" s="2">
        <v>0.49684290818413568</v>
      </c>
      <c r="AI2500" s="1">
        <v>6099.6660513999959</v>
      </c>
      <c r="AJ2500" s="2">
        <v>0.18521691294847739</v>
      </c>
      <c r="AK2500" s="1">
        <v>5449.4609003000005</v>
      </c>
      <c r="AL2500" s="2">
        <v>0.13961442226122611</v>
      </c>
      <c r="AM2500" s="1">
        <v>4813.179123300004</v>
      </c>
      <c r="AN2500" s="2">
        <v>0.10820587223604249</v>
      </c>
      <c r="AO2500" s="1">
        <v>10262.640023600004</v>
      </c>
      <c r="AP2500" s="2">
        <v>0.26292739483477573</v>
      </c>
      <c r="AQ2500" s="3">
        <v>32932.554345600001</v>
      </c>
      <c r="AR2500" s="3">
        <v>33155.848884899999</v>
      </c>
      <c r="AS2500" s="3">
        <v>34679.931065999997</v>
      </c>
      <c r="AT2500" s="3">
        <v>36788.232852300003</v>
      </c>
      <c r="AU2500" s="3">
        <v>38265.293055100003</v>
      </c>
      <c r="AV2500" s="3">
        <v>38042.695586200003</v>
      </c>
      <c r="AW2500" s="3">
        <v>39032.220396999997</v>
      </c>
      <c r="AX2500" s="3">
        <v>40575.593759099997</v>
      </c>
      <c r="AY2500" s="3">
        <v>42338.006269600002</v>
      </c>
      <c r="AZ2500" s="3">
        <v>44481.681297299998</v>
      </c>
      <c r="BA2500" s="3">
        <v>45744.2100403</v>
      </c>
      <c r="BB2500" s="3">
        <v>43495.615168299999</v>
      </c>
      <c r="BC2500" s="3">
        <v>46538.115102000003</v>
      </c>
      <c r="BD2500" s="3">
        <v>46610.186350099997</v>
      </c>
      <c r="BE2500" s="3">
        <v>47827.039612599998</v>
      </c>
      <c r="BF2500" s="3">
        <v>49294.860420600002</v>
      </c>
      <c r="BG2500" s="1">
        <v>24.999838726999997</v>
      </c>
      <c r="BH2500" s="2">
        <v>3.0637051208420144E-2</v>
      </c>
      <c r="BI2500" s="1">
        <v>62.223766532000013</v>
      </c>
      <c r="BJ2500" s="2">
        <v>7.6254600777195813E-2</v>
      </c>
      <c r="BK2500" s="1">
        <v>18.986439249</v>
      </c>
      <c r="BL2500" s="2">
        <v>2.1619132259871346E-2</v>
      </c>
      <c r="BM2500" s="1">
        <v>-56.210367054000017</v>
      </c>
      <c r="BN2500" s="2">
        <v>-6.2650153317518345E-2</v>
      </c>
      <c r="BO2500" s="1">
        <v>-37.223927805000017</v>
      </c>
      <c r="BP2500" s="2">
        <v>-4.2385463008319649E-2</v>
      </c>
      <c r="BQ2500" s="1">
        <v>816.000161273</v>
      </c>
      <c r="BR2500" s="1">
        <v>831.00031798500004</v>
      </c>
      <c r="BS2500" s="1">
        <v>847.00030825299996</v>
      </c>
      <c r="BT2500" s="1">
        <v>878.22392780500002</v>
      </c>
      <c r="BU2500" s="1">
        <v>893.00724736500001</v>
      </c>
      <c r="BV2500" s="1">
        <v>890.00049654099996</v>
      </c>
      <c r="BW2500" s="1">
        <v>897.21036705400002</v>
      </c>
      <c r="BX2500" s="1">
        <v>878</v>
      </c>
      <c r="BY2500" s="1">
        <v>854</v>
      </c>
      <c r="BZ2500" s="1">
        <v>863</v>
      </c>
      <c r="CA2500" s="1">
        <v>848</v>
      </c>
      <c r="CB2500" s="1">
        <v>856</v>
      </c>
      <c r="CC2500" s="1">
        <v>841</v>
      </c>
      <c r="CD2500" s="1">
        <v>-859.82100000000003</v>
      </c>
      <c r="CE2500" s="27">
        <v>0</v>
      </c>
      <c r="CF2500" s="27">
        <v>1720.35</v>
      </c>
      <c r="CG2500" s="27">
        <v>1720</v>
      </c>
      <c r="CH2500" s="27"/>
      <c r="CI2500" s="27"/>
      <c r="CJ2500" s="27"/>
      <c r="CK2500" s="27"/>
      <c r="CL2500" s="27"/>
      <c r="CM2500" s="27"/>
      <c r="CN2500" s="27"/>
      <c r="CO2500" s="27"/>
      <c r="CP2500" s="27"/>
      <c r="CQ2500" s="27"/>
      <c r="CR2500" s="27"/>
      <c r="CS2500" s="27"/>
      <c r="CT2500" s="27"/>
      <c r="CU2500" s="27"/>
      <c r="CV2500" s="27"/>
      <c r="CW2500" s="27"/>
      <c r="CX2500" s="27"/>
      <c r="CY2500" s="23" t="s">
        <v>433</v>
      </c>
      <c r="CZ2500" s="23" t="s">
        <v>434</v>
      </c>
      <c r="DA2500" s="24" t="s">
        <v>77</v>
      </c>
      <c r="DB2500" s="25"/>
      <c r="DC2500" s="25" t="s">
        <v>435</v>
      </c>
      <c r="DD2500" s="25"/>
      <c r="DE2500" s="25" t="s">
        <v>436</v>
      </c>
      <c r="DF2500" s="25" t="s">
        <v>375</v>
      </c>
      <c r="DG2500" s="25" t="s">
        <v>376</v>
      </c>
      <c r="DH2500" s="25" t="s">
        <v>328</v>
      </c>
      <c r="DI2500" s="25"/>
      <c r="DJ2500" s="25" t="s">
        <v>366</v>
      </c>
      <c r="DK2500" s="25" t="s">
        <v>437</v>
      </c>
      <c r="DL2500" s="25">
        <v>2</v>
      </c>
      <c r="DM2500" s="25" t="s">
        <v>379</v>
      </c>
      <c r="DN2500" s="25">
        <v>3</v>
      </c>
      <c r="DO2500" s="25" t="s">
        <v>380</v>
      </c>
    </row>
    <row r="2501" spans="1:119" x14ac:dyDescent="0.2">
      <c r="A2501" s="32" t="s">
        <v>791</v>
      </c>
      <c r="B2501" s="32" t="s">
        <v>791</v>
      </c>
      <c r="C2501" s="32" t="s">
        <v>329</v>
      </c>
      <c r="D2501" s="4" t="s">
        <v>61</v>
      </c>
      <c r="E2501" s="4" t="s">
        <v>202</v>
      </c>
      <c r="F2501" s="1">
        <v>-950</v>
      </c>
      <c r="G2501" s="2">
        <v>-0.103995621237</v>
      </c>
      <c r="H2501" s="1">
        <v>-82.665204680000897</v>
      </c>
      <c r="I2501" s="2">
        <v>-9.0493150202831645E-3</v>
      </c>
      <c r="J2501" s="1">
        <v>-463.82516871999906</v>
      </c>
      <c r="K2501" s="2">
        <v>-5.1238361159989629E-2</v>
      </c>
      <c r="L2501" s="1">
        <v>-403.69053076</v>
      </c>
      <c r="M2501" s="2">
        <v>-4.7003734569929123E-2</v>
      </c>
      <c r="N2501" s="1">
        <v>-867.51569947999906</v>
      </c>
      <c r="O2501" s="2">
        <v>-9.5833701402156427E-2</v>
      </c>
      <c r="P2501" s="1">
        <v>9134.96817104</v>
      </c>
      <c r="Q2501" s="1">
        <v>8510.8912983800001</v>
      </c>
      <c r="R2501" s="1">
        <v>8223.9857863199995</v>
      </c>
      <c r="S2501" s="1">
        <v>8280.7268603600005</v>
      </c>
      <c r="T2501" s="1">
        <v>8507.1009157699991</v>
      </c>
      <c r="U2501" s="1">
        <v>8719.8194348100005</v>
      </c>
      <c r="V2501" s="1">
        <v>9052.3029663599991</v>
      </c>
      <c r="W2501" s="1">
        <v>8786.1623272699999</v>
      </c>
      <c r="X2501" s="1">
        <v>7989.13954354</v>
      </c>
      <c r="Y2501" s="1">
        <v>8588.4777976400001</v>
      </c>
      <c r="Z2501" s="1">
        <v>8412.3648629899999</v>
      </c>
      <c r="AA2501" s="1">
        <v>8457.5024325199993</v>
      </c>
      <c r="AB2501" s="1">
        <v>8311.6374819499997</v>
      </c>
      <c r="AC2501" s="1">
        <v>8447.0356535400006</v>
      </c>
      <c r="AD2501" s="1">
        <v>8621.0529233100006</v>
      </c>
      <c r="AE2501" s="1">
        <v>8074.9827261399996</v>
      </c>
      <c r="AF2501" s="1">
        <v>8184.7872668800001</v>
      </c>
      <c r="AG2501" s="1">
        <v>10050.827579600002</v>
      </c>
      <c r="AH2501" s="2">
        <v>0.31230434378869987</v>
      </c>
      <c r="AI2501" s="1">
        <v>6689.4250390000016</v>
      </c>
      <c r="AJ2501" s="2">
        <v>0.20785716206781613</v>
      </c>
      <c r="AK2501" s="1">
        <v>2046.1915713999988</v>
      </c>
      <c r="AL2501" s="2">
        <v>5.2638913256508456E-2</v>
      </c>
      <c r="AM2501" s="1">
        <v>1315.2109692000013</v>
      </c>
      <c r="AN2501" s="2">
        <v>3.2142275914665522E-2</v>
      </c>
      <c r="AO2501" s="1">
        <v>3361.4025406000001</v>
      </c>
      <c r="AP2501" s="2">
        <v>8.6473123644912817E-2</v>
      </c>
      <c r="AQ2501" s="3">
        <v>32182.797900500002</v>
      </c>
      <c r="AR2501" s="3">
        <v>33275.694415400001</v>
      </c>
      <c r="AS2501" s="3">
        <v>33551.8219914</v>
      </c>
      <c r="AT2501" s="3">
        <v>35047.669158899997</v>
      </c>
      <c r="AU2501" s="3">
        <v>36602.304111099998</v>
      </c>
      <c r="AV2501" s="3">
        <v>38448.133208599997</v>
      </c>
      <c r="AW2501" s="3">
        <v>38872.222939500003</v>
      </c>
      <c r="AX2501" s="3">
        <v>40469.879454100002</v>
      </c>
      <c r="AY2501" s="3">
        <v>39920.374206300003</v>
      </c>
      <c r="AZ2501" s="3">
        <v>40918.414510900002</v>
      </c>
      <c r="BA2501" s="3">
        <v>40779.898704899999</v>
      </c>
      <c r="BB2501" s="3">
        <v>42169.216399899997</v>
      </c>
      <c r="BC2501" s="3">
        <v>42875.705174800001</v>
      </c>
      <c r="BD2501" s="3">
        <v>44314.192722799999</v>
      </c>
      <c r="BE2501" s="3">
        <v>44845.910477500001</v>
      </c>
      <c r="BF2501" s="3">
        <v>42233.625480100003</v>
      </c>
      <c r="BG2501" s="1">
        <v>174.24998534899999</v>
      </c>
      <c r="BH2501" s="2">
        <v>0.34919835718015002</v>
      </c>
      <c r="BI2501" s="1">
        <v>17.999985348999985</v>
      </c>
      <c r="BJ2501" s="2">
        <v>3.6072113868752392E-2</v>
      </c>
      <c r="BK2501" s="1">
        <v>132</v>
      </c>
      <c r="BL2501" s="2">
        <v>0.25531914893617019</v>
      </c>
      <c r="BM2501" s="1">
        <v>24.25</v>
      </c>
      <c r="BN2501" s="2">
        <v>3.7365177195685668E-2</v>
      </c>
      <c r="BO2501" s="1">
        <v>156.25</v>
      </c>
      <c r="BP2501" s="2">
        <v>0.30222437137330754</v>
      </c>
      <c r="BQ2501" s="1">
        <v>499.00001465100001</v>
      </c>
      <c r="BR2501" s="1">
        <v>493.00000901300001</v>
      </c>
      <c r="BS2501" s="1">
        <v>492.000005929</v>
      </c>
      <c r="BT2501" s="1">
        <v>517</v>
      </c>
      <c r="BU2501" s="1">
        <v>532</v>
      </c>
      <c r="BV2501" s="1">
        <v>568</v>
      </c>
      <c r="BW2501" s="1">
        <v>649</v>
      </c>
      <c r="BX2501" s="1">
        <v>668</v>
      </c>
      <c r="BY2501" s="1">
        <v>684</v>
      </c>
      <c r="BZ2501" s="1">
        <v>699</v>
      </c>
      <c r="CA2501" s="1">
        <v>698</v>
      </c>
      <c r="CB2501" s="1">
        <v>688</v>
      </c>
      <c r="CC2501" s="1">
        <v>673.25</v>
      </c>
      <c r="CD2501" s="1">
        <v>-1948.74</v>
      </c>
      <c r="CE2501" s="27">
        <v>0</v>
      </c>
      <c r="CF2501" s="27">
        <v>998.56200000000001</v>
      </c>
      <c r="CG2501" s="27">
        <v>999</v>
      </c>
      <c r="CH2501" s="27"/>
      <c r="CI2501" s="27"/>
      <c r="CJ2501" s="27"/>
      <c r="CK2501" s="27"/>
      <c r="CL2501" s="27"/>
      <c r="CM2501" s="27"/>
      <c r="CN2501" s="27"/>
      <c r="CO2501" s="27"/>
      <c r="CP2501" s="27"/>
      <c r="CQ2501" s="27"/>
      <c r="CR2501" s="27"/>
      <c r="CS2501" s="27"/>
      <c r="CT2501" s="27"/>
      <c r="CU2501" s="27"/>
      <c r="CV2501" s="27"/>
      <c r="CW2501" s="27"/>
      <c r="CX2501" s="27"/>
      <c r="CY2501" s="23" t="s">
        <v>616</v>
      </c>
      <c r="CZ2501" s="23" t="s">
        <v>617</v>
      </c>
      <c r="DA2501" s="24" t="s">
        <v>61</v>
      </c>
      <c r="DB2501" s="25" t="s">
        <v>345</v>
      </c>
      <c r="DC2501" s="25"/>
      <c r="DD2501" s="25"/>
      <c r="DE2501" s="25"/>
      <c r="DF2501" s="25"/>
      <c r="DG2501" s="25"/>
      <c r="DH2501" s="25" t="s">
        <v>333</v>
      </c>
      <c r="DI2501" s="25"/>
      <c r="DJ2501" s="25"/>
      <c r="DK2501" s="25"/>
      <c r="DL2501" s="25">
        <v>9</v>
      </c>
      <c r="DM2501" s="25" t="s">
        <v>440</v>
      </c>
      <c r="DN2501" s="25">
        <v>7</v>
      </c>
      <c r="DO2501" s="25" t="s">
        <v>369</v>
      </c>
    </row>
    <row r="2502" spans="1:119" x14ac:dyDescent="0.2">
      <c r="A2502" s="32" t="s">
        <v>791</v>
      </c>
      <c r="B2502" s="32" t="s">
        <v>791</v>
      </c>
      <c r="C2502" s="32" t="s">
        <v>329</v>
      </c>
      <c r="D2502" s="4" t="s">
        <v>150</v>
      </c>
      <c r="E2502" s="4" t="s">
        <v>291</v>
      </c>
      <c r="F2502" s="1">
        <v>-905</v>
      </c>
      <c r="G2502" s="2">
        <v>-8.1989490849800006E-2</v>
      </c>
      <c r="H2502" s="1">
        <v>-505.07586860000083</v>
      </c>
      <c r="I2502" s="2">
        <v>-4.5757106784936601E-2</v>
      </c>
      <c r="J2502" s="1">
        <v>-468.61590939999951</v>
      </c>
      <c r="K2502" s="2">
        <v>-4.4489756767889001E-2</v>
      </c>
      <c r="L2502" s="1">
        <v>68.208783300000505</v>
      </c>
      <c r="M2502" s="2">
        <v>6.7771634234760608E-3</v>
      </c>
      <c r="N2502" s="1">
        <v>-400.407126099999</v>
      </c>
      <c r="O2502" s="2">
        <v>-3.8014107696699627E-2</v>
      </c>
      <c r="P2502" s="1">
        <v>11038.1950278</v>
      </c>
      <c r="Q2502" s="1">
        <v>10479.623893399999</v>
      </c>
      <c r="R2502" s="1">
        <v>10644.8834037</v>
      </c>
      <c r="S2502" s="1">
        <v>10620.737206199999</v>
      </c>
      <c r="T2502" s="1">
        <v>10837.5563666</v>
      </c>
      <c r="U2502" s="1">
        <v>10790.1617565</v>
      </c>
      <c r="V2502" s="1">
        <v>10533.1191592</v>
      </c>
      <c r="W2502" s="1">
        <v>10214.490292500001</v>
      </c>
      <c r="X2502" s="1">
        <v>10303.965753099999</v>
      </c>
      <c r="Y2502" s="1">
        <v>10064.5032498</v>
      </c>
      <c r="Z2502" s="1">
        <v>10080.401220100001</v>
      </c>
      <c r="AA2502" s="1">
        <v>10255.585352800001</v>
      </c>
      <c r="AB2502" s="1">
        <v>10439.208091300001</v>
      </c>
      <c r="AC2502" s="1">
        <v>10370.115525499999</v>
      </c>
      <c r="AD2502" s="1">
        <v>10104.3683062</v>
      </c>
      <c r="AE2502" s="1">
        <v>9952.6885062000001</v>
      </c>
      <c r="AF2502" s="1">
        <v>10132.712033100001</v>
      </c>
      <c r="AG2502" s="1">
        <v>11741.865578099998</v>
      </c>
      <c r="AH2502" s="2">
        <v>0.43507939661650502</v>
      </c>
      <c r="AI2502" s="1">
        <v>6258.6813637000014</v>
      </c>
      <c r="AJ2502" s="2">
        <v>0.23190721212243562</v>
      </c>
      <c r="AK2502" s="1">
        <v>2883.9018454999969</v>
      </c>
      <c r="AL2502" s="2">
        <v>8.6742890625169447E-2</v>
      </c>
      <c r="AM2502" s="1">
        <v>2599.2823688999997</v>
      </c>
      <c r="AN2502" s="2">
        <v>7.1941596080993805E-2</v>
      </c>
      <c r="AO2502" s="1">
        <v>5483.1842143999966</v>
      </c>
      <c r="AP2502" s="2">
        <v>0.16492490870641702</v>
      </c>
      <c r="AQ2502" s="3">
        <v>26987.868580800001</v>
      </c>
      <c r="AR2502" s="3">
        <v>27648.953904999998</v>
      </c>
      <c r="AS2502" s="3">
        <v>28397.113447</v>
      </c>
      <c r="AT2502" s="3">
        <v>30129.9401268</v>
      </c>
      <c r="AU2502" s="3">
        <v>30153.479359000001</v>
      </c>
      <c r="AV2502" s="3">
        <v>31879.365221</v>
      </c>
      <c r="AW2502" s="3">
        <v>33246.549944500002</v>
      </c>
      <c r="AX2502" s="3">
        <v>33160.605205699998</v>
      </c>
      <c r="AY2502" s="3">
        <v>34869.944816099996</v>
      </c>
      <c r="AZ2502" s="3">
        <v>36130.451789999999</v>
      </c>
      <c r="BA2502" s="3">
        <v>36664.0151711</v>
      </c>
      <c r="BB2502" s="3">
        <v>35644.342260600002</v>
      </c>
      <c r="BC2502" s="3">
        <v>36617.599224700003</v>
      </c>
      <c r="BD2502" s="3">
        <v>37195.774375200002</v>
      </c>
      <c r="BE2502" s="3">
        <v>38540.632654499997</v>
      </c>
      <c r="BF2502" s="3">
        <v>38729.734158899999</v>
      </c>
      <c r="BG2502" s="1">
        <v>-5.5000080270000353</v>
      </c>
      <c r="BH2502" s="2">
        <v>-8.7301713601951585E-3</v>
      </c>
      <c r="BI2502" s="1">
        <v>-0.99952558000006775</v>
      </c>
      <c r="BJ2502" s="2">
        <v>-1.5865485194680043E-3</v>
      </c>
      <c r="BK2502" s="1">
        <v>-24.000473858999953</v>
      </c>
      <c r="BL2502" s="2">
        <v>-3.8156526948327503E-2</v>
      </c>
      <c r="BM2502" s="1">
        <v>19.499991411999986</v>
      </c>
      <c r="BN2502" s="2">
        <v>3.223139030611042E-2</v>
      </c>
      <c r="BO2502" s="1">
        <v>-4.5004824469999676</v>
      </c>
      <c r="BP2502" s="2">
        <v>-7.1549745550142426E-3</v>
      </c>
      <c r="BQ2502" s="1">
        <v>630.00000802700004</v>
      </c>
      <c r="BR2502" s="1">
        <v>640.00041699300004</v>
      </c>
      <c r="BS2502" s="1">
        <v>618.00100768899995</v>
      </c>
      <c r="BT2502" s="1">
        <v>629.00048244699997</v>
      </c>
      <c r="BU2502" s="1">
        <v>627.00026237700001</v>
      </c>
      <c r="BV2502" s="1">
        <v>616.00018385400006</v>
      </c>
      <c r="BW2502" s="1">
        <v>605.00000858800001</v>
      </c>
      <c r="BX2502" s="1">
        <v>610</v>
      </c>
      <c r="BY2502" s="1">
        <v>614</v>
      </c>
      <c r="BZ2502" s="1">
        <v>621</v>
      </c>
      <c r="CA2502" s="1">
        <v>625</v>
      </c>
      <c r="CB2502" s="1">
        <v>626</v>
      </c>
      <c r="CC2502" s="1">
        <v>624.5</v>
      </c>
      <c r="CD2502" s="1">
        <v>-2112.09</v>
      </c>
      <c r="CE2502" s="27">
        <v>0</v>
      </c>
      <c r="CF2502" s="27">
        <v>1206.6099999999999</v>
      </c>
      <c r="CG2502" s="27">
        <v>1207</v>
      </c>
      <c r="CH2502" s="27"/>
      <c r="CI2502" s="27"/>
      <c r="CJ2502" s="27"/>
      <c r="CK2502" s="27"/>
      <c r="CL2502" s="27"/>
      <c r="CM2502" s="27"/>
      <c r="CN2502" s="27"/>
      <c r="CO2502" s="27"/>
      <c r="CP2502" s="27"/>
      <c r="CQ2502" s="27"/>
      <c r="CR2502" s="27"/>
      <c r="CS2502" s="27"/>
      <c r="CT2502" s="27"/>
      <c r="CU2502" s="27"/>
      <c r="CV2502" s="27"/>
      <c r="CW2502" s="27"/>
      <c r="CX2502" s="27"/>
      <c r="CY2502" s="23" t="s">
        <v>692</v>
      </c>
      <c r="CZ2502" s="23" t="s">
        <v>693</v>
      </c>
      <c r="DA2502" s="24" t="s">
        <v>150</v>
      </c>
      <c r="DB2502" s="25"/>
      <c r="DC2502" s="25" t="s">
        <v>694</v>
      </c>
      <c r="DD2502" s="25"/>
      <c r="DE2502" s="25" t="s">
        <v>695</v>
      </c>
      <c r="DF2502" s="25" t="s">
        <v>363</v>
      </c>
      <c r="DG2502" s="25" t="s">
        <v>364</v>
      </c>
      <c r="DH2502" s="25" t="s">
        <v>365</v>
      </c>
      <c r="DI2502" s="25"/>
      <c r="DJ2502" s="25" t="s">
        <v>366</v>
      </c>
      <c r="DK2502" s="25" t="s">
        <v>696</v>
      </c>
      <c r="DL2502" s="25">
        <v>3</v>
      </c>
      <c r="DM2502" s="25" t="s">
        <v>556</v>
      </c>
      <c r="DN2502" s="25">
        <v>6</v>
      </c>
      <c r="DO2502" s="25" t="s">
        <v>393</v>
      </c>
    </row>
    <row r="2503" spans="1:119" x14ac:dyDescent="0.2">
      <c r="A2503" s="32" t="s">
        <v>791</v>
      </c>
      <c r="B2503" s="32" t="s">
        <v>791</v>
      </c>
      <c r="C2503" s="32" t="s">
        <v>329</v>
      </c>
      <c r="D2503" s="4" t="s">
        <v>93</v>
      </c>
      <c r="E2503" s="4" t="s">
        <v>234</v>
      </c>
      <c r="F2503" s="1">
        <v>712</v>
      </c>
      <c r="G2503" s="2">
        <v>0.101265822785</v>
      </c>
      <c r="H2503" s="1">
        <v>674.46310766999977</v>
      </c>
      <c r="I2503" s="2">
        <v>9.5929574349199617E-2</v>
      </c>
      <c r="J2503" s="1">
        <v>-490.84539588000007</v>
      </c>
      <c r="K2503" s="2">
        <v>-6.3702487758636628E-2</v>
      </c>
      <c r="L2503" s="1">
        <v>528.7741856599996</v>
      </c>
      <c r="M2503" s="2">
        <v>7.3293936404406873E-2</v>
      </c>
      <c r="N2503" s="1">
        <v>37.928789779999533</v>
      </c>
      <c r="O2503" s="2">
        <v>4.9224425591862233E-3</v>
      </c>
      <c r="P2503" s="1">
        <v>7030.8151813000004</v>
      </c>
      <c r="Q2503" s="1">
        <v>7223.0666087600002</v>
      </c>
      <c r="R2503" s="1">
        <v>7222.2632338100002</v>
      </c>
      <c r="S2503" s="1">
        <v>7233.4503016400004</v>
      </c>
      <c r="T2503" s="1">
        <v>7423.5161273000003</v>
      </c>
      <c r="U2503" s="1">
        <v>7667.1646053699997</v>
      </c>
      <c r="V2503" s="1">
        <v>7705.2782889700002</v>
      </c>
      <c r="W2503" s="1">
        <v>7507.6162829900004</v>
      </c>
      <c r="X2503" s="1">
        <v>7359.0228679499996</v>
      </c>
      <c r="Y2503" s="1">
        <v>7214.4328930900001</v>
      </c>
      <c r="Z2503" s="1">
        <v>7386.1367812199996</v>
      </c>
      <c r="AA2503" s="1">
        <v>7448.8957977700002</v>
      </c>
      <c r="AB2503" s="1">
        <v>7388.1792394699996</v>
      </c>
      <c r="AC2503" s="1">
        <v>7340.2329067700002</v>
      </c>
      <c r="AD2503" s="1">
        <v>7541.8901958500001</v>
      </c>
      <c r="AE2503" s="1">
        <v>7572.1791004999995</v>
      </c>
      <c r="AF2503" s="1">
        <v>7743.2070787499997</v>
      </c>
      <c r="AG2503" s="1">
        <v>17539.1847653</v>
      </c>
      <c r="AH2503" s="2">
        <v>0.6817666919842863</v>
      </c>
      <c r="AI2503" s="1">
        <v>7138.9664798000013</v>
      </c>
      <c r="AJ2503" s="2">
        <v>0.27749918974279664</v>
      </c>
      <c r="AK2503" s="1">
        <v>2183.5731664999985</v>
      </c>
      <c r="AL2503" s="2">
        <v>6.644059177045622E-2</v>
      </c>
      <c r="AM2503" s="1">
        <v>8216.6451190000007</v>
      </c>
      <c r="AN2503" s="2">
        <v>0.23443562390488337</v>
      </c>
      <c r="AO2503" s="1">
        <v>10400.218285499999</v>
      </c>
      <c r="AP2503" s="2">
        <v>0.31645225725965614</v>
      </c>
      <c r="AQ2503" s="3">
        <v>25726.080448799999</v>
      </c>
      <c r="AR2503" s="3">
        <v>26709.1121723</v>
      </c>
      <c r="AS2503" s="3">
        <v>27755.968791200001</v>
      </c>
      <c r="AT2503" s="3">
        <v>28692.099283799998</v>
      </c>
      <c r="AU2503" s="3">
        <v>29638.517050400002</v>
      </c>
      <c r="AV2503" s="3">
        <v>31256.395010600001</v>
      </c>
      <c r="AW2503" s="3">
        <v>32865.046928600001</v>
      </c>
      <c r="AX2503" s="3">
        <v>34513.029644900002</v>
      </c>
      <c r="AY2503" s="3">
        <v>33872.701732000001</v>
      </c>
      <c r="AZ2503" s="3">
        <v>35048.620095099999</v>
      </c>
      <c r="BA2503" s="3">
        <v>34962.860353800002</v>
      </c>
      <c r="BB2503" s="3">
        <v>36578.869678199997</v>
      </c>
      <c r="BC2503" s="3">
        <v>38604.613757599996</v>
      </c>
      <c r="BD2503" s="3">
        <v>39443.861112099999</v>
      </c>
      <c r="BE2503" s="3">
        <v>41239.393065299999</v>
      </c>
      <c r="BF2503" s="3">
        <v>43265.2652141</v>
      </c>
      <c r="BG2503" s="1">
        <v>26.499173978000044</v>
      </c>
      <c r="BH2503" s="2">
        <v>4.0893734874807679E-2</v>
      </c>
      <c r="BI2503" s="1">
        <v>10.471015733000058</v>
      </c>
      <c r="BJ2503" s="2">
        <v>1.6158954298377024E-2</v>
      </c>
      <c r="BK2503" s="1">
        <v>66.617901075999953</v>
      </c>
      <c r="BL2503" s="2">
        <v>0.1011704629592752</v>
      </c>
      <c r="BM2503" s="1">
        <v>-50.589742830999967</v>
      </c>
      <c r="BN2503" s="2">
        <v>-6.977031923452702E-2</v>
      </c>
      <c r="BO2503" s="1">
        <v>16.028158244999986</v>
      </c>
      <c r="BP2503" s="2">
        <v>2.4341448226974663E-2</v>
      </c>
      <c r="BQ2503" s="1">
        <v>648.00082602199996</v>
      </c>
      <c r="BR2503" s="1">
        <v>649.00072718599995</v>
      </c>
      <c r="BS2503" s="1">
        <v>644.38907551700004</v>
      </c>
      <c r="BT2503" s="1">
        <v>658.47184175500001</v>
      </c>
      <c r="BU2503" s="1">
        <v>680.87128053799995</v>
      </c>
      <c r="BV2503" s="1">
        <v>695.523790921</v>
      </c>
      <c r="BW2503" s="1">
        <v>725.08974283099997</v>
      </c>
      <c r="BX2503" s="1">
        <v>737</v>
      </c>
      <c r="BY2503" s="1">
        <v>720</v>
      </c>
      <c r="BZ2503" s="1">
        <v>717</v>
      </c>
      <c r="CA2503" s="1">
        <v>701</v>
      </c>
      <c r="CB2503" s="1">
        <v>698</v>
      </c>
      <c r="CC2503" s="1">
        <v>674.5</v>
      </c>
      <c r="CD2503" s="1">
        <v>-56.160899999999998</v>
      </c>
      <c r="CE2503" s="27">
        <v>0</v>
      </c>
      <c r="CF2503" s="27">
        <v>768.553</v>
      </c>
      <c r="CG2503" s="27">
        <v>769</v>
      </c>
      <c r="CH2503" s="27"/>
      <c r="CI2503" s="27"/>
      <c r="CJ2503" s="27"/>
      <c r="CK2503" s="27"/>
      <c r="CL2503" s="27"/>
      <c r="CM2503" s="27"/>
      <c r="CN2503" s="27"/>
      <c r="CO2503" s="27"/>
      <c r="CP2503" s="27"/>
      <c r="CQ2503" s="27"/>
      <c r="CR2503" s="27"/>
      <c r="CS2503" s="27"/>
      <c r="CT2503" s="27"/>
      <c r="CU2503" s="27"/>
      <c r="CV2503" s="27"/>
      <c r="CW2503" s="27"/>
      <c r="CX2503" s="27"/>
      <c r="CY2503" s="23" t="s">
        <v>481</v>
      </c>
      <c r="CZ2503" s="23" t="s">
        <v>482</v>
      </c>
      <c r="DA2503" s="24" t="s">
        <v>93</v>
      </c>
      <c r="DB2503" s="25" t="s">
        <v>345</v>
      </c>
      <c r="DC2503" s="25"/>
      <c r="DD2503" s="25"/>
      <c r="DE2503" s="25"/>
      <c r="DF2503" s="25"/>
      <c r="DG2503" s="25"/>
      <c r="DH2503" s="25" t="s">
        <v>333</v>
      </c>
      <c r="DI2503" s="25"/>
      <c r="DJ2503" s="25"/>
      <c r="DK2503" s="25"/>
      <c r="DL2503" s="25">
        <v>4</v>
      </c>
      <c r="DM2503" s="25" t="s">
        <v>446</v>
      </c>
      <c r="DN2503" s="25">
        <v>6</v>
      </c>
      <c r="DO2503" s="25" t="s">
        <v>393</v>
      </c>
    </row>
    <row r="2504" spans="1:119" x14ac:dyDescent="0.2">
      <c r="A2504" s="32" t="s">
        <v>791</v>
      </c>
      <c r="B2504" s="32" t="s">
        <v>791</v>
      </c>
      <c r="C2504" s="32" t="s">
        <v>329</v>
      </c>
      <c r="D2504" s="4" t="s">
        <v>167</v>
      </c>
      <c r="E2504" s="4" t="s">
        <v>306</v>
      </c>
      <c r="F2504" s="1">
        <v>-1847</v>
      </c>
      <c r="G2504" s="2">
        <v>-8.5632157262700001E-2</v>
      </c>
      <c r="H2504" s="1">
        <v>1247.3953738000018</v>
      </c>
      <c r="I2504" s="2">
        <v>5.7831975883077022E-2</v>
      </c>
      <c r="J2504" s="1">
        <v>-492.69272720000299</v>
      </c>
      <c r="K2504" s="2">
        <v>-2.1593515984868007E-2</v>
      </c>
      <c r="L2504" s="1">
        <v>-2602.0503624999983</v>
      </c>
      <c r="M2504" s="2">
        <v>-0.11655840257735395</v>
      </c>
      <c r="N2504" s="1">
        <v>-3094.7430897000013</v>
      </c>
      <c r="O2504" s="2">
        <v>-0.13563501283299717</v>
      </c>
      <c r="P2504" s="1">
        <v>21569.302358299999</v>
      </c>
      <c r="Q2504" s="1">
        <v>21630.658121100001</v>
      </c>
      <c r="R2504" s="1">
        <v>21594.032833699999</v>
      </c>
      <c r="S2504" s="1">
        <v>21912.832834100001</v>
      </c>
      <c r="T2504" s="1">
        <v>21928.589233399998</v>
      </c>
      <c r="U2504" s="1">
        <v>22043.067604100001</v>
      </c>
      <c r="V2504" s="1">
        <v>22816.697732100001</v>
      </c>
      <c r="W2504" s="1">
        <v>22582.318306599998</v>
      </c>
      <c r="X2504" s="1">
        <v>21482.369713299999</v>
      </c>
      <c r="Y2504" s="1">
        <v>22324.005004899998</v>
      </c>
      <c r="Z2504" s="1">
        <v>21917.893048400001</v>
      </c>
      <c r="AA2504" s="1">
        <v>22322.730836499999</v>
      </c>
      <c r="AB2504" s="1">
        <v>20009.4108017</v>
      </c>
      <c r="AC2504" s="1">
        <v>20022.747378399999</v>
      </c>
      <c r="AD2504" s="1">
        <v>19550.413411000001</v>
      </c>
      <c r="AE2504" s="1">
        <v>19509.713684400002</v>
      </c>
      <c r="AF2504" s="1">
        <v>19721.9546424</v>
      </c>
      <c r="AG2504" s="1">
        <v>9588.4070316000034</v>
      </c>
      <c r="AH2504" s="2">
        <v>0.31423075685926521</v>
      </c>
      <c r="AI2504" s="1">
        <v>5376.8360302000037</v>
      </c>
      <c r="AJ2504" s="2">
        <v>0.17620937969254927</v>
      </c>
      <c r="AK2504" s="1">
        <v>3090.8122995999947</v>
      </c>
      <c r="AL2504" s="2">
        <v>8.6117263925957893E-2</v>
      </c>
      <c r="AM2504" s="1">
        <v>1120.7587018000049</v>
      </c>
      <c r="AN2504" s="2">
        <v>2.8751002603171694E-2</v>
      </c>
      <c r="AO2504" s="1">
        <v>4211.5710013999997</v>
      </c>
      <c r="AP2504" s="2">
        <v>0.11734422420844283</v>
      </c>
      <c r="AQ2504" s="3">
        <v>30513.9036275</v>
      </c>
      <c r="AR2504" s="3">
        <v>31894.2723897</v>
      </c>
      <c r="AS2504" s="3">
        <v>32920.452703199997</v>
      </c>
      <c r="AT2504" s="3">
        <v>33705.090569499996</v>
      </c>
      <c r="AU2504" s="3">
        <v>34854.044231200001</v>
      </c>
      <c r="AV2504" s="3">
        <v>36559.867830100004</v>
      </c>
      <c r="AW2504" s="3">
        <v>35890.739657700004</v>
      </c>
      <c r="AX2504" s="3">
        <v>37577.3555548</v>
      </c>
      <c r="AY2504" s="3">
        <v>38711.886425199998</v>
      </c>
      <c r="AZ2504" s="3">
        <v>38981.551957299998</v>
      </c>
      <c r="BA2504" s="3">
        <v>39695.307124300001</v>
      </c>
      <c r="BB2504" s="3">
        <v>41822.025062799999</v>
      </c>
      <c r="BC2504" s="3">
        <v>37745.359153799996</v>
      </c>
      <c r="BD2504" s="3">
        <v>38218.562664999998</v>
      </c>
      <c r="BE2504" s="3">
        <v>39005.168959000002</v>
      </c>
      <c r="BF2504" s="3">
        <v>40102.310659100003</v>
      </c>
      <c r="BG2504" s="1">
        <v>71.934463730000061</v>
      </c>
      <c r="BH2504" s="2">
        <v>6.1584270313898133E-2</v>
      </c>
      <c r="BI2504" s="1">
        <v>56.963965520000102</v>
      </c>
      <c r="BJ2504" s="2">
        <v>4.8767782073173678E-2</v>
      </c>
      <c r="BK2504" s="1">
        <v>121.99516573999995</v>
      </c>
      <c r="BL2504" s="2">
        <v>9.9585492073245518E-2</v>
      </c>
      <c r="BM2504" s="1">
        <v>-107.02466752999999</v>
      </c>
      <c r="BN2504" s="2">
        <v>-7.9452641150401515E-2</v>
      </c>
      <c r="BO2504" s="1">
        <v>14.97049820999996</v>
      </c>
      <c r="BP2504" s="2">
        <v>1.2220520557362273E-2</v>
      </c>
      <c r="BQ2504" s="1">
        <v>1168.0655362699999</v>
      </c>
      <c r="BR2504" s="1">
        <v>1167.0222387599999</v>
      </c>
      <c r="BS2504" s="1">
        <v>1167.03916708</v>
      </c>
      <c r="BT2504" s="1">
        <v>1225.02950179</v>
      </c>
      <c r="BU2504" s="1">
        <v>1250.0398842499999</v>
      </c>
      <c r="BV2504" s="1">
        <v>1225.00877115</v>
      </c>
      <c r="BW2504" s="1">
        <v>1347.02466753</v>
      </c>
      <c r="BX2504" s="1">
        <v>1289</v>
      </c>
      <c r="BY2504" s="1">
        <v>1249</v>
      </c>
      <c r="BZ2504" s="1">
        <v>1264</v>
      </c>
      <c r="CA2504" s="1">
        <v>1260</v>
      </c>
      <c r="CB2504" s="1">
        <v>1261</v>
      </c>
      <c r="CC2504" s="1">
        <v>1240</v>
      </c>
      <c r="CD2504" s="1">
        <v>-4205.13</v>
      </c>
      <c r="CE2504" s="27">
        <v>0</v>
      </c>
      <c r="CF2504" s="27">
        <v>2357.7800000000002</v>
      </c>
      <c r="CG2504" s="27">
        <v>2358</v>
      </c>
      <c r="CH2504" s="27"/>
      <c r="CI2504" s="27"/>
      <c r="CJ2504" s="27"/>
      <c r="CK2504" s="27"/>
      <c r="CL2504" s="27"/>
      <c r="CM2504" s="27"/>
      <c r="CN2504" s="27"/>
      <c r="CO2504" s="27"/>
      <c r="CP2504" s="27"/>
      <c r="CQ2504" s="27"/>
      <c r="CR2504" s="27"/>
      <c r="CS2504" s="27"/>
      <c r="CT2504" s="27"/>
      <c r="CU2504" s="27"/>
      <c r="CV2504" s="27"/>
      <c r="CW2504" s="27"/>
      <c r="CX2504" s="27"/>
      <c r="CY2504" s="23" t="s">
        <v>618</v>
      </c>
      <c r="CZ2504" s="23" t="s">
        <v>619</v>
      </c>
      <c r="DA2504" s="24" t="s">
        <v>167</v>
      </c>
      <c r="DB2504" s="25" t="s">
        <v>345</v>
      </c>
      <c r="DC2504" s="25" t="s">
        <v>543</v>
      </c>
      <c r="DD2504" s="25" t="s">
        <v>544</v>
      </c>
      <c r="DE2504" s="25" t="s">
        <v>545</v>
      </c>
      <c r="DF2504" s="25" t="s">
        <v>375</v>
      </c>
      <c r="DG2504" s="25" t="s">
        <v>376</v>
      </c>
      <c r="DH2504" s="25" t="s">
        <v>328</v>
      </c>
      <c r="DI2504" s="25" t="s">
        <v>546</v>
      </c>
      <c r="DJ2504" s="25" t="s">
        <v>366</v>
      </c>
      <c r="DK2504" s="25" t="s">
        <v>620</v>
      </c>
      <c r="DL2504" s="25">
        <v>2</v>
      </c>
      <c r="DM2504" s="25" t="s">
        <v>379</v>
      </c>
      <c r="DN2504" s="25">
        <v>3</v>
      </c>
      <c r="DO2504" s="25" t="s">
        <v>380</v>
      </c>
    </row>
    <row r="2505" spans="1:119" x14ac:dyDescent="0.2">
      <c r="A2505" s="32" t="s">
        <v>791</v>
      </c>
      <c r="B2505" s="32" t="s">
        <v>791</v>
      </c>
      <c r="C2505" s="32" t="s">
        <v>329</v>
      </c>
      <c r="D2505" s="4" t="s">
        <v>149</v>
      </c>
      <c r="E2505" s="4" t="s">
        <v>290</v>
      </c>
      <c r="F2505" s="1">
        <v>615</v>
      </c>
      <c r="G2505" s="2">
        <v>0.16099476439800001</v>
      </c>
      <c r="H2505" s="1">
        <v>573.95283334000032</v>
      </c>
      <c r="I2505" s="2">
        <v>0.15023952784588421</v>
      </c>
      <c r="J2505" s="1">
        <v>-495.42486492000035</v>
      </c>
      <c r="K2505" s="2">
        <v>-0.112745058836467</v>
      </c>
      <c r="L2505" s="1">
        <v>535.97111048000033</v>
      </c>
      <c r="M2505" s="2">
        <v>0.1374715003733637</v>
      </c>
      <c r="N2505" s="1">
        <v>40.546245559999988</v>
      </c>
      <c r="O2505" s="2">
        <v>9.2272091389644147E-3</v>
      </c>
      <c r="P2505" s="1">
        <v>3820.2518442999999</v>
      </c>
      <c r="Q2505" s="1">
        <v>3844.8664340199998</v>
      </c>
      <c r="R2505" s="1">
        <v>3973.8722376800001</v>
      </c>
      <c r="S2505" s="1">
        <v>4042.8032015200001</v>
      </c>
      <c r="T2505" s="1">
        <v>4114.7373637999999</v>
      </c>
      <c r="U2505" s="1">
        <v>4250.3991075200001</v>
      </c>
      <c r="V2505" s="1">
        <v>4394.2046776400002</v>
      </c>
      <c r="W2505" s="1">
        <v>4308.20431758</v>
      </c>
      <c r="X2505" s="1">
        <v>4132.9950219100001</v>
      </c>
      <c r="Y2505" s="1">
        <v>3898.7798127199999</v>
      </c>
      <c r="Z2505" s="1">
        <v>3902.7298610100001</v>
      </c>
      <c r="AA2505" s="1">
        <v>3961.50681644</v>
      </c>
      <c r="AB2505" s="1">
        <v>4019.29843673</v>
      </c>
      <c r="AC2505" s="1">
        <v>4211.7144223599998</v>
      </c>
      <c r="AD2505" s="1">
        <v>4313.4747094900004</v>
      </c>
      <c r="AE2505" s="1">
        <v>4281.5639878100001</v>
      </c>
      <c r="AF2505" s="1">
        <v>4434.7509232000002</v>
      </c>
      <c r="AG2505" s="1">
        <v>12652.273659800001</v>
      </c>
      <c r="AH2505" s="2">
        <v>0.48829073857070321</v>
      </c>
      <c r="AI2505" s="1">
        <v>6444.8330714000003</v>
      </c>
      <c r="AJ2505" s="2">
        <v>0.24872622779236858</v>
      </c>
      <c r="AK2505" s="1">
        <v>-150.78725320000012</v>
      </c>
      <c r="AL2505" s="2">
        <v>-4.6602295212156862E-3</v>
      </c>
      <c r="AM2505" s="1">
        <v>6358.2278416000008</v>
      </c>
      <c r="AN2505" s="2">
        <v>0.19742739070593424</v>
      </c>
      <c r="AO2505" s="1">
        <v>6207.4405884000007</v>
      </c>
      <c r="AP2505" s="2">
        <v>0.19184710423025417</v>
      </c>
      <c r="AQ2505" s="3">
        <v>25911.352930500001</v>
      </c>
      <c r="AR2505" s="3">
        <v>26759.8327555</v>
      </c>
      <c r="AS2505" s="3">
        <v>27907.173736299999</v>
      </c>
      <c r="AT2505" s="3">
        <v>28398.677388399999</v>
      </c>
      <c r="AU2505" s="3">
        <v>29585.3391944</v>
      </c>
      <c r="AV2505" s="3">
        <v>30522.656362999998</v>
      </c>
      <c r="AW2505" s="3">
        <v>32356.186001900001</v>
      </c>
      <c r="AX2505" s="3">
        <v>32211.637228</v>
      </c>
      <c r="AY2505" s="3">
        <v>33299.073598399998</v>
      </c>
      <c r="AZ2505" s="3">
        <v>32205.398748700001</v>
      </c>
      <c r="BA2505" s="3">
        <v>32566.223741000002</v>
      </c>
      <c r="BB2505" s="3">
        <v>32867.487211599997</v>
      </c>
      <c r="BC2505" s="3">
        <v>32928.477265300004</v>
      </c>
      <c r="BD2505" s="3">
        <v>34409.569171100004</v>
      </c>
      <c r="BE2505" s="3">
        <v>36579.485977700002</v>
      </c>
      <c r="BF2505" s="3">
        <v>38563.626590300002</v>
      </c>
      <c r="BG2505" s="1">
        <v>-7.0009234249999963</v>
      </c>
      <c r="BH2505" s="2">
        <v>-2.3572059454447795E-2</v>
      </c>
      <c r="BI2505" s="1">
        <v>0.99931023999999979</v>
      </c>
      <c r="BJ2505" s="2">
        <v>3.3646704814113151E-3</v>
      </c>
      <c r="BK2505" s="1">
        <v>-11.000211548999971</v>
      </c>
      <c r="BL2505" s="2">
        <v>-3.6913432629606495E-2</v>
      </c>
      <c r="BM2505" s="1">
        <v>2.9999778839999749</v>
      </c>
      <c r="BN2505" s="2">
        <v>1.0452883807749115E-2</v>
      </c>
      <c r="BO2505" s="1">
        <v>-8.0002336649999961</v>
      </c>
      <c r="BP2505" s="2">
        <v>-2.6846400644079831E-2</v>
      </c>
      <c r="BQ2505" s="1">
        <v>297.000923425</v>
      </c>
      <c r="BR2505" s="1">
        <v>308.00054187500001</v>
      </c>
      <c r="BS2505" s="1">
        <v>297.00113014700003</v>
      </c>
      <c r="BT2505" s="1">
        <v>298.000233665</v>
      </c>
      <c r="BU2505" s="1">
        <v>298.00012925800002</v>
      </c>
      <c r="BV2505" s="1">
        <v>298.00010565899998</v>
      </c>
      <c r="BW2505" s="1">
        <v>287.00002211600003</v>
      </c>
      <c r="BX2505" s="1">
        <v>274</v>
      </c>
      <c r="BY2505" s="1">
        <v>274</v>
      </c>
      <c r="BZ2505" s="1">
        <v>286</v>
      </c>
      <c r="CA2505" s="1">
        <v>300</v>
      </c>
      <c r="CB2505" s="1">
        <v>302</v>
      </c>
      <c r="CC2505" s="1">
        <v>290</v>
      </c>
      <c r="CD2505" s="1">
        <v>196.9</v>
      </c>
      <c r="CE2505" s="27">
        <v>0</v>
      </c>
      <c r="CF2505" s="27">
        <v>417.6</v>
      </c>
      <c r="CG2505" s="27">
        <v>418</v>
      </c>
      <c r="CH2505" s="27"/>
      <c r="CI2505" s="27"/>
      <c r="CJ2505" s="27"/>
      <c r="CK2505" s="27"/>
      <c r="CL2505" s="27"/>
      <c r="CM2505" s="27"/>
      <c r="CN2505" s="27"/>
      <c r="CO2505" s="27"/>
      <c r="CP2505" s="27"/>
      <c r="CQ2505" s="27"/>
      <c r="CR2505" s="27"/>
      <c r="CS2505" s="27"/>
      <c r="CT2505" s="27"/>
      <c r="CU2505" s="27"/>
      <c r="CV2505" s="27"/>
      <c r="CW2505" s="27"/>
      <c r="CX2505" s="27"/>
      <c r="CY2505" s="23" t="s">
        <v>628</v>
      </c>
      <c r="CZ2505" s="23" t="s">
        <v>629</v>
      </c>
      <c r="DA2505" s="24" t="s">
        <v>149</v>
      </c>
      <c r="DB2505" s="25"/>
      <c r="DC2505" s="25" t="s">
        <v>435</v>
      </c>
      <c r="DD2505" s="25"/>
      <c r="DE2505" s="25" t="s">
        <v>436</v>
      </c>
      <c r="DF2505" s="25" t="s">
        <v>375</v>
      </c>
      <c r="DG2505" s="25" t="s">
        <v>376</v>
      </c>
      <c r="DH2505" s="25" t="s">
        <v>328</v>
      </c>
      <c r="DI2505" s="25"/>
      <c r="DJ2505" s="25" t="s">
        <v>366</v>
      </c>
      <c r="DK2505" s="25" t="s">
        <v>630</v>
      </c>
      <c r="DL2505" s="25">
        <v>2</v>
      </c>
      <c r="DM2505" s="25" t="s">
        <v>379</v>
      </c>
      <c r="DN2505" s="25">
        <v>3</v>
      </c>
      <c r="DO2505" s="25" t="s">
        <v>380</v>
      </c>
    </row>
    <row r="2506" spans="1:119" x14ac:dyDescent="0.2">
      <c r="A2506" s="32" t="s">
        <v>791</v>
      </c>
      <c r="B2506" s="32" t="s">
        <v>791</v>
      </c>
      <c r="C2506" s="32" t="s">
        <v>329</v>
      </c>
      <c r="D2506" s="4" t="s">
        <v>59</v>
      </c>
      <c r="E2506" s="4" t="s">
        <v>200</v>
      </c>
      <c r="F2506" s="1">
        <v>-19</v>
      </c>
      <c r="G2506" s="2">
        <v>-6.0069554220700001E-3</v>
      </c>
      <c r="H2506" s="1">
        <v>174.66305995999983</v>
      </c>
      <c r="I2506" s="2">
        <v>5.5225753513677193E-2</v>
      </c>
      <c r="J2506" s="1">
        <v>-497.76459227999976</v>
      </c>
      <c r="K2506" s="2">
        <v>-0.14914860797703144</v>
      </c>
      <c r="L2506" s="1">
        <v>304.41605347999985</v>
      </c>
      <c r="M2506" s="2">
        <v>0.10720351901289568</v>
      </c>
      <c r="N2506" s="1">
        <v>-193.34853879999991</v>
      </c>
      <c r="O2506" s="2">
        <v>-5.7934344595148381E-2</v>
      </c>
      <c r="P2506" s="1">
        <v>3162.7103090000001</v>
      </c>
      <c r="Q2506" s="1">
        <v>3139.7540441400001</v>
      </c>
      <c r="R2506" s="1">
        <v>3146.1059176700001</v>
      </c>
      <c r="S2506" s="1">
        <v>3077.0025070299998</v>
      </c>
      <c r="T2506" s="1">
        <v>3163.5356376700001</v>
      </c>
      <c r="U2506" s="1">
        <v>3398.8551679699999</v>
      </c>
      <c r="V2506" s="1">
        <v>3337.3733689599999</v>
      </c>
      <c r="W2506" s="1">
        <v>3075.8458973100001</v>
      </c>
      <c r="X2506" s="1">
        <v>3100.5393670499998</v>
      </c>
      <c r="Y2506" s="1">
        <v>2839.6087766800001</v>
      </c>
      <c r="Z2506" s="1">
        <v>2783.70102559</v>
      </c>
      <c r="AA2506" s="1">
        <v>2826.1393650499999</v>
      </c>
      <c r="AB2506" s="1">
        <v>2941.6138920100002</v>
      </c>
      <c r="AC2506" s="1">
        <v>2992.2175560199998</v>
      </c>
      <c r="AD2506" s="1">
        <v>3076.3875900500002</v>
      </c>
      <c r="AE2506" s="1">
        <v>3065.7381061599999</v>
      </c>
      <c r="AF2506" s="1">
        <v>3144.02483016</v>
      </c>
      <c r="AG2506" s="1">
        <v>11718.306063900003</v>
      </c>
      <c r="AH2506" s="2">
        <v>0.48014928261956463</v>
      </c>
      <c r="AI2506" s="1">
        <v>5322.1541093000014</v>
      </c>
      <c r="AJ2506" s="2">
        <v>0.21807149118963054</v>
      </c>
      <c r="AK2506" s="1">
        <v>4447.0356616999961</v>
      </c>
      <c r="AL2506" s="2">
        <v>0.14959231422898514</v>
      </c>
      <c r="AM2506" s="1">
        <v>1949.1162929000056</v>
      </c>
      <c r="AN2506" s="2">
        <v>5.703383422058745E-2</v>
      </c>
      <c r="AO2506" s="1">
        <v>6396.1519546000018</v>
      </c>
      <c r="AP2506" s="2">
        <v>0.21515797169998255</v>
      </c>
      <c r="AQ2506" s="3">
        <v>24405.5473747</v>
      </c>
      <c r="AR2506" s="3">
        <v>25165.853694900001</v>
      </c>
      <c r="AS2506" s="3">
        <v>25823.501110599998</v>
      </c>
      <c r="AT2506" s="3">
        <v>26974.634335999999</v>
      </c>
      <c r="AU2506" s="3">
        <v>27413.0728466</v>
      </c>
      <c r="AV2506" s="3">
        <v>28386.7444922</v>
      </c>
      <c r="AW2506" s="3">
        <v>29727.701484000001</v>
      </c>
      <c r="AX2506" s="3">
        <v>32695.960994900001</v>
      </c>
      <c r="AY2506" s="3">
        <v>33270.735989399996</v>
      </c>
      <c r="AZ2506" s="3">
        <v>34174.737145699997</v>
      </c>
      <c r="BA2506" s="3">
        <v>33706.610132100002</v>
      </c>
      <c r="BB2506" s="3">
        <v>33029.469122100003</v>
      </c>
      <c r="BC2506" s="3">
        <v>34118.919357799998</v>
      </c>
      <c r="BD2506" s="3">
        <v>35072.779318000001</v>
      </c>
      <c r="BE2506" s="3">
        <v>35822.240227299997</v>
      </c>
      <c r="BF2506" s="3">
        <v>36123.853438600003</v>
      </c>
      <c r="BG2506" s="1">
        <v>1.9999997310000026</v>
      </c>
      <c r="BH2506" s="2">
        <v>6.3291130673970609E-3</v>
      </c>
      <c r="BI2506" s="1">
        <v>12.999999731000003</v>
      </c>
      <c r="BJ2506" s="2">
        <v>4.1139239620042872E-2</v>
      </c>
      <c r="BK2506" s="1">
        <v>-13</v>
      </c>
      <c r="BL2506" s="2">
        <v>-3.9513677811550151E-2</v>
      </c>
      <c r="BM2506" s="1">
        <v>2</v>
      </c>
      <c r="BN2506" s="2">
        <v>6.3291139240506328E-3</v>
      </c>
      <c r="BO2506" s="1">
        <v>-11</v>
      </c>
      <c r="BP2506" s="2">
        <v>-3.3434650455927049E-2</v>
      </c>
      <c r="BQ2506" s="1">
        <v>316.000000269</v>
      </c>
      <c r="BR2506" s="1">
        <v>326.000096455</v>
      </c>
      <c r="BS2506" s="1">
        <v>330.000007079</v>
      </c>
      <c r="BT2506" s="1">
        <v>329</v>
      </c>
      <c r="BU2506" s="1">
        <v>322</v>
      </c>
      <c r="BV2506" s="1">
        <v>320</v>
      </c>
      <c r="BW2506" s="1">
        <v>316</v>
      </c>
      <c r="BX2506" s="1">
        <v>308</v>
      </c>
      <c r="BY2506" s="1">
        <v>308</v>
      </c>
      <c r="BZ2506" s="1">
        <v>313</v>
      </c>
      <c r="CA2506" s="1">
        <v>316</v>
      </c>
      <c r="CB2506" s="1">
        <v>324</v>
      </c>
      <c r="CC2506" s="1">
        <v>318</v>
      </c>
      <c r="CD2506" s="1">
        <v>-364.40800000000002</v>
      </c>
      <c r="CE2506" s="27">
        <v>0</v>
      </c>
      <c r="CF2506" s="27">
        <v>345.72199999999998</v>
      </c>
      <c r="CG2506" s="27">
        <v>346</v>
      </c>
      <c r="CH2506" s="27"/>
      <c r="CI2506" s="27"/>
      <c r="CJ2506" s="27"/>
      <c r="CK2506" s="27"/>
      <c r="CL2506" s="27"/>
      <c r="CM2506" s="27"/>
      <c r="CN2506" s="27"/>
      <c r="CO2506" s="27"/>
      <c r="CP2506" s="27"/>
      <c r="CQ2506" s="27"/>
      <c r="CR2506" s="27"/>
      <c r="CS2506" s="27"/>
      <c r="CT2506" s="27"/>
      <c r="CU2506" s="27"/>
      <c r="CV2506" s="27"/>
      <c r="CW2506" s="27"/>
      <c r="CX2506" s="27"/>
      <c r="CY2506" s="28" t="s">
        <v>444</v>
      </c>
      <c r="CZ2506" s="28" t="s">
        <v>445</v>
      </c>
      <c r="DA2506" s="29" t="s">
        <v>59</v>
      </c>
      <c r="DB2506" s="30"/>
      <c r="DC2506" s="30"/>
      <c r="DD2506" s="30"/>
      <c r="DE2506" s="30"/>
      <c r="DF2506" s="30"/>
      <c r="DG2506" s="30"/>
      <c r="DH2506" s="30" t="s">
        <v>333</v>
      </c>
      <c r="DI2506" s="30"/>
      <c r="DJ2506" s="30"/>
      <c r="DK2506" s="30"/>
      <c r="DL2506" s="30">
        <v>4</v>
      </c>
      <c r="DM2506" s="30" t="s">
        <v>446</v>
      </c>
      <c r="DN2506" s="30">
        <v>6</v>
      </c>
      <c r="DO2506" s="30" t="s">
        <v>393</v>
      </c>
    </row>
    <row r="2507" spans="1:119" x14ac:dyDescent="0.2">
      <c r="A2507" s="32" t="s">
        <v>791</v>
      </c>
      <c r="B2507" s="32" t="s">
        <v>791</v>
      </c>
      <c r="C2507" s="32" t="s">
        <v>329</v>
      </c>
      <c r="D2507" s="4" t="s">
        <v>151</v>
      </c>
      <c r="E2507" s="4" t="s">
        <v>292</v>
      </c>
      <c r="F2507" s="1">
        <v>-65</v>
      </c>
      <c r="G2507" s="2">
        <v>-1.16675641716E-2</v>
      </c>
      <c r="H2507" s="1">
        <v>-129.27145720999943</v>
      </c>
      <c r="I2507" s="2">
        <v>-2.3205030490115151E-2</v>
      </c>
      <c r="J2507" s="1">
        <v>-539.95365322999987</v>
      </c>
      <c r="K2507" s="2">
        <v>-9.9227618564483949E-2</v>
      </c>
      <c r="L2507" s="1">
        <v>604.37235555000007</v>
      </c>
      <c r="M2507" s="2">
        <v>0.12330072039339079</v>
      </c>
      <c r="N2507" s="1">
        <v>64.418702320000193</v>
      </c>
      <c r="O2507" s="2">
        <v>1.1838264976985381E-2</v>
      </c>
      <c r="P2507" s="1">
        <v>5570.8376364799997</v>
      </c>
      <c r="Q2507" s="1">
        <v>5559.3613978900003</v>
      </c>
      <c r="R2507" s="1">
        <v>5617.2724594299998</v>
      </c>
      <c r="S2507" s="1">
        <v>5601.4741434500002</v>
      </c>
      <c r="T2507" s="1">
        <v>5573.8263844499998</v>
      </c>
      <c r="U2507" s="1">
        <v>5571.6766575800002</v>
      </c>
      <c r="V2507" s="1">
        <v>5441.5661792700002</v>
      </c>
      <c r="W2507" s="1">
        <v>5326.7046954799998</v>
      </c>
      <c r="X2507" s="1">
        <v>5067.2710314400001</v>
      </c>
      <c r="Y2507" s="1">
        <v>4901.6125260400004</v>
      </c>
      <c r="Z2507" s="1">
        <v>4923.9151823700004</v>
      </c>
      <c r="AA2507" s="1">
        <v>4989.4321525599998</v>
      </c>
      <c r="AB2507" s="1">
        <v>5048.5553081500002</v>
      </c>
      <c r="AC2507" s="1">
        <v>5110.6059242299998</v>
      </c>
      <c r="AD2507" s="1">
        <v>5330.5531257100001</v>
      </c>
      <c r="AE2507" s="1">
        <v>5355.0578905900002</v>
      </c>
      <c r="AF2507" s="1">
        <v>5505.9848815900004</v>
      </c>
      <c r="AG2507" s="1">
        <v>10158.020212199997</v>
      </c>
      <c r="AH2507" s="2">
        <v>0.45222802794828365</v>
      </c>
      <c r="AI2507" s="1">
        <v>4253.2653227999981</v>
      </c>
      <c r="AJ2507" s="2">
        <v>0.18935242784421358</v>
      </c>
      <c r="AK2507" s="1">
        <v>2417.9981296000005</v>
      </c>
      <c r="AL2507" s="2">
        <v>9.0509423740342265E-2</v>
      </c>
      <c r="AM2507" s="1">
        <v>3486.7567597999987</v>
      </c>
      <c r="AN2507" s="2">
        <v>0.11968233890513572</v>
      </c>
      <c r="AO2507" s="1">
        <v>5904.7548893999992</v>
      </c>
      <c r="AP2507" s="2">
        <v>0.22102414217167815</v>
      </c>
      <c r="AQ2507" s="3">
        <v>22462.164183600002</v>
      </c>
      <c r="AR2507" s="3">
        <v>23343.361192199998</v>
      </c>
      <c r="AS2507" s="3">
        <v>24275.588338400001</v>
      </c>
      <c r="AT2507" s="3">
        <v>25245.555165400001</v>
      </c>
      <c r="AU2507" s="3">
        <v>26049.0408441</v>
      </c>
      <c r="AV2507" s="3">
        <v>26132.721737700002</v>
      </c>
      <c r="AW2507" s="3">
        <v>26715.4295064</v>
      </c>
      <c r="AX2507" s="3">
        <v>27920.176208100002</v>
      </c>
      <c r="AY2507" s="3">
        <v>28209.392971500001</v>
      </c>
      <c r="AZ2507" s="3">
        <v>29133.427636</v>
      </c>
      <c r="BA2507" s="3">
        <v>29575.966450299999</v>
      </c>
      <c r="BB2507" s="3">
        <v>30199.737324400001</v>
      </c>
      <c r="BC2507" s="3">
        <v>30242.265715000001</v>
      </c>
      <c r="BD2507" s="3">
        <v>30322.5706512</v>
      </c>
      <c r="BE2507" s="3">
        <v>31891.887555099998</v>
      </c>
      <c r="BF2507" s="3">
        <v>32620.184395799999</v>
      </c>
      <c r="BG2507" s="1">
        <v>-17.625641931000018</v>
      </c>
      <c r="BH2507" s="2">
        <v>-3.2497111906146993E-2</v>
      </c>
      <c r="BI2507" s="1">
        <v>14.624384481999982</v>
      </c>
      <c r="BJ2507" s="2">
        <v>2.6963571649223268E-2</v>
      </c>
      <c r="BK2507" s="1">
        <v>-19.000024586999984</v>
      </c>
      <c r="BL2507" s="2">
        <v>-3.4111353116726778E-2</v>
      </c>
      <c r="BM2507" s="1">
        <v>-13.250001826000016</v>
      </c>
      <c r="BN2507" s="2">
        <v>-2.462825609856658E-2</v>
      </c>
      <c r="BO2507" s="1">
        <v>-32.250026413000001</v>
      </c>
      <c r="BP2507" s="2">
        <v>-5.7899506074865971E-2</v>
      </c>
      <c r="BQ2507" s="1">
        <v>542.37564193100002</v>
      </c>
      <c r="BR2507" s="1">
        <v>537.01325080599997</v>
      </c>
      <c r="BS2507" s="1">
        <v>554.00389496499997</v>
      </c>
      <c r="BT2507" s="1">
        <v>557.000026413</v>
      </c>
      <c r="BU2507" s="1">
        <v>545.000002677</v>
      </c>
      <c r="BV2507" s="1">
        <v>538.00000279999995</v>
      </c>
      <c r="BW2507" s="1">
        <v>538.00000182600002</v>
      </c>
      <c r="BX2507" s="1">
        <v>520</v>
      </c>
      <c r="BY2507" s="1">
        <v>523</v>
      </c>
      <c r="BZ2507" s="1">
        <v>529</v>
      </c>
      <c r="CA2507" s="1">
        <v>527</v>
      </c>
      <c r="CB2507" s="1">
        <v>539</v>
      </c>
      <c r="CC2507" s="1">
        <v>524.75</v>
      </c>
      <c r="CD2507" s="1">
        <v>-673.81200000000001</v>
      </c>
      <c r="CE2507" s="27">
        <v>0</v>
      </c>
      <c r="CF2507" s="27">
        <v>608.96</v>
      </c>
      <c r="CG2507" s="27">
        <v>609</v>
      </c>
      <c r="CH2507" s="27"/>
      <c r="CI2507" s="27"/>
      <c r="CJ2507" s="27"/>
      <c r="CK2507" s="27"/>
      <c r="CL2507" s="27"/>
      <c r="CM2507" s="27"/>
      <c r="CN2507" s="27"/>
      <c r="CO2507" s="27"/>
      <c r="CP2507" s="27"/>
      <c r="CQ2507" s="27"/>
      <c r="CR2507" s="27"/>
      <c r="CS2507" s="27"/>
      <c r="CT2507" s="27"/>
      <c r="CU2507" s="27"/>
      <c r="CV2507" s="27"/>
      <c r="CW2507" s="27"/>
      <c r="CX2507" s="27"/>
      <c r="CY2507" s="23" t="s">
        <v>614</v>
      </c>
      <c r="CZ2507" s="23" t="s">
        <v>615</v>
      </c>
      <c r="DA2507" s="24" t="s">
        <v>151</v>
      </c>
      <c r="DB2507" s="25" t="s">
        <v>345</v>
      </c>
      <c r="DC2507" s="25"/>
      <c r="DD2507" s="25"/>
      <c r="DE2507" s="25"/>
      <c r="DF2507" s="25"/>
      <c r="DG2507" s="25"/>
      <c r="DH2507" s="25" t="s">
        <v>333</v>
      </c>
      <c r="DI2507" s="25"/>
      <c r="DJ2507" s="25"/>
      <c r="DK2507" s="25"/>
      <c r="DL2507" s="25">
        <v>7</v>
      </c>
      <c r="DM2507" s="25" t="s">
        <v>485</v>
      </c>
      <c r="DN2507" s="25">
        <v>8</v>
      </c>
      <c r="DO2507" s="25" t="s">
        <v>486</v>
      </c>
    </row>
    <row r="2508" spans="1:119" x14ac:dyDescent="0.2">
      <c r="A2508" s="32" t="s">
        <v>791</v>
      </c>
      <c r="B2508" s="32" t="s">
        <v>791</v>
      </c>
      <c r="C2508" s="32" t="s">
        <v>329</v>
      </c>
      <c r="D2508" s="4" t="s">
        <v>116</v>
      </c>
      <c r="E2508" s="4" t="s">
        <v>257</v>
      </c>
      <c r="F2508" s="1">
        <v>-358</v>
      </c>
      <c r="G2508" s="2">
        <v>-0.15195246179999999</v>
      </c>
      <c r="H2508" s="1">
        <v>69.608715749999647</v>
      </c>
      <c r="I2508" s="2">
        <v>2.9542910344927561E-2</v>
      </c>
      <c r="J2508" s="1">
        <v>-546.82071490999988</v>
      </c>
      <c r="K2508" s="2">
        <v>-0.22541881439640246</v>
      </c>
      <c r="L2508" s="1">
        <v>119.09447049000005</v>
      </c>
      <c r="M2508" s="2">
        <v>6.3382571770869409E-2</v>
      </c>
      <c r="N2508" s="1">
        <v>-427.72624441999983</v>
      </c>
      <c r="O2508" s="2">
        <v>-0.1763238668075173</v>
      </c>
      <c r="P2508" s="1">
        <v>2356.1901971500001</v>
      </c>
      <c r="Q2508" s="1">
        <v>2431.9300622800001</v>
      </c>
      <c r="R2508" s="1">
        <v>2537.62381667</v>
      </c>
      <c r="S2508" s="1">
        <v>2620.2679785800001</v>
      </c>
      <c r="T2508" s="1">
        <v>2374.612384</v>
      </c>
      <c r="U2508" s="1">
        <v>2414.4319899900001</v>
      </c>
      <c r="V2508" s="1">
        <v>2425.7989128999998</v>
      </c>
      <c r="W2508" s="1">
        <v>2401.1748579499999</v>
      </c>
      <c r="X2508" s="1">
        <v>2236.7355936200001</v>
      </c>
      <c r="Y2508" s="1">
        <v>1878.9781979899999</v>
      </c>
      <c r="Z2508" s="1">
        <v>1836.96138419</v>
      </c>
      <c r="AA2508" s="1">
        <v>1822.43156436</v>
      </c>
      <c r="AB2508" s="1">
        <v>1971.07198382</v>
      </c>
      <c r="AC2508" s="1">
        <v>1959.2221353299999</v>
      </c>
      <c r="AD2508" s="1">
        <v>1958.6308543800001</v>
      </c>
      <c r="AE2508" s="1">
        <v>1973.19068057</v>
      </c>
      <c r="AF2508" s="1">
        <v>1998.0726684799999</v>
      </c>
      <c r="AG2508" s="1">
        <v>6886.1827655999987</v>
      </c>
      <c r="AH2508" s="2">
        <v>0.30698558757983518</v>
      </c>
      <c r="AI2508" s="1">
        <v>3102.2427484</v>
      </c>
      <c r="AJ2508" s="2">
        <v>0.13829778345272808</v>
      </c>
      <c r="AK2508" s="1">
        <v>-794.9680165000027</v>
      </c>
      <c r="AL2508" s="2">
        <v>-3.1133877165229609E-2</v>
      </c>
      <c r="AM2508" s="1">
        <v>4578.9080337000014</v>
      </c>
      <c r="AN2508" s="2">
        <v>0.18508946561069756</v>
      </c>
      <c r="AO2508" s="1">
        <v>3783.9400171999987</v>
      </c>
      <c r="AP2508" s="2">
        <v>0.14819303575856649</v>
      </c>
      <c r="AQ2508" s="3">
        <v>22431.615828900001</v>
      </c>
      <c r="AR2508" s="3">
        <v>22803.358776900001</v>
      </c>
      <c r="AS2508" s="3">
        <v>23708.611855800002</v>
      </c>
      <c r="AT2508" s="3">
        <v>23814.9641715</v>
      </c>
      <c r="AU2508" s="3">
        <v>24859.041587899999</v>
      </c>
      <c r="AV2508" s="3">
        <v>25051.1356954</v>
      </c>
      <c r="AW2508" s="3">
        <v>25533.858577300001</v>
      </c>
      <c r="AX2508" s="3">
        <v>25718.787467400001</v>
      </c>
      <c r="AY2508" s="3">
        <v>26172.7840435</v>
      </c>
      <c r="AZ2508" s="3">
        <v>24738.890560799999</v>
      </c>
      <c r="BA2508" s="3">
        <v>25204.650816599999</v>
      </c>
      <c r="BB2508" s="3">
        <v>25622.722303300001</v>
      </c>
      <c r="BC2508" s="3">
        <v>26703.395758999999</v>
      </c>
      <c r="BD2508" s="3">
        <v>26745.645118600001</v>
      </c>
      <c r="BE2508" s="3">
        <v>28777.986782100001</v>
      </c>
      <c r="BF2508" s="3">
        <v>29317.7985945</v>
      </c>
      <c r="BG2508" s="1">
        <v>36.25</v>
      </c>
      <c r="BH2508" s="2">
        <v>0.18782383419689119</v>
      </c>
      <c r="BI2508" s="1">
        <v>7</v>
      </c>
      <c r="BJ2508" s="2">
        <v>3.6269430051813469E-2</v>
      </c>
      <c r="BK2508" s="1">
        <v>-5</v>
      </c>
      <c r="BL2508" s="2">
        <v>-2.5000000000000001E-2</v>
      </c>
      <c r="BM2508" s="1">
        <v>34.25</v>
      </c>
      <c r="BN2508" s="2">
        <v>0.17564102564102563</v>
      </c>
      <c r="BO2508" s="1">
        <v>29.25</v>
      </c>
      <c r="BP2508" s="2">
        <v>0.14624999999999999</v>
      </c>
      <c r="BQ2508" s="1">
        <v>193</v>
      </c>
      <c r="BR2508" s="1">
        <v>198</v>
      </c>
      <c r="BS2508" s="1">
        <v>201</v>
      </c>
      <c r="BT2508" s="1">
        <v>200</v>
      </c>
      <c r="BU2508" s="1">
        <v>195</v>
      </c>
      <c r="BV2508" s="1">
        <v>202</v>
      </c>
      <c r="BW2508" s="1">
        <v>195</v>
      </c>
      <c r="BX2508" s="1">
        <v>196</v>
      </c>
      <c r="BY2508" s="1">
        <v>192</v>
      </c>
      <c r="BZ2508" s="1">
        <v>202</v>
      </c>
      <c r="CA2508" s="1">
        <v>212</v>
      </c>
      <c r="CB2508" s="1">
        <v>227</v>
      </c>
      <c r="CC2508" s="1">
        <v>229.25</v>
      </c>
      <c r="CD2508" s="1">
        <v>-615.67700000000002</v>
      </c>
      <c r="CE2508" s="27">
        <v>0</v>
      </c>
      <c r="CF2508" s="27">
        <v>257.56</v>
      </c>
      <c r="CG2508" s="27">
        <v>258</v>
      </c>
      <c r="CH2508" s="27"/>
      <c r="CI2508" s="27"/>
      <c r="CJ2508" s="27"/>
      <c r="CK2508" s="27"/>
      <c r="CL2508" s="27"/>
      <c r="CM2508" s="27"/>
      <c r="CN2508" s="27"/>
      <c r="CO2508" s="27"/>
      <c r="CP2508" s="27"/>
      <c r="CQ2508" s="27"/>
      <c r="CR2508" s="27"/>
      <c r="CS2508" s="27"/>
      <c r="CT2508" s="27"/>
      <c r="CU2508" s="27"/>
      <c r="CV2508" s="27"/>
      <c r="CW2508" s="27"/>
      <c r="CX2508" s="27"/>
      <c r="CY2508" s="23" t="s">
        <v>707</v>
      </c>
      <c r="CZ2508" s="23" t="s">
        <v>708</v>
      </c>
      <c r="DA2508" s="24" t="s">
        <v>116</v>
      </c>
      <c r="DB2508" s="25" t="s">
        <v>345</v>
      </c>
      <c r="DC2508" s="25"/>
      <c r="DD2508" s="25"/>
      <c r="DE2508" s="25"/>
      <c r="DF2508" s="25"/>
      <c r="DG2508" s="25"/>
      <c r="DH2508" s="25" t="s">
        <v>333</v>
      </c>
      <c r="DI2508" s="25"/>
      <c r="DJ2508" s="25"/>
      <c r="DK2508" s="25"/>
      <c r="DL2508" s="25">
        <v>10</v>
      </c>
      <c r="DM2508" s="25" t="s">
        <v>383</v>
      </c>
      <c r="DN2508" s="25">
        <v>9</v>
      </c>
      <c r="DO2508" s="25" t="s">
        <v>384</v>
      </c>
    </row>
    <row r="2509" spans="1:119" x14ac:dyDescent="0.2">
      <c r="A2509" s="32" t="s">
        <v>791</v>
      </c>
      <c r="B2509" s="32" t="s">
        <v>791</v>
      </c>
      <c r="C2509" s="32" t="s">
        <v>329</v>
      </c>
      <c r="D2509" s="4" t="s">
        <v>158</v>
      </c>
      <c r="E2509" s="4" t="s">
        <v>297</v>
      </c>
      <c r="F2509" s="1">
        <v>-1871</v>
      </c>
      <c r="G2509" s="2">
        <v>-0.27772005343599998</v>
      </c>
      <c r="H2509" s="1">
        <v>-1367.0025211400007</v>
      </c>
      <c r="I2509" s="2">
        <v>-0.20291560081364149</v>
      </c>
      <c r="J2509" s="1">
        <v>-564.09450286999981</v>
      </c>
      <c r="K2509" s="2">
        <v>-0.10504942539889202</v>
      </c>
      <c r="L2509" s="1">
        <v>60.008632040000521</v>
      </c>
      <c r="M2509" s="2">
        <v>1.248695334819816E-2</v>
      </c>
      <c r="N2509" s="1">
        <v>-504.08587082999929</v>
      </c>
      <c r="O2509" s="2">
        <v>-9.3874219324904848E-2</v>
      </c>
      <c r="P2509" s="1">
        <v>6736.8034574900003</v>
      </c>
      <c r="Q2509" s="1">
        <v>5750.8475199900004</v>
      </c>
      <c r="R2509" s="1">
        <v>5678.10014176</v>
      </c>
      <c r="S2509" s="1">
        <v>5699.4517778999998</v>
      </c>
      <c r="T2509" s="1">
        <v>5916.5414428900003</v>
      </c>
      <c r="U2509" s="1">
        <v>5965.8239007000002</v>
      </c>
      <c r="V2509" s="1">
        <v>5369.8009363499996</v>
      </c>
      <c r="W2509" s="1">
        <v>5567.6163865899998</v>
      </c>
      <c r="X2509" s="1">
        <v>5541.12837416</v>
      </c>
      <c r="Y2509" s="1">
        <v>4805.7064334799998</v>
      </c>
      <c r="Z2509" s="1">
        <v>4984.3494143799999</v>
      </c>
      <c r="AA2509" s="1">
        <v>5015.2671948799998</v>
      </c>
      <c r="AB2509" s="1">
        <v>4646.0886455299997</v>
      </c>
      <c r="AC2509" s="1">
        <v>4630.5275639800002</v>
      </c>
      <c r="AD2509" s="1">
        <v>4732.8558567500004</v>
      </c>
      <c r="AE2509" s="1">
        <v>4832.4846299000001</v>
      </c>
      <c r="AF2509" s="1">
        <v>4865.7150655200003</v>
      </c>
      <c r="AG2509" s="1">
        <v>12477.130639900002</v>
      </c>
      <c r="AH2509" s="2">
        <v>0.46210899252369814</v>
      </c>
      <c r="AI2509" s="1">
        <v>7007.6671940000015</v>
      </c>
      <c r="AJ2509" s="2">
        <v>0.25953932201407681</v>
      </c>
      <c r="AK2509" s="1">
        <v>1312.8870774999959</v>
      </c>
      <c r="AL2509" s="2">
        <v>3.8605158580178232E-2</v>
      </c>
      <c r="AM2509" s="1">
        <v>4156.5763684000049</v>
      </c>
      <c r="AN2509" s="2">
        <v>0.11768016155342104</v>
      </c>
      <c r="AO2509" s="1">
        <v>5469.4634459000008</v>
      </c>
      <c r="AP2509" s="2">
        <v>0.16082838143211009</v>
      </c>
      <c r="AQ2509" s="3">
        <v>27000.406488000001</v>
      </c>
      <c r="AR2509" s="3">
        <v>26665.888765399999</v>
      </c>
      <c r="AS2509" s="3">
        <v>27678.872398700001</v>
      </c>
      <c r="AT2509" s="3">
        <v>29435.745552699998</v>
      </c>
      <c r="AU2509" s="3">
        <v>30591.7877672</v>
      </c>
      <c r="AV2509" s="3">
        <v>31838.558312500001</v>
      </c>
      <c r="AW2509" s="3">
        <v>34008.073682000002</v>
      </c>
      <c r="AX2509" s="3">
        <v>35275.9121485</v>
      </c>
      <c r="AY2509" s="3">
        <v>36136.626628600003</v>
      </c>
      <c r="AZ2509" s="3">
        <v>35320.960759499998</v>
      </c>
      <c r="BA2509" s="3">
        <v>35713.314618800003</v>
      </c>
      <c r="BB2509" s="3">
        <v>36191.349428200003</v>
      </c>
      <c r="BC2509" s="3">
        <v>36912.293515899997</v>
      </c>
      <c r="BD2509" s="3">
        <v>38027.832094999998</v>
      </c>
      <c r="BE2509" s="3">
        <v>38560.5515553</v>
      </c>
      <c r="BF2509" s="3">
        <v>39477.537127900003</v>
      </c>
      <c r="BG2509" s="1">
        <v>-28.500668373999986</v>
      </c>
      <c r="BH2509" s="2">
        <v>-5.8402928973362168E-2</v>
      </c>
      <c r="BI2509" s="1">
        <v>-6.000424172999999</v>
      </c>
      <c r="BJ2509" s="2">
        <v>-1.2295934333436854E-2</v>
      </c>
      <c r="BK2509" s="1">
        <v>-48.998370557999976</v>
      </c>
      <c r="BL2509" s="2">
        <v>-0.10165631894901501</v>
      </c>
      <c r="BM2509" s="1">
        <v>26.49812635699999</v>
      </c>
      <c r="BN2509" s="2">
        <v>6.1196331863559279E-2</v>
      </c>
      <c r="BO2509" s="1">
        <v>-22.500244200999987</v>
      </c>
      <c r="BP2509" s="2">
        <v>-4.6680980915887481E-2</v>
      </c>
      <c r="BQ2509" s="1">
        <v>488.00066837399999</v>
      </c>
      <c r="BR2509" s="1">
        <v>485.00056735599998</v>
      </c>
      <c r="BS2509" s="1">
        <v>479.00024434300002</v>
      </c>
      <c r="BT2509" s="1">
        <v>482.00024420099999</v>
      </c>
      <c r="BU2509" s="1">
        <v>477.000146927</v>
      </c>
      <c r="BV2509" s="1">
        <v>471.00014384600001</v>
      </c>
      <c r="BW2509" s="1">
        <v>433.00187364300001</v>
      </c>
      <c r="BX2509" s="1">
        <v>439</v>
      </c>
      <c r="BY2509" s="1">
        <v>445</v>
      </c>
      <c r="BZ2509" s="1">
        <v>461</v>
      </c>
      <c r="CA2509" s="1">
        <v>454</v>
      </c>
      <c r="CB2509" s="1">
        <v>463</v>
      </c>
      <c r="CC2509" s="1">
        <v>459.5</v>
      </c>
      <c r="CD2509" s="1">
        <v>-2607.5</v>
      </c>
      <c r="CE2509" s="27">
        <v>0</v>
      </c>
      <c r="CF2509" s="27">
        <v>736.41399999999999</v>
      </c>
      <c r="CG2509" s="27">
        <v>736</v>
      </c>
      <c r="CH2509" s="27"/>
      <c r="CI2509" s="27"/>
      <c r="CJ2509" s="27"/>
      <c r="CK2509" s="27"/>
      <c r="CL2509" s="27"/>
      <c r="CM2509" s="27"/>
      <c r="CN2509" s="27"/>
      <c r="CO2509" s="27"/>
      <c r="CP2509" s="27"/>
      <c r="CQ2509" s="27"/>
      <c r="CR2509" s="27"/>
      <c r="CS2509" s="27"/>
      <c r="CT2509" s="27"/>
      <c r="CU2509" s="27"/>
      <c r="CV2509" s="27"/>
      <c r="CW2509" s="27"/>
      <c r="CX2509" s="27"/>
      <c r="CY2509" s="23" t="s">
        <v>473</v>
      </c>
      <c r="CZ2509" s="23" t="s">
        <v>474</v>
      </c>
      <c r="DA2509" s="24" t="s">
        <v>158</v>
      </c>
      <c r="DB2509" s="25"/>
      <c r="DC2509" s="25" t="s">
        <v>401</v>
      </c>
      <c r="DD2509" s="25" t="s">
        <v>373</v>
      </c>
      <c r="DE2509" s="25" t="s">
        <v>402</v>
      </c>
      <c r="DF2509" s="25" t="s">
        <v>375</v>
      </c>
      <c r="DG2509" s="25" t="s">
        <v>376</v>
      </c>
      <c r="DH2509" s="25" t="s">
        <v>328</v>
      </c>
      <c r="DI2509" s="25" t="s">
        <v>377</v>
      </c>
      <c r="DJ2509" s="25" t="s">
        <v>366</v>
      </c>
      <c r="DK2509" s="25" t="s">
        <v>475</v>
      </c>
      <c r="DL2509" s="25">
        <v>1</v>
      </c>
      <c r="DM2509" s="25" t="s">
        <v>404</v>
      </c>
      <c r="DN2509" s="25">
        <v>1</v>
      </c>
      <c r="DO2509" s="25" t="s">
        <v>405</v>
      </c>
    </row>
    <row r="2510" spans="1:119" x14ac:dyDescent="0.2">
      <c r="A2510" s="32" t="s">
        <v>791</v>
      </c>
      <c r="B2510" s="32" t="s">
        <v>791</v>
      </c>
      <c r="C2510" s="32" t="s">
        <v>329</v>
      </c>
      <c r="D2510" s="4" t="s">
        <v>126</v>
      </c>
      <c r="E2510" s="4" t="s">
        <v>267</v>
      </c>
      <c r="F2510" s="1">
        <v>-998</v>
      </c>
      <c r="G2510" s="2">
        <v>-0.17742222222199999</v>
      </c>
      <c r="H2510" s="1">
        <v>-370.09894736000024</v>
      </c>
      <c r="I2510" s="2">
        <v>-6.5791684967683214E-2</v>
      </c>
      <c r="J2510" s="1">
        <v>-573.87413102999926</v>
      </c>
      <c r="K2510" s="2">
        <v>-0.10920086510637642</v>
      </c>
      <c r="L2510" s="1">
        <v>-54.219166060000134</v>
      </c>
      <c r="M2510" s="2">
        <v>-1.158197111891645E-2</v>
      </c>
      <c r="N2510" s="1">
        <v>-628.0932970899994</v>
      </c>
      <c r="O2510" s="2">
        <v>-0.11951807495947012</v>
      </c>
      <c r="P2510" s="1">
        <v>5625.3149245499999</v>
      </c>
      <c r="Q2510" s="1">
        <v>5616.3274718000002</v>
      </c>
      <c r="R2510" s="1">
        <v>5633.6410275799999</v>
      </c>
      <c r="S2510" s="1">
        <v>5605.7265719799998</v>
      </c>
      <c r="T2510" s="1">
        <v>5367.5541635700001</v>
      </c>
      <c r="U2510" s="1">
        <v>5339.4929453900004</v>
      </c>
      <c r="V2510" s="1">
        <v>5255.2159771899996</v>
      </c>
      <c r="W2510" s="1">
        <v>5187.6581516599999</v>
      </c>
      <c r="X2510" s="1">
        <v>5129.0266297799999</v>
      </c>
      <c r="Y2510" s="1">
        <v>4681.3418461600004</v>
      </c>
      <c r="Z2510" s="1">
        <v>4566.5702254799999</v>
      </c>
      <c r="AA2510" s="1">
        <v>4558.11426605</v>
      </c>
      <c r="AB2510" s="1">
        <v>4656.8566454800002</v>
      </c>
      <c r="AC2510" s="1">
        <v>4502.1886064299997</v>
      </c>
      <c r="AD2510" s="1">
        <v>4563.0405226800003</v>
      </c>
      <c r="AE2510" s="1">
        <v>4589.6851222400001</v>
      </c>
      <c r="AF2510" s="1">
        <v>4627.1226801000003</v>
      </c>
      <c r="AG2510" s="1">
        <v>13564.383378999999</v>
      </c>
      <c r="AH2510" s="2">
        <v>0.50976184148232739</v>
      </c>
      <c r="AI2510" s="1">
        <v>5964.3555753000001</v>
      </c>
      <c r="AJ2510" s="2">
        <v>0.22414589711666352</v>
      </c>
      <c r="AK2510" s="1">
        <v>4132.0749274000009</v>
      </c>
      <c r="AL2510" s="2">
        <v>0.12685344724218331</v>
      </c>
      <c r="AM2510" s="1">
        <v>3467.952876299998</v>
      </c>
      <c r="AN2510" s="2">
        <v>9.4479989323661626E-2</v>
      </c>
      <c r="AO2510" s="1">
        <v>7600.0278036999989</v>
      </c>
      <c r="AP2510" s="2">
        <v>0.23331854890695611</v>
      </c>
      <c r="AQ2510" s="3">
        <v>26609.256078400002</v>
      </c>
      <c r="AR2510" s="3">
        <v>27347.472094100001</v>
      </c>
      <c r="AS2510" s="3">
        <v>28675.168318700002</v>
      </c>
      <c r="AT2510" s="3">
        <v>29378.5217916</v>
      </c>
      <c r="AU2510" s="3">
        <v>30302.7564451</v>
      </c>
      <c r="AV2510" s="3">
        <v>31355.3878</v>
      </c>
      <c r="AW2510" s="3">
        <v>32573.611653700002</v>
      </c>
      <c r="AX2510" s="3">
        <v>33424.941578600003</v>
      </c>
      <c r="AY2510" s="3">
        <v>35414.811494699999</v>
      </c>
      <c r="AZ2510" s="3">
        <v>36705.686581100003</v>
      </c>
      <c r="BA2510" s="3">
        <v>36435.708984299999</v>
      </c>
      <c r="BB2510" s="3">
        <v>37110.509775899998</v>
      </c>
      <c r="BC2510" s="3">
        <v>37977.4880491</v>
      </c>
      <c r="BD2510" s="3">
        <v>38857.744952000001</v>
      </c>
      <c r="BE2510" s="3">
        <v>39413.743854400003</v>
      </c>
      <c r="BF2510" s="3">
        <v>40173.639457400001</v>
      </c>
      <c r="BG2510" s="1">
        <v>-55.000001498000017</v>
      </c>
      <c r="BH2510" s="2">
        <v>-0.12500000297897729</v>
      </c>
      <c r="BI2510" s="1">
        <v>-10.000001498000017</v>
      </c>
      <c r="BJ2510" s="2">
        <v>-2.2727276054442178E-2</v>
      </c>
      <c r="BK2510" s="1">
        <v>-19.999988513000005</v>
      </c>
      <c r="BL2510" s="2">
        <v>-4.6511601193023271E-2</v>
      </c>
      <c r="BM2510" s="1">
        <v>-25.000011486999995</v>
      </c>
      <c r="BN2510" s="2">
        <v>-6.0975636064811864E-2</v>
      </c>
      <c r="BO2510" s="1">
        <v>-45</v>
      </c>
      <c r="BP2510" s="2">
        <v>-0.10465116279069768</v>
      </c>
      <c r="BQ2510" s="1">
        <v>440.00000149800002</v>
      </c>
      <c r="BR2510" s="1">
        <v>440.00005826300003</v>
      </c>
      <c r="BS2510" s="1">
        <v>433</v>
      </c>
      <c r="BT2510" s="1">
        <v>430</v>
      </c>
      <c r="BU2510" s="1">
        <v>429.00009856399998</v>
      </c>
      <c r="BV2510" s="1">
        <v>426.00003635299998</v>
      </c>
      <c r="BW2510" s="1">
        <v>410.00001148699999</v>
      </c>
      <c r="BX2510" s="1">
        <v>404</v>
      </c>
      <c r="BY2510" s="1">
        <v>383</v>
      </c>
      <c r="BZ2510" s="1">
        <v>387</v>
      </c>
      <c r="CA2510" s="1">
        <v>388</v>
      </c>
      <c r="CB2510" s="1">
        <v>386</v>
      </c>
      <c r="CC2510" s="1">
        <v>385</v>
      </c>
      <c r="CD2510" s="1">
        <v>-1613.11</v>
      </c>
      <c r="CE2510" s="27">
        <v>0</v>
      </c>
      <c r="CF2510" s="27">
        <v>614.91499999999996</v>
      </c>
      <c r="CG2510" s="27">
        <v>615</v>
      </c>
      <c r="CH2510" s="27"/>
      <c r="CI2510" s="27"/>
      <c r="CJ2510" s="27"/>
      <c r="CK2510" s="27"/>
      <c r="CL2510" s="27"/>
      <c r="CM2510" s="27"/>
      <c r="CN2510" s="27"/>
      <c r="CO2510" s="27"/>
      <c r="CP2510" s="27"/>
      <c r="CQ2510" s="27"/>
      <c r="CR2510" s="27"/>
      <c r="CS2510" s="27"/>
      <c r="CT2510" s="27"/>
      <c r="CU2510" s="27"/>
      <c r="CV2510" s="27"/>
      <c r="CW2510" s="27"/>
      <c r="CX2510" s="27"/>
      <c r="CY2510" s="23" t="s">
        <v>580</v>
      </c>
      <c r="CZ2510" s="23" t="s">
        <v>581</v>
      </c>
      <c r="DA2510" s="24" t="s">
        <v>126</v>
      </c>
      <c r="DB2510" s="25"/>
      <c r="DC2510" s="25"/>
      <c r="DD2510" s="25"/>
      <c r="DE2510" s="25"/>
      <c r="DF2510" s="25"/>
      <c r="DG2510" s="25"/>
      <c r="DH2510" s="25" t="s">
        <v>333</v>
      </c>
      <c r="DI2510" s="25"/>
      <c r="DJ2510" s="25"/>
      <c r="DK2510" s="25"/>
      <c r="DL2510" s="25">
        <v>11</v>
      </c>
      <c r="DM2510" s="25" t="s">
        <v>520</v>
      </c>
      <c r="DN2510" s="25">
        <v>7</v>
      </c>
      <c r="DO2510" s="25" t="s">
        <v>369</v>
      </c>
    </row>
    <row r="2511" spans="1:119" x14ac:dyDescent="0.2">
      <c r="A2511" s="32" t="s">
        <v>791</v>
      </c>
      <c r="B2511" s="32" t="s">
        <v>791</v>
      </c>
      <c r="C2511" s="32" t="s">
        <v>329</v>
      </c>
      <c r="D2511" s="4" t="s">
        <v>79</v>
      </c>
      <c r="E2511" s="4" t="s">
        <v>220</v>
      </c>
      <c r="F2511" s="1">
        <v>1117</v>
      </c>
      <c r="G2511" s="2">
        <v>0.108520353638</v>
      </c>
      <c r="H2511" s="1">
        <v>1285.5874798999994</v>
      </c>
      <c r="I2511" s="2">
        <v>0.12489460631857999</v>
      </c>
      <c r="J2511" s="1">
        <v>-601.45711800000026</v>
      </c>
      <c r="K2511" s="2">
        <v>-5.1943939456549931E-2</v>
      </c>
      <c r="L2511" s="1">
        <v>432.09943569999996</v>
      </c>
      <c r="M2511" s="2">
        <v>3.9362248159286253E-2</v>
      </c>
      <c r="N2511" s="1">
        <v>-169.35768230000031</v>
      </c>
      <c r="O2511" s="2">
        <v>-1.4626321532523337E-2</v>
      </c>
      <c r="P2511" s="1">
        <v>10293.3786958</v>
      </c>
      <c r="Q2511" s="1">
        <v>10396.596542200001</v>
      </c>
      <c r="R2511" s="1">
        <v>10732.6098877</v>
      </c>
      <c r="S2511" s="1">
        <v>10852.387491699999</v>
      </c>
      <c r="T2511" s="1">
        <v>10980.7562693</v>
      </c>
      <c r="U2511" s="1">
        <v>11416.632170700001</v>
      </c>
      <c r="V2511" s="1">
        <v>11578.966175699999</v>
      </c>
      <c r="W2511" s="1">
        <v>11394.145596300001</v>
      </c>
      <c r="X2511" s="1">
        <v>10826.8663056</v>
      </c>
      <c r="Y2511" s="1">
        <v>10977.509057699999</v>
      </c>
      <c r="Z2511" s="1">
        <v>10812.4370576</v>
      </c>
      <c r="AA2511" s="1">
        <v>10959.351245100001</v>
      </c>
      <c r="AB2511" s="1">
        <v>10893.9621224</v>
      </c>
      <c r="AC2511" s="1">
        <v>10985.5488162</v>
      </c>
      <c r="AD2511" s="1">
        <v>11236.678414399999</v>
      </c>
      <c r="AE2511" s="1">
        <v>11154.972989399999</v>
      </c>
      <c r="AF2511" s="1">
        <v>11409.608493399999</v>
      </c>
      <c r="AG2511" s="1">
        <v>14115.783170899998</v>
      </c>
      <c r="AH2511" s="2">
        <v>0.55067210203384331</v>
      </c>
      <c r="AI2511" s="1">
        <v>5915.5169913999998</v>
      </c>
      <c r="AJ2511" s="2">
        <v>0.23077077175473934</v>
      </c>
      <c r="AK2511" s="1">
        <v>3190.3793944999961</v>
      </c>
      <c r="AL2511" s="2">
        <v>0.10112377039560186</v>
      </c>
      <c r="AM2511" s="1">
        <v>5009.8867850000024</v>
      </c>
      <c r="AN2511" s="2">
        <v>0.14421243033080103</v>
      </c>
      <c r="AO2511" s="1">
        <v>8200.2661794999985</v>
      </c>
      <c r="AP2511" s="2">
        <v>0.25991950541936654</v>
      </c>
      <c r="AQ2511" s="3">
        <v>25633.735790800001</v>
      </c>
      <c r="AR2511" s="3">
        <v>26844.269480700001</v>
      </c>
      <c r="AS2511" s="3">
        <v>27383.587208600002</v>
      </c>
      <c r="AT2511" s="3">
        <v>28510.997017599999</v>
      </c>
      <c r="AU2511" s="3">
        <v>28926.223880199999</v>
      </c>
      <c r="AV2511" s="3">
        <v>29543.853924300001</v>
      </c>
      <c r="AW2511" s="3">
        <v>31549.252782200001</v>
      </c>
      <c r="AX2511" s="3">
        <v>32706.883227400001</v>
      </c>
      <c r="AY2511" s="3">
        <v>33304.631175299997</v>
      </c>
      <c r="AZ2511" s="3">
        <v>34739.632176699997</v>
      </c>
      <c r="BA2511" s="3">
        <v>34867.745123000001</v>
      </c>
      <c r="BB2511" s="3">
        <v>35438.893364399999</v>
      </c>
      <c r="BC2511" s="3">
        <v>37364.194630099999</v>
      </c>
      <c r="BD2511" s="3">
        <v>38034.695309399998</v>
      </c>
      <c r="BE2511" s="3">
        <v>38750.307349100003</v>
      </c>
      <c r="BF2511" s="3">
        <v>39749.5189617</v>
      </c>
      <c r="BG2511" s="1">
        <v>75.746800957999994</v>
      </c>
      <c r="BH2511" s="2">
        <v>9.6369583546634482E-2</v>
      </c>
      <c r="BI2511" s="1">
        <v>56.996819323999944</v>
      </c>
      <c r="BJ2511" s="2">
        <v>7.2514742170857655E-2</v>
      </c>
      <c r="BK2511" s="1">
        <v>-19.99743785599992</v>
      </c>
      <c r="BL2511" s="2">
        <v>-2.3721752574526942E-2</v>
      </c>
      <c r="BM2511" s="1">
        <v>38.74741948999997</v>
      </c>
      <c r="BN2511" s="2">
        <v>4.708055649836345E-2</v>
      </c>
      <c r="BO2511" s="1">
        <v>18.749981634000051</v>
      </c>
      <c r="BP2511" s="2">
        <v>2.2241970611511293E-2</v>
      </c>
      <c r="BQ2511" s="1">
        <v>786.00319904200001</v>
      </c>
      <c r="BR2511" s="1">
        <v>819.00105277499995</v>
      </c>
      <c r="BS2511" s="1">
        <v>845.00127354599999</v>
      </c>
      <c r="BT2511" s="1">
        <v>843.00001836599995</v>
      </c>
      <c r="BU2511" s="1">
        <v>843.00004234300002</v>
      </c>
      <c r="BV2511" s="1">
        <v>808</v>
      </c>
      <c r="BW2511" s="1">
        <v>823.00258051000003</v>
      </c>
      <c r="BX2511" s="1">
        <v>819</v>
      </c>
      <c r="BY2511" s="1">
        <v>830</v>
      </c>
      <c r="BZ2511" s="1">
        <v>824</v>
      </c>
      <c r="CA2511" s="1">
        <v>825</v>
      </c>
      <c r="CB2511" s="1">
        <v>865</v>
      </c>
      <c r="CC2511" s="1">
        <v>861.75</v>
      </c>
      <c r="CD2511" s="1">
        <v>-8.9604499999999998</v>
      </c>
      <c r="CE2511" s="27">
        <v>0</v>
      </c>
      <c r="CF2511" s="27">
        <v>1125.19</v>
      </c>
      <c r="CG2511" s="27">
        <v>1125</v>
      </c>
      <c r="CH2511" s="27"/>
      <c r="CI2511" s="27"/>
      <c r="CJ2511" s="27"/>
      <c r="CK2511" s="27"/>
      <c r="CL2511" s="27"/>
      <c r="CM2511" s="27"/>
      <c r="CN2511" s="27"/>
      <c r="CO2511" s="27"/>
      <c r="CP2511" s="27"/>
      <c r="CQ2511" s="27"/>
      <c r="CR2511" s="27"/>
      <c r="CS2511" s="27"/>
      <c r="CT2511" s="27"/>
      <c r="CU2511" s="27"/>
      <c r="CV2511" s="27"/>
      <c r="CW2511" s="27"/>
      <c r="CX2511" s="27"/>
      <c r="CY2511" s="23" t="s">
        <v>568</v>
      </c>
      <c r="CZ2511" s="23" t="s">
        <v>569</v>
      </c>
      <c r="DA2511" s="24" t="s">
        <v>79</v>
      </c>
      <c r="DB2511" s="25" t="s">
        <v>345</v>
      </c>
      <c r="DC2511" s="25"/>
      <c r="DD2511" s="25"/>
      <c r="DE2511" s="25"/>
      <c r="DF2511" s="25"/>
      <c r="DG2511" s="25"/>
      <c r="DH2511" s="25" t="s">
        <v>333</v>
      </c>
      <c r="DI2511" s="25"/>
      <c r="DJ2511" s="25"/>
      <c r="DK2511" s="25"/>
      <c r="DL2511" s="25">
        <v>6</v>
      </c>
      <c r="DM2511" s="25" t="s">
        <v>396</v>
      </c>
      <c r="DN2511" s="25">
        <v>6</v>
      </c>
      <c r="DO2511" s="25" t="s">
        <v>393</v>
      </c>
    </row>
    <row r="2512" spans="1:119" x14ac:dyDescent="0.2">
      <c r="A2512" s="32" t="s">
        <v>791</v>
      </c>
      <c r="B2512" s="32" t="s">
        <v>791</v>
      </c>
      <c r="C2512" s="32" t="s">
        <v>329</v>
      </c>
      <c r="D2512" s="4" t="s">
        <v>85</v>
      </c>
      <c r="E2512" s="4" t="s">
        <v>226</v>
      </c>
      <c r="F2512" s="1">
        <v>1029</v>
      </c>
      <c r="G2512" s="2">
        <v>0.13128349068600001</v>
      </c>
      <c r="H2512" s="1">
        <v>634.77012606000062</v>
      </c>
      <c r="I2512" s="2">
        <v>8.0982902030342363E-2</v>
      </c>
      <c r="J2512" s="1">
        <v>-605.07637310000064</v>
      </c>
      <c r="K2512" s="2">
        <v>-7.1411511658969098E-2</v>
      </c>
      <c r="L2512" s="1">
        <v>999.12177952999991</v>
      </c>
      <c r="M2512" s="2">
        <v>0.12698521601951132</v>
      </c>
      <c r="N2512" s="1">
        <v>394.04540642999928</v>
      </c>
      <c r="O2512" s="2">
        <v>4.6505498126248164E-2</v>
      </c>
      <c r="P2512" s="1">
        <v>7838.3227835199996</v>
      </c>
      <c r="Q2512" s="1">
        <v>7767.9556879900001</v>
      </c>
      <c r="R2512" s="1">
        <v>7688.99248506</v>
      </c>
      <c r="S2512" s="1">
        <v>8280.41520666</v>
      </c>
      <c r="T2512" s="1">
        <v>8510.2017826800002</v>
      </c>
      <c r="U2512" s="1">
        <v>8453.5555289099993</v>
      </c>
      <c r="V2512" s="1">
        <v>8473.0929095800002</v>
      </c>
      <c r="W2512" s="1">
        <v>8355.4456197500003</v>
      </c>
      <c r="X2512" s="1">
        <v>8145.9258839499998</v>
      </c>
      <c r="Y2512" s="1">
        <v>7868.0165364799996</v>
      </c>
      <c r="Z2512" s="1">
        <v>7987.8675835800004</v>
      </c>
      <c r="AA2512" s="1">
        <v>7962.2456020400004</v>
      </c>
      <c r="AB2512" s="1">
        <v>8197.8457382600009</v>
      </c>
      <c r="AC2512" s="1">
        <v>8330.3193886900008</v>
      </c>
      <c r="AD2512" s="1">
        <v>8532.5847304800009</v>
      </c>
      <c r="AE2512" s="1">
        <v>8615.3803292400007</v>
      </c>
      <c r="AF2512" s="1">
        <v>8867.1383160099995</v>
      </c>
      <c r="AG2512" s="1">
        <v>13858.415234799999</v>
      </c>
      <c r="AH2512" s="2">
        <v>0.50972704181977091</v>
      </c>
      <c r="AI2512" s="1">
        <v>5709.389803500002</v>
      </c>
      <c r="AJ2512" s="2">
        <v>0.20999734282936708</v>
      </c>
      <c r="AK2512" s="1">
        <v>2402.9652692999953</v>
      </c>
      <c r="AL2512" s="2">
        <v>7.3044442992480613E-2</v>
      </c>
      <c r="AM2512" s="1">
        <v>5746.0601620000016</v>
      </c>
      <c r="AN2512" s="2">
        <v>0.16277666517653583</v>
      </c>
      <c r="AO2512" s="1">
        <v>8149.0254312999969</v>
      </c>
      <c r="AP2512" s="2">
        <v>0.24771103900901001</v>
      </c>
      <c r="AQ2512" s="3">
        <v>27187.9145068</v>
      </c>
      <c r="AR2512" s="3">
        <v>28210.738453800001</v>
      </c>
      <c r="AS2512" s="3">
        <v>29716.891538799999</v>
      </c>
      <c r="AT2512" s="3">
        <v>29801.4880949</v>
      </c>
      <c r="AU2512" s="3">
        <v>31141.931509800001</v>
      </c>
      <c r="AV2512" s="3">
        <v>32926.8387831</v>
      </c>
      <c r="AW2512" s="3">
        <v>32897.304310300002</v>
      </c>
      <c r="AX2512" s="3">
        <v>34183.574095399999</v>
      </c>
      <c r="AY2512" s="3">
        <v>34991.955816100002</v>
      </c>
      <c r="AZ2512" s="3">
        <v>35300.269579599997</v>
      </c>
      <c r="BA2512" s="3">
        <v>36170.6930956</v>
      </c>
      <c r="BB2512" s="3">
        <v>36091.759456699998</v>
      </c>
      <c r="BC2512" s="3">
        <v>37084.9908297</v>
      </c>
      <c r="BD2512" s="3">
        <v>37960.911273099999</v>
      </c>
      <c r="BE2512" s="3">
        <v>39618.058270200003</v>
      </c>
      <c r="BF2512" s="3">
        <v>41046.329741599999</v>
      </c>
      <c r="BG2512" s="1">
        <v>29.993057185999987</v>
      </c>
      <c r="BH2512" s="2">
        <v>4.9574732227859554E-2</v>
      </c>
      <c r="BI2512" s="1">
        <v>55.381381275999956</v>
      </c>
      <c r="BJ2512" s="2">
        <v>9.153842271364826E-2</v>
      </c>
      <c r="BK2512" s="1">
        <v>-73.388316101999976</v>
      </c>
      <c r="BL2512" s="2">
        <v>-0.11112903336552384</v>
      </c>
      <c r="BM2512" s="1">
        <v>47.999992012000007</v>
      </c>
      <c r="BN2512" s="2">
        <v>8.1771705892346877E-2</v>
      </c>
      <c r="BO2512" s="1">
        <v>-25.388324089999969</v>
      </c>
      <c r="BP2512" s="2">
        <v>-3.8444538105643369E-2</v>
      </c>
      <c r="BQ2512" s="1">
        <v>605.00694281400001</v>
      </c>
      <c r="BR2512" s="1">
        <v>619.00984858300001</v>
      </c>
      <c r="BS2512" s="1">
        <v>638.57714788299995</v>
      </c>
      <c r="BT2512" s="1">
        <v>660.38832408999997</v>
      </c>
      <c r="BU2512" s="1">
        <v>643.29599806399995</v>
      </c>
      <c r="BV2512" s="1">
        <v>613.54379162700002</v>
      </c>
      <c r="BW2512" s="1">
        <v>587.00000798799999</v>
      </c>
      <c r="BX2512" s="1">
        <v>590</v>
      </c>
      <c r="BY2512" s="1">
        <v>611</v>
      </c>
      <c r="BZ2512" s="1">
        <v>618</v>
      </c>
      <c r="CA2512" s="1">
        <v>619</v>
      </c>
      <c r="CB2512" s="1">
        <v>638</v>
      </c>
      <c r="CC2512" s="1">
        <v>635</v>
      </c>
      <c r="CD2512" s="1">
        <v>171.99199999999999</v>
      </c>
      <c r="CE2512" s="27">
        <v>0</v>
      </c>
      <c r="CF2512" s="27">
        <v>856.82299999999998</v>
      </c>
      <c r="CG2512" s="27">
        <v>857</v>
      </c>
      <c r="CH2512" s="27"/>
      <c r="CI2512" s="27"/>
      <c r="CJ2512" s="27"/>
      <c r="CK2512" s="27"/>
      <c r="CL2512" s="27"/>
      <c r="CM2512" s="27"/>
      <c r="CN2512" s="27"/>
      <c r="CO2512" s="27"/>
      <c r="CP2512" s="27"/>
      <c r="CQ2512" s="27"/>
      <c r="CR2512" s="27"/>
      <c r="CS2512" s="27"/>
      <c r="CT2512" s="27"/>
      <c r="CU2512" s="27"/>
      <c r="CV2512" s="27"/>
      <c r="CW2512" s="27"/>
      <c r="CX2512" s="27"/>
      <c r="CY2512" s="23" t="s">
        <v>727</v>
      </c>
      <c r="CZ2512" s="23" t="s">
        <v>728</v>
      </c>
      <c r="DA2512" s="24" t="s">
        <v>85</v>
      </c>
      <c r="DB2512" s="25"/>
      <c r="DC2512" s="25" t="s">
        <v>506</v>
      </c>
      <c r="DD2512" s="25" t="s">
        <v>507</v>
      </c>
      <c r="DE2512" s="25" t="s">
        <v>508</v>
      </c>
      <c r="DF2512" s="25" t="s">
        <v>375</v>
      </c>
      <c r="DG2512" s="25" t="s">
        <v>376</v>
      </c>
      <c r="DH2512" s="25" t="s">
        <v>328</v>
      </c>
      <c r="DI2512" s="25" t="s">
        <v>509</v>
      </c>
      <c r="DJ2512" s="25" t="s">
        <v>366</v>
      </c>
      <c r="DK2512" s="25" t="s">
        <v>729</v>
      </c>
      <c r="DL2512" s="25">
        <v>1</v>
      </c>
      <c r="DM2512" s="25" t="s">
        <v>404</v>
      </c>
      <c r="DN2512" s="25">
        <v>1</v>
      </c>
      <c r="DO2512" s="25" t="s">
        <v>405</v>
      </c>
    </row>
    <row r="2513" spans="1:119" x14ac:dyDescent="0.2">
      <c r="A2513" s="32" t="s">
        <v>791</v>
      </c>
      <c r="B2513" s="32" t="s">
        <v>791</v>
      </c>
      <c r="C2513" s="32" t="s">
        <v>329</v>
      </c>
      <c r="D2513" s="4" t="s">
        <v>122</v>
      </c>
      <c r="E2513" s="4" t="s">
        <v>263</v>
      </c>
      <c r="F2513" s="1">
        <v>-543</v>
      </c>
      <c r="G2513" s="2">
        <v>-5.9966869133100002E-2</v>
      </c>
      <c r="H2513" s="1">
        <v>-133.27646422999896</v>
      </c>
      <c r="I2513" s="2">
        <v>-1.4719134098006115E-2</v>
      </c>
      <c r="J2513" s="1">
        <v>-607.09106028000133</v>
      </c>
      <c r="K2513" s="2">
        <v>-6.8049131727072498E-2</v>
      </c>
      <c r="L2513" s="1">
        <v>197.97711921000155</v>
      </c>
      <c r="M2513" s="2">
        <v>2.3811718168704851E-2</v>
      </c>
      <c r="N2513" s="1">
        <v>-409.11394106999978</v>
      </c>
      <c r="O2513" s="2">
        <v>-4.5857780304677777E-2</v>
      </c>
      <c r="P2513" s="1">
        <v>9054.6402622999994</v>
      </c>
      <c r="Q2513" s="1">
        <v>8939.8249406199993</v>
      </c>
      <c r="R2513" s="1">
        <v>8804.4830584800002</v>
      </c>
      <c r="S2513" s="1">
        <v>8744.4218453800004</v>
      </c>
      <c r="T2513" s="1">
        <v>8766.7462682900004</v>
      </c>
      <c r="U2513" s="1">
        <v>8856.1727282899992</v>
      </c>
      <c r="V2513" s="1">
        <v>8921.3637980700005</v>
      </c>
      <c r="W2513" s="1">
        <v>8634.6490489600001</v>
      </c>
      <c r="X2513" s="1">
        <v>8435.8924781999995</v>
      </c>
      <c r="Y2513" s="1">
        <v>8314.2727377899992</v>
      </c>
      <c r="Z2513" s="1">
        <v>8172.8023224600001</v>
      </c>
      <c r="AA2513" s="1">
        <v>8225.1756813699994</v>
      </c>
      <c r="AB2513" s="1">
        <v>8254.4650114699998</v>
      </c>
      <c r="AC2513" s="1">
        <v>8513.9919798899991</v>
      </c>
      <c r="AD2513" s="1">
        <v>8540.85901466</v>
      </c>
      <c r="AE2513" s="1">
        <v>8431.2619292199997</v>
      </c>
      <c r="AF2513" s="1">
        <v>8512.2498570000007</v>
      </c>
      <c r="AG2513" s="1">
        <v>16680.395798000001</v>
      </c>
      <c r="AH2513" s="2">
        <v>0.61083313054026434</v>
      </c>
      <c r="AI2513" s="1">
        <v>6979.4344257000012</v>
      </c>
      <c r="AJ2513" s="2">
        <v>0.25558564864282146</v>
      </c>
      <c r="AK2513" s="1">
        <v>3953.1486741999979</v>
      </c>
      <c r="AL2513" s="2">
        <v>0.11529568074890595</v>
      </c>
      <c r="AM2513" s="1">
        <v>5747.8126981000023</v>
      </c>
      <c r="AN2513" s="2">
        <v>0.15030813183720834</v>
      </c>
      <c r="AO2513" s="1">
        <v>9700.9613723000002</v>
      </c>
      <c r="AP2513" s="2">
        <v>0.2829336909683815</v>
      </c>
      <c r="AQ2513" s="3">
        <v>27307.614738</v>
      </c>
      <c r="AR2513" s="3">
        <v>28525.035808100001</v>
      </c>
      <c r="AS2513" s="3">
        <v>29742.075375600001</v>
      </c>
      <c r="AT2513" s="3">
        <v>31453.772458799998</v>
      </c>
      <c r="AU2513" s="3">
        <v>33465.556184599998</v>
      </c>
      <c r="AV2513" s="3">
        <v>33901.345202800003</v>
      </c>
      <c r="AW2513" s="3">
        <v>34287.049163700001</v>
      </c>
      <c r="AX2513" s="3">
        <v>36079.170935599999</v>
      </c>
      <c r="AY2513" s="3">
        <v>37517.8477661</v>
      </c>
      <c r="AZ2513" s="3">
        <v>38240.197837899999</v>
      </c>
      <c r="BA2513" s="3">
        <v>38520.265487899997</v>
      </c>
      <c r="BB2513" s="3">
        <v>39340.917741099998</v>
      </c>
      <c r="BC2513" s="3">
        <v>40775.1112565</v>
      </c>
      <c r="BD2513" s="3">
        <v>44576.479965400002</v>
      </c>
      <c r="BE2513" s="3">
        <v>44792.6681933</v>
      </c>
      <c r="BF2513" s="3">
        <v>43988.010536000002</v>
      </c>
      <c r="BG2513" s="1">
        <v>-14.652788220000048</v>
      </c>
      <c r="BH2513" s="2">
        <v>-2.1331676725276413E-2</v>
      </c>
      <c r="BI2513" s="1">
        <v>-3.8814667190000591</v>
      </c>
      <c r="BJ2513" s="2">
        <v>-5.6506783573528159E-3</v>
      </c>
      <c r="BK2513" s="1">
        <v>-10.020682782999984</v>
      </c>
      <c r="BL2513" s="2">
        <v>-1.4671112698178505E-2</v>
      </c>
      <c r="BM2513" s="1">
        <v>-0.7506387180000047</v>
      </c>
      <c r="BN2513" s="2">
        <v>-1.1153610781557319E-3</v>
      </c>
      <c r="BO2513" s="1">
        <v>-10.771321500999989</v>
      </c>
      <c r="BP2513" s="2">
        <v>-1.5770110188257452E-2</v>
      </c>
      <c r="BQ2513" s="1">
        <v>686.90278822000005</v>
      </c>
      <c r="BR2513" s="1">
        <v>683.49742583199998</v>
      </c>
      <c r="BS2513" s="1">
        <v>681.54311087500002</v>
      </c>
      <c r="BT2513" s="1">
        <v>683.02132150099999</v>
      </c>
      <c r="BU2513" s="1">
        <v>684.004491497</v>
      </c>
      <c r="BV2513" s="1">
        <v>682.00232365700003</v>
      </c>
      <c r="BW2513" s="1">
        <v>673.000638718</v>
      </c>
      <c r="BX2513" s="1">
        <v>661</v>
      </c>
      <c r="BY2513" s="1">
        <v>652</v>
      </c>
      <c r="BZ2513" s="1">
        <v>670</v>
      </c>
      <c r="CA2513" s="1">
        <v>666</v>
      </c>
      <c r="CB2513" s="1">
        <v>671</v>
      </c>
      <c r="CC2513" s="1">
        <v>672.25</v>
      </c>
      <c r="CD2513" s="1">
        <v>-1532.17</v>
      </c>
      <c r="CE2513" s="27">
        <v>0</v>
      </c>
      <c r="CF2513" s="27">
        <v>989.78099999999995</v>
      </c>
      <c r="CG2513" s="27">
        <v>990</v>
      </c>
      <c r="CH2513" s="27"/>
      <c r="CI2513" s="27"/>
      <c r="CJ2513" s="27"/>
      <c r="CK2513" s="27"/>
      <c r="CL2513" s="27"/>
      <c r="CM2513" s="27"/>
      <c r="CN2513" s="27"/>
      <c r="CO2513" s="27"/>
      <c r="CP2513" s="27"/>
      <c r="CQ2513" s="27"/>
      <c r="CR2513" s="27"/>
      <c r="CS2513" s="27"/>
      <c r="CT2513" s="27"/>
      <c r="CU2513" s="27"/>
      <c r="CV2513" s="27"/>
      <c r="CW2513" s="27"/>
      <c r="CX2513" s="27"/>
      <c r="CY2513" s="23" t="s">
        <v>523</v>
      </c>
      <c r="CZ2513" s="23" t="s">
        <v>524</v>
      </c>
      <c r="DA2513" s="24" t="s">
        <v>122</v>
      </c>
      <c r="DB2513" s="25"/>
      <c r="DC2513" s="25"/>
      <c r="DD2513" s="25"/>
      <c r="DE2513" s="25"/>
      <c r="DF2513" s="25"/>
      <c r="DG2513" s="25"/>
      <c r="DH2513" s="25" t="s">
        <v>333</v>
      </c>
      <c r="DI2513" s="25"/>
      <c r="DJ2513" s="25"/>
      <c r="DK2513" s="25"/>
      <c r="DL2513" s="25">
        <v>4</v>
      </c>
      <c r="DM2513" s="25" t="s">
        <v>446</v>
      </c>
      <c r="DN2513" s="25">
        <v>6</v>
      </c>
      <c r="DO2513" s="25" t="s">
        <v>393</v>
      </c>
    </row>
    <row r="2514" spans="1:119" x14ac:dyDescent="0.2">
      <c r="A2514" s="32" t="s">
        <v>791</v>
      </c>
      <c r="B2514" s="32" t="s">
        <v>791</v>
      </c>
      <c r="C2514" s="32" t="s">
        <v>329</v>
      </c>
      <c r="D2514" s="4" t="s">
        <v>121</v>
      </c>
      <c r="E2514" s="4" t="s">
        <v>262</v>
      </c>
      <c r="F2514" s="1">
        <v>764</v>
      </c>
      <c r="G2514" s="2">
        <v>8.4085406119300002E-2</v>
      </c>
      <c r="H2514" s="1">
        <v>957.95760603999952</v>
      </c>
      <c r="I2514" s="2">
        <v>0.10543707919820489</v>
      </c>
      <c r="J2514" s="1">
        <v>-621.08909429999949</v>
      </c>
      <c r="K2514" s="2">
        <v>-6.1839639954082475E-2</v>
      </c>
      <c r="L2514" s="1">
        <v>427.44421607999902</v>
      </c>
      <c r="M2514" s="2">
        <v>4.5364425451816952E-2</v>
      </c>
      <c r="N2514" s="1">
        <v>-193.64487822000046</v>
      </c>
      <c r="O2514" s="2">
        <v>-1.9280534238929697E-2</v>
      </c>
      <c r="P2514" s="1">
        <v>9085.5855769600003</v>
      </c>
      <c r="Q2514" s="1">
        <v>9340.0609834799998</v>
      </c>
      <c r="R2514" s="1">
        <v>9463.8114101200008</v>
      </c>
      <c r="S2514" s="1">
        <v>9628.4447566100007</v>
      </c>
      <c r="T2514" s="1">
        <v>10053.120878</v>
      </c>
      <c r="U2514" s="1">
        <v>10046.5060311</v>
      </c>
      <c r="V2514" s="1">
        <v>10043.543183</v>
      </c>
      <c r="W2514" s="1">
        <v>10050.6681589</v>
      </c>
      <c r="X2514" s="1">
        <v>9395.4519960500002</v>
      </c>
      <c r="Y2514" s="1">
        <v>9422.4540887000003</v>
      </c>
      <c r="Z2514" s="1">
        <v>9358.3706010000005</v>
      </c>
      <c r="AA2514" s="1">
        <v>9237.3191461200004</v>
      </c>
      <c r="AB2514" s="1">
        <v>9405.5294534000004</v>
      </c>
      <c r="AC2514" s="1">
        <v>9243.5598445800006</v>
      </c>
      <c r="AD2514" s="1">
        <v>9457.3022805399996</v>
      </c>
      <c r="AE2514" s="1">
        <v>9673.6961487200006</v>
      </c>
      <c r="AF2514" s="1">
        <v>9849.8983047799993</v>
      </c>
      <c r="AG2514" s="1">
        <v>15406.236097500001</v>
      </c>
      <c r="AH2514" s="2">
        <v>0.62009652333848664</v>
      </c>
      <c r="AI2514" s="1">
        <v>6293.1699602999979</v>
      </c>
      <c r="AJ2514" s="2">
        <v>0.25329826107192244</v>
      </c>
      <c r="AK2514" s="1">
        <v>3636.756799200004</v>
      </c>
      <c r="AL2514" s="2">
        <v>0.11679454785406462</v>
      </c>
      <c r="AM2514" s="1">
        <v>5476.3093379999991</v>
      </c>
      <c r="AN2514" s="2">
        <v>0.15747912648801868</v>
      </c>
      <c r="AO2514" s="1">
        <v>9113.0661372000031</v>
      </c>
      <c r="AP2514" s="2">
        <v>0.29266637771670451</v>
      </c>
      <c r="AQ2514" s="3">
        <v>24844.8999755</v>
      </c>
      <c r="AR2514" s="3">
        <v>25957.9028626</v>
      </c>
      <c r="AS2514" s="3">
        <v>27647.6444558</v>
      </c>
      <c r="AT2514" s="3">
        <v>28678.542811800002</v>
      </c>
      <c r="AU2514" s="3">
        <v>30341.259977199999</v>
      </c>
      <c r="AV2514" s="3">
        <v>30515.905800699999</v>
      </c>
      <c r="AW2514" s="3">
        <v>31138.069935799998</v>
      </c>
      <c r="AX2514" s="3">
        <v>32111.434619399999</v>
      </c>
      <c r="AY2514" s="3">
        <v>33931.083472400001</v>
      </c>
      <c r="AZ2514" s="3">
        <v>34774.826735000002</v>
      </c>
      <c r="BA2514" s="3">
        <v>36210.987753100002</v>
      </c>
      <c r="BB2514" s="3">
        <v>37004.893197799996</v>
      </c>
      <c r="BC2514" s="3">
        <v>37536.170072599998</v>
      </c>
      <c r="BD2514" s="3">
        <v>38746.352022500003</v>
      </c>
      <c r="BE2514" s="3">
        <v>40038.485030800002</v>
      </c>
      <c r="BF2514" s="3">
        <v>40251.136073000001</v>
      </c>
      <c r="BG2514" s="1">
        <v>38.99894597499997</v>
      </c>
      <c r="BH2514" s="2">
        <v>6.2398208329165497E-2</v>
      </c>
      <c r="BI2514" s="1">
        <v>49.999051682999948</v>
      </c>
      <c r="BJ2514" s="2">
        <v>7.9998347780386281E-2</v>
      </c>
      <c r="BK2514" s="1">
        <v>-25.00009684500003</v>
      </c>
      <c r="BL2514" s="2">
        <v>-3.7037174710924985E-2</v>
      </c>
      <c r="BM2514" s="1">
        <v>13.999991137000052</v>
      </c>
      <c r="BN2514" s="2">
        <v>2.1538447609391987E-2</v>
      </c>
      <c r="BO2514" s="1">
        <v>-11.000105707999978</v>
      </c>
      <c r="BP2514" s="2">
        <v>-1.6296450348644156E-2</v>
      </c>
      <c r="BQ2514" s="1">
        <v>625.00105402500003</v>
      </c>
      <c r="BR2514" s="1">
        <v>625.00024944799998</v>
      </c>
      <c r="BS2514" s="1">
        <v>655.19557024899996</v>
      </c>
      <c r="BT2514" s="1">
        <v>675.00010570799998</v>
      </c>
      <c r="BU2514" s="1">
        <v>665.00005924300001</v>
      </c>
      <c r="BV2514" s="1">
        <v>643.00004513600004</v>
      </c>
      <c r="BW2514" s="1">
        <v>650.00000886299995</v>
      </c>
      <c r="BX2514" s="1">
        <v>646</v>
      </c>
      <c r="BY2514" s="1">
        <v>651</v>
      </c>
      <c r="BZ2514" s="1">
        <v>642</v>
      </c>
      <c r="CA2514" s="1">
        <v>633</v>
      </c>
      <c r="CB2514" s="1">
        <v>657</v>
      </c>
      <c r="CC2514" s="1">
        <v>664</v>
      </c>
      <c r="CD2514" s="1">
        <v>-228.851</v>
      </c>
      <c r="CE2514" s="27">
        <v>0</v>
      </c>
      <c r="CF2514" s="27">
        <v>993.16399999999999</v>
      </c>
      <c r="CG2514" s="27">
        <v>993</v>
      </c>
      <c r="CH2514" s="27"/>
      <c r="CI2514" s="27"/>
      <c r="CJ2514" s="27"/>
      <c r="CK2514" s="27"/>
      <c r="CL2514" s="27"/>
      <c r="CM2514" s="27"/>
      <c r="CN2514" s="27"/>
      <c r="CO2514" s="27"/>
      <c r="CP2514" s="27"/>
      <c r="CQ2514" s="27"/>
      <c r="CR2514" s="27"/>
      <c r="CS2514" s="27"/>
      <c r="CT2514" s="27"/>
      <c r="CU2514" s="27"/>
      <c r="CV2514" s="27"/>
      <c r="CW2514" s="27"/>
      <c r="CX2514" s="27"/>
      <c r="CY2514" s="23" t="s">
        <v>652</v>
      </c>
      <c r="CZ2514" s="23" t="s">
        <v>653</v>
      </c>
      <c r="DA2514" s="24" t="s">
        <v>121</v>
      </c>
      <c r="DB2514" s="25" t="s">
        <v>345</v>
      </c>
      <c r="DC2514" s="25" t="s">
        <v>458</v>
      </c>
      <c r="DD2514" s="25" t="s">
        <v>459</v>
      </c>
      <c r="DE2514" s="25" t="s">
        <v>460</v>
      </c>
      <c r="DF2514" s="25" t="s">
        <v>375</v>
      </c>
      <c r="DG2514" s="25" t="s">
        <v>376</v>
      </c>
      <c r="DH2514" s="25" t="s">
        <v>328</v>
      </c>
      <c r="DI2514" s="25" t="s">
        <v>461</v>
      </c>
      <c r="DJ2514" s="25" t="s">
        <v>366</v>
      </c>
      <c r="DK2514" s="25" t="s">
        <v>654</v>
      </c>
      <c r="DL2514" s="25">
        <v>2</v>
      </c>
      <c r="DM2514" s="25" t="s">
        <v>379</v>
      </c>
      <c r="DN2514" s="25">
        <v>2</v>
      </c>
      <c r="DO2514" s="25" t="s">
        <v>463</v>
      </c>
    </row>
    <row r="2515" spans="1:119" x14ac:dyDescent="0.2">
      <c r="A2515" s="32" t="s">
        <v>791</v>
      </c>
      <c r="B2515" s="32" t="s">
        <v>791</v>
      </c>
      <c r="C2515" s="32" t="s">
        <v>329</v>
      </c>
      <c r="D2515" s="4" t="s">
        <v>169</v>
      </c>
      <c r="E2515" s="4" t="s">
        <v>308</v>
      </c>
      <c r="F2515" s="1">
        <v>-1113</v>
      </c>
      <c r="G2515" s="2">
        <v>-0.33544303797500002</v>
      </c>
      <c r="H2515" s="1">
        <v>-651.77966655</v>
      </c>
      <c r="I2515" s="2">
        <v>-0.19642140567726463</v>
      </c>
      <c r="J2515" s="1">
        <v>-622.64581297000018</v>
      </c>
      <c r="K2515" s="2">
        <v>-0.23350743831828225</v>
      </c>
      <c r="L2515" s="1">
        <v>161.25659014000007</v>
      </c>
      <c r="M2515" s="2">
        <v>7.8898577824343577E-2</v>
      </c>
      <c r="N2515" s="1">
        <v>-461.38922283000011</v>
      </c>
      <c r="O2515" s="2">
        <v>-0.17303226528865676</v>
      </c>
      <c r="P2515" s="1">
        <v>3318.2720809000002</v>
      </c>
      <c r="Q2515" s="1">
        <v>3325.83947261</v>
      </c>
      <c r="R2515" s="1">
        <v>3293.1523163299998</v>
      </c>
      <c r="S2515" s="1">
        <v>2901.1043308600001</v>
      </c>
      <c r="T2515" s="1">
        <v>2599.2221151700001</v>
      </c>
      <c r="U2515" s="1">
        <v>2805.0244014</v>
      </c>
      <c r="V2515" s="1">
        <v>2666.4924143500002</v>
      </c>
      <c r="W2515" s="1">
        <v>2390.5556547800002</v>
      </c>
      <c r="X2515" s="1">
        <v>2336.1896983800002</v>
      </c>
      <c r="Y2515" s="1">
        <v>2043.84660138</v>
      </c>
      <c r="Z2515" s="1">
        <v>2096.5085542299998</v>
      </c>
      <c r="AA2515" s="1">
        <v>1981.63738124</v>
      </c>
      <c r="AB2515" s="1">
        <v>1993.5166545899999</v>
      </c>
      <c r="AC2515" s="1">
        <v>2048.9283467099999</v>
      </c>
      <c r="AD2515" s="1">
        <v>2117.2098584199998</v>
      </c>
      <c r="AE2515" s="1">
        <v>2147.2850189699998</v>
      </c>
      <c r="AF2515" s="1">
        <v>2205.1031915200001</v>
      </c>
      <c r="AG2515" s="1">
        <v>11088.760228899999</v>
      </c>
      <c r="AH2515" s="2">
        <v>0.48187231562731775</v>
      </c>
      <c r="AI2515" s="1">
        <v>4100.0618964999994</v>
      </c>
      <c r="AJ2515" s="2">
        <v>0.17817197590156353</v>
      </c>
      <c r="AK2515" s="1">
        <v>4163.331252699998</v>
      </c>
      <c r="AL2515" s="2">
        <v>0.15356111662957839</v>
      </c>
      <c r="AM2515" s="1">
        <v>2825.3670797000013</v>
      </c>
      <c r="AN2515" s="2">
        <v>9.0338851856784863E-2</v>
      </c>
      <c r="AO2515" s="1">
        <v>6988.6983323999993</v>
      </c>
      <c r="AP2515" s="2">
        <v>0.25777250345252523</v>
      </c>
      <c r="AQ2515" s="3">
        <v>23011.822570600001</v>
      </c>
      <c r="AR2515" s="3">
        <v>23008.705789</v>
      </c>
      <c r="AS2515" s="3">
        <v>24444.810456200001</v>
      </c>
      <c r="AT2515" s="3">
        <v>24644.997172700001</v>
      </c>
      <c r="AU2515" s="3">
        <v>26232.281624300002</v>
      </c>
      <c r="AV2515" s="3">
        <v>26679.777626800002</v>
      </c>
      <c r="AW2515" s="3">
        <v>27111.884467100001</v>
      </c>
      <c r="AX2515" s="3">
        <v>28879.734826600001</v>
      </c>
      <c r="AY2515" s="3">
        <v>29228.8127757</v>
      </c>
      <c r="AZ2515" s="3">
        <v>31275.215719799999</v>
      </c>
      <c r="BA2515" s="3">
        <v>30381.199384899999</v>
      </c>
      <c r="BB2515" s="3">
        <v>31563.5604532</v>
      </c>
      <c r="BC2515" s="3">
        <v>31917.139183800002</v>
      </c>
      <c r="BD2515" s="3">
        <v>32657.949108000001</v>
      </c>
      <c r="BE2515" s="3">
        <v>33415.381750699999</v>
      </c>
      <c r="BF2515" s="3">
        <v>34100.5827995</v>
      </c>
      <c r="BG2515" s="1">
        <v>0.74999965800000723</v>
      </c>
      <c r="BH2515" s="2">
        <v>4.2857123230531065E-3</v>
      </c>
      <c r="BI2515" s="1">
        <v>6.0001876030000005</v>
      </c>
      <c r="BJ2515" s="2">
        <v>3.428678623585097E-2</v>
      </c>
      <c r="BK2515" s="1">
        <v>-8.0001808549999964</v>
      </c>
      <c r="BL2515" s="2">
        <v>-4.4199848330715483E-2</v>
      </c>
      <c r="BM2515" s="1">
        <v>2.7499929100000031</v>
      </c>
      <c r="BN2515" s="2">
        <v>1.5895912123109746E-2</v>
      </c>
      <c r="BO2515" s="1">
        <v>-5.2501879449999933</v>
      </c>
      <c r="BP2515" s="2">
        <v>-2.9006533112525566E-2</v>
      </c>
      <c r="BQ2515" s="1">
        <v>175.00000034199999</v>
      </c>
      <c r="BR2515" s="1">
        <v>178.00016721099999</v>
      </c>
      <c r="BS2515" s="1">
        <v>183.000296924</v>
      </c>
      <c r="BT2515" s="1">
        <v>181.00018794499999</v>
      </c>
      <c r="BU2515" s="1">
        <v>181.00009079599999</v>
      </c>
      <c r="BV2515" s="1">
        <v>175.000046131</v>
      </c>
      <c r="BW2515" s="1">
        <v>173.00000709</v>
      </c>
      <c r="BX2515" s="1">
        <v>168</v>
      </c>
      <c r="BY2515" s="1">
        <v>168</v>
      </c>
      <c r="BZ2515" s="1">
        <v>176</v>
      </c>
      <c r="CA2515" s="1">
        <v>178</v>
      </c>
      <c r="CB2515" s="1">
        <v>177</v>
      </c>
      <c r="CC2515" s="1">
        <v>175.75</v>
      </c>
      <c r="CD2515" s="1">
        <v>-1475.9</v>
      </c>
      <c r="CE2515" s="27">
        <v>0</v>
      </c>
      <c r="CF2515" s="27">
        <v>362.72699999999998</v>
      </c>
      <c r="CG2515" s="27">
        <v>363</v>
      </c>
      <c r="CH2515" s="27"/>
      <c r="CI2515" s="27"/>
      <c r="CJ2515" s="27"/>
      <c r="CK2515" s="27"/>
      <c r="CL2515" s="27"/>
      <c r="CM2515" s="27"/>
      <c r="CN2515" s="27"/>
      <c r="CO2515" s="27"/>
      <c r="CP2515" s="27"/>
      <c r="CQ2515" s="27"/>
      <c r="CR2515" s="27"/>
      <c r="CS2515" s="27"/>
      <c r="CT2515" s="27"/>
      <c r="CU2515" s="27"/>
      <c r="CV2515" s="27"/>
      <c r="CW2515" s="27"/>
      <c r="CX2515" s="27"/>
      <c r="CY2515" s="23" t="s">
        <v>483</v>
      </c>
      <c r="CZ2515" s="23" t="s">
        <v>484</v>
      </c>
      <c r="DA2515" s="24" t="s">
        <v>169</v>
      </c>
      <c r="DB2515" s="25" t="s">
        <v>345</v>
      </c>
      <c r="DC2515" s="25"/>
      <c r="DD2515" s="25"/>
      <c r="DE2515" s="25"/>
      <c r="DF2515" s="25"/>
      <c r="DG2515" s="25"/>
      <c r="DH2515" s="25" t="s">
        <v>333</v>
      </c>
      <c r="DI2515" s="25"/>
      <c r="DJ2515" s="25"/>
      <c r="DK2515" s="25"/>
      <c r="DL2515" s="25">
        <v>7</v>
      </c>
      <c r="DM2515" s="25" t="s">
        <v>485</v>
      </c>
      <c r="DN2515" s="25">
        <v>8</v>
      </c>
      <c r="DO2515" s="25" t="s">
        <v>486</v>
      </c>
    </row>
    <row r="2516" spans="1:119" x14ac:dyDescent="0.2">
      <c r="A2516" s="32" t="s">
        <v>791</v>
      </c>
      <c r="B2516" s="32" t="s">
        <v>791</v>
      </c>
      <c r="C2516" s="32" t="s">
        <v>329</v>
      </c>
      <c r="D2516" s="4" t="s">
        <v>145</v>
      </c>
      <c r="E2516" s="4" t="s">
        <v>286</v>
      </c>
      <c r="F2516" s="1">
        <v>-948</v>
      </c>
      <c r="G2516" s="2">
        <v>-9.4394105347000004E-2</v>
      </c>
      <c r="H2516" s="1">
        <v>88.751064300000508</v>
      </c>
      <c r="I2516" s="2">
        <v>8.8374890345281048E-3</v>
      </c>
      <c r="J2516" s="1">
        <v>-641.90549663999991</v>
      </c>
      <c r="K2516" s="2">
        <v>-6.3358545708467412E-2</v>
      </c>
      <c r="L2516" s="1">
        <v>-394.01298642000074</v>
      </c>
      <c r="M2516" s="2">
        <v>-4.1521330995378539E-2</v>
      </c>
      <c r="N2516" s="1">
        <v>-1035.9184830600007</v>
      </c>
      <c r="O2516" s="2">
        <v>-0.10224914555609886</v>
      </c>
      <c r="P2516" s="1">
        <v>10042.5657054</v>
      </c>
      <c r="Q2516" s="1">
        <v>9905.5363958800008</v>
      </c>
      <c r="R2516" s="1">
        <v>10446.4280208</v>
      </c>
      <c r="S2516" s="1">
        <v>10303.4467831</v>
      </c>
      <c r="T2516" s="1">
        <v>10174.8179243</v>
      </c>
      <c r="U2516" s="1">
        <v>10127.2917268</v>
      </c>
      <c r="V2516" s="1">
        <v>10131.316769700001</v>
      </c>
      <c r="W2516" s="1">
        <v>10002.789961</v>
      </c>
      <c r="X2516" s="1">
        <v>9873.4511349799996</v>
      </c>
      <c r="Y2516" s="1">
        <v>9489.4112730600009</v>
      </c>
      <c r="Z2516" s="1">
        <v>9305.3724911400004</v>
      </c>
      <c r="AA2516" s="1">
        <v>9540.4995675299997</v>
      </c>
      <c r="AB2516" s="1">
        <v>9132.5333348299991</v>
      </c>
      <c r="AC2516" s="1">
        <v>8847.7105852599998</v>
      </c>
      <c r="AD2516" s="1">
        <v>8957.5517882299991</v>
      </c>
      <c r="AE2516" s="1">
        <v>9002.3324094100008</v>
      </c>
      <c r="AF2516" s="1">
        <v>9095.3982866400002</v>
      </c>
      <c r="AG2516" s="1">
        <v>11310.203178299998</v>
      </c>
      <c r="AH2516" s="2">
        <v>0.40409429197024016</v>
      </c>
      <c r="AI2516" s="1">
        <v>7281.5114422999977</v>
      </c>
      <c r="AJ2516" s="2">
        <v>0.26015599935417655</v>
      </c>
      <c r="AK2516" s="1">
        <v>2484.8557454000038</v>
      </c>
      <c r="AL2516" s="2">
        <v>7.0451327242047432E-2</v>
      </c>
      <c r="AM2516" s="1">
        <v>1543.8359905999969</v>
      </c>
      <c r="AN2516" s="2">
        <v>4.0890482386749069E-2</v>
      </c>
      <c r="AO2516" s="1">
        <v>4028.6917360000007</v>
      </c>
      <c r="AP2516" s="2">
        <v>0.11422259838451054</v>
      </c>
      <c r="AQ2516" s="3">
        <v>27989.0198972</v>
      </c>
      <c r="AR2516" s="3">
        <v>29730.480706599999</v>
      </c>
      <c r="AS2516" s="3">
        <v>29199.340628000002</v>
      </c>
      <c r="AT2516" s="3">
        <v>31252.946090500001</v>
      </c>
      <c r="AU2516" s="3">
        <v>32744.510637799998</v>
      </c>
      <c r="AV2516" s="3">
        <v>34009.216482099997</v>
      </c>
      <c r="AW2516" s="3">
        <v>35270.531339499998</v>
      </c>
      <c r="AX2516" s="3">
        <v>36251.530940700002</v>
      </c>
      <c r="AY2516" s="3">
        <v>37534.109272900001</v>
      </c>
      <c r="AZ2516" s="3">
        <v>37755.387084900001</v>
      </c>
      <c r="BA2516" s="3">
        <v>37741.157781200003</v>
      </c>
      <c r="BB2516" s="3">
        <v>37258.051623899999</v>
      </c>
      <c r="BC2516" s="3">
        <v>38297.860922200001</v>
      </c>
      <c r="BD2516" s="3">
        <v>38105.961772800001</v>
      </c>
      <c r="BE2516" s="3">
        <v>38720.651030300003</v>
      </c>
      <c r="BF2516" s="3">
        <v>39299.223075499998</v>
      </c>
      <c r="BG2516" s="1">
        <v>-45.454136583000036</v>
      </c>
      <c r="BH2516" s="2">
        <v>-7.5323266222648885E-2</v>
      </c>
      <c r="BI2516" s="1">
        <v>-8.4182485590000624</v>
      </c>
      <c r="BJ2516" s="2">
        <v>-1.3950104985057474E-2</v>
      </c>
      <c r="BK2516" s="1">
        <v>-12.033205037000016</v>
      </c>
      <c r="BL2516" s="2">
        <v>-2.0222654262014316E-2</v>
      </c>
      <c r="BM2516" s="1">
        <v>-25.002682986999957</v>
      </c>
      <c r="BN2516" s="2">
        <v>-4.2886051328099084E-2</v>
      </c>
      <c r="BO2516" s="1">
        <v>-37.035888023999973</v>
      </c>
      <c r="BP2516" s="2">
        <v>-6.2241435801442251E-2</v>
      </c>
      <c r="BQ2516" s="1">
        <v>603.45413658300004</v>
      </c>
      <c r="BR2516" s="1">
        <v>604.08983074900004</v>
      </c>
      <c r="BS2516" s="1">
        <v>595.12360711300005</v>
      </c>
      <c r="BT2516" s="1">
        <v>595.03588802399997</v>
      </c>
      <c r="BU2516" s="1">
        <v>584.00807137599998</v>
      </c>
      <c r="BV2516" s="1">
        <v>580.00478432399996</v>
      </c>
      <c r="BW2516" s="1">
        <v>583.00268298699996</v>
      </c>
      <c r="BX2516" s="1">
        <v>576</v>
      </c>
      <c r="BY2516" s="1">
        <v>581</v>
      </c>
      <c r="BZ2516" s="1">
        <v>578</v>
      </c>
      <c r="CA2516" s="1">
        <v>560</v>
      </c>
      <c r="CB2516" s="1">
        <v>572</v>
      </c>
      <c r="CC2516" s="1">
        <v>558</v>
      </c>
      <c r="CD2516" s="1">
        <v>-2044.94</v>
      </c>
      <c r="CE2516" s="27">
        <v>0</v>
      </c>
      <c r="CF2516" s="27">
        <v>1097.77</v>
      </c>
      <c r="CG2516" s="27">
        <v>1098</v>
      </c>
      <c r="CH2516" s="27"/>
      <c r="CI2516" s="27"/>
      <c r="CJ2516" s="27"/>
      <c r="CK2516" s="27"/>
      <c r="CL2516" s="27"/>
      <c r="CM2516" s="27"/>
      <c r="CN2516" s="27"/>
      <c r="CO2516" s="27"/>
      <c r="CP2516" s="27"/>
      <c r="CQ2516" s="27"/>
      <c r="CR2516" s="27"/>
      <c r="CS2516" s="27"/>
      <c r="CT2516" s="27"/>
      <c r="CU2516" s="27"/>
      <c r="CV2516" s="27"/>
      <c r="CW2516" s="27"/>
      <c r="CX2516" s="27"/>
      <c r="CY2516" s="23" t="s">
        <v>621</v>
      </c>
      <c r="CZ2516" s="23" t="s">
        <v>622</v>
      </c>
      <c r="DA2516" s="24" t="s">
        <v>145</v>
      </c>
      <c r="DB2516" s="25"/>
      <c r="DC2516" s="25" t="s">
        <v>623</v>
      </c>
      <c r="DD2516" s="25"/>
      <c r="DE2516" s="25" t="s">
        <v>624</v>
      </c>
      <c r="DF2516" s="25" t="s">
        <v>363</v>
      </c>
      <c r="DG2516" s="25" t="s">
        <v>364</v>
      </c>
      <c r="DH2516" s="25" t="s">
        <v>365</v>
      </c>
      <c r="DI2516" s="25"/>
      <c r="DJ2516" s="25" t="s">
        <v>366</v>
      </c>
      <c r="DK2516" s="25" t="s">
        <v>625</v>
      </c>
      <c r="DL2516" s="25">
        <v>5</v>
      </c>
      <c r="DM2516" s="25" t="s">
        <v>392</v>
      </c>
      <c r="DN2516" s="25">
        <v>6</v>
      </c>
      <c r="DO2516" s="25" t="s">
        <v>393</v>
      </c>
    </row>
    <row r="2517" spans="1:119" x14ac:dyDescent="0.2">
      <c r="A2517" s="32" t="s">
        <v>791</v>
      </c>
      <c r="B2517" s="32" t="s">
        <v>791</v>
      </c>
      <c r="C2517" s="32" t="s">
        <v>329</v>
      </c>
      <c r="D2517" s="4" t="s">
        <v>68</v>
      </c>
      <c r="E2517" s="4" t="s">
        <v>209</v>
      </c>
      <c r="F2517" s="1">
        <v>-693</v>
      </c>
      <c r="G2517" s="2">
        <v>-0.214219474498</v>
      </c>
      <c r="H2517" s="1">
        <v>-379.91781730000002</v>
      </c>
      <c r="I2517" s="2">
        <v>-0.11743642187907813</v>
      </c>
      <c r="J2517" s="1">
        <v>-644.65452242999982</v>
      </c>
      <c r="K2517" s="2">
        <v>-0.22578452977516075</v>
      </c>
      <c r="L2517" s="1">
        <v>331.90586350000012</v>
      </c>
      <c r="M2517" s="2">
        <v>0.15014823375001793</v>
      </c>
      <c r="N2517" s="1">
        <v>-312.74865892999969</v>
      </c>
      <c r="O2517" s="2">
        <v>-0.10953744437896153</v>
      </c>
      <c r="P2517" s="1">
        <v>3235.0936040199999</v>
      </c>
      <c r="Q2517" s="1">
        <v>3065.6277261099999</v>
      </c>
      <c r="R2517" s="1">
        <v>3005.8125520600001</v>
      </c>
      <c r="S2517" s="1">
        <v>3129.17008364</v>
      </c>
      <c r="T2517" s="1">
        <v>3043.1421005000002</v>
      </c>
      <c r="U2517" s="1">
        <v>2920.0202565499999</v>
      </c>
      <c r="V2517" s="1">
        <v>2855.1757867199999</v>
      </c>
      <c r="W2517" s="1">
        <v>2796.5621328000002</v>
      </c>
      <c r="X2517" s="1">
        <v>2528.6371643699999</v>
      </c>
      <c r="Y2517" s="1">
        <v>2210.5212642900001</v>
      </c>
      <c r="Z2517" s="1">
        <v>2222.17624458</v>
      </c>
      <c r="AA2517" s="1">
        <v>2238.9578455000001</v>
      </c>
      <c r="AB2517" s="1">
        <v>2310.66698017</v>
      </c>
      <c r="AC2517" s="1">
        <v>2403.7535516600001</v>
      </c>
      <c r="AD2517" s="1">
        <v>2532.9848404300001</v>
      </c>
      <c r="AE2517" s="1">
        <v>2525.4283119299998</v>
      </c>
      <c r="AF2517" s="1">
        <v>2542.4271277900002</v>
      </c>
      <c r="AG2517" s="1">
        <v>10176.362658399998</v>
      </c>
      <c r="AH2517" s="2">
        <v>0.39453378527817046</v>
      </c>
      <c r="AI2517" s="1">
        <v>4145.4029253000008</v>
      </c>
      <c r="AJ2517" s="2">
        <v>0.16071572550254964</v>
      </c>
      <c r="AK2517" s="1">
        <v>3346.1159332000025</v>
      </c>
      <c r="AL2517" s="2">
        <v>0.11176523591446094</v>
      </c>
      <c r="AM2517" s="1">
        <v>2684.8437998999943</v>
      </c>
      <c r="AN2517" s="2">
        <v>8.0662502128187902E-2</v>
      </c>
      <c r="AO2517" s="1">
        <v>6030.9597330999968</v>
      </c>
      <c r="AP2517" s="2">
        <v>0.20144300162245646</v>
      </c>
      <c r="AQ2517" s="3">
        <v>25793.387127099999</v>
      </c>
      <c r="AR2517" s="3">
        <v>27137.940125900001</v>
      </c>
      <c r="AS2517" s="3">
        <v>26468.248900099999</v>
      </c>
      <c r="AT2517" s="3">
        <v>27264.2632385</v>
      </c>
      <c r="AU2517" s="3">
        <v>27496.3861082</v>
      </c>
      <c r="AV2517" s="3">
        <v>27892.493556599999</v>
      </c>
      <c r="AW2517" s="3">
        <v>29938.7900524</v>
      </c>
      <c r="AX2517" s="3">
        <v>31836.249342999999</v>
      </c>
      <c r="AY2517" s="3">
        <v>32162.6646893</v>
      </c>
      <c r="AZ2517" s="3">
        <v>33284.905985600002</v>
      </c>
      <c r="BA2517" s="3">
        <v>33450.626347999998</v>
      </c>
      <c r="BB2517" s="3">
        <v>33772.8446568</v>
      </c>
      <c r="BC2517" s="3">
        <v>34593.902464899998</v>
      </c>
      <c r="BD2517" s="3">
        <v>35328.823423100002</v>
      </c>
      <c r="BE2517" s="3">
        <v>36260.676448500002</v>
      </c>
      <c r="BF2517" s="3">
        <v>35969.749785499997</v>
      </c>
      <c r="BG2517" s="1">
        <v>-0.25002917599999819</v>
      </c>
      <c r="BH2517" s="2">
        <v>-9.7667635743940934E-4</v>
      </c>
      <c r="BI2517" s="1">
        <v>-2.9999454350000008</v>
      </c>
      <c r="BJ2517" s="2">
        <v>-1.1718535519921908E-2</v>
      </c>
      <c r="BK2517" s="1">
        <v>-12.000075430999999</v>
      </c>
      <c r="BL2517" s="2">
        <v>-4.7431112486447463E-2</v>
      </c>
      <c r="BM2517" s="1">
        <v>14.749991690000002</v>
      </c>
      <c r="BN2517" s="2">
        <v>6.1203282910376432E-2</v>
      </c>
      <c r="BO2517" s="1">
        <v>2.7499162590000026</v>
      </c>
      <c r="BP2517" s="2">
        <v>1.0869230627667039E-2</v>
      </c>
      <c r="BQ2517" s="1">
        <v>256.000029176</v>
      </c>
      <c r="BR2517" s="1">
        <v>265.00002573199998</v>
      </c>
      <c r="BS2517" s="1">
        <v>257.00008531499998</v>
      </c>
      <c r="BT2517" s="1">
        <v>253.000083741</v>
      </c>
      <c r="BU2517" s="1">
        <v>260.000027929</v>
      </c>
      <c r="BV2517" s="1">
        <v>261.000016867</v>
      </c>
      <c r="BW2517" s="1">
        <v>241.00000831</v>
      </c>
      <c r="BX2517" s="1">
        <v>239</v>
      </c>
      <c r="BY2517" s="1">
        <v>242</v>
      </c>
      <c r="BZ2517" s="1">
        <v>253</v>
      </c>
      <c r="CA2517" s="1">
        <v>259</v>
      </c>
      <c r="CB2517" s="1">
        <v>267</v>
      </c>
      <c r="CC2517" s="1">
        <v>255.75</v>
      </c>
      <c r="CD2517" s="1">
        <v>-1046.3</v>
      </c>
      <c r="CE2517" s="27">
        <v>0</v>
      </c>
      <c r="CF2517" s="27">
        <v>353.63499999999999</v>
      </c>
      <c r="CG2517" s="27">
        <v>354</v>
      </c>
      <c r="CH2517" s="27"/>
      <c r="CI2517" s="27"/>
      <c r="CJ2517" s="27"/>
      <c r="CK2517" s="27"/>
      <c r="CL2517" s="27"/>
      <c r="CM2517" s="27"/>
      <c r="CN2517" s="27"/>
      <c r="CO2517" s="27"/>
      <c r="CP2517" s="27"/>
      <c r="CQ2517" s="27"/>
      <c r="CR2517" s="27"/>
      <c r="CS2517" s="27"/>
      <c r="CT2517" s="27"/>
      <c r="CU2517" s="27"/>
      <c r="CV2517" s="27"/>
      <c r="CW2517" s="27"/>
      <c r="CX2517" s="27"/>
      <c r="CY2517" s="28" t="s">
        <v>610</v>
      </c>
      <c r="CZ2517" s="28" t="s">
        <v>611</v>
      </c>
      <c r="DA2517" s="29" t="s">
        <v>68</v>
      </c>
      <c r="DB2517" s="30"/>
      <c r="DC2517" s="30"/>
      <c r="DD2517" s="30"/>
      <c r="DE2517" s="30"/>
      <c r="DF2517" s="30"/>
      <c r="DG2517" s="30"/>
      <c r="DH2517" s="30" t="s">
        <v>333</v>
      </c>
      <c r="DI2517" s="30"/>
      <c r="DJ2517" s="30"/>
      <c r="DK2517" s="30"/>
      <c r="DL2517" s="30">
        <v>9</v>
      </c>
      <c r="DM2517" s="30" t="s">
        <v>440</v>
      </c>
      <c r="DN2517" s="30">
        <v>9</v>
      </c>
      <c r="DO2517" s="30" t="s">
        <v>384</v>
      </c>
    </row>
    <row r="2518" spans="1:119" x14ac:dyDescent="0.2">
      <c r="A2518" s="32" t="s">
        <v>791</v>
      </c>
      <c r="B2518" s="32" t="s">
        <v>791</v>
      </c>
      <c r="C2518" s="32" t="s">
        <v>329</v>
      </c>
      <c r="D2518" s="4" t="s">
        <v>159</v>
      </c>
      <c r="E2518" s="4" t="s">
        <v>298</v>
      </c>
      <c r="F2518" s="1">
        <v>1433</v>
      </c>
      <c r="G2518" s="2">
        <v>7.5800052896100006E-2</v>
      </c>
      <c r="H2518" s="1">
        <v>1417.6887540999996</v>
      </c>
      <c r="I2518" s="2">
        <v>7.4989076532613066E-2</v>
      </c>
      <c r="J2518" s="1">
        <v>-669.83441429999948</v>
      </c>
      <c r="K2518" s="2">
        <v>-3.2959492548494021E-2</v>
      </c>
      <c r="L2518" s="1">
        <v>684.99569869999686</v>
      </c>
      <c r="M2518" s="2">
        <v>3.48542898213813E-2</v>
      </c>
      <c r="N2518" s="1">
        <v>15.161284399997385</v>
      </c>
      <c r="O2518" s="2">
        <v>7.4601756723641189E-4</v>
      </c>
      <c r="P2518" s="1">
        <v>18905.270202700001</v>
      </c>
      <c r="Q2518" s="1">
        <v>19607.1555334</v>
      </c>
      <c r="R2518" s="1">
        <v>20177.771076100002</v>
      </c>
      <c r="S2518" s="1">
        <v>20928.394781399998</v>
      </c>
      <c r="T2518" s="1">
        <v>20797.9148355</v>
      </c>
      <c r="U2518" s="1">
        <v>20900.810779300002</v>
      </c>
      <c r="V2518" s="1">
        <v>20322.958956800001</v>
      </c>
      <c r="W2518" s="1">
        <v>19689.3580277</v>
      </c>
      <c r="X2518" s="1">
        <v>19239.292703700001</v>
      </c>
      <c r="Y2518" s="1">
        <v>19653.124542500002</v>
      </c>
      <c r="Z2518" s="1">
        <v>19547.078755099999</v>
      </c>
      <c r="AA2518" s="1">
        <v>19626.254626599999</v>
      </c>
      <c r="AB2518" s="1">
        <v>19452.661234700001</v>
      </c>
      <c r="AC2518" s="1">
        <v>19588.598304499999</v>
      </c>
      <c r="AD2518" s="1">
        <v>19960.7721107</v>
      </c>
      <c r="AE2518" s="1">
        <v>20130.2686187</v>
      </c>
      <c r="AF2518" s="1">
        <v>20338.120241199998</v>
      </c>
      <c r="AG2518" s="1">
        <v>16234.929799599995</v>
      </c>
      <c r="AH2518" s="2">
        <v>0.55533983623709005</v>
      </c>
      <c r="AI2518" s="1">
        <v>7859.2567803999991</v>
      </c>
      <c r="AJ2518" s="2">
        <v>0.26883752669383953</v>
      </c>
      <c r="AK2518" s="1">
        <v>2891.2429766999994</v>
      </c>
      <c r="AL2518" s="2">
        <v>7.7944771623445541E-2</v>
      </c>
      <c r="AM2518" s="1">
        <v>5484.4300424999965</v>
      </c>
      <c r="AN2518" s="2">
        <v>0.13716313059922305</v>
      </c>
      <c r="AO2518" s="1">
        <v>8375.6730191999959</v>
      </c>
      <c r="AP2518" s="2">
        <v>0.22579905111238185</v>
      </c>
      <c r="AQ2518" s="3">
        <v>29234.225136100002</v>
      </c>
      <c r="AR2518" s="3">
        <v>30538.209069600001</v>
      </c>
      <c r="AS2518" s="3">
        <v>31962.788720699999</v>
      </c>
      <c r="AT2518" s="3">
        <v>33736.984101499998</v>
      </c>
      <c r="AU2518" s="3">
        <v>34872.335320300001</v>
      </c>
      <c r="AV2518" s="3">
        <v>35444.9410604</v>
      </c>
      <c r="AW2518" s="3">
        <v>37093.481916500001</v>
      </c>
      <c r="AX2518" s="3">
        <v>38019.016792199996</v>
      </c>
      <c r="AY2518" s="3">
        <v>39676.245998799997</v>
      </c>
      <c r="AZ2518" s="3">
        <v>39984.7248932</v>
      </c>
      <c r="BA2518" s="3">
        <v>40628.776518699997</v>
      </c>
      <c r="BB2518" s="3">
        <v>41024.687349400003</v>
      </c>
      <c r="BC2518" s="3">
        <v>42131.536287800001</v>
      </c>
      <c r="BD2518" s="3">
        <v>43043.208176599997</v>
      </c>
      <c r="BE2518" s="3">
        <v>44230.664103900002</v>
      </c>
      <c r="BF2518" s="3">
        <v>45469.154935699997</v>
      </c>
      <c r="BG2518" s="1">
        <v>-50.528960979999965</v>
      </c>
      <c r="BH2518" s="2">
        <v>-4.0814037936561846E-2</v>
      </c>
      <c r="BI2518" s="1">
        <v>2.9714810000000398</v>
      </c>
      <c r="BJ2518" s="2">
        <v>2.4001708309374869E-3</v>
      </c>
      <c r="BK2518" s="1">
        <v>-47.000430929999993</v>
      </c>
      <c r="BL2518" s="2">
        <v>-3.787301707565182E-2</v>
      </c>
      <c r="BM2518" s="1">
        <v>-6.5000110500000119</v>
      </c>
      <c r="BN2518" s="2">
        <v>-5.443895301377696E-3</v>
      </c>
      <c r="BO2518" s="1">
        <v>-53.500441980000005</v>
      </c>
      <c r="BP2518" s="2">
        <v>-4.3110735637322373E-2</v>
      </c>
      <c r="BQ2518" s="1">
        <v>1238.02896098</v>
      </c>
      <c r="BR2518" s="1">
        <v>1235.02778091</v>
      </c>
      <c r="BS2518" s="1">
        <v>1220.04370322</v>
      </c>
      <c r="BT2518" s="1">
        <v>1241.00044198</v>
      </c>
      <c r="BU2518" s="1">
        <v>1229.00032455</v>
      </c>
      <c r="BV2518" s="1">
        <v>1209.0001505600001</v>
      </c>
      <c r="BW2518" s="1">
        <v>1194.00001105</v>
      </c>
      <c r="BX2518" s="1">
        <v>1213</v>
      </c>
      <c r="BY2518" s="1">
        <v>1222</v>
      </c>
      <c r="BZ2518" s="1">
        <v>1200</v>
      </c>
      <c r="CA2518" s="1">
        <v>1212</v>
      </c>
      <c r="CB2518" s="1">
        <v>1224</v>
      </c>
      <c r="CC2518" s="1">
        <v>1187.5</v>
      </c>
      <c r="CD2518" s="1">
        <v>-633.72400000000005</v>
      </c>
      <c r="CE2518" s="27">
        <v>0</v>
      </c>
      <c r="CF2518" s="27">
        <v>2066.5700000000002</v>
      </c>
      <c r="CG2518" s="27">
        <v>2067</v>
      </c>
      <c r="CH2518" s="27"/>
      <c r="CI2518" s="27"/>
      <c r="CJ2518" s="27"/>
      <c r="CK2518" s="27"/>
      <c r="CL2518" s="27"/>
      <c r="CM2518" s="27"/>
      <c r="CN2518" s="27"/>
      <c r="CO2518" s="27"/>
      <c r="CP2518" s="27"/>
      <c r="CQ2518" s="27"/>
      <c r="CR2518" s="27"/>
      <c r="CS2518" s="27"/>
      <c r="CT2518" s="27"/>
      <c r="CU2518" s="27"/>
      <c r="CV2518" s="27"/>
      <c r="CW2518" s="27"/>
      <c r="CX2518" s="27"/>
      <c r="CY2518" s="23" t="s">
        <v>642</v>
      </c>
      <c r="CZ2518" s="23" t="s">
        <v>643</v>
      </c>
      <c r="DA2518" s="24" t="s">
        <v>159</v>
      </c>
      <c r="DB2518" s="25" t="s">
        <v>345</v>
      </c>
      <c r="DC2518" s="25" t="s">
        <v>644</v>
      </c>
      <c r="DD2518" s="25"/>
      <c r="DE2518" s="25" t="s">
        <v>645</v>
      </c>
      <c r="DF2518" s="25" t="s">
        <v>363</v>
      </c>
      <c r="DG2518" s="25" t="s">
        <v>364</v>
      </c>
      <c r="DH2518" s="25" t="s">
        <v>365</v>
      </c>
      <c r="DI2518" s="25"/>
      <c r="DJ2518" s="25" t="s">
        <v>366</v>
      </c>
      <c r="DK2518" s="25" t="s">
        <v>646</v>
      </c>
      <c r="DL2518" s="25">
        <v>8</v>
      </c>
      <c r="DM2518" s="25" t="s">
        <v>368</v>
      </c>
      <c r="DN2518" s="25">
        <v>5</v>
      </c>
      <c r="DO2518" s="25" t="s">
        <v>429</v>
      </c>
    </row>
    <row r="2519" spans="1:119" x14ac:dyDescent="0.2">
      <c r="A2519" s="32" t="s">
        <v>791</v>
      </c>
      <c r="B2519" s="32" t="s">
        <v>791</v>
      </c>
      <c r="C2519" s="32" t="s">
        <v>329</v>
      </c>
      <c r="D2519" s="4" t="s">
        <v>67</v>
      </c>
      <c r="E2519" s="4" t="s">
        <v>208</v>
      </c>
      <c r="F2519" s="1">
        <v>1011</v>
      </c>
      <c r="G2519" s="2">
        <v>6.0629685157399998E-2</v>
      </c>
      <c r="H2519" s="1">
        <v>-64.401770399999805</v>
      </c>
      <c r="I2519" s="2">
        <v>-3.8622543877377476E-3</v>
      </c>
      <c r="J2519" s="1">
        <v>-682.90674900000158</v>
      </c>
      <c r="K2519" s="2">
        <v>-4.1113559370089828E-2</v>
      </c>
      <c r="L2519" s="1">
        <v>1759.0450755999991</v>
      </c>
      <c r="M2519" s="2">
        <v>0.11044179670955349</v>
      </c>
      <c r="N2519" s="1">
        <v>1076.1383265999975</v>
      </c>
      <c r="O2519" s="2">
        <v>6.478758197350605E-2</v>
      </c>
      <c r="P2519" s="1">
        <v>16674.657838300001</v>
      </c>
      <c r="Q2519" s="1">
        <v>17047.575504299999</v>
      </c>
      <c r="R2519" s="1">
        <v>17009.756646000002</v>
      </c>
      <c r="S2519" s="1">
        <v>17186.334396099999</v>
      </c>
      <c r="T2519" s="1">
        <v>17163.496568999999</v>
      </c>
      <c r="U2519" s="1">
        <v>17313.7610417</v>
      </c>
      <c r="V2519" s="1">
        <v>16610.256067900002</v>
      </c>
      <c r="W2519" s="1">
        <v>16275.464064399999</v>
      </c>
      <c r="X2519" s="1">
        <v>16577.098764999999</v>
      </c>
      <c r="Y2519" s="1">
        <v>15927.3493189</v>
      </c>
      <c r="Z2519" s="1">
        <v>16774.333821</v>
      </c>
      <c r="AA2519" s="1">
        <v>17447.597726399999</v>
      </c>
      <c r="AB2519" s="1">
        <v>16916.442040999998</v>
      </c>
      <c r="AC2519" s="1">
        <v>17139.6931597</v>
      </c>
      <c r="AD2519" s="1">
        <v>17518.4805748</v>
      </c>
      <c r="AE2519" s="1">
        <v>17448.117746799999</v>
      </c>
      <c r="AF2519" s="1">
        <v>17686.394394499999</v>
      </c>
      <c r="AG2519" s="1">
        <v>14214.367124299999</v>
      </c>
      <c r="AH2519" s="2">
        <v>0.52104446825469319</v>
      </c>
      <c r="AI2519" s="1">
        <v>6128.1551705999955</v>
      </c>
      <c r="AJ2519" s="2">
        <v>0.22463478847319895</v>
      </c>
      <c r="AK2519" s="1">
        <v>3249.8502733999994</v>
      </c>
      <c r="AL2519" s="2">
        <v>9.7275623186094964E-2</v>
      </c>
      <c r="AM2519" s="1">
        <v>4836.3616803000041</v>
      </c>
      <c r="AN2519" s="2">
        <v>0.1319300446495747</v>
      </c>
      <c r="AO2519" s="1">
        <v>8086.2119537000035</v>
      </c>
      <c r="AP2519" s="2">
        <v>0.24203924514592637</v>
      </c>
      <c r="AQ2519" s="3">
        <v>27280.525925000002</v>
      </c>
      <c r="AR2519" s="3">
        <v>27754.2991506</v>
      </c>
      <c r="AS2519" s="3">
        <v>28570.496445000001</v>
      </c>
      <c r="AT2519" s="3">
        <v>29843.9011694</v>
      </c>
      <c r="AU2519" s="3">
        <v>30764.0157654</v>
      </c>
      <c r="AV2519" s="3">
        <v>31885.648487999999</v>
      </c>
      <c r="AW2519" s="3">
        <v>33408.681095599997</v>
      </c>
      <c r="AX2519" s="3">
        <v>34790.707667499999</v>
      </c>
      <c r="AY2519" s="3">
        <v>35991.193582899999</v>
      </c>
      <c r="AZ2519" s="3">
        <v>36658.531368999997</v>
      </c>
      <c r="BA2519" s="3">
        <v>36798.979886000001</v>
      </c>
      <c r="BB2519" s="3">
        <v>37699.771472499997</v>
      </c>
      <c r="BC2519" s="3">
        <v>38602.589139900003</v>
      </c>
      <c r="BD2519" s="3">
        <v>39007.7471439</v>
      </c>
      <c r="BE2519" s="3">
        <v>40814.225394599998</v>
      </c>
      <c r="BF2519" s="3">
        <v>41494.893049300001</v>
      </c>
      <c r="BG2519" s="1">
        <v>182.77741306999997</v>
      </c>
      <c r="BH2519" s="2">
        <v>0.14827132641837359</v>
      </c>
      <c r="BI2519" s="1">
        <v>31.277459839999892</v>
      </c>
      <c r="BJ2519" s="2">
        <v>2.5372667112309493E-2</v>
      </c>
      <c r="BK2519" s="1">
        <v>50.000355450000143</v>
      </c>
      <c r="BL2519" s="2">
        <v>3.9557241772079074E-2</v>
      </c>
      <c r="BM2519" s="1">
        <v>101.49959777999993</v>
      </c>
      <c r="BN2519" s="2">
        <v>7.7244723524069428E-2</v>
      </c>
      <c r="BO2519" s="1">
        <v>151.49995323000007</v>
      </c>
      <c r="BP2519" s="2">
        <v>0.11985755350020752</v>
      </c>
      <c r="BQ2519" s="1">
        <v>1232.72258693</v>
      </c>
      <c r="BR2519" s="1">
        <v>1260.0008284600001</v>
      </c>
      <c r="BS2519" s="1">
        <v>1266.0006076499999</v>
      </c>
      <c r="BT2519" s="1">
        <v>1264.0000467699999</v>
      </c>
      <c r="BU2519" s="1">
        <v>1286.0013200400001</v>
      </c>
      <c r="BV2519" s="1">
        <v>1314.00087684</v>
      </c>
      <c r="BW2519" s="1">
        <v>1314.0004022200001</v>
      </c>
      <c r="BX2519" s="1">
        <v>1348</v>
      </c>
      <c r="BY2519" s="1">
        <v>1382</v>
      </c>
      <c r="BZ2519" s="1">
        <v>1370</v>
      </c>
      <c r="CA2519" s="1">
        <v>1390</v>
      </c>
      <c r="CB2519" s="1">
        <v>1424</v>
      </c>
      <c r="CC2519" s="1">
        <v>1415.5</v>
      </c>
      <c r="CD2519" s="1">
        <v>-811.00400000000002</v>
      </c>
      <c r="CE2519" s="27">
        <v>0</v>
      </c>
      <c r="CF2519" s="27">
        <v>1822.74</v>
      </c>
      <c r="CG2519" s="27">
        <v>1823</v>
      </c>
      <c r="CH2519" s="27"/>
      <c r="CI2519" s="27"/>
      <c r="CJ2519" s="27"/>
      <c r="CK2519" s="27"/>
      <c r="CL2519" s="27"/>
      <c r="CM2519" s="27"/>
      <c r="CN2519" s="27"/>
      <c r="CO2519" s="27"/>
      <c r="CP2519" s="27"/>
      <c r="CQ2519" s="27"/>
      <c r="CR2519" s="27"/>
      <c r="CS2519" s="27"/>
      <c r="CT2519" s="27"/>
      <c r="CU2519" s="27"/>
      <c r="CV2519" s="27"/>
      <c r="CW2519" s="27"/>
      <c r="CX2519" s="27"/>
      <c r="CY2519" s="23" t="s">
        <v>702</v>
      </c>
      <c r="CZ2519" s="23" t="s">
        <v>703</v>
      </c>
      <c r="DA2519" s="24" t="s">
        <v>67</v>
      </c>
      <c r="DB2519" s="25" t="s">
        <v>345</v>
      </c>
      <c r="DC2519" s="25" t="s">
        <v>704</v>
      </c>
      <c r="DD2519" s="25" t="s">
        <v>411</v>
      </c>
      <c r="DE2519" s="25" t="s">
        <v>705</v>
      </c>
      <c r="DF2519" s="25" t="s">
        <v>363</v>
      </c>
      <c r="DG2519" s="25" t="s">
        <v>364</v>
      </c>
      <c r="DH2519" s="25" t="s">
        <v>365</v>
      </c>
      <c r="DI2519" s="25" t="s">
        <v>413</v>
      </c>
      <c r="DJ2519" s="25" t="s">
        <v>366</v>
      </c>
      <c r="DK2519" s="25" t="s">
        <v>706</v>
      </c>
      <c r="DL2519" s="25">
        <v>5</v>
      </c>
      <c r="DM2519" s="25" t="s">
        <v>392</v>
      </c>
      <c r="DN2519" s="25">
        <v>4</v>
      </c>
      <c r="DO2519" s="25" t="s">
        <v>557</v>
      </c>
    </row>
    <row r="2520" spans="1:119" x14ac:dyDescent="0.2">
      <c r="A2520" s="32" t="s">
        <v>791</v>
      </c>
      <c r="B2520" s="32" t="s">
        <v>791</v>
      </c>
      <c r="C2520" s="32" t="s">
        <v>329</v>
      </c>
      <c r="D2520" s="4" t="s">
        <v>154</v>
      </c>
      <c r="E2520" s="4" t="s">
        <v>295</v>
      </c>
      <c r="F2520" s="1">
        <v>-846</v>
      </c>
      <c r="G2520" s="2">
        <v>-9.3018141836199997E-2</v>
      </c>
      <c r="H2520" s="1">
        <v>-82.059184980000282</v>
      </c>
      <c r="I2520" s="2">
        <v>-9.0220439133915399E-3</v>
      </c>
      <c r="J2520" s="1">
        <v>-694.26736641999923</v>
      </c>
      <c r="K2520" s="2">
        <v>-7.7026558726675465E-2</v>
      </c>
      <c r="L2520" s="1">
        <v>-70.277987339999527</v>
      </c>
      <c r="M2520" s="2">
        <v>-8.4478044973235987E-3</v>
      </c>
      <c r="N2520" s="1">
        <v>-764.54535375999876</v>
      </c>
      <c r="O2520" s="2">
        <v>-8.4823657914774489E-2</v>
      </c>
      <c r="P2520" s="1">
        <v>9095.4096175699997</v>
      </c>
      <c r="Q2520" s="1">
        <v>9098.1370974099991</v>
      </c>
      <c r="R2520" s="1">
        <v>9067.6284627000005</v>
      </c>
      <c r="S2520" s="1">
        <v>8930.9077899700005</v>
      </c>
      <c r="T2520" s="1">
        <v>8938.8043502799992</v>
      </c>
      <c r="U2520" s="1">
        <v>9131.3716860500008</v>
      </c>
      <c r="V2520" s="1">
        <v>9013.3504325899994</v>
      </c>
      <c r="W2520" s="1">
        <v>8514.5913236899996</v>
      </c>
      <c r="X2520" s="1">
        <v>7881.80356742</v>
      </c>
      <c r="Y2520" s="1">
        <v>8319.0830661700002</v>
      </c>
      <c r="Z2520" s="1">
        <v>8480.6902153999999</v>
      </c>
      <c r="AA2520" s="1">
        <v>8555.3258800700005</v>
      </c>
      <c r="AB2520" s="1">
        <v>8591.8060384799992</v>
      </c>
      <c r="AC2520" s="1">
        <v>8527.2984216799996</v>
      </c>
      <c r="AD2520" s="1">
        <v>8177.36183231</v>
      </c>
      <c r="AE2520" s="1">
        <v>8028.4923888599997</v>
      </c>
      <c r="AF2520" s="1">
        <v>8248.8050788300006</v>
      </c>
      <c r="AG2520" s="1">
        <v>14981.156494399998</v>
      </c>
      <c r="AH2520" s="2">
        <v>0.5568863329871323</v>
      </c>
      <c r="AI2520" s="1">
        <v>5661.9324831999984</v>
      </c>
      <c r="AJ2520" s="2">
        <v>0.2104679181055612</v>
      </c>
      <c r="AK2520" s="1">
        <v>4590.8070905999994</v>
      </c>
      <c r="AL2520" s="2">
        <v>0.14097982890054253</v>
      </c>
      <c r="AM2520" s="1">
        <v>4728.4169206000006</v>
      </c>
      <c r="AN2520" s="2">
        <v>0.12726404752510503</v>
      </c>
      <c r="AO2520" s="1">
        <v>9319.2240111999999</v>
      </c>
      <c r="AP2520" s="2">
        <v>0.28618554007092739</v>
      </c>
      <c r="AQ2520" s="3">
        <v>26901.6415146</v>
      </c>
      <c r="AR2520" s="3">
        <v>27781.3837599</v>
      </c>
      <c r="AS2520" s="3">
        <v>28492.2537988</v>
      </c>
      <c r="AT2520" s="3">
        <v>29949.921689999999</v>
      </c>
      <c r="AU2520" s="3">
        <v>30837.4202965</v>
      </c>
      <c r="AV2520" s="3">
        <v>31581.666873900002</v>
      </c>
      <c r="AW2520" s="3">
        <v>32563.573997799998</v>
      </c>
      <c r="AX2520" s="3">
        <v>33974.705115600002</v>
      </c>
      <c r="AY2520" s="3">
        <v>32908.924262599998</v>
      </c>
      <c r="AZ2520" s="3">
        <v>37154.381088399998</v>
      </c>
      <c r="BA2520" s="3">
        <v>37504.956615399999</v>
      </c>
      <c r="BB2520" s="3">
        <v>37807.710302</v>
      </c>
      <c r="BC2520" s="3">
        <v>38663.759993200001</v>
      </c>
      <c r="BD2520" s="3">
        <v>39474.365223300003</v>
      </c>
      <c r="BE2520" s="3">
        <v>40900.094328899999</v>
      </c>
      <c r="BF2520" s="3">
        <v>41882.798008999998</v>
      </c>
      <c r="BG2520" s="1">
        <v>-50.750000359999945</v>
      </c>
      <c r="BH2520" s="2">
        <v>-7.3979592322692855E-2</v>
      </c>
      <c r="BI2520" s="1">
        <v>-11.000000359999945</v>
      </c>
      <c r="BJ2520" s="2">
        <v>-1.6034985939106926E-2</v>
      </c>
      <c r="BK2520" s="1">
        <v>-33</v>
      </c>
      <c r="BL2520" s="2">
        <v>-4.8888888888888891E-2</v>
      </c>
      <c r="BM2520" s="1">
        <v>-6.75</v>
      </c>
      <c r="BN2520" s="2">
        <v>-1.0514018691588784E-2</v>
      </c>
      <c r="BO2520" s="1">
        <v>-39.75</v>
      </c>
      <c r="BP2520" s="2">
        <v>-5.8888888888888886E-2</v>
      </c>
      <c r="BQ2520" s="1">
        <v>686.00000035999994</v>
      </c>
      <c r="BR2520" s="1">
        <v>695.00000131199999</v>
      </c>
      <c r="BS2520" s="1">
        <v>669.000000516</v>
      </c>
      <c r="BT2520" s="1">
        <v>675</v>
      </c>
      <c r="BU2520" s="1">
        <v>672</v>
      </c>
      <c r="BV2520" s="1">
        <v>634</v>
      </c>
      <c r="BW2520" s="1">
        <v>642</v>
      </c>
      <c r="BX2520" s="1">
        <v>617</v>
      </c>
      <c r="BY2520" s="1">
        <v>597</v>
      </c>
      <c r="BZ2520" s="1">
        <v>601</v>
      </c>
      <c r="CA2520" s="1">
        <v>626</v>
      </c>
      <c r="CB2520" s="1">
        <v>648</v>
      </c>
      <c r="CC2520" s="1">
        <v>635.25</v>
      </c>
      <c r="CD2520" s="1">
        <v>-1840.84</v>
      </c>
      <c r="CE2520" s="27">
        <v>0</v>
      </c>
      <c r="CF2520" s="27">
        <v>994.23800000000006</v>
      </c>
      <c r="CG2520" s="27">
        <v>994</v>
      </c>
      <c r="CH2520" s="27"/>
      <c r="CI2520" s="27"/>
      <c r="CJ2520" s="27"/>
      <c r="CK2520" s="27"/>
      <c r="CL2520" s="27"/>
      <c r="CM2520" s="27"/>
      <c r="CN2520" s="27"/>
      <c r="CO2520" s="27"/>
      <c r="CP2520" s="27"/>
      <c r="CQ2520" s="27"/>
      <c r="CR2520" s="27"/>
      <c r="CS2520" s="27"/>
      <c r="CT2520" s="27"/>
      <c r="CU2520" s="27"/>
      <c r="CV2520" s="27"/>
      <c r="CW2520" s="27"/>
      <c r="CX2520" s="27"/>
      <c r="CY2520" s="23" t="s">
        <v>725</v>
      </c>
      <c r="CZ2520" s="23" t="s">
        <v>726</v>
      </c>
      <c r="DA2520" s="24" t="s">
        <v>154</v>
      </c>
      <c r="DB2520" s="25" t="s">
        <v>345</v>
      </c>
      <c r="DC2520" s="25"/>
      <c r="DD2520" s="25"/>
      <c r="DE2520" s="25"/>
      <c r="DF2520" s="25"/>
      <c r="DG2520" s="25"/>
      <c r="DH2520" s="25" t="s">
        <v>333</v>
      </c>
      <c r="DI2520" s="25"/>
      <c r="DJ2520" s="25"/>
      <c r="DK2520" s="25"/>
      <c r="DL2520" s="25">
        <v>11</v>
      </c>
      <c r="DM2520" s="25" t="s">
        <v>520</v>
      </c>
      <c r="DN2520" s="25">
        <v>7</v>
      </c>
      <c r="DO2520" s="25" t="s">
        <v>369</v>
      </c>
    </row>
    <row r="2521" spans="1:119" x14ac:dyDescent="0.2">
      <c r="A2521" s="32" t="s">
        <v>791</v>
      </c>
      <c r="B2521" s="32" t="s">
        <v>791</v>
      </c>
      <c r="C2521" s="32" t="s">
        <v>329</v>
      </c>
      <c r="D2521" s="4" t="s">
        <v>127</v>
      </c>
      <c r="E2521" s="4" t="s">
        <v>268</v>
      </c>
      <c r="F2521" s="1">
        <v>19309</v>
      </c>
      <c r="G2521" s="2">
        <v>0.22756629345900001</v>
      </c>
      <c r="H2521" s="1">
        <v>7504.8978195999953</v>
      </c>
      <c r="I2521" s="2">
        <v>8.844896931690116E-2</v>
      </c>
      <c r="J2521" s="1">
        <v>-738.04279210000823</v>
      </c>
      <c r="K2521" s="2">
        <v>-7.9913741336738973E-3</v>
      </c>
      <c r="L2521" s="1">
        <v>12541.619805400012</v>
      </c>
      <c r="M2521" s="2">
        <v>0.1368920108617947</v>
      </c>
      <c r="N2521" s="1">
        <v>11803.577013300004</v>
      </c>
      <c r="O2521" s="2">
        <v>0.12780668145341323</v>
      </c>
      <c r="P2521" s="1">
        <v>84850.031352100006</v>
      </c>
      <c r="Q2521" s="1">
        <v>86677.888058099998</v>
      </c>
      <c r="R2521" s="1">
        <v>86080.141462400003</v>
      </c>
      <c r="S2521" s="1">
        <v>87719.043181300003</v>
      </c>
      <c r="T2521" s="1">
        <v>90629.579492100005</v>
      </c>
      <c r="U2521" s="1">
        <v>91848.181312600005</v>
      </c>
      <c r="V2521" s="1">
        <v>92354.929171700001</v>
      </c>
      <c r="W2521" s="1">
        <v>92414.606995099995</v>
      </c>
      <c r="X2521" s="1">
        <v>90693.828761900004</v>
      </c>
      <c r="Y2521" s="1">
        <v>91616.886379599993</v>
      </c>
      <c r="Z2521" s="1">
        <v>93236.626436699997</v>
      </c>
      <c r="AA2521" s="1">
        <v>96699.838310699997</v>
      </c>
      <c r="AB2521" s="1">
        <v>98645.612503199998</v>
      </c>
      <c r="AC2521" s="1">
        <v>99559.012137800004</v>
      </c>
      <c r="AD2521" s="1">
        <v>101263.43792700001</v>
      </c>
      <c r="AE2521" s="1">
        <v>102376.16791</v>
      </c>
      <c r="AF2521" s="1">
        <v>104158.50618500001</v>
      </c>
      <c r="AG2521" s="1">
        <v>16765.842157500003</v>
      </c>
      <c r="AH2521" s="2">
        <v>0.49370081761846901</v>
      </c>
      <c r="AI2521" s="1">
        <v>7384.237072099997</v>
      </c>
      <c r="AJ2521" s="2">
        <v>0.21744233577634869</v>
      </c>
      <c r="AK2521" s="1">
        <v>3581.8124540000063</v>
      </c>
      <c r="AL2521" s="2">
        <v>8.6634907387176885E-2</v>
      </c>
      <c r="AM2521" s="1">
        <v>5799.7926313999997</v>
      </c>
      <c r="AN2521" s="2">
        <v>0.12909781351586083</v>
      </c>
      <c r="AO2521" s="1">
        <v>9381.6050854000059</v>
      </c>
      <c r="AP2521" s="2">
        <v>0.22691709802087137</v>
      </c>
      <c r="AQ2521" s="3">
        <v>33959.518719</v>
      </c>
      <c r="AR2521" s="3">
        <v>34652.0262707</v>
      </c>
      <c r="AS2521" s="3">
        <v>35708.542652099997</v>
      </c>
      <c r="AT2521" s="3">
        <v>37463.734750199998</v>
      </c>
      <c r="AU2521" s="3">
        <v>38555.423683699999</v>
      </c>
      <c r="AV2521" s="3">
        <v>40032.269371499999</v>
      </c>
      <c r="AW2521" s="3">
        <v>41343.755791099997</v>
      </c>
      <c r="AX2521" s="3">
        <v>42249.676130899999</v>
      </c>
      <c r="AY2521" s="3">
        <v>43740.9329163</v>
      </c>
      <c r="AZ2521" s="3">
        <v>44925.568245100003</v>
      </c>
      <c r="BA2521" s="3">
        <v>45533.905937399999</v>
      </c>
      <c r="BB2521" s="3">
        <v>46373.7372129</v>
      </c>
      <c r="BC2521" s="3">
        <v>47395.686328600001</v>
      </c>
      <c r="BD2521" s="3">
        <v>48041.280776799998</v>
      </c>
      <c r="BE2521" s="3">
        <v>49590.186539900002</v>
      </c>
      <c r="BF2521" s="3">
        <v>50725.360876500003</v>
      </c>
      <c r="BG2521" s="1">
        <v>547.76562937000017</v>
      </c>
      <c r="BH2521" s="2">
        <v>0.12710699987755678</v>
      </c>
      <c r="BI2521" s="1">
        <v>295.55424534000031</v>
      </c>
      <c r="BJ2521" s="2">
        <v>6.8582275725203173E-2</v>
      </c>
      <c r="BK2521" s="1">
        <v>-134.87957895</v>
      </c>
      <c r="BL2521" s="2">
        <v>-2.9289565234533677E-2</v>
      </c>
      <c r="BM2521" s="1">
        <v>387.09096297999986</v>
      </c>
      <c r="BN2521" s="2">
        <v>8.659444994557762E-2</v>
      </c>
      <c r="BO2521" s="1">
        <v>252.21138402999986</v>
      </c>
      <c r="BP2521" s="2">
        <v>5.4768570920414386E-2</v>
      </c>
      <c r="BQ2521" s="1">
        <v>4309.4843706299998</v>
      </c>
      <c r="BR2521" s="1">
        <v>4393.1655866700003</v>
      </c>
      <c r="BS2521" s="1">
        <v>4498.1809198800001</v>
      </c>
      <c r="BT2521" s="1">
        <v>4605.0386159700001</v>
      </c>
      <c r="BU2521" s="1">
        <v>4587.1367276999999</v>
      </c>
      <c r="BV2521" s="1">
        <v>4485.05539099</v>
      </c>
      <c r="BW2521" s="1">
        <v>4470.1590370200001</v>
      </c>
      <c r="BX2521" s="1">
        <v>4477</v>
      </c>
      <c r="BY2521" s="1">
        <v>4560</v>
      </c>
      <c r="BZ2521" s="1">
        <v>4641</v>
      </c>
      <c r="CA2521" s="1">
        <v>4721</v>
      </c>
      <c r="CB2521" s="1">
        <v>4873</v>
      </c>
      <c r="CC2521" s="1">
        <v>4857.25</v>
      </c>
      <c r="CD2521" s="1">
        <v>10033.299999999999</v>
      </c>
      <c r="CE2521" s="27">
        <v>0</v>
      </c>
      <c r="CF2521" s="27">
        <v>9275.1299999999992</v>
      </c>
      <c r="CG2521" s="27">
        <v>9275</v>
      </c>
      <c r="CH2521" s="27"/>
      <c r="CI2521" s="27"/>
      <c r="CJ2521" s="27"/>
      <c r="CK2521" s="27"/>
      <c r="CL2521" s="27"/>
      <c r="CM2521" s="27"/>
      <c r="CN2521" s="27"/>
      <c r="CO2521" s="27"/>
      <c r="CP2521" s="27"/>
      <c r="CQ2521" s="27"/>
      <c r="CR2521" s="27"/>
      <c r="CS2521" s="27"/>
      <c r="CT2521" s="27"/>
      <c r="CU2521" s="27"/>
      <c r="CV2521" s="27"/>
      <c r="CW2521" s="27"/>
      <c r="CX2521" s="27"/>
      <c r="CY2521" s="28" t="s">
        <v>415</v>
      </c>
      <c r="CZ2521" s="28" t="s">
        <v>416</v>
      </c>
      <c r="DA2521" s="29" t="s">
        <v>127</v>
      </c>
      <c r="DB2521" s="30"/>
      <c r="DC2521" s="30" t="s">
        <v>417</v>
      </c>
      <c r="DD2521" s="30" t="s">
        <v>388</v>
      </c>
      <c r="DE2521" s="30" t="s">
        <v>418</v>
      </c>
      <c r="DF2521" s="30" t="s">
        <v>375</v>
      </c>
      <c r="DG2521" s="30" t="s">
        <v>364</v>
      </c>
      <c r="DH2521" s="30" t="s">
        <v>419</v>
      </c>
      <c r="DI2521" s="30" t="s">
        <v>390</v>
      </c>
      <c r="DJ2521" s="30" t="s">
        <v>366</v>
      </c>
      <c r="DK2521" s="30" t="s">
        <v>420</v>
      </c>
      <c r="DL2521" s="30">
        <v>2</v>
      </c>
      <c r="DM2521" s="30" t="s">
        <v>379</v>
      </c>
      <c r="DN2521" s="30">
        <v>3</v>
      </c>
      <c r="DO2521" s="30" t="s">
        <v>380</v>
      </c>
    </row>
    <row r="2522" spans="1:119" x14ac:dyDescent="0.2">
      <c r="A2522" s="32" t="s">
        <v>791</v>
      </c>
      <c r="B2522" s="32" t="s">
        <v>791</v>
      </c>
      <c r="C2522" s="32" t="s">
        <v>329</v>
      </c>
      <c r="D2522" s="4" t="s">
        <v>115</v>
      </c>
      <c r="E2522" s="4" t="s">
        <v>256</v>
      </c>
      <c r="F2522" s="1">
        <v>-2228</v>
      </c>
      <c r="G2522" s="2">
        <v>-0.35591054313100001</v>
      </c>
      <c r="H2522" s="1">
        <v>-1280.7902949399995</v>
      </c>
      <c r="I2522" s="2">
        <v>-0.20461473313543344</v>
      </c>
      <c r="J2522" s="1">
        <v>-763.83891882999978</v>
      </c>
      <c r="K2522" s="2">
        <v>-0.15342040112588656</v>
      </c>
      <c r="L2522" s="1">
        <v>-183.30773997000051</v>
      </c>
      <c r="M2522" s="2">
        <v>-4.3490493497772391E-2</v>
      </c>
      <c r="N2522" s="1">
        <v>-947.1466588000003</v>
      </c>
      <c r="O2522" s="2">
        <v>-0.19023856566606795</v>
      </c>
      <c r="P2522" s="1">
        <v>6259.5213712799996</v>
      </c>
      <c r="Q2522" s="1">
        <v>6216.6960367000001</v>
      </c>
      <c r="R2522" s="1">
        <v>6024.3850415899997</v>
      </c>
      <c r="S2522" s="1">
        <v>6359.1617968399996</v>
      </c>
      <c r="T2522" s="1">
        <v>5921.5146887199999</v>
      </c>
      <c r="U2522" s="1">
        <v>5540.5956574900001</v>
      </c>
      <c r="V2522" s="1">
        <v>4978.7310763400001</v>
      </c>
      <c r="W2522" s="1">
        <v>4444.8761290399998</v>
      </c>
      <c r="X2522" s="1">
        <v>4366.8660803599996</v>
      </c>
      <c r="Y2522" s="1">
        <v>4214.8921575100003</v>
      </c>
      <c r="Z2522" s="1">
        <v>4134.2635395999996</v>
      </c>
      <c r="AA2522" s="1">
        <v>4109.8855488099998</v>
      </c>
      <c r="AB2522" s="1">
        <v>4142.6949114500003</v>
      </c>
      <c r="AC2522" s="1">
        <v>4151.1491964400002</v>
      </c>
      <c r="AD2522" s="1">
        <v>3965.8504188400002</v>
      </c>
      <c r="AE2522" s="1">
        <v>3993.9941419100001</v>
      </c>
      <c r="AF2522" s="1">
        <v>4031.5844175399998</v>
      </c>
      <c r="AG2522" s="1">
        <v>9521.9092498999998</v>
      </c>
      <c r="AH2522" s="2">
        <v>0.3694904272450259</v>
      </c>
      <c r="AI2522" s="1">
        <v>4051.4253447999981</v>
      </c>
      <c r="AJ2522" s="2">
        <v>0.15721247097762445</v>
      </c>
      <c r="AK2522" s="1">
        <v>2226.5584884000018</v>
      </c>
      <c r="AL2522" s="2">
        <v>7.4662092212957928E-2</v>
      </c>
      <c r="AM2522" s="1">
        <v>3243.9254166999999</v>
      </c>
      <c r="AN2522" s="2">
        <v>0.10121968433248527</v>
      </c>
      <c r="AO2522" s="1">
        <v>5470.4839051000017</v>
      </c>
      <c r="AP2522" s="2">
        <v>0.1834390499508417</v>
      </c>
      <c r="AQ2522" s="3">
        <v>25770.3814437</v>
      </c>
      <c r="AR2522" s="3">
        <v>27076.0401676</v>
      </c>
      <c r="AS2522" s="3">
        <v>28169.326632200002</v>
      </c>
      <c r="AT2522" s="3">
        <v>27861.3746211</v>
      </c>
      <c r="AU2522" s="3">
        <v>28851.807359099999</v>
      </c>
      <c r="AV2522" s="3">
        <v>29923.332963299999</v>
      </c>
      <c r="AW2522" s="3">
        <v>29821.806788499998</v>
      </c>
      <c r="AX2522" s="3">
        <v>30598.983218900001</v>
      </c>
      <c r="AY2522" s="3">
        <v>31487.596611299999</v>
      </c>
      <c r="AZ2522" s="3">
        <v>32048.3652769</v>
      </c>
      <c r="BA2522" s="3">
        <v>32089.299576500001</v>
      </c>
      <c r="BB2522" s="3">
        <v>32424.994663900001</v>
      </c>
      <c r="BC2522" s="3">
        <v>32690.631283800001</v>
      </c>
      <c r="BD2522" s="3">
        <v>32929.584764699997</v>
      </c>
      <c r="BE2522" s="3">
        <v>33704.569449499999</v>
      </c>
      <c r="BF2522" s="3">
        <v>35292.2906936</v>
      </c>
      <c r="BG2522" s="1">
        <v>-34.250077486000009</v>
      </c>
      <c r="BH2522" s="2">
        <v>-9.6751610138713973E-2</v>
      </c>
      <c r="BI2522" s="1">
        <v>3.9999225139999908</v>
      </c>
      <c r="BJ2522" s="2">
        <v>1.1299213667991866E-2</v>
      </c>
      <c r="BK2522" s="1">
        <v>-23</v>
      </c>
      <c r="BL2522" s="2">
        <v>-6.4245810055865923E-2</v>
      </c>
      <c r="BM2522" s="1">
        <v>-15.25</v>
      </c>
      <c r="BN2522" s="2">
        <v>-4.5522388059701491E-2</v>
      </c>
      <c r="BO2522" s="1">
        <v>-38.25</v>
      </c>
      <c r="BP2522" s="2">
        <v>-0.10684357541899442</v>
      </c>
      <c r="BQ2522" s="1">
        <v>354.00007748600001</v>
      </c>
      <c r="BR2522" s="1">
        <v>352.000005681</v>
      </c>
      <c r="BS2522" s="1">
        <v>363</v>
      </c>
      <c r="BT2522" s="1">
        <v>358</v>
      </c>
      <c r="BU2522" s="1">
        <v>353</v>
      </c>
      <c r="BV2522" s="1">
        <v>342</v>
      </c>
      <c r="BW2522" s="1">
        <v>335</v>
      </c>
      <c r="BX2522" s="1">
        <v>314</v>
      </c>
      <c r="BY2522" s="1">
        <v>315</v>
      </c>
      <c r="BZ2522" s="1">
        <v>326</v>
      </c>
      <c r="CA2522" s="1">
        <v>331</v>
      </c>
      <c r="CB2522" s="1">
        <v>322</v>
      </c>
      <c r="CC2522" s="1">
        <v>319.75</v>
      </c>
      <c r="CD2522" s="1">
        <v>-2912.18</v>
      </c>
      <c r="CE2522" s="27">
        <v>0</v>
      </c>
      <c r="CF2522" s="27">
        <v>684.24099999999999</v>
      </c>
      <c r="CG2522" s="27">
        <v>684</v>
      </c>
      <c r="CH2522" s="27"/>
      <c r="CI2522" s="27"/>
      <c r="CJ2522" s="27"/>
      <c r="CK2522" s="27"/>
      <c r="CL2522" s="27"/>
      <c r="CM2522" s="27"/>
      <c r="CN2522" s="27"/>
      <c r="CO2522" s="27"/>
      <c r="CP2522" s="27"/>
      <c r="CQ2522" s="27"/>
      <c r="CR2522" s="27"/>
      <c r="CS2522" s="27"/>
      <c r="CT2522" s="27"/>
      <c r="CU2522" s="27"/>
      <c r="CV2522" s="27"/>
      <c r="CW2522" s="27"/>
      <c r="CX2522" s="27"/>
      <c r="CY2522" s="23" t="s">
        <v>397</v>
      </c>
      <c r="CZ2522" s="23" t="s">
        <v>398</v>
      </c>
      <c r="DA2522" s="24" t="s">
        <v>115</v>
      </c>
      <c r="DB2522" s="25" t="s">
        <v>345</v>
      </c>
      <c r="DC2522" s="25"/>
      <c r="DD2522" s="25"/>
      <c r="DE2522" s="25"/>
      <c r="DF2522" s="25"/>
      <c r="DG2522" s="25"/>
      <c r="DH2522" s="25" t="s">
        <v>333</v>
      </c>
      <c r="DI2522" s="25"/>
      <c r="DJ2522" s="25"/>
      <c r="DK2522" s="25"/>
      <c r="DL2522" s="25">
        <v>6</v>
      </c>
      <c r="DM2522" s="25" t="s">
        <v>396</v>
      </c>
      <c r="DN2522" s="25">
        <v>6</v>
      </c>
      <c r="DO2522" s="25" t="s">
        <v>393</v>
      </c>
    </row>
    <row r="2523" spans="1:119" x14ac:dyDescent="0.2">
      <c r="A2523" s="32" t="s">
        <v>791</v>
      </c>
      <c r="B2523" s="32" t="s">
        <v>791</v>
      </c>
      <c r="C2523" s="32" t="s">
        <v>329</v>
      </c>
      <c r="D2523" s="4" t="s">
        <v>166</v>
      </c>
      <c r="E2523" s="4" t="s">
        <v>305</v>
      </c>
      <c r="F2523" s="1">
        <v>-791</v>
      </c>
      <c r="G2523" s="2">
        <v>-0.27560975609799998</v>
      </c>
      <c r="H2523" s="1">
        <v>39.735869819999607</v>
      </c>
      <c r="I2523" s="2">
        <v>1.3845485145658669E-2</v>
      </c>
      <c r="J2523" s="1">
        <v>-791.13810805000003</v>
      </c>
      <c r="K2523" s="2">
        <v>-0.27189798351497257</v>
      </c>
      <c r="L2523" s="1">
        <v>-39.424376969999685</v>
      </c>
      <c r="M2523" s="2">
        <v>-1.860913932092631E-2</v>
      </c>
      <c r="N2523" s="1">
        <v>-830.56248501999971</v>
      </c>
      <c r="O2523" s="2">
        <v>-0.28544733537958983</v>
      </c>
      <c r="P2523" s="1">
        <v>2869.9514247400002</v>
      </c>
      <c r="Q2523" s="1">
        <v>2945.5391736000001</v>
      </c>
      <c r="R2523" s="1">
        <v>2886.6129651800002</v>
      </c>
      <c r="S2523" s="1">
        <v>3004.99123409</v>
      </c>
      <c r="T2523" s="1">
        <v>2872.0527931199999</v>
      </c>
      <c r="U2523" s="1">
        <v>2956.79735962</v>
      </c>
      <c r="V2523" s="1">
        <v>2909.6872945599998</v>
      </c>
      <c r="W2523" s="1">
        <v>2740.71723858</v>
      </c>
      <c r="X2523" s="1">
        <v>2164.9231814899999</v>
      </c>
      <c r="Y2523" s="1">
        <v>2118.5491865099998</v>
      </c>
      <c r="Z2523" s="1">
        <v>2156.6532987400001</v>
      </c>
      <c r="AA2523" s="1">
        <v>2114.9922137799999</v>
      </c>
      <c r="AB2523" s="1">
        <v>2087.1005442300002</v>
      </c>
      <c r="AC2523" s="1">
        <v>2015.98912301</v>
      </c>
      <c r="AD2523" s="1">
        <v>2043.5673033800001</v>
      </c>
      <c r="AE2523" s="1">
        <v>2068.3449123099999</v>
      </c>
      <c r="AF2523" s="1">
        <v>2079.1248095400001</v>
      </c>
      <c r="AG2523" s="1">
        <v>9115.3153359000025</v>
      </c>
      <c r="AH2523" s="2">
        <v>0.38969106949439036</v>
      </c>
      <c r="AI2523" s="1">
        <v>2836.1084990000018</v>
      </c>
      <c r="AJ2523" s="2">
        <v>0.12124716627461776</v>
      </c>
      <c r="AK2523" s="1">
        <v>3109.3812337999989</v>
      </c>
      <c r="AL2523" s="2">
        <v>0.11855540831665795</v>
      </c>
      <c r="AM2523" s="1">
        <v>3169.8256031000019</v>
      </c>
      <c r="AN2523" s="2">
        <v>0.10805012270939038</v>
      </c>
      <c r="AO2523" s="1">
        <v>6279.2068369000008</v>
      </c>
      <c r="AP2523" s="2">
        <v>0.2394154574425251</v>
      </c>
      <c r="AQ2523" s="3">
        <v>23391.132231299998</v>
      </c>
      <c r="AR2523" s="3">
        <v>23976.792593900002</v>
      </c>
      <c r="AS2523" s="3">
        <v>23917.444610300001</v>
      </c>
      <c r="AT2523" s="3">
        <v>24324.294358300001</v>
      </c>
      <c r="AU2523" s="3">
        <v>25485.328029799999</v>
      </c>
      <c r="AV2523" s="3">
        <v>26462.310898899999</v>
      </c>
      <c r="AW2523" s="3">
        <v>26227.2407303</v>
      </c>
      <c r="AX2523" s="3">
        <v>27236.859262999998</v>
      </c>
      <c r="AY2523" s="3">
        <v>28530.5472046</v>
      </c>
      <c r="AZ2523" s="3">
        <v>29336.621964099999</v>
      </c>
      <c r="BA2523" s="3">
        <v>29374.668115500001</v>
      </c>
      <c r="BB2523" s="3">
        <v>29829.3371534</v>
      </c>
      <c r="BC2523" s="3">
        <v>30749.958237800001</v>
      </c>
      <c r="BD2523" s="3">
        <v>31158.860512899999</v>
      </c>
      <c r="BE2523" s="3">
        <v>31684.128031299999</v>
      </c>
      <c r="BF2523" s="3">
        <v>32506.447567200001</v>
      </c>
      <c r="BG2523" s="1">
        <v>-31.00060444799999</v>
      </c>
      <c r="BH2523" s="2">
        <v>-0.1313581569865454</v>
      </c>
      <c r="BI2523" s="1">
        <v>-4.9998556649999841</v>
      </c>
      <c r="BJ2523" s="2">
        <v>-2.1185774827545599E-2</v>
      </c>
      <c r="BK2523" s="1">
        <v>-7.2203999999942425E-4</v>
      </c>
      <c r="BL2523" s="2">
        <v>-3.1257041537891379E-6</v>
      </c>
      <c r="BM2523" s="1">
        <v>-26.000026743000006</v>
      </c>
      <c r="BN2523" s="2">
        <v>-0.1125542152942105</v>
      </c>
      <c r="BO2523" s="1">
        <v>-26.000748783000006</v>
      </c>
      <c r="BP2523" s="2">
        <v>-0.11255698918718603</v>
      </c>
      <c r="BQ2523" s="1">
        <v>236.00060444799999</v>
      </c>
      <c r="BR2523" s="1">
        <v>234.00097654000001</v>
      </c>
      <c r="BS2523" s="1">
        <v>243.00180621499999</v>
      </c>
      <c r="BT2523" s="1">
        <v>231.00074878300001</v>
      </c>
      <c r="BU2523" s="1">
        <v>232.000043396</v>
      </c>
      <c r="BV2523" s="1">
        <v>230.00001975199999</v>
      </c>
      <c r="BW2523" s="1">
        <v>231.00002674300001</v>
      </c>
      <c r="BX2523" s="1">
        <v>228</v>
      </c>
      <c r="BY2523" s="1">
        <v>222</v>
      </c>
      <c r="BZ2523" s="1">
        <v>215</v>
      </c>
      <c r="CA2523" s="1">
        <v>203</v>
      </c>
      <c r="CB2523" s="1">
        <v>205</v>
      </c>
      <c r="CC2523" s="1">
        <v>205</v>
      </c>
      <c r="CD2523" s="1">
        <v>-1104.55</v>
      </c>
      <c r="CE2523" s="27">
        <v>0</v>
      </c>
      <c r="CF2523" s="27">
        <v>313.72000000000003</v>
      </c>
      <c r="CG2523" s="27">
        <v>314</v>
      </c>
      <c r="CH2523" s="27"/>
      <c r="CI2523" s="27"/>
      <c r="CJ2523" s="27"/>
      <c r="CK2523" s="27"/>
      <c r="CL2523" s="27"/>
      <c r="CM2523" s="27"/>
      <c r="CN2523" s="27"/>
      <c r="CO2523" s="27"/>
      <c r="CP2523" s="27"/>
      <c r="CQ2523" s="27"/>
      <c r="CR2523" s="27"/>
      <c r="CS2523" s="27"/>
      <c r="CT2523" s="27"/>
      <c r="CU2523" s="27"/>
      <c r="CV2523" s="27"/>
      <c r="CW2523" s="27"/>
      <c r="CX2523" s="27"/>
      <c r="CY2523" s="23" t="s">
        <v>490</v>
      </c>
      <c r="CZ2523" s="23" t="s">
        <v>491</v>
      </c>
      <c r="DA2523" s="24" t="s">
        <v>166</v>
      </c>
      <c r="DB2523" s="25"/>
      <c r="DC2523" s="25"/>
      <c r="DD2523" s="25"/>
      <c r="DE2523" s="25"/>
      <c r="DF2523" s="25"/>
      <c r="DG2523" s="25"/>
      <c r="DH2523" s="25" t="s">
        <v>333</v>
      </c>
      <c r="DI2523" s="25"/>
      <c r="DJ2523" s="25"/>
      <c r="DK2523" s="25"/>
      <c r="DL2523" s="25">
        <v>4</v>
      </c>
      <c r="DM2523" s="25" t="s">
        <v>446</v>
      </c>
      <c r="DN2523" s="25">
        <v>8</v>
      </c>
      <c r="DO2523" s="25" t="s">
        <v>486</v>
      </c>
    </row>
    <row r="2524" spans="1:119" x14ac:dyDescent="0.2">
      <c r="A2524" s="32" t="s">
        <v>791</v>
      </c>
      <c r="B2524" s="32" t="s">
        <v>791</v>
      </c>
      <c r="C2524" s="32" t="s">
        <v>329</v>
      </c>
      <c r="D2524" s="4" t="s">
        <v>74</v>
      </c>
      <c r="E2524" s="4" t="s">
        <v>215</v>
      </c>
      <c r="F2524" s="1">
        <v>-53</v>
      </c>
      <c r="G2524" s="2">
        <v>-8.68283093054E-3</v>
      </c>
      <c r="H2524" s="1">
        <v>943.55415692000042</v>
      </c>
      <c r="I2524" s="2">
        <v>0.15457086695599298</v>
      </c>
      <c r="J2524" s="1">
        <v>-826.78363893000005</v>
      </c>
      <c r="K2524" s="2">
        <v>-0.11730920443984683</v>
      </c>
      <c r="L2524" s="1">
        <v>-170.35034137000002</v>
      </c>
      <c r="M2524" s="2">
        <v>-2.7382596442616133E-2</v>
      </c>
      <c r="N2524" s="1">
        <v>-997.13398030000008</v>
      </c>
      <c r="O2524" s="2">
        <v>-0.14147957027828229</v>
      </c>
      <c r="P2524" s="1">
        <v>6104.3466695999996</v>
      </c>
      <c r="Q2524" s="1">
        <v>6537.6579154199999</v>
      </c>
      <c r="R2524" s="1">
        <v>6535.6779840700001</v>
      </c>
      <c r="S2524" s="1">
        <v>6596.9480265100001</v>
      </c>
      <c r="T2524" s="1">
        <v>6893.0670873600002</v>
      </c>
      <c r="U2524" s="1">
        <v>6979.5012919299998</v>
      </c>
      <c r="V2524" s="1">
        <v>7047.90082652</v>
      </c>
      <c r="W2524" s="1">
        <v>6852.33697837</v>
      </c>
      <c r="X2524" s="1">
        <v>6508.6290784399998</v>
      </c>
      <c r="Y2524" s="1">
        <v>6221.11718759</v>
      </c>
      <c r="Z2524" s="1">
        <v>6179.4481630299997</v>
      </c>
      <c r="AA2524" s="1">
        <v>6075.1770672499997</v>
      </c>
      <c r="AB2524" s="1">
        <v>5907.4157678399997</v>
      </c>
      <c r="AC2524" s="1">
        <v>5979.9216020599997</v>
      </c>
      <c r="AD2524" s="1">
        <v>5899.8551053900001</v>
      </c>
      <c r="AE2524" s="1">
        <v>5895.8211462700001</v>
      </c>
      <c r="AF2524" s="1">
        <v>6050.7668462199999</v>
      </c>
      <c r="AG2524" s="1">
        <v>14116.532553899997</v>
      </c>
      <c r="AH2524" s="2">
        <v>0.5465532299658914</v>
      </c>
      <c r="AI2524" s="1">
        <v>7628.3074064000029</v>
      </c>
      <c r="AJ2524" s="2">
        <v>0.29534703626555947</v>
      </c>
      <c r="AK2524" s="1">
        <v>1273.7064238999956</v>
      </c>
      <c r="AL2524" s="2">
        <v>3.8070417065443708E-2</v>
      </c>
      <c r="AM2524" s="1">
        <v>5214.5187235999983</v>
      </c>
      <c r="AN2524" s="2">
        <v>0.15014321527534455</v>
      </c>
      <c r="AO2524" s="1">
        <v>6488.2251474999939</v>
      </c>
      <c r="AP2524" s="2">
        <v>0.19392964716586733</v>
      </c>
      <c r="AQ2524" s="3">
        <v>25828.2849317</v>
      </c>
      <c r="AR2524" s="3">
        <v>26366.288596499999</v>
      </c>
      <c r="AS2524" s="3">
        <v>27317.339488500002</v>
      </c>
      <c r="AT2524" s="3">
        <v>29139.786125899998</v>
      </c>
      <c r="AU2524" s="3">
        <v>29621.4940427</v>
      </c>
      <c r="AV2524" s="3">
        <v>32116.213991199998</v>
      </c>
      <c r="AW2524" s="3">
        <v>33456.592338100003</v>
      </c>
      <c r="AX2524" s="3">
        <v>32724.405733200001</v>
      </c>
      <c r="AY2524" s="3">
        <v>33337.2889412</v>
      </c>
      <c r="AZ2524" s="3">
        <v>34730.298761999999</v>
      </c>
      <c r="BA2524" s="3">
        <v>35298.149075000001</v>
      </c>
      <c r="BB2524" s="3">
        <v>36304.442534299997</v>
      </c>
      <c r="BC2524" s="3">
        <v>37678.702226300004</v>
      </c>
      <c r="BD2524" s="3">
        <v>38297.703499499999</v>
      </c>
      <c r="BE2524" s="3">
        <v>39400.861481400003</v>
      </c>
      <c r="BF2524" s="3">
        <v>39944.817485599997</v>
      </c>
      <c r="BG2524" s="1">
        <v>-43.257584199999997</v>
      </c>
      <c r="BH2524" s="2">
        <v>-8.5488015497614353E-2</v>
      </c>
      <c r="BI2524" s="1">
        <v>3.9924940340000035</v>
      </c>
      <c r="BJ2524" s="2">
        <v>7.8901861526683489E-3</v>
      </c>
      <c r="BK2524" s="1">
        <v>-24.000078234</v>
      </c>
      <c r="BL2524" s="2">
        <v>-4.7058969710565814E-2</v>
      </c>
      <c r="BM2524" s="1">
        <v>-23.25</v>
      </c>
      <c r="BN2524" s="2">
        <v>-4.7839506172839504E-2</v>
      </c>
      <c r="BO2524" s="1">
        <v>-47.250078234</v>
      </c>
      <c r="BP2524" s="2">
        <v>-9.2647198011449231E-2</v>
      </c>
      <c r="BQ2524" s="1">
        <v>506.0075842</v>
      </c>
      <c r="BR2524" s="1">
        <v>522.00324524500002</v>
      </c>
      <c r="BS2524" s="1">
        <v>520.00451643500003</v>
      </c>
      <c r="BT2524" s="1">
        <v>510.000078234</v>
      </c>
      <c r="BU2524" s="1">
        <v>499.00008476800002</v>
      </c>
      <c r="BV2524" s="1">
        <v>487</v>
      </c>
      <c r="BW2524" s="1">
        <v>486</v>
      </c>
      <c r="BX2524" s="1">
        <v>466</v>
      </c>
      <c r="BY2524" s="1">
        <v>467</v>
      </c>
      <c r="BZ2524" s="1">
        <v>460</v>
      </c>
      <c r="CA2524" s="1">
        <v>447</v>
      </c>
      <c r="CB2524" s="1">
        <v>458</v>
      </c>
      <c r="CC2524" s="1">
        <v>462.75</v>
      </c>
      <c r="CD2524" s="1">
        <v>-720.85799999999995</v>
      </c>
      <c r="CE2524" s="27">
        <v>0</v>
      </c>
      <c r="CF2524" s="27">
        <v>667.279</v>
      </c>
      <c r="CG2524" s="27">
        <v>667</v>
      </c>
      <c r="CH2524" s="27"/>
      <c r="CI2524" s="27"/>
      <c r="CJ2524" s="27"/>
      <c r="CK2524" s="27"/>
      <c r="CL2524" s="27"/>
      <c r="CM2524" s="27"/>
      <c r="CN2524" s="27"/>
      <c r="CO2524" s="27"/>
      <c r="CP2524" s="27"/>
      <c r="CQ2524" s="27"/>
      <c r="CR2524" s="27"/>
      <c r="CS2524" s="27"/>
      <c r="CT2524" s="27"/>
      <c r="CU2524" s="27"/>
      <c r="CV2524" s="27"/>
      <c r="CW2524" s="27"/>
      <c r="CX2524" s="27"/>
      <c r="CY2524" s="28" t="s">
        <v>479</v>
      </c>
      <c r="CZ2524" s="28" t="s">
        <v>480</v>
      </c>
      <c r="DA2524" s="29" t="s">
        <v>74</v>
      </c>
      <c r="DB2524" s="30"/>
      <c r="DC2524" s="30"/>
      <c r="DD2524" s="30"/>
      <c r="DE2524" s="30"/>
      <c r="DF2524" s="30"/>
      <c r="DG2524" s="30"/>
      <c r="DH2524" s="30" t="s">
        <v>333</v>
      </c>
      <c r="DI2524" s="30"/>
      <c r="DJ2524" s="30"/>
      <c r="DK2524" s="30"/>
      <c r="DL2524" s="30">
        <v>6</v>
      </c>
      <c r="DM2524" s="30" t="s">
        <v>396</v>
      </c>
      <c r="DN2524" s="30">
        <v>6</v>
      </c>
      <c r="DO2524" s="30" t="s">
        <v>393</v>
      </c>
    </row>
    <row r="2525" spans="1:119" x14ac:dyDescent="0.2">
      <c r="A2525" s="32" t="s">
        <v>791</v>
      </c>
      <c r="B2525" s="32" t="s">
        <v>791</v>
      </c>
      <c r="C2525" s="32" t="s">
        <v>329</v>
      </c>
      <c r="D2525" s="4" t="s">
        <v>86</v>
      </c>
      <c r="E2525" s="4" t="s">
        <v>227</v>
      </c>
      <c r="F2525" s="1">
        <v>261</v>
      </c>
      <c r="G2525" s="2">
        <v>6.5693430656900004E-2</v>
      </c>
      <c r="H2525" s="1">
        <v>691.95002458999943</v>
      </c>
      <c r="I2525" s="2">
        <v>0.174153886030425</v>
      </c>
      <c r="J2525" s="1">
        <v>-845.78626082999972</v>
      </c>
      <c r="K2525" s="2">
        <v>-0.18129843150271491</v>
      </c>
      <c r="L2525" s="1">
        <v>414.38472820000015</v>
      </c>
      <c r="M2525" s="2">
        <v>0.10849545358377649</v>
      </c>
      <c r="N2525" s="1">
        <v>-431.40153262999956</v>
      </c>
      <c r="O2525" s="2">
        <v>-9.247303347885269E-2</v>
      </c>
      <c r="P2525" s="1">
        <v>3973.2103621800002</v>
      </c>
      <c r="Q2525" s="1">
        <v>3912.5868102200002</v>
      </c>
      <c r="R2525" s="1">
        <v>3937.9558198200002</v>
      </c>
      <c r="S2525" s="1">
        <v>3931.9943162200002</v>
      </c>
      <c r="T2525" s="1">
        <v>4011.3413268499999</v>
      </c>
      <c r="U2525" s="1">
        <v>4087.6314812800001</v>
      </c>
      <c r="V2525" s="1">
        <v>4665.1603867699996</v>
      </c>
      <c r="W2525" s="1">
        <v>4786.1788516899996</v>
      </c>
      <c r="X2525" s="1">
        <v>4635.5815499399996</v>
      </c>
      <c r="Y2525" s="1">
        <v>3819.3741259399999</v>
      </c>
      <c r="Z2525" s="1">
        <v>3979.51984997</v>
      </c>
      <c r="AA2525" s="1">
        <v>4369.4730616999996</v>
      </c>
      <c r="AB2525" s="1">
        <v>3963.5585878400002</v>
      </c>
      <c r="AC2525" s="1">
        <v>4251.7797812099998</v>
      </c>
      <c r="AD2525" s="1">
        <v>4271.5850676500004</v>
      </c>
      <c r="AE2525" s="1">
        <v>4161.8780909200004</v>
      </c>
      <c r="AF2525" s="1">
        <v>4233.75885414</v>
      </c>
      <c r="AG2525" s="1">
        <v>14986.817480499998</v>
      </c>
      <c r="AH2525" s="2">
        <v>0.47033531403118117</v>
      </c>
      <c r="AI2525" s="1">
        <v>7022.0897336999951</v>
      </c>
      <c r="AJ2525" s="2">
        <v>0.22037612617570446</v>
      </c>
      <c r="AK2525" s="1">
        <v>438.81722330000048</v>
      </c>
      <c r="AL2525" s="2">
        <v>1.1284650986176337E-2</v>
      </c>
      <c r="AM2525" s="1">
        <v>7525.9105235000025</v>
      </c>
      <c r="AN2525" s="2">
        <v>0.19137715830748669</v>
      </c>
      <c r="AO2525" s="1">
        <v>7964.7277468000029</v>
      </c>
      <c r="AP2525" s="2">
        <v>0.20482143373188921</v>
      </c>
      <c r="AQ2525" s="3">
        <v>31864.112758300002</v>
      </c>
      <c r="AR2525" s="3">
        <v>30850.3687531</v>
      </c>
      <c r="AS2525" s="3">
        <v>30354.054597800001</v>
      </c>
      <c r="AT2525" s="3">
        <v>32571.302106700001</v>
      </c>
      <c r="AU2525" s="3">
        <v>33028.530349300003</v>
      </c>
      <c r="AV2525" s="3">
        <v>37560.270437599997</v>
      </c>
      <c r="AW2525" s="3">
        <v>38886.202491999997</v>
      </c>
      <c r="AX2525" s="3">
        <v>45480.747494000003</v>
      </c>
      <c r="AY2525" s="3">
        <v>48339.297658199997</v>
      </c>
      <c r="AZ2525" s="3">
        <v>39325.019715299997</v>
      </c>
      <c r="BA2525" s="3">
        <v>41338.222284399999</v>
      </c>
      <c r="BB2525" s="3">
        <v>45839.655398900002</v>
      </c>
      <c r="BC2525" s="3">
        <v>45768.697027100003</v>
      </c>
      <c r="BD2525" s="3">
        <v>49099.359098100002</v>
      </c>
      <c r="BE2525" s="3">
        <v>48392.679456899998</v>
      </c>
      <c r="BF2525" s="3">
        <v>46850.9302388</v>
      </c>
      <c r="BG2525" s="1">
        <v>42.999988272999985</v>
      </c>
      <c r="BH2525" s="2">
        <v>0.1002330701574983</v>
      </c>
      <c r="BI2525" s="1">
        <v>7.9999882729999854</v>
      </c>
      <c r="BJ2525" s="2">
        <v>1.864799080259906E-2</v>
      </c>
      <c r="BK2525" s="1">
        <v>42</v>
      </c>
      <c r="BL2525" s="2">
        <v>9.6109839816933634E-2</v>
      </c>
      <c r="BM2525" s="1">
        <v>-7</v>
      </c>
      <c r="BN2525" s="2">
        <v>-1.4613778705636743E-2</v>
      </c>
      <c r="BO2525" s="1">
        <v>35</v>
      </c>
      <c r="BP2525" s="2">
        <v>8.0091533180778038E-2</v>
      </c>
      <c r="BQ2525" s="1">
        <v>429.00001172700001</v>
      </c>
      <c r="BR2525" s="1">
        <v>424.000009224</v>
      </c>
      <c r="BS2525" s="1">
        <v>412.00000820100001</v>
      </c>
      <c r="BT2525" s="1">
        <v>437</v>
      </c>
      <c r="BU2525" s="1">
        <v>450</v>
      </c>
      <c r="BV2525" s="1">
        <v>463</v>
      </c>
      <c r="BW2525" s="1">
        <v>479</v>
      </c>
      <c r="BX2525" s="1">
        <v>495</v>
      </c>
      <c r="BY2525" s="1">
        <v>489</v>
      </c>
      <c r="BZ2525" s="1">
        <v>478</v>
      </c>
      <c r="CA2525" s="1">
        <v>469</v>
      </c>
      <c r="CB2525" s="1">
        <v>479</v>
      </c>
      <c r="CC2525" s="1">
        <v>472</v>
      </c>
      <c r="CD2525" s="1">
        <v>-173.77099999999999</v>
      </c>
      <c r="CE2525" s="27">
        <v>0</v>
      </c>
      <c r="CF2525" s="27">
        <v>434.32</v>
      </c>
      <c r="CG2525" s="27">
        <v>434</v>
      </c>
      <c r="CH2525" s="27"/>
      <c r="CI2525" s="27"/>
      <c r="CJ2525" s="27"/>
      <c r="CK2525" s="27"/>
      <c r="CL2525" s="27"/>
      <c r="CM2525" s="27"/>
      <c r="CN2525" s="27"/>
      <c r="CO2525" s="27"/>
      <c r="CP2525" s="27"/>
      <c r="CQ2525" s="27"/>
      <c r="CR2525" s="27"/>
      <c r="CS2525" s="27"/>
      <c r="CT2525" s="27"/>
      <c r="CU2525" s="27"/>
      <c r="CV2525" s="27"/>
      <c r="CW2525" s="27"/>
      <c r="CX2525" s="27"/>
      <c r="CY2525" s="23" t="s">
        <v>536</v>
      </c>
      <c r="CZ2525" s="23" t="s">
        <v>537</v>
      </c>
      <c r="DA2525" s="24" t="s">
        <v>86</v>
      </c>
      <c r="DB2525" s="25" t="s">
        <v>345</v>
      </c>
      <c r="DC2525" s="25"/>
      <c r="DD2525" s="25"/>
      <c r="DE2525" s="25"/>
      <c r="DF2525" s="25"/>
      <c r="DG2525" s="25"/>
      <c r="DH2525" s="25" t="s">
        <v>333</v>
      </c>
      <c r="DI2525" s="25"/>
      <c r="DJ2525" s="25"/>
      <c r="DK2525" s="25"/>
      <c r="DL2525" s="25">
        <v>10</v>
      </c>
      <c r="DM2525" s="25" t="s">
        <v>383</v>
      </c>
      <c r="DN2525" s="25">
        <v>7</v>
      </c>
      <c r="DO2525" s="25" t="s">
        <v>369</v>
      </c>
    </row>
    <row r="2526" spans="1:119" x14ac:dyDescent="0.2">
      <c r="A2526" s="32" t="s">
        <v>791</v>
      </c>
      <c r="B2526" s="32" t="s">
        <v>791</v>
      </c>
      <c r="C2526" s="32" t="s">
        <v>329</v>
      </c>
      <c r="D2526" s="4" t="s">
        <v>132</v>
      </c>
      <c r="E2526" s="4" t="s">
        <v>273</v>
      </c>
      <c r="F2526" s="1">
        <v>1379</v>
      </c>
      <c r="G2526" s="2">
        <v>6.9572675445200002E-2</v>
      </c>
      <c r="H2526" s="1">
        <v>1659.5049098999989</v>
      </c>
      <c r="I2526" s="2">
        <v>8.3724409073098832E-2</v>
      </c>
      <c r="J2526" s="1">
        <v>-846.32508289999896</v>
      </c>
      <c r="K2526" s="2">
        <v>-3.9399608508025812E-2</v>
      </c>
      <c r="L2526" s="1">
        <v>566.25607979999768</v>
      </c>
      <c r="M2526" s="2">
        <v>2.7442572027908348E-2</v>
      </c>
      <c r="N2526" s="1">
        <v>-280.06900310000128</v>
      </c>
      <c r="O2526" s="2">
        <v>-1.3038263074470355E-2</v>
      </c>
      <c r="P2526" s="1">
        <v>19821.040581500001</v>
      </c>
      <c r="Q2526" s="1">
        <v>20195.789219599999</v>
      </c>
      <c r="R2526" s="1">
        <v>20469.207384400001</v>
      </c>
      <c r="S2526" s="1">
        <v>21649.3725552</v>
      </c>
      <c r="T2526" s="1">
        <v>22392.132434800002</v>
      </c>
      <c r="U2526" s="1">
        <v>22050.269652200001</v>
      </c>
      <c r="V2526" s="1">
        <v>21480.5454914</v>
      </c>
      <c r="W2526" s="1">
        <v>21729.5059559</v>
      </c>
      <c r="X2526" s="1">
        <v>20963.282713699999</v>
      </c>
      <c r="Y2526" s="1">
        <v>20634.220408500001</v>
      </c>
      <c r="Z2526" s="1">
        <v>20775.5123589</v>
      </c>
      <c r="AA2526" s="1">
        <v>20886.567471099999</v>
      </c>
      <c r="AB2526" s="1">
        <v>20410.462434000001</v>
      </c>
      <c r="AC2526" s="1">
        <v>20980.178931099999</v>
      </c>
      <c r="AD2526" s="1">
        <v>20903.5888796</v>
      </c>
      <c r="AE2526" s="1">
        <v>20945.625014599998</v>
      </c>
      <c r="AF2526" s="1">
        <v>21200.476488299999</v>
      </c>
      <c r="AG2526" s="1">
        <v>11172.871385999999</v>
      </c>
      <c r="AH2526" s="2">
        <v>0.38652493824222089</v>
      </c>
      <c r="AI2526" s="1">
        <v>4954.9603274999972</v>
      </c>
      <c r="AJ2526" s="2">
        <v>0.17141660978747358</v>
      </c>
      <c r="AK2526" s="1">
        <v>3611.8520726000061</v>
      </c>
      <c r="AL2526" s="2">
        <v>0.10666729877634949</v>
      </c>
      <c r="AM2526" s="1">
        <v>2606.0589858999956</v>
      </c>
      <c r="AN2526" s="2">
        <v>6.9545415563536675E-2</v>
      </c>
      <c r="AO2526" s="1">
        <v>6217.9110585000017</v>
      </c>
      <c r="AP2526" s="2">
        <v>0.18363093596032731</v>
      </c>
      <c r="AQ2526" s="3">
        <v>28905.9521924</v>
      </c>
      <c r="AR2526" s="3">
        <v>29845.524872099999</v>
      </c>
      <c r="AS2526" s="3">
        <v>30650.5740338</v>
      </c>
      <c r="AT2526" s="3">
        <v>30856.377483200002</v>
      </c>
      <c r="AU2526" s="3">
        <v>31379.783233499998</v>
      </c>
      <c r="AV2526" s="3">
        <v>32157.7463518</v>
      </c>
      <c r="AW2526" s="3">
        <v>33860.912519899997</v>
      </c>
      <c r="AX2526" s="3">
        <v>35113.913794300002</v>
      </c>
      <c r="AY2526" s="3">
        <v>36081.0429965</v>
      </c>
      <c r="AZ2526" s="3">
        <v>37472.764592500003</v>
      </c>
      <c r="BA2526" s="3">
        <v>37571.753188299997</v>
      </c>
      <c r="BB2526" s="3">
        <v>36478.035008400002</v>
      </c>
      <c r="BC2526" s="3">
        <v>38666.628333200002</v>
      </c>
      <c r="BD2526" s="3">
        <v>38593.302012</v>
      </c>
      <c r="BE2526" s="3">
        <v>39405.5567581</v>
      </c>
      <c r="BF2526" s="3">
        <v>40078.823578399999</v>
      </c>
      <c r="BG2526" s="1">
        <v>232.74987353000006</v>
      </c>
      <c r="BH2526" s="2">
        <v>0.17794331118158219</v>
      </c>
      <c r="BI2526" s="1">
        <v>116.99987983000005</v>
      </c>
      <c r="BJ2526" s="2">
        <v>8.9449440762484164E-2</v>
      </c>
      <c r="BK2526" s="1">
        <v>37.999993910000057</v>
      </c>
      <c r="BL2526" s="2">
        <v>2.666666227508778E-2</v>
      </c>
      <c r="BM2526" s="1">
        <v>77.749999789999947</v>
      </c>
      <c r="BN2526" s="2">
        <v>5.3144224045686708E-2</v>
      </c>
      <c r="BO2526" s="1">
        <v>115.7499937</v>
      </c>
      <c r="BP2526" s="2">
        <v>8.1228065395272414E-2</v>
      </c>
      <c r="BQ2526" s="1">
        <v>1308.0001264699999</v>
      </c>
      <c r="BR2526" s="1">
        <v>1328.0000579699999</v>
      </c>
      <c r="BS2526" s="1">
        <v>1378.0000637200001</v>
      </c>
      <c r="BT2526" s="1">
        <v>1425.0000063</v>
      </c>
      <c r="BU2526" s="1">
        <v>1435.00000026</v>
      </c>
      <c r="BV2526" s="1">
        <v>1469.0000002199999</v>
      </c>
      <c r="BW2526" s="1">
        <v>1463.0000002100001</v>
      </c>
      <c r="BX2526" s="1">
        <v>1498</v>
      </c>
      <c r="BY2526" s="1">
        <v>1522</v>
      </c>
      <c r="BZ2526" s="1">
        <v>1540</v>
      </c>
      <c r="CA2526" s="1">
        <v>1558</v>
      </c>
      <c r="CB2526" s="1">
        <v>1574</v>
      </c>
      <c r="CC2526" s="1">
        <v>1540.75</v>
      </c>
      <c r="CD2526" s="1">
        <v>-787.24300000000005</v>
      </c>
      <c r="CE2526" s="27">
        <v>0</v>
      </c>
      <c r="CF2526" s="27">
        <v>2166.6799999999998</v>
      </c>
      <c r="CG2526" s="27">
        <v>2167</v>
      </c>
      <c r="CH2526" s="27"/>
      <c r="CI2526" s="27"/>
      <c r="CJ2526" s="27"/>
      <c r="CK2526" s="27"/>
      <c r="CL2526" s="27"/>
      <c r="CM2526" s="27"/>
      <c r="CN2526" s="27"/>
      <c r="CO2526" s="27"/>
      <c r="CP2526" s="27"/>
      <c r="CQ2526" s="27"/>
      <c r="CR2526" s="27"/>
      <c r="CS2526" s="27"/>
      <c r="CT2526" s="27"/>
      <c r="CU2526" s="27"/>
      <c r="CV2526" s="27"/>
      <c r="CW2526" s="27"/>
      <c r="CX2526" s="27"/>
      <c r="CY2526" s="23" t="s">
        <v>424</v>
      </c>
      <c r="CZ2526" s="23" t="s">
        <v>425</v>
      </c>
      <c r="DA2526" s="24" t="s">
        <v>132</v>
      </c>
      <c r="DB2526" s="25"/>
      <c r="DC2526" s="25" t="s">
        <v>426</v>
      </c>
      <c r="DD2526" s="25"/>
      <c r="DE2526" s="25" t="s">
        <v>427</v>
      </c>
      <c r="DF2526" s="25" t="s">
        <v>363</v>
      </c>
      <c r="DG2526" s="25" t="s">
        <v>364</v>
      </c>
      <c r="DH2526" s="25" t="s">
        <v>365</v>
      </c>
      <c r="DI2526" s="25"/>
      <c r="DJ2526" s="25" t="s">
        <v>366</v>
      </c>
      <c r="DK2526" s="25" t="s">
        <v>428</v>
      </c>
      <c r="DL2526" s="25">
        <v>8</v>
      </c>
      <c r="DM2526" s="25" t="s">
        <v>368</v>
      </c>
      <c r="DN2526" s="25">
        <v>5</v>
      </c>
      <c r="DO2526" s="25" t="s">
        <v>429</v>
      </c>
    </row>
    <row r="2527" spans="1:119" x14ac:dyDescent="0.2">
      <c r="A2527" s="32" t="s">
        <v>791</v>
      </c>
      <c r="B2527" s="32" t="s">
        <v>791</v>
      </c>
      <c r="C2527" s="32" t="s">
        <v>329</v>
      </c>
      <c r="D2527" s="4" t="s">
        <v>107</v>
      </c>
      <c r="E2527" s="4" t="s">
        <v>248</v>
      </c>
      <c r="F2527" s="1">
        <v>-838</v>
      </c>
      <c r="G2527" s="2">
        <v>-7.0687473639800005E-2</v>
      </c>
      <c r="H2527" s="1">
        <v>343.52659510000012</v>
      </c>
      <c r="I2527" s="2">
        <v>2.8977548778835752E-2</v>
      </c>
      <c r="J2527" s="1">
        <v>-854.92319700000007</v>
      </c>
      <c r="K2527" s="2">
        <v>-7.0084581254936815E-2</v>
      </c>
      <c r="L2527" s="1">
        <v>-326.87624139999934</v>
      </c>
      <c r="M2527" s="2">
        <v>-2.8816105702046454E-2</v>
      </c>
      <c r="N2527" s="1">
        <v>-1181.7994383999994</v>
      </c>
      <c r="O2527" s="2">
        <v>-9.6881122255457336E-2</v>
      </c>
      <c r="P2527" s="1">
        <v>11854.922503</v>
      </c>
      <c r="Q2527" s="1">
        <v>11785.385523299999</v>
      </c>
      <c r="R2527" s="1">
        <v>11733.322856000001</v>
      </c>
      <c r="S2527" s="1">
        <v>11592.2112966</v>
      </c>
      <c r="T2527" s="1">
        <v>12047.6943569</v>
      </c>
      <c r="U2527" s="1">
        <v>12449.836559699999</v>
      </c>
      <c r="V2527" s="1">
        <v>12198.4490981</v>
      </c>
      <c r="W2527" s="1">
        <v>11844.907026999999</v>
      </c>
      <c r="X2527" s="1">
        <v>11812.820869499999</v>
      </c>
      <c r="Y2527" s="1">
        <v>11343.5259011</v>
      </c>
      <c r="Z2527" s="1">
        <v>11067.4007311</v>
      </c>
      <c r="AA2527" s="1">
        <v>11138.612942899999</v>
      </c>
      <c r="AB2527" s="1">
        <v>11249.839146599999</v>
      </c>
      <c r="AC2527" s="1">
        <v>10981.5952961</v>
      </c>
      <c r="AD2527" s="1">
        <v>10910.384053199999</v>
      </c>
      <c r="AE2527" s="1">
        <v>10989.573848800001</v>
      </c>
      <c r="AF2527" s="1">
        <v>11016.6496597</v>
      </c>
      <c r="AG2527" s="1">
        <v>9688.7670816999962</v>
      </c>
      <c r="AH2527" s="2">
        <v>0.3438363400358454</v>
      </c>
      <c r="AI2527" s="1">
        <v>3175.9213971999998</v>
      </c>
      <c r="AJ2527" s="2">
        <v>0.11270754888073685</v>
      </c>
      <c r="AK2527" s="1">
        <v>2565.0414948999969</v>
      </c>
      <c r="AL2527" s="2">
        <v>8.1808159186474702E-2</v>
      </c>
      <c r="AM2527" s="1">
        <v>3947.8041895999995</v>
      </c>
      <c r="AN2527" s="2">
        <v>0.11638783140826263</v>
      </c>
      <c r="AO2527" s="1">
        <v>6512.8456844999964</v>
      </c>
      <c r="AP2527" s="2">
        <v>0.20771746483395306</v>
      </c>
      <c r="AQ2527" s="3">
        <v>28178.426633700001</v>
      </c>
      <c r="AR2527" s="3">
        <v>28599.9978362</v>
      </c>
      <c r="AS2527" s="3">
        <v>28945.048713799999</v>
      </c>
      <c r="AT2527" s="3">
        <v>29723.692460099999</v>
      </c>
      <c r="AU2527" s="3">
        <v>30344.647159100001</v>
      </c>
      <c r="AV2527" s="3">
        <v>30529.298082400001</v>
      </c>
      <c r="AW2527" s="3">
        <v>31354.348030900001</v>
      </c>
      <c r="AX2527" s="3">
        <v>32393.8183924</v>
      </c>
      <c r="AY2527" s="3">
        <v>32844.629953600001</v>
      </c>
      <c r="AZ2527" s="3">
        <v>33919.389525799998</v>
      </c>
      <c r="BA2527" s="3">
        <v>33607.3697378</v>
      </c>
      <c r="BB2527" s="3">
        <v>34479.426510999998</v>
      </c>
      <c r="BC2527" s="3">
        <v>35634.669248699996</v>
      </c>
      <c r="BD2527" s="3">
        <v>36239.270932400002</v>
      </c>
      <c r="BE2527" s="3">
        <v>37631.403656000002</v>
      </c>
      <c r="BF2527" s="3">
        <v>37867.193715399997</v>
      </c>
      <c r="BG2527" s="1">
        <v>-88.250041623000016</v>
      </c>
      <c r="BH2527" s="2">
        <v>-0.11256382262468881</v>
      </c>
      <c r="BI2527" s="1">
        <v>-16.99999750500001</v>
      </c>
      <c r="BJ2527" s="2">
        <v>-2.1683669135791644E-2</v>
      </c>
      <c r="BK2527" s="1">
        <v>9.0001349420000452</v>
      </c>
      <c r="BL2527" s="2">
        <v>1.1734203943038377E-2</v>
      </c>
      <c r="BM2527" s="1">
        <v>-80.25017906000005</v>
      </c>
      <c r="BN2527" s="2">
        <v>-0.10341515533825042</v>
      </c>
      <c r="BO2527" s="1">
        <v>-71.250044118000005</v>
      </c>
      <c r="BP2527" s="2">
        <v>-9.2894445918752067E-2</v>
      </c>
      <c r="BQ2527" s="1">
        <v>784.00004162300002</v>
      </c>
      <c r="BR2527" s="1">
        <v>786.00001976399994</v>
      </c>
      <c r="BS2527" s="1">
        <v>772.00000266500001</v>
      </c>
      <c r="BT2527" s="1">
        <v>767.00004411800001</v>
      </c>
      <c r="BU2527" s="1">
        <v>751.00010417600004</v>
      </c>
      <c r="BV2527" s="1">
        <v>770.00002702699999</v>
      </c>
      <c r="BW2527" s="1">
        <v>776.00017906000005</v>
      </c>
      <c r="BX2527" s="1">
        <v>751</v>
      </c>
      <c r="BY2527" s="1">
        <v>738</v>
      </c>
      <c r="BZ2527" s="1">
        <v>738</v>
      </c>
      <c r="CA2527" s="1">
        <v>711</v>
      </c>
      <c r="CB2527" s="1">
        <v>704</v>
      </c>
      <c r="CC2527" s="1">
        <v>695.75</v>
      </c>
      <c r="CD2527" s="1">
        <v>-2134.16</v>
      </c>
      <c r="CE2527" s="27">
        <v>0</v>
      </c>
      <c r="CF2527" s="27">
        <v>1295.8900000000001</v>
      </c>
      <c r="CG2527" s="27">
        <v>1296</v>
      </c>
      <c r="CH2527" s="27"/>
      <c r="CI2527" s="27"/>
      <c r="CJ2527" s="27"/>
      <c r="CK2527" s="27"/>
      <c r="CL2527" s="27"/>
      <c r="CM2527" s="27"/>
      <c r="CN2527" s="27"/>
      <c r="CO2527" s="27"/>
      <c r="CP2527" s="27"/>
      <c r="CQ2527" s="27"/>
      <c r="CR2527" s="27"/>
      <c r="CS2527" s="27"/>
      <c r="CT2527" s="27"/>
      <c r="CU2527" s="27"/>
      <c r="CV2527" s="27"/>
      <c r="CW2527" s="27"/>
      <c r="CX2527" s="27"/>
      <c r="CY2527" s="23" t="s">
        <v>359</v>
      </c>
      <c r="CZ2527" s="23" t="s">
        <v>360</v>
      </c>
      <c r="DA2527" s="24" t="s">
        <v>107</v>
      </c>
      <c r="DB2527" s="25"/>
      <c r="DC2527" s="25" t="s">
        <v>361</v>
      </c>
      <c r="DD2527" s="25"/>
      <c r="DE2527" s="25" t="s">
        <v>362</v>
      </c>
      <c r="DF2527" s="25" t="s">
        <v>363</v>
      </c>
      <c r="DG2527" s="25" t="s">
        <v>364</v>
      </c>
      <c r="DH2527" s="25" t="s">
        <v>365</v>
      </c>
      <c r="DI2527" s="25"/>
      <c r="DJ2527" s="25" t="s">
        <v>366</v>
      </c>
      <c r="DK2527" s="25" t="s">
        <v>367</v>
      </c>
      <c r="DL2527" s="25">
        <v>8</v>
      </c>
      <c r="DM2527" s="25" t="s">
        <v>368</v>
      </c>
      <c r="DN2527" s="25">
        <v>7</v>
      </c>
      <c r="DO2527" s="25" t="s">
        <v>369</v>
      </c>
    </row>
    <row r="2528" spans="1:119" x14ac:dyDescent="0.2">
      <c r="A2528" s="32" t="s">
        <v>791</v>
      </c>
      <c r="B2528" s="32" t="s">
        <v>791</v>
      </c>
      <c r="C2528" s="32" t="s">
        <v>329</v>
      </c>
      <c r="D2528" s="4" t="s">
        <v>58</v>
      </c>
      <c r="E2528" s="4" t="s">
        <v>199</v>
      </c>
      <c r="F2528" s="1">
        <v>-568</v>
      </c>
      <c r="G2528" s="2">
        <v>-4.9468733670099997E-2</v>
      </c>
      <c r="H2528" s="1">
        <v>-386.43793300000107</v>
      </c>
      <c r="I2528" s="2">
        <v>-3.3654877436128446E-2</v>
      </c>
      <c r="J2528" s="1">
        <v>-867.30847790000007</v>
      </c>
      <c r="K2528" s="2">
        <v>-7.8164507435105932E-2</v>
      </c>
      <c r="L2528" s="1">
        <v>685.85283080000045</v>
      </c>
      <c r="M2528" s="2">
        <v>6.7052274457047423E-2</v>
      </c>
      <c r="N2528" s="1">
        <v>-181.45564709999962</v>
      </c>
      <c r="O2528" s="2">
        <v>-1.6353340983397156E-2</v>
      </c>
      <c r="P2528" s="1">
        <v>11482.375288200001</v>
      </c>
      <c r="Q2528" s="1">
        <v>10834.4816632</v>
      </c>
      <c r="R2528" s="1">
        <v>10420.9796993</v>
      </c>
      <c r="S2528" s="1">
        <v>10325.7662953</v>
      </c>
      <c r="T2528" s="1">
        <v>10776.4333482</v>
      </c>
      <c r="U2528" s="1">
        <v>10886.3693661</v>
      </c>
      <c r="V2528" s="1">
        <v>11095.9373552</v>
      </c>
      <c r="W2528" s="1">
        <v>10854.474918899999</v>
      </c>
      <c r="X2528" s="1">
        <v>10285.4466302</v>
      </c>
      <c r="Y2528" s="1">
        <v>10228.6288773</v>
      </c>
      <c r="Z2528" s="1">
        <v>10448.316202800001</v>
      </c>
      <c r="AA2528" s="1">
        <v>10583.3425776</v>
      </c>
      <c r="AB2528" s="1">
        <v>10430.5461846</v>
      </c>
      <c r="AC2528" s="1">
        <v>10485.462504900001</v>
      </c>
      <c r="AD2528" s="1">
        <v>10759.216065799999</v>
      </c>
      <c r="AE2528" s="1">
        <v>10721.039586499999</v>
      </c>
      <c r="AF2528" s="1">
        <v>10914.4817081</v>
      </c>
      <c r="AG2528" s="1">
        <v>10937.142492000003</v>
      </c>
      <c r="AH2528" s="2">
        <v>0.36393133468671096</v>
      </c>
      <c r="AI2528" s="1">
        <v>6012.6082195000017</v>
      </c>
      <c r="AJ2528" s="2">
        <v>0.20006839408661548</v>
      </c>
      <c r="AK2528" s="1">
        <v>1561.6395684999952</v>
      </c>
      <c r="AL2528" s="2">
        <v>4.3300248270251182E-2</v>
      </c>
      <c r="AM2528" s="1">
        <v>3362.8947040000057</v>
      </c>
      <c r="AN2528" s="2">
        <v>8.937448257221077E-2</v>
      </c>
      <c r="AO2528" s="1">
        <v>4924.534272500001</v>
      </c>
      <c r="AP2528" s="2">
        <v>0.13654466812686392</v>
      </c>
      <c r="AQ2528" s="3">
        <v>30052.7639408</v>
      </c>
      <c r="AR2528" s="3">
        <v>30376.115155700001</v>
      </c>
      <c r="AS2528" s="3">
        <v>31536.216548199998</v>
      </c>
      <c r="AT2528" s="3">
        <v>32792.9557976</v>
      </c>
      <c r="AU2528" s="3">
        <v>33361.701330299999</v>
      </c>
      <c r="AV2528" s="3">
        <v>35023.724507200001</v>
      </c>
      <c r="AW2528" s="3">
        <v>36065.372160300001</v>
      </c>
      <c r="AX2528" s="3">
        <v>36904.9701451</v>
      </c>
      <c r="AY2528" s="3">
        <v>37175.6885434</v>
      </c>
      <c r="AZ2528" s="3">
        <v>37627.011728799996</v>
      </c>
      <c r="BA2528" s="3">
        <v>37365.164505599998</v>
      </c>
      <c r="BB2528" s="3">
        <v>38367.098419100003</v>
      </c>
      <c r="BC2528" s="3">
        <v>39767.505785399997</v>
      </c>
      <c r="BD2528" s="3">
        <v>39537.7722354</v>
      </c>
      <c r="BE2528" s="3">
        <v>40558.654351700003</v>
      </c>
      <c r="BF2528" s="3">
        <v>40989.906432800002</v>
      </c>
      <c r="BG2528" s="1">
        <v>-55.494265232999965</v>
      </c>
      <c r="BH2528" s="2">
        <v>-7.8911792070730249E-2</v>
      </c>
      <c r="BI2528" s="1">
        <v>-4.2279627099999288</v>
      </c>
      <c r="BJ2528" s="2">
        <v>-6.0120827414058102E-3</v>
      </c>
      <c r="BK2528" s="1">
        <v>-9.0162793300000885</v>
      </c>
      <c r="BL2528" s="2">
        <v>-1.2898525109438948E-2</v>
      </c>
      <c r="BM2528" s="1">
        <v>-42.250023192999947</v>
      </c>
      <c r="BN2528" s="2">
        <v>-6.123191561282338E-2</v>
      </c>
      <c r="BO2528" s="1">
        <v>-51.266302523000036</v>
      </c>
      <c r="BP2528" s="2">
        <v>-7.3340639321231277E-2</v>
      </c>
      <c r="BQ2528" s="1">
        <v>703.24426523299996</v>
      </c>
      <c r="BR2528" s="1">
        <v>702.03554399799998</v>
      </c>
      <c r="BS2528" s="1">
        <v>689.05170421800005</v>
      </c>
      <c r="BT2528" s="1">
        <v>699.01630252300004</v>
      </c>
      <c r="BU2528" s="1">
        <v>698.00337398900001</v>
      </c>
      <c r="BV2528" s="1">
        <v>693.00409685700004</v>
      </c>
      <c r="BW2528" s="1">
        <v>690.00002319299995</v>
      </c>
      <c r="BX2528" s="1">
        <v>655</v>
      </c>
      <c r="BY2528" s="1">
        <v>647</v>
      </c>
      <c r="BZ2528" s="1">
        <v>650</v>
      </c>
      <c r="CA2528" s="1">
        <v>661</v>
      </c>
      <c r="CB2528" s="1">
        <v>662</v>
      </c>
      <c r="CC2528" s="1">
        <v>647.75</v>
      </c>
      <c r="CD2528" s="1">
        <v>-1823.06</v>
      </c>
      <c r="CE2528" s="27">
        <v>0</v>
      </c>
      <c r="CF2528" s="27">
        <v>1255.1600000000001</v>
      </c>
      <c r="CG2528" s="27">
        <v>1255</v>
      </c>
      <c r="CH2528" s="27"/>
      <c r="CI2528" s="27"/>
      <c r="CJ2528" s="27"/>
      <c r="CK2528" s="27"/>
      <c r="CL2528" s="27"/>
      <c r="CM2528" s="27"/>
      <c r="CN2528" s="27"/>
      <c r="CO2528" s="27"/>
      <c r="CP2528" s="27"/>
      <c r="CQ2528" s="27"/>
      <c r="CR2528" s="27"/>
      <c r="CS2528" s="27"/>
      <c r="CT2528" s="27"/>
      <c r="CU2528" s="27"/>
      <c r="CV2528" s="27"/>
      <c r="CW2528" s="27"/>
      <c r="CX2528" s="27"/>
      <c r="CY2528" s="23" t="s">
        <v>385</v>
      </c>
      <c r="CZ2528" s="23" t="s">
        <v>386</v>
      </c>
      <c r="DA2528" s="24" t="s">
        <v>58</v>
      </c>
      <c r="DB2528" s="25"/>
      <c r="DC2528" s="25" t="s">
        <v>387</v>
      </c>
      <c r="DD2528" s="25" t="s">
        <v>388</v>
      </c>
      <c r="DE2528" s="25" t="s">
        <v>389</v>
      </c>
      <c r="DF2528" s="25" t="s">
        <v>363</v>
      </c>
      <c r="DG2528" s="25" t="s">
        <v>364</v>
      </c>
      <c r="DH2528" s="25" t="s">
        <v>365</v>
      </c>
      <c r="DI2528" s="25" t="s">
        <v>390</v>
      </c>
      <c r="DJ2528" s="25" t="s">
        <v>366</v>
      </c>
      <c r="DK2528" s="25" t="s">
        <v>391</v>
      </c>
      <c r="DL2528" s="25">
        <v>5</v>
      </c>
      <c r="DM2528" s="25" t="s">
        <v>392</v>
      </c>
      <c r="DN2528" s="25">
        <v>6</v>
      </c>
      <c r="DO2528" s="25" t="s">
        <v>393</v>
      </c>
    </row>
    <row r="2529" spans="1:119" x14ac:dyDescent="0.2">
      <c r="A2529" s="32" t="s">
        <v>791</v>
      </c>
      <c r="B2529" s="32" t="s">
        <v>791</v>
      </c>
      <c r="C2529" s="32" t="s">
        <v>329</v>
      </c>
      <c r="D2529" s="4" t="s">
        <v>157</v>
      </c>
      <c r="E2529" s="4" t="s">
        <v>296</v>
      </c>
      <c r="F2529" s="1">
        <v>3355</v>
      </c>
      <c r="G2529" s="2">
        <v>0.15078651685399999</v>
      </c>
      <c r="H2529" s="1">
        <v>3462.0891161</v>
      </c>
      <c r="I2529" s="2">
        <v>0.15560200874472316</v>
      </c>
      <c r="J2529" s="1">
        <v>-890.2550267000006</v>
      </c>
      <c r="K2529" s="2">
        <v>-3.4624467501204889E-2</v>
      </c>
      <c r="L2529" s="1">
        <v>783.4076012000005</v>
      </c>
      <c r="M2529" s="2">
        <v>3.1561683624626968E-2</v>
      </c>
      <c r="N2529" s="1">
        <v>-106.8474255000001</v>
      </c>
      <c r="O2529" s="2">
        <v>-4.1555903655221237E-3</v>
      </c>
      <c r="P2529" s="1">
        <v>22249.6428165</v>
      </c>
      <c r="Q2529" s="1">
        <v>22656.717572500002</v>
      </c>
      <c r="R2529" s="1">
        <v>23466.1317681</v>
      </c>
      <c r="S2529" s="1">
        <v>23551.2368212</v>
      </c>
      <c r="T2529" s="1">
        <v>23981.27216</v>
      </c>
      <c r="U2529" s="1">
        <v>24562.098943000001</v>
      </c>
      <c r="V2529" s="1">
        <v>25711.7319326</v>
      </c>
      <c r="W2529" s="1">
        <v>25743.8158826</v>
      </c>
      <c r="X2529" s="1">
        <v>25003.504178300002</v>
      </c>
      <c r="Y2529" s="1">
        <v>24821.476905899999</v>
      </c>
      <c r="Z2529" s="1">
        <v>24844.0768613</v>
      </c>
      <c r="AA2529" s="1">
        <v>24654.976740099999</v>
      </c>
      <c r="AB2529" s="1">
        <v>24771.400018</v>
      </c>
      <c r="AC2529" s="1">
        <v>24808.2367619</v>
      </c>
      <c r="AD2529" s="1">
        <v>25225.909289200001</v>
      </c>
      <c r="AE2529" s="1">
        <v>25272.5017955</v>
      </c>
      <c r="AF2529" s="1">
        <v>25604.8845071</v>
      </c>
      <c r="AG2529" s="1">
        <v>10918.632418699999</v>
      </c>
      <c r="AH2529" s="2">
        <v>0.40977189678437786</v>
      </c>
      <c r="AI2529" s="1">
        <v>5394.400394100001</v>
      </c>
      <c r="AJ2529" s="2">
        <v>0.20244968387423173</v>
      </c>
      <c r="AK2529" s="1">
        <v>2240.4834735000004</v>
      </c>
      <c r="AL2529" s="2">
        <v>6.9927621548875191E-2</v>
      </c>
      <c r="AM2529" s="1">
        <v>3283.7485510999977</v>
      </c>
      <c r="AN2529" s="2">
        <v>9.5790514672090904E-2</v>
      </c>
      <c r="AO2529" s="1">
        <v>5524.2320245999981</v>
      </c>
      <c r="AP2529" s="2">
        <v>0.17241653907892804</v>
      </c>
      <c r="AQ2529" s="3">
        <v>26645.635057899999</v>
      </c>
      <c r="AR2529" s="3">
        <v>27411.018885099998</v>
      </c>
      <c r="AS2529" s="3">
        <v>28491.9722306</v>
      </c>
      <c r="AT2529" s="3">
        <v>29675.371677399999</v>
      </c>
      <c r="AU2529" s="3">
        <v>30314.016806899999</v>
      </c>
      <c r="AV2529" s="3">
        <v>31195.971764599999</v>
      </c>
      <c r="AW2529" s="3">
        <v>32040.035452</v>
      </c>
      <c r="AX2529" s="3">
        <v>32453.833440599999</v>
      </c>
      <c r="AY2529" s="3">
        <v>33614.876168499999</v>
      </c>
      <c r="AZ2529" s="3">
        <v>34280.5189255</v>
      </c>
      <c r="BA2529" s="3">
        <v>34574.872835900002</v>
      </c>
      <c r="BB2529" s="3">
        <v>35585.0910793</v>
      </c>
      <c r="BC2529" s="3">
        <v>35942.973083500001</v>
      </c>
      <c r="BD2529" s="3">
        <v>36489.973028400003</v>
      </c>
      <c r="BE2529" s="3">
        <v>37152.865534899996</v>
      </c>
      <c r="BF2529" s="3">
        <v>37564.267476599998</v>
      </c>
      <c r="BG2529" s="1">
        <v>413.74920803999998</v>
      </c>
      <c r="BH2529" s="2">
        <v>0.29680701074657084</v>
      </c>
      <c r="BI2529" s="1">
        <v>128.99926738999989</v>
      </c>
      <c r="BJ2529" s="2">
        <v>9.2538876687884575E-2</v>
      </c>
      <c r="BK2529" s="1">
        <v>67.999956150000116</v>
      </c>
      <c r="BL2529" s="2">
        <v>4.4648689100525558E-2</v>
      </c>
      <c r="BM2529" s="1">
        <v>216.74998449999998</v>
      </c>
      <c r="BN2529" s="2">
        <v>0.13623506121204057</v>
      </c>
      <c r="BO2529" s="1">
        <v>284.7499406500001</v>
      </c>
      <c r="BP2529" s="2">
        <v>0.18696646720521359</v>
      </c>
      <c r="BQ2529" s="1">
        <v>1394.00079196</v>
      </c>
      <c r="BR2529" s="1">
        <v>1402.00066051</v>
      </c>
      <c r="BS2529" s="1">
        <v>1450.0006944899999</v>
      </c>
      <c r="BT2529" s="1">
        <v>1523.0000593499999</v>
      </c>
      <c r="BU2529" s="1">
        <v>1523.0000530100001</v>
      </c>
      <c r="BV2529" s="1">
        <v>1559.0000411799999</v>
      </c>
      <c r="BW2529" s="1">
        <v>1591.0000155</v>
      </c>
      <c r="BX2529" s="1">
        <v>1647</v>
      </c>
      <c r="BY2529" s="1">
        <v>1674</v>
      </c>
      <c r="BZ2529" s="1">
        <v>1736</v>
      </c>
      <c r="CA2529" s="1">
        <v>1764</v>
      </c>
      <c r="CB2529" s="1">
        <v>1796</v>
      </c>
      <c r="CC2529" s="1">
        <v>1807.75</v>
      </c>
      <c r="CD2529" s="1">
        <v>923.08799999999997</v>
      </c>
      <c r="CE2529" s="27">
        <v>0</v>
      </c>
      <c r="CF2529" s="27">
        <v>2432.15</v>
      </c>
      <c r="CG2529" s="27">
        <v>2432</v>
      </c>
      <c r="CH2529" s="27"/>
      <c r="CI2529" s="27"/>
      <c r="CJ2529" s="27"/>
      <c r="CK2529" s="27"/>
      <c r="CL2529" s="27"/>
      <c r="CM2529" s="27"/>
      <c r="CN2529" s="27"/>
      <c r="CO2529" s="27"/>
      <c r="CP2529" s="27"/>
      <c r="CQ2529" s="27"/>
      <c r="CR2529" s="27"/>
      <c r="CS2529" s="27"/>
      <c r="CT2529" s="27"/>
      <c r="CU2529" s="27"/>
      <c r="CV2529" s="27"/>
      <c r="CW2529" s="27"/>
      <c r="CX2529" s="27"/>
      <c r="CY2529" s="28" t="s">
        <v>684</v>
      </c>
      <c r="CZ2529" s="28" t="s">
        <v>685</v>
      </c>
      <c r="DA2529" s="29" t="s">
        <v>157</v>
      </c>
      <c r="DB2529" s="25" t="s">
        <v>345</v>
      </c>
      <c r="DC2529" s="30" t="s">
        <v>686</v>
      </c>
      <c r="DD2529" s="30" t="s">
        <v>507</v>
      </c>
      <c r="DE2529" s="30" t="s">
        <v>687</v>
      </c>
      <c r="DF2529" s="30" t="s">
        <v>363</v>
      </c>
      <c r="DG2529" s="30" t="s">
        <v>364</v>
      </c>
      <c r="DH2529" s="30" t="s">
        <v>365</v>
      </c>
      <c r="DI2529" s="30" t="s">
        <v>509</v>
      </c>
      <c r="DJ2529" s="30" t="s">
        <v>366</v>
      </c>
      <c r="DK2529" s="30" t="s">
        <v>688</v>
      </c>
      <c r="DL2529" s="30">
        <v>3</v>
      </c>
      <c r="DM2529" s="30" t="s">
        <v>556</v>
      </c>
      <c r="DN2529" s="30">
        <v>4</v>
      </c>
      <c r="DO2529" s="30" t="s">
        <v>557</v>
      </c>
    </row>
    <row r="2530" spans="1:119" x14ac:dyDescent="0.2">
      <c r="A2530" s="32" t="s">
        <v>791</v>
      </c>
      <c r="B2530" s="32" t="s">
        <v>791</v>
      </c>
      <c r="C2530" s="32" t="s">
        <v>329</v>
      </c>
      <c r="D2530" s="4" t="s">
        <v>83</v>
      </c>
      <c r="E2530" s="4" t="s">
        <v>224</v>
      </c>
      <c r="F2530" s="1">
        <v>-194</v>
      </c>
      <c r="G2530" s="2">
        <v>-3.0599369085200001E-2</v>
      </c>
      <c r="H2530" s="1">
        <v>423.71768892999989</v>
      </c>
      <c r="I2530" s="2">
        <v>6.6837107447327029E-2</v>
      </c>
      <c r="J2530" s="1">
        <v>-924.24258629999986</v>
      </c>
      <c r="K2530" s="2">
        <v>-0.13665606589614743</v>
      </c>
      <c r="L2530" s="1">
        <v>306.80683106000015</v>
      </c>
      <c r="M2530" s="2">
        <v>5.2544119801286149E-2</v>
      </c>
      <c r="N2530" s="1">
        <v>-617.43575523999971</v>
      </c>
      <c r="O2530" s="2">
        <v>-9.12924187928809E-2</v>
      </c>
      <c r="P2530" s="1">
        <v>6339.5575468899997</v>
      </c>
      <c r="Q2530" s="1">
        <v>6161.3494472100001</v>
      </c>
      <c r="R2530" s="1">
        <v>6125.1173773</v>
      </c>
      <c r="S2530" s="1">
        <v>6203.6811005400004</v>
      </c>
      <c r="T2530" s="1">
        <v>6453.9379299800003</v>
      </c>
      <c r="U2530" s="1">
        <v>6761.2031806799996</v>
      </c>
      <c r="V2530" s="1">
        <v>6763.2752358199996</v>
      </c>
      <c r="W2530" s="1">
        <v>6242.7957489399996</v>
      </c>
      <c r="X2530" s="1">
        <v>6063.95393246</v>
      </c>
      <c r="Y2530" s="1">
        <v>5839.0326495199997</v>
      </c>
      <c r="Z2530" s="1">
        <v>5800.2977622400003</v>
      </c>
      <c r="AA2530" s="1">
        <v>5832.0103758499999</v>
      </c>
      <c r="AB2530" s="1">
        <v>5874.2469397000004</v>
      </c>
      <c r="AC2530" s="1">
        <v>5939.8610752699997</v>
      </c>
      <c r="AD2530" s="1">
        <v>6009.01162415</v>
      </c>
      <c r="AE2530" s="1">
        <v>6041.5118122800004</v>
      </c>
      <c r="AF2530" s="1">
        <v>6145.8394805799999</v>
      </c>
      <c r="AG2530" s="1">
        <v>9258.5729722999968</v>
      </c>
      <c r="AH2530" s="2">
        <v>0.35546998807128738</v>
      </c>
      <c r="AI2530" s="1">
        <v>3892.2813323000009</v>
      </c>
      <c r="AJ2530" s="2">
        <v>0.14943870971284978</v>
      </c>
      <c r="AK2530" s="1">
        <v>2480.2733282000008</v>
      </c>
      <c r="AL2530" s="2">
        <v>8.2846203263668164E-2</v>
      </c>
      <c r="AM2530" s="1">
        <v>2886.018311799995</v>
      </c>
      <c r="AN2530" s="2">
        <v>8.9023644809097899E-2</v>
      </c>
      <c r="AO2530" s="1">
        <v>5366.2916399999958</v>
      </c>
      <c r="AP2530" s="2">
        <v>0.17924511904589319</v>
      </c>
      <c r="AQ2530" s="3">
        <v>26046.0046783</v>
      </c>
      <c r="AR2530" s="3">
        <v>26390.5998463</v>
      </c>
      <c r="AS2530" s="3">
        <v>26454.248941000002</v>
      </c>
      <c r="AT2530" s="3">
        <v>27151.4615065</v>
      </c>
      <c r="AU2530" s="3">
        <v>27543.028356300001</v>
      </c>
      <c r="AV2530" s="3">
        <v>28696.1739242</v>
      </c>
      <c r="AW2530" s="3">
        <v>29938.286010600001</v>
      </c>
      <c r="AX2530" s="3">
        <v>30075.1999001</v>
      </c>
      <c r="AY2530" s="3">
        <v>30704.3585031</v>
      </c>
      <c r="AZ2530" s="3">
        <v>32418.559338800002</v>
      </c>
      <c r="BA2530" s="3">
        <v>32556.853390799999</v>
      </c>
      <c r="BB2530" s="3">
        <v>32957.368493200003</v>
      </c>
      <c r="BC2530" s="3">
        <v>34316.4096364</v>
      </c>
      <c r="BD2530" s="3">
        <v>34663.7163516</v>
      </c>
      <c r="BE2530" s="3">
        <v>35210.716939400001</v>
      </c>
      <c r="BF2530" s="3">
        <v>35304.577650599997</v>
      </c>
      <c r="BG2530" s="1">
        <v>-31.250090380000017</v>
      </c>
      <c r="BH2530" s="2">
        <v>-6.1759060866039717E-2</v>
      </c>
      <c r="BI2530" s="1">
        <v>3.9999554649999709</v>
      </c>
      <c r="BJ2530" s="2">
        <v>7.9050489141139334E-3</v>
      </c>
      <c r="BK2530" s="1">
        <v>-33.000016914000014</v>
      </c>
      <c r="BL2530" s="2">
        <v>-6.47059097010933E-2</v>
      </c>
      <c r="BM2530" s="1">
        <v>-2.2500289309999744</v>
      </c>
      <c r="BN2530" s="2">
        <v>-4.7170414979690713E-3</v>
      </c>
      <c r="BO2530" s="1">
        <v>-35.250045844999988</v>
      </c>
      <c r="BP2530" s="2">
        <v>-6.9117730737838473E-2</v>
      </c>
      <c r="BQ2530" s="1">
        <v>506.00009038000002</v>
      </c>
      <c r="BR2530" s="1">
        <v>519.00080174000004</v>
      </c>
      <c r="BS2530" s="1">
        <v>516.00079994500004</v>
      </c>
      <c r="BT2530" s="1">
        <v>510.00004584499999</v>
      </c>
      <c r="BU2530" s="1">
        <v>498.00003880200001</v>
      </c>
      <c r="BV2530" s="1">
        <v>483.00001752399999</v>
      </c>
      <c r="BW2530" s="1">
        <v>477.00002893099997</v>
      </c>
      <c r="BX2530" s="1">
        <v>471</v>
      </c>
      <c r="BY2530" s="1">
        <v>480</v>
      </c>
      <c r="BZ2530" s="1">
        <v>489</v>
      </c>
      <c r="CA2530" s="1">
        <v>479</v>
      </c>
      <c r="CB2530" s="1">
        <v>480</v>
      </c>
      <c r="CC2530" s="1">
        <v>474.75</v>
      </c>
      <c r="CD2530" s="1">
        <v>-886.70799999999997</v>
      </c>
      <c r="CE2530" s="27">
        <v>0</v>
      </c>
      <c r="CF2530" s="27">
        <v>692.99</v>
      </c>
      <c r="CG2530" s="27">
        <v>693</v>
      </c>
      <c r="CH2530" s="27"/>
      <c r="CI2530" s="27"/>
      <c r="CJ2530" s="27"/>
      <c r="CK2530" s="27"/>
      <c r="CL2530" s="27"/>
      <c r="CM2530" s="27"/>
      <c r="CN2530" s="27"/>
      <c r="CO2530" s="27"/>
      <c r="CP2530" s="27"/>
      <c r="CQ2530" s="27"/>
      <c r="CR2530" s="27"/>
      <c r="CS2530" s="27"/>
      <c r="CT2530" s="27"/>
      <c r="CU2530" s="27"/>
      <c r="CV2530" s="27"/>
      <c r="CW2530" s="27"/>
      <c r="CX2530" s="27"/>
      <c r="CY2530" s="23" t="s">
        <v>511</v>
      </c>
      <c r="CZ2530" s="23" t="s">
        <v>512</v>
      </c>
      <c r="DA2530" s="24" t="s">
        <v>83</v>
      </c>
      <c r="DB2530" s="25"/>
      <c r="DC2530" s="25"/>
      <c r="DD2530" s="25"/>
      <c r="DE2530" s="25"/>
      <c r="DF2530" s="25"/>
      <c r="DG2530" s="25"/>
      <c r="DH2530" s="25" t="s">
        <v>333</v>
      </c>
      <c r="DI2530" s="25"/>
      <c r="DJ2530" s="25"/>
      <c r="DK2530" s="25"/>
      <c r="DL2530" s="25">
        <v>4</v>
      </c>
      <c r="DM2530" s="25" t="s">
        <v>446</v>
      </c>
      <c r="DN2530" s="25">
        <v>6</v>
      </c>
      <c r="DO2530" s="25" t="s">
        <v>393</v>
      </c>
    </row>
    <row r="2531" spans="1:119" x14ac:dyDescent="0.2">
      <c r="A2531" s="32" t="s">
        <v>791</v>
      </c>
      <c r="B2531" s="32" t="s">
        <v>791</v>
      </c>
      <c r="C2531" s="32" t="s">
        <v>329</v>
      </c>
      <c r="D2531" s="4" t="s">
        <v>130</v>
      </c>
      <c r="E2531" s="4" t="s">
        <v>271</v>
      </c>
      <c r="F2531" s="1">
        <v>1118</v>
      </c>
      <c r="G2531" s="2">
        <v>0.36334091647700001</v>
      </c>
      <c r="H2531" s="1">
        <v>837.15423575000023</v>
      </c>
      <c r="I2531" s="2">
        <v>0.27206866699298704</v>
      </c>
      <c r="J2531" s="1">
        <v>-959.46377370000027</v>
      </c>
      <c r="K2531" s="2">
        <v>-0.24512695828162354</v>
      </c>
      <c r="L2531" s="1">
        <v>1240.2318014100001</v>
      </c>
      <c r="M2531" s="2">
        <v>0.41975071205721448</v>
      </c>
      <c r="N2531" s="1">
        <v>280.76802770999984</v>
      </c>
      <c r="O2531" s="2">
        <v>7.1731538492460362E-2</v>
      </c>
      <c r="P2531" s="1">
        <v>3076.9961311699999</v>
      </c>
      <c r="Q2531" s="1">
        <v>2919.75415965</v>
      </c>
      <c r="R2531" s="1">
        <v>2843.3915678399999</v>
      </c>
      <c r="S2531" s="1">
        <v>3217.3145372099998</v>
      </c>
      <c r="T2531" s="1">
        <v>3325.6793028100001</v>
      </c>
      <c r="U2531" s="1">
        <v>3306.9037184399999</v>
      </c>
      <c r="V2531" s="1">
        <v>3914.1503669200001</v>
      </c>
      <c r="W2531" s="1">
        <v>3711.33091483</v>
      </c>
      <c r="X2531" s="1">
        <v>3346.1004754099999</v>
      </c>
      <c r="Y2531" s="1">
        <v>2954.6865932199998</v>
      </c>
      <c r="Z2531" s="1">
        <v>3020.3976272499999</v>
      </c>
      <c r="AA2531" s="1">
        <v>3054.0868107900001</v>
      </c>
      <c r="AB2531" s="1">
        <v>4026.1003807299999</v>
      </c>
      <c r="AC2531" s="1">
        <v>4012.8776063099999</v>
      </c>
      <c r="AD2531" s="1">
        <v>3948.6938433599998</v>
      </c>
      <c r="AE2531" s="1">
        <v>3961.0641348899999</v>
      </c>
      <c r="AF2531" s="1">
        <v>4194.91839463</v>
      </c>
      <c r="AG2531" s="1">
        <v>20738.777619799999</v>
      </c>
      <c r="AH2531" s="2">
        <v>0.71805188471722381</v>
      </c>
      <c r="AI2531" s="1">
        <v>11076.807806000004</v>
      </c>
      <c r="AJ2531" s="2">
        <v>0.38351936008779403</v>
      </c>
      <c r="AK2531" s="1">
        <v>-1602.1951060000065</v>
      </c>
      <c r="AL2531" s="2">
        <v>-4.009616456750794E-2</v>
      </c>
      <c r="AM2531" s="1">
        <v>11264.164919800001</v>
      </c>
      <c r="AN2531" s="2">
        <v>0.29366940574322231</v>
      </c>
      <c r="AO2531" s="1">
        <v>9661.9698137999949</v>
      </c>
      <c r="AP2531" s="2">
        <v>0.24179822435459183</v>
      </c>
      <c r="AQ2531" s="3">
        <v>28882.004296899999</v>
      </c>
      <c r="AR2531" s="3">
        <v>29389.115286100001</v>
      </c>
      <c r="AS2531" s="3">
        <v>30206.986079099999</v>
      </c>
      <c r="AT2531" s="3">
        <v>32461.014938600001</v>
      </c>
      <c r="AU2531" s="3">
        <v>34218.998086200001</v>
      </c>
      <c r="AV2531" s="3">
        <v>35508.184682599996</v>
      </c>
      <c r="AW2531" s="3">
        <v>39958.812102900003</v>
      </c>
      <c r="AX2531" s="3">
        <v>39865.734408299999</v>
      </c>
      <c r="AY2531" s="3">
        <v>40991.611286899999</v>
      </c>
      <c r="AZ2531" s="3">
        <v>38356.616996899997</v>
      </c>
      <c r="BA2531" s="3">
        <v>38889.818353000002</v>
      </c>
      <c r="BB2531" s="3">
        <v>39727.819630099999</v>
      </c>
      <c r="BC2531" s="3">
        <v>45256.952802400003</v>
      </c>
      <c r="BD2531" s="3">
        <v>47901.571584800004</v>
      </c>
      <c r="BE2531" s="3">
        <v>47342.514423799999</v>
      </c>
      <c r="BF2531" s="3">
        <v>49620.781916699998</v>
      </c>
      <c r="BG2531" s="1">
        <v>-19.000017078000013</v>
      </c>
      <c r="BH2531" s="2">
        <v>-7.8512461723818969E-2</v>
      </c>
      <c r="BI2531" s="1">
        <v>-8.0000170780000133</v>
      </c>
      <c r="BJ2531" s="2">
        <v>-3.3057919477011838E-2</v>
      </c>
      <c r="BK2531" s="1">
        <v>-5.9999661189999927</v>
      </c>
      <c r="BL2531" s="2">
        <v>-2.564088085042732E-2</v>
      </c>
      <c r="BM2531" s="1">
        <v>-5.0000338810000073</v>
      </c>
      <c r="BN2531" s="2">
        <v>-2.1929969903467968E-2</v>
      </c>
      <c r="BO2531" s="1">
        <v>-11</v>
      </c>
      <c r="BP2531" s="2">
        <v>-4.7008547008547008E-2</v>
      </c>
      <c r="BQ2531" s="1">
        <v>242.00001707800001</v>
      </c>
      <c r="BR2531" s="1">
        <v>236.000008044</v>
      </c>
      <c r="BS2531" s="1">
        <v>236.00001174400001</v>
      </c>
      <c r="BT2531" s="1">
        <v>234</v>
      </c>
      <c r="BU2531" s="1">
        <v>231.000037803</v>
      </c>
      <c r="BV2531" s="1">
        <v>227.00000997500001</v>
      </c>
      <c r="BW2531" s="1">
        <v>228.00003388100001</v>
      </c>
      <c r="BX2531" s="1">
        <v>229</v>
      </c>
      <c r="BY2531" s="1">
        <v>237</v>
      </c>
      <c r="BZ2531" s="1">
        <v>230</v>
      </c>
      <c r="CA2531" s="1">
        <v>222</v>
      </c>
      <c r="CB2531" s="1">
        <v>223</v>
      </c>
      <c r="CC2531" s="1">
        <v>223</v>
      </c>
      <c r="CD2531" s="1">
        <v>781.57</v>
      </c>
      <c r="CE2531" s="27">
        <v>0</v>
      </c>
      <c r="CF2531" s="27">
        <v>336.35300000000001</v>
      </c>
      <c r="CG2531" s="27">
        <v>336</v>
      </c>
      <c r="CH2531" s="27"/>
      <c r="CI2531" s="27"/>
      <c r="CJ2531" s="27"/>
      <c r="CK2531" s="27"/>
      <c r="CL2531" s="27"/>
      <c r="CM2531" s="27"/>
      <c r="CN2531" s="27"/>
      <c r="CO2531" s="27"/>
      <c r="CP2531" s="27"/>
      <c r="CQ2531" s="27"/>
      <c r="CR2531" s="27"/>
      <c r="CS2531" s="27"/>
      <c r="CT2531" s="27"/>
      <c r="CU2531" s="27"/>
      <c r="CV2531" s="27"/>
      <c r="CW2531" s="27"/>
      <c r="CX2531" s="27"/>
      <c r="CY2531" s="23" t="s">
        <v>662</v>
      </c>
      <c r="CZ2531" s="23" t="s">
        <v>663</v>
      </c>
      <c r="DA2531" s="24" t="s">
        <v>130</v>
      </c>
      <c r="DB2531" s="25"/>
      <c r="DC2531" s="25" t="s">
        <v>597</v>
      </c>
      <c r="DD2531" s="25" t="s">
        <v>573</v>
      </c>
      <c r="DE2531" s="25" t="s">
        <v>598</v>
      </c>
      <c r="DF2531" s="25" t="s">
        <v>363</v>
      </c>
      <c r="DG2531" s="25" t="s">
        <v>376</v>
      </c>
      <c r="DH2531" s="25" t="s">
        <v>468</v>
      </c>
      <c r="DI2531" s="25" t="s">
        <v>575</v>
      </c>
      <c r="DJ2531" s="25" t="s">
        <v>366</v>
      </c>
      <c r="DK2531" s="25" t="s">
        <v>664</v>
      </c>
      <c r="DL2531" s="25">
        <v>8</v>
      </c>
      <c r="DM2531" s="25" t="s">
        <v>368</v>
      </c>
      <c r="DN2531" s="25">
        <v>9</v>
      </c>
      <c r="DO2531" s="25" t="s">
        <v>384</v>
      </c>
    </row>
    <row r="2532" spans="1:119" x14ac:dyDescent="0.2">
      <c r="A2532" s="32" t="s">
        <v>791</v>
      </c>
      <c r="B2532" s="32" t="s">
        <v>791</v>
      </c>
      <c r="C2532" s="32" t="s">
        <v>329</v>
      </c>
      <c r="D2532" s="4" t="s">
        <v>75</v>
      </c>
      <c r="E2532" s="4" t="s">
        <v>216</v>
      </c>
      <c r="F2532" s="1">
        <v>843</v>
      </c>
      <c r="G2532" s="2">
        <v>0.10638566380599999</v>
      </c>
      <c r="H2532" s="1">
        <v>946.64664874000118</v>
      </c>
      <c r="I2532" s="2">
        <v>0.11945985786698995</v>
      </c>
      <c r="J2532" s="1">
        <v>-963.65545333000046</v>
      </c>
      <c r="K2532" s="2">
        <v>-0.10862939237378252</v>
      </c>
      <c r="L2532" s="1">
        <v>859.14218480999989</v>
      </c>
      <c r="M2532" s="2">
        <v>0.10865064312707944</v>
      </c>
      <c r="N2532" s="1">
        <v>-104.51326852000057</v>
      </c>
      <c r="O2532" s="2">
        <v>-1.1781402590618419E-2</v>
      </c>
      <c r="P2532" s="1">
        <v>7924.3912192999996</v>
      </c>
      <c r="Q2532" s="1">
        <v>7538.7516750300001</v>
      </c>
      <c r="R2532" s="1">
        <v>8069.16854117</v>
      </c>
      <c r="S2532" s="1">
        <v>8272.6736428299992</v>
      </c>
      <c r="T2532" s="1">
        <v>8500.9641685099996</v>
      </c>
      <c r="U2532" s="1">
        <v>8813.4845284700004</v>
      </c>
      <c r="V2532" s="1">
        <v>8871.0378680400008</v>
      </c>
      <c r="W2532" s="1">
        <v>8648.3290517599999</v>
      </c>
      <c r="X2532" s="1">
        <v>8383.5039961700004</v>
      </c>
      <c r="Y2532" s="1">
        <v>7907.3824147100004</v>
      </c>
      <c r="Z2532" s="1">
        <v>7961.1609767600003</v>
      </c>
      <c r="AA2532" s="1">
        <v>8129.0822652200004</v>
      </c>
      <c r="AB2532" s="1">
        <v>7953.5811125199998</v>
      </c>
      <c r="AC2532" s="1">
        <v>8242.2108237699995</v>
      </c>
      <c r="AD2532" s="1">
        <v>8484.0784217300006</v>
      </c>
      <c r="AE2532" s="1">
        <v>8535.9343213600005</v>
      </c>
      <c r="AF2532" s="1">
        <v>8766.5245995200003</v>
      </c>
      <c r="AG2532" s="1">
        <v>10698.165798699996</v>
      </c>
      <c r="AH2532" s="2">
        <v>0.40843473084637155</v>
      </c>
      <c r="AI2532" s="1">
        <v>4977.0241752000002</v>
      </c>
      <c r="AJ2532" s="2">
        <v>0.19001290199304199</v>
      </c>
      <c r="AK2532" s="1">
        <v>2518.3600655000009</v>
      </c>
      <c r="AL2532" s="2">
        <v>8.0794071538003415E-2</v>
      </c>
      <c r="AM2532" s="1">
        <v>3202.7815579999951</v>
      </c>
      <c r="AN2532" s="2">
        <v>9.5070556456245889E-2</v>
      </c>
      <c r="AO2532" s="1">
        <v>5721.1416234999961</v>
      </c>
      <c r="AP2532" s="2">
        <v>0.18354576533373301</v>
      </c>
      <c r="AQ2532" s="3">
        <v>26193.085432600001</v>
      </c>
      <c r="AR2532" s="3">
        <v>27369.9187958</v>
      </c>
      <c r="AS2532" s="3">
        <v>27738.348824299999</v>
      </c>
      <c r="AT2532" s="3">
        <v>29069.395988600001</v>
      </c>
      <c r="AU2532" s="3">
        <v>29553.619347899999</v>
      </c>
      <c r="AV2532" s="3">
        <v>30307.6593134</v>
      </c>
      <c r="AW2532" s="3">
        <v>31170.109607800001</v>
      </c>
      <c r="AX2532" s="3">
        <v>32049.9344174</v>
      </c>
      <c r="AY2532" s="3">
        <v>32063.7727165</v>
      </c>
      <c r="AZ2532" s="3">
        <v>33688.469673300002</v>
      </c>
      <c r="BA2532" s="3">
        <v>34383.596859700003</v>
      </c>
      <c r="BB2532" s="3">
        <v>34348.775765899998</v>
      </c>
      <c r="BC2532" s="3">
        <v>34853.036370000002</v>
      </c>
      <c r="BD2532" s="3">
        <v>35424.073699699999</v>
      </c>
      <c r="BE2532" s="3">
        <v>36607.326517100002</v>
      </c>
      <c r="BF2532" s="3">
        <v>36891.251231299997</v>
      </c>
      <c r="BG2532" s="1">
        <v>72.913986693999959</v>
      </c>
      <c r="BH2532" s="2">
        <v>0.11553732004300582</v>
      </c>
      <c r="BI2532" s="1">
        <v>48.949010835999957</v>
      </c>
      <c r="BJ2532" s="2">
        <v>7.7563136884584438E-2</v>
      </c>
      <c r="BK2532" s="1">
        <v>-0.98596502999998847</v>
      </c>
      <c r="BL2532" s="2">
        <v>-1.4498738961923031E-3</v>
      </c>
      <c r="BM2532" s="1">
        <v>24.950940887999991</v>
      </c>
      <c r="BN2532" s="2">
        <v>3.6743944422261053E-2</v>
      </c>
      <c r="BO2532" s="1">
        <v>23.964975858000003</v>
      </c>
      <c r="BP2532" s="2">
        <v>3.5240796440207778E-2</v>
      </c>
      <c r="BQ2532" s="1">
        <v>631.08601330600004</v>
      </c>
      <c r="BR2532" s="1">
        <v>635.10131177000005</v>
      </c>
      <c r="BS2532" s="1">
        <v>664.19700754600001</v>
      </c>
      <c r="BT2532" s="1">
        <v>680.035024142</v>
      </c>
      <c r="BU2532" s="1">
        <v>695.03026384099996</v>
      </c>
      <c r="BV2532" s="1">
        <v>699.04398232899996</v>
      </c>
      <c r="BW2532" s="1">
        <v>679.04905911200001</v>
      </c>
      <c r="BX2532" s="1">
        <v>653</v>
      </c>
      <c r="BY2532" s="1">
        <v>647</v>
      </c>
      <c r="BZ2532" s="1">
        <v>656</v>
      </c>
      <c r="CA2532" s="1">
        <v>676</v>
      </c>
      <c r="CB2532" s="1">
        <v>699</v>
      </c>
      <c r="CC2532" s="1">
        <v>704</v>
      </c>
      <c r="CD2532" s="1">
        <v>-24.097999999999999</v>
      </c>
      <c r="CE2532" s="27">
        <v>0</v>
      </c>
      <c r="CF2532" s="27">
        <v>866.23099999999999</v>
      </c>
      <c r="CG2532" s="27">
        <v>866</v>
      </c>
      <c r="CH2532" s="27"/>
      <c r="CI2532" s="27"/>
      <c r="CJ2532" s="27"/>
      <c r="CK2532" s="27"/>
      <c r="CL2532" s="27"/>
      <c r="CM2532" s="27"/>
      <c r="CN2532" s="27"/>
      <c r="CO2532" s="27"/>
      <c r="CP2532" s="27"/>
      <c r="CQ2532" s="27"/>
      <c r="CR2532" s="27"/>
      <c r="CS2532" s="27"/>
      <c r="CT2532" s="27"/>
      <c r="CU2532" s="27"/>
      <c r="CV2532" s="27"/>
      <c r="CW2532" s="27"/>
      <c r="CX2532" s="27"/>
      <c r="CY2532" s="23" t="s">
        <v>734</v>
      </c>
      <c r="CZ2532" s="23" t="s">
        <v>735</v>
      </c>
      <c r="DA2532" s="24" t="s">
        <v>75</v>
      </c>
      <c r="DB2532" s="25"/>
      <c r="DC2532" s="25" t="s">
        <v>458</v>
      </c>
      <c r="DD2532" s="25" t="s">
        <v>459</v>
      </c>
      <c r="DE2532" s="25" t="s">
        <v>460</v>
      </c>
      <c r="DF2532" s="25" t="s">
        <v>375</v>
      </c>
      <c r="DG2532" s="25" t="s">
        <v>376</v>
      </c>
      <c r="DH2532" s="25" t="s">
        <v>328</v>
      </c>
      <c r="DI2532" s="25" t="s">
        <v>461</v>
      </c>
      <c r="DJ2532" s="25" t="s">
        <v>366</v>
      </c>
      <c r="DK2532" s="25" t="s">
        <v>736</v>
      </c>
      <c r="DL2532" s="25">
        <v>2</v>
      </c>
      <c r="DM2532" s="25" t="s">
        <v>379</v>
      </c>
      <c r="DN2532" s="25">
        <v>2</v>
      </c>
      <c r="DO2532" s="25" t="s">
        <v>463</v>
      </c>
    </row>
    <row r="2533" spans="1:119" x14ac:dyDescent="0.2">
      <c r="A2533" s="32" t="s">
        <v>791</v>
      </c>
      <c r="B2533" s="32" t="s">
        <v>791</v>
      </c>
      <c r="C2533" s="32" t="s">
        <v>329</v>
      </c>
      <c r="D2533" s="4" t="s">
        <v>160</v>
      </c>
      <c r="E2533" s="4" t="s">
        <v>299</v>
      </c>
      <c r="F2533" s="1">
        <v>20211</v>
      </c>
      <c r="G2533" s="2">
        <v>0.21519607321199999</v>
      </c>
      <c r="H2533" s="1">
        <v>6810.1747632000042</v>
      </c>
      <c r="I2533" s="2">
        <v>7.2511056199582924E-2</v>
      </c>
      <c r="J2533" s="1">
        <v>-969.78640799999994</v>
      </c>
      <c r="K2533" s="2">
        <v>-9.6276499015380216E-3</v>
      </c>
      <c r="L2533" s="1">
        <v>14370.594612999994</v>
      </c>
      <c r="M2533" s="2">
        <v>0.14405237658990083</v>
      </c>
      <c r="N2533" s="1">
        <v>13400.808204999994</v>
      </c>
      <c r="O2533" s="2">
        <v>0.13303784083907072</v>
      </c>
      <c r="P2533" s="1">
        <v>93919.122408800002</v>
      </c>
      <c r="Q2533" s="1">
        <v>94343.853271600005</v>
      </c>
      <c r="R2533" s="1">
        <v>95323.888089</v>
      </c>
      <c r="S2533" s="1">
        <v>96089.254579900007</v>
      </c>
      <c r="T2533" s="1">
        <v>97470.829300500001</v>
      </c>
      <c r="U2533" s="1">
        <v>98630.404097599996</v>
      </c>
      <c r="V2533" s="1">
        <v>100729.29717200001</v>
      </c>
      <c r="W2533" s="1">
        <v>100546.903032</v>
      </c>
      <c r="X2533" s="1">
        <v>96680.4938024</v>
      </c>
      <c r="Y2533" s="1">
        <v>99759.510764000006</v>
      </c>
      <c r="Z2533" s="1">
        <v>98426.309390800001</v>
      </c>
      <c r="AA2533" s="1">
        <v>96470.554475800003</v>
      </c>
      <c r="AB2533" s="1">
        <v>98706.973201100001</v>
      </c>
      <c r="AC2533" s="1">
        <v>103129.928577</v>
      </c>
      <c r="AD2533" s="1">
        <v>107562.946752</v>
      </c>
      <c r="AE2533" s="1">
        <v>111405.032729</v>
      </c>
      <c r="AF2533" s="1">
        <v>114130.105377</v>
      </c>
      <c r="AG2533" s="1">
        <v>17684.1377956</v>
      </c>
      <c r="AH2533" s="2">
        <v>0.45513227568783982</v>
      </c>
      <c r="AI2533" s="1">
        <v>10400.479073900002</v>
      </c>
      <c r="AJ2533" s="2">
        <v>0.26767455466930556</v>
      </c>
      <c r="AK2533" s="1">
        <v>3765.7987598999971</v>
      </c>
      <c r="AL2533" s="2">
        <v>7.645450473045122E-2</v>
      </c>
      <c r="AM2533" s="1">
        <v>3517.8599618000007</v>
      </c>
      <c r="AN2533" s="2">
        <v>6.6348153211402111E-2</v>
      </c>
      <c r="AO2533" s="1">
        <v>7283.6587216999978</v>
      </c>
      <c r="AP2533" s="2">
        <v>0.14787527313541118</v>
      </c>
      <c r="AQ2533" s="3">
        <v>38854.941168199999</v>
      </c>
      <c r="AR2533" s="3">
        <v>40541.558393699997</v>
      </c>
      <c r="AS2533" s="3">
        <v>41609.441636700001</v>
      </c>
      <c r="AT2533" s="3">
        <v>43058.610116000003</v>
      </c>
      <c r="AU2533" s="3">
        <v>44663.8588332</v>
      </c>
      <c r="AV2533" s="3">
        <v>46096.411086499997</v>
      </c>
      <c r="AW2533" s="3">
        <v>49255.420242100001</v>
      </c>
      <c r="AX2533" s="3">
        <v>49299.237470100001</v>
      </c>
      <c r="AY2533" s="3">
        <v>49578.305885299997</v>
      </c>
      <c r="AZ2533" s="3">
        <v>53021.219001999998</v>
      </c>
      <c r="BA2533" s="3">
        <v>52160.942957899999</v>
      </c>
      <c r="BB2533" s="3">
        <v>51046.318657700001</v>
      </c>
      <c r="BC2533" s="3">
        <v>52805.649347099999</v>
      </c>
      <c r="BD2533" s="3">
        <v>53594.025130800001</v>
      </c>
      <c r="BE2533" s="3">
        <v>55758.051824200003</v>
      </c>
      <c r="BF2533" s="3">
        <v>56539.078963799999</v>
      </c>
      <c r="BG2533" s="1">
        <v>560.14150567999968</v>
      </c>
      <c r="BH2533" s="2">
        <v>0.11350135591237505</v>
      </c>
      <c r="BI2533" s="1">
        <v>182.95497688999967</v>
      </c>
      <c r="BJ2533" s="2">
        <v>3.7072128627074631E-2</v>
      </c>
      <c r="BK2533" s="1">
        <v>-95.047740240000167</v>
      </c>
      <c r="BL2533" s="2">
        <v>-1.8571035856561821E-2</v>
      </c>
      <c r="BM2533" s="1">
        <v>472.23426903000018</v>
      </c>
      <c r="BN2533" s="2">
        <v>9.4014093190746689E-2</v>
      </c>
      <c r="BO2533" s="1">
        <v>377.18652879000001</v>
      </c>
      <c r="BP2533" s="2">
        <v>7.3697118238517365E-2</v>
      </c>
      <c r="BQ2533" s="1">
        <v>4935.1084943200003</v>
      </c>
      <c r="BR2533" s="1">
        <v>5003.3858504299997</v>
      </c>
      <c r="BS2533" s="1">
        <v>5073.7347385000003</v>
      </c>
      <c r="BT2533" s="1">
        <v>5118.06347121</v>
      </c>
      <c r="BU2533" s="1">
        <v>5081.0304550499995</v>
      </c>
      <c r="BV2533" s="1">
        <v>4980.0232466099997</v>
      </c>
      <c r="BW2533" s="1">
        <v>5023.0157309699998</v>
      </c>
      <c r="BX2533" s="1">
        <v>4993</v>
      </c>
      <c r="BY2533" s="1">
        <v>5144</v>
      </c>
      <c r="BZ2533" s="1">
        <v>5202</v>
      </c>
      <c r="CA2533" s="1">
        <v>5258</v>
      </c>
      <c r="CB2533" s="1">
        <v>5424</v>
      </c>
      <c r="CC2533" s="1">
        <v>5495.25</v>
      </c>
      <c r="CD2533" s="1">
        <v>9944.49</v>
      </c>
      <c r="CE2533" s="27">
        <v>0</v>
      </c>
      <c r="CF2533" s="27">
        <v>10266.5</v>
      </c>
      <c r="CG2533" s="27">
        <v>10267</v>
      </c>
      <c r="CH2533" s="27"/>
      <c r="CI2533" s="27"/>
      <c r="CJ2533" s="27"/>
      <c r="CK2533" s="27"/>
      <c r="CL2533" s="27"/>
      <c r="CM2533" s="27"/>
      <c r="CN2533" s="27"/>
      <c r="CO2533" s="27"/>
      <c r="CP2533" s="27"/>
      <c r="CQ2533" s="27"/>
      <c r="CR2533" s="27"/>
      <c r="CS2533" s="27"/>
      <c r="CT2533" s="27"/>
      <c r="CU2533" s="27"/>
      <c r="CV2533" s="27"/>
      <c r="CW2533" s="27"/>
      <c r="CX2533" s="27"/>
      <c r="CY2533" s="23" t="s">
        <v>470</v>
      </c>
      <c r="CZ2533" s="23" t="s">
        <v>471</v>
      </c>
      <c r="DA2533" s="24" t="s">
        <v>160</v>
      </c>
      <c r="DB2533" s="25"/>
      <c r="DC2533" s="25" t="s">
        <v>401</v>
      </c>
      <c r="DD2533" s="25" t="s">
        <v>373</v>
      </c>
      <c r="DE2533" s="25" t="s">
        <v>402</v>
      </c>
      <c r="DF2533" s="25" t="s">
        <v>375</v>
      </c>
      <c r="DG2533" s="25" t="s">
        <v>364</v>
      </c>
      <c r="DH2533" s="25" t="s">
        <v>419</v>
      </c>
      <c r="DI2533" s="25" t="s">
        <v>377</v>
      </c>
      <c r="DJ2533" s="25" t="s">
        <v>366</v>
      </c>
      <c r="DK2533" s="25" t="s">
        <v>472</v>
      </c>
      <c r="DL2533" s="25">
        <v>1</v>
      </c>
      <c r="DM2533" s="25" t="s">
        <v>404</v>
      </c>
      <c r="DN2533" s="25">
        <v>1</v>
      </c>
      <c r="DO2533" s="25" t="s">
        <v>405</v>
      </c>
    </row>
    <row r="2534" spans="1:119" x14ac:dyDescent="0.2">
      <c r="A2534" s="32" t="s">
        <v>791</v>
      </c>
      <c r="B2534" s="32" t="s">
        <v>791</v>
      </c>
      <c r="C2534" s="32" t="s">
        <v>329</v>
      </c>
      <c r="D2534" s="4" t="s">
        <v>140</v>
      </c>
      <c r="E2534" s="4" t="s">
        <v>281</v>
      </c>
      <c r="F2534" s="1">
        <v>5</v>
      </c>
      <c r="G2534" s="2">
        <v>2.9498525073700001E-4</v>
      </c>
      <c r="H2534" s="1">
        <v>1194.1506632000019</v>
      </c>
      <c r="I2534" s="2">
        <v>7.044969363710904E-2</v>
      </c>
      <c r="J2534" s="1">
        <v>-998.49986680000075</v>
      </c>
      <c r="K2534" s="2">
        <v>-5.5030281417268179E-2</v>
      </c>
      <c r="L2534" s="1">
        <v>-191.01858519999951</v>
      </c>
      <c r="M2534" s="2">
        <v>-1.114067371015973E-2</v>
      </c>
      <c r="N2534" s="1">
        <v>-1189.5184520000003</v>
      </c>
      <c r="O2534" s="2">
        <v>-6.5557880717979855E-2</v>
      </c>
      <c r="P2534" s="1">
        <v>16950.402500699998</v>
      </c>
      <c r="Q2534" s="1">
        <v>17014.627408799999</v>
      </c>
      <c r="R2534" s="1">
        <v>17265.302326000001</v>
      </c>
      <c r="S2534" s="1">
        <v>17692.283321899999</v>
      </c>
      <c r="T2534" s="1">
        <v>18088.6681383</v>
      </c>
      <c r="U2534" s="1">
        <v>18206.333107499999</v>
      </c>
      <c r="V2534" s="1">
        <v>18144.5531639</v>
      </c>
      <c r="W2534" s="1">
        <v>17719.4078749</v>
      </c>
      <c r="X2534" s="1">
        <v>16877.496528</v>
      </c>
      <c r="Y2534" s="1">
        <v>17146.053297099999</v>
      </c>
      <c r="Z2534" s="1">
        <v>16728.599312099999</v>
      </c>
      <c r="AA2534" s="1">
        <v>17063.156101799999</v>
      </c>
      <c r="AB2534" s="1">
        <v>16864.952499300001</v>
      </c>
      <c r="AC2534" s="1">
        <v>16764.185923199999</v>
      </c>
      <c r="AD2534" s="1">
        <v>16910.316947800002</v>
      </c>
      <c r="AE2534" s="1">
        <v>16826.5114197</v>
      </c>
      <c r="AF2534" s="1">
        <v>16955.0347119</v>
      </c>
      <c r="AG2534" s="1">
        <v>13452.488856100001</v>
      </c>
      <c r="AH2534" s="2">
        <v>0.53177625213404112</v>
      </c>
      <c r="AI2534" s="1">
        <v>5976.6866784000013</v>
      </c>
      <c r="AJ2534" s="2">
        <v>0.23625814345706217</v>
      </c>
      <c r="AK2534" s="1">
        <v>4070.9046597000015</v>
      </c>
      <c r="AL2534" s="2">
        <v>0.13016914848465536</v>
      </c>
      <c r="AM2534" s="1">
        <v>3404.8975179999979</v>
      </c>
      <c r="AN2534" s="2">
        <v>9.6333586572975902E-2</v>
      </c>
      <c r="AO2534" s="1">
        <v>7475.8021776999994</v>
      </c>
      <c r="AP2534" s="2">
        <v>0.23904239599230834</v>
      </c>
      <c r="AQ2534" s="3">
        <v>25297.2726821</v>
      </c>
      <c r="AR2534" s="3">
        <v>26145.637599599999</v>
      </c>
      <c r="AS2534" s="3">
        <v>27303.463895100002</v>
      </c>
      <c r="AT2534" s="3">
        <v>28739.570613399999</v>
      </c>
      <c r="AU2534" s="3">
        <v>29670.737040600001</v>
      </c>
      <c r="AV2534" s="3">
        <v>30943.960622099999</v>
      </c>
      <c r="AW2534" s="3">
        <v>31273.959360500001</v>
      </c>
      <c r="AX2534" s="3">
        <v>32496.521417</v>
      </c>
      <c r="AY2534" s="3">
        <v>33718.558095</v>
      </c>
      <c r="AZ2534" s="3">
        <v>35344.864020200002</v>
      </c>
      <c r="BA2534" s="3">
        <v>35050.565635699997</v>
      </c>
      <c r="BB2534" s="3">
        <v>35525.807939600003</v>
      </c>
      <c r="BC2534" s="3">
        <v>36441.8028787</v>
      </c>
      <c r="BD2534" s="3">
        <v>36953.139190499998</v>
      </c>
      <c r="BE2534" s="3">
        <v>38789.779713000004</v>
      </c>
      <c r="BF2534" s="3">
        <v>38749.7615382</v>
      </c>
      <c r="BG2534" s="1">
        <v>44.289071100000001</v>
      </c>
      <c r="BH2534" s="2">
        <v>3.7399647325615896E-2</v>
      </c>
      <c r="BI2534" s="1">
        <v>53.802105709999978</v>
      </c>
      <c r="BJ2534" s="2">
        <v>4.5432873820862418E-2</v>
      </c>
      <c r="BK2534" s="1">
        <v>-48.012078620000011</v>
      </c>
      <c r="BL2534" s="2">
        <v>-3.8781561484225263E-2</v>
      </c>
      <c r="BM2534" s="1">
        <v>38.499044010000034</v>
      </c>
      <c r="BN2534" s="2">
        <v>3.2352111833365248E-2</v>
      </c>
      <c r="BO2534" s="1">
        <v>-9.513034609999977</v>
      </c>
      <c r="BP2534" s="2">
        <v>-7.684115065070201E-3</v>
      </c>
      <c r="BQ2534" s="1">
        <v>1184.2109289</v>
      </c>
      <c r="BR2534" s="1">
        <v>1192.0255742300001</v>
      </c>
      <c r="BS2534" s="1">
        <v>1211.0356630599999</v>
      </c>
      <c r="BT2534" s="1">
        <v>1238.01303461</v>
      </c>
      <c r="BU2534" s="1">
        <v>1220.0032630799999</v>
      </c>
      <c r="BV2534" s="1">
        <v>1176.0015122</v>
      </c>
      <c r="BW2534" s="1">
        <v>1190.00095599</v>
      </c>
      <c r="BX2534" s="1">
        <v>1190</v>
      </c>
      <c r="BY2534" s="1">
        <v>1199</v>
      </c>
      <c r="BZ2534" s="1">
        <v>1216</v>
      </c>
      <c r="CA2534" s="1">
        <v>1200</v>
      </c>
      <c r="CB2534" s="1">
        <v>1233</v>
      </c>
      <c r="CC2534" s="1">
        <v>1228.5</v>
      </c>
      <c r="CD2534" s="1">
        <v>-1848.25</v>
      </c>
      <c r="CE2534" s="27">
        <v>0</v>
      </c>
      <c r="CF2534" s="27">
        <v>1852.88</v>
      </c>
      <c r="CG2534" s="27">
        <v>1853</v>
      </c>
      <c r="CH2534" s="27"/>
      <c r="CI2534" s="27"/>
      <c r="CJ2534" s="27"/>
      <c r="CK2534" s="27"/>
      <c r="CL2534" s="27"/>
      <c r="CM2534" s="27"/>
      <c r="CN2534" s="27"/>
      <c r="CO2534" s="27"/>
      <c r="CP2534" s="27"/>
      <c r="CQ2534" s="27"/>
      <c r="CR2534" s="27"/>
      <c r="CS2534" s="27"/>
      <c r="CT2534" s="27"/>
      <c r="CU2534" s="27"/>
      <c r="CV2534" s="27"/>
      <c r="CW2534" s="27"/>
      <c r="CX2534" s="27"/>
      <c r="CY2534" s="23" t="s">
        <v>531</v>
      </c>
      <c r="CZ2534" s="23" t="s">
        <v>532</v>
      </c>
      <c r="DA2534" s="24" t="s">
        <v>140</v>
      </c>
      <c r="DB2534" s="25" t="s">
        <v>345</v>
      </c>
      <c r="DC2534" s="25" t="s">
        <v>533</v>
      </c>
      <c r="DD2534" s="25"/>
      <c r="DE2534" s="25" t="s">
        <v>534</v>
      </c>
      <c r="DF2534" s="25" t="s">
        <v>363</v>
      </c>
      <c r="DG2534" s="25" t="s">
        <v>364</v>
      </c>
      <c r="DH2534" s="25" t="s">
        <v>365</v>
      </c>
      <c r="DI2534" s="25"/>
      <c r="DJ2534" s="25" t="s">
        <v>366</v>
      </c>
      <c r="DK2534" s="25" t="s">
        <v>535</v>
      </c>
      <c r="DL2534" s="25">
        <v>8</v>
      </c>
      <c r="DM2534" s="25" t="s">
        <v>368</v>
      </c>
      <c r="DN2534" s="25">
        <v>7</v>
      </c>
      <c r="DO2534" s="25" t="s">
        <v>369</v>
      </c>
    </row>
    <row r="2535" spans="1:119" x14ac:dyDescent="0.2">
      <c r="A2535" s="32" t="s">
        <v>791</v>
      </c>
      <c r="B2535" s="32" t="s">
        <v>791</v>
      </c>
      <c r="C2535" s="32" t="s">
        <v>329</v>
      </c>
      <c r="D2535" s="4" t="s">
        <v>148</v>
      </c>
      <c r="E2535" s="4" t="s">
        <v>289</v>
      </c>
      <c r="F2535" s="1">
        <v>-121</v>
      </c>
      <c r="G2535" s="2">
        <v>-3.6205864751600002E-2</v>
      </c>
      <c r="H2535" s="1">
        <v>817.48498505000043</v>
      </c>
      <c r="I2535" s="2">
        <v>0.24458456105765491</v>
      </c>
      <c r="J2535" s="1">
        <v>-1029.5630564700004</v>
      </c>
      <c r="K2535" s="2">
        <v>-0.24750147764946212</v>
      </c>
      <c r="L2535" s="1">
        <v>90.478087570000298</v>
      </c>
      <c r="M2535" s="2">
        <v>2.890431000725727E-2</v>
      </c>
      <c r="N2535" s="1">
        <v>-939.08496890000015</v>
      </c>
      <c r="O2535" s="2">
        <v>-0.22575102707943914</v>
      </c>
      <c r="P2535" s="1">
        <v>3342.3409127499999</v>
      </c>
      <c r="Q2535" s="1">
        <v>3800.2744789600001</v>
      </c>
      <c r="R2535" s="1">
        <v>3901.4457280400002</v>
      </c>
      <c r="S2535" s="1">
        <v>3963.69994387</v>
      </c>
      <c r="T2535" s="1">
        <v>4124.2459950299999</v>
      </c>
      <c r="U2535" s="1">
        <v>4201.4002762099999</v>
      </c>
      <c r="V2535" s="1">
        <v>4159.8258978000003</v>
      </c>
      <c r="W2535" s="1">
        <v>3833.0734729599999</v>
      </c>
      <c r="X2535" s="1">
        <v>3404.7564610499999</v>
      </c>
      <c r="Y2535" s="1">
        <v>3130.2628413299999</v>
      </c>
      <c r="Z2535" s="1">
        <v>3078.4217744500002</v>
      </c>
      <c r="AA2535" s="1">
        <v>3169.3764856900002</v>
      </c>
      <c r="AB2535" s="1">
        <v>3124.6890836100001</v>
      </c>
      <c r="AC2535" s="1">
        <v>3161.3465985299999</v>
      </c>
      <c r="AD2535" s="1">
        <v>3170.1125813600001</v>
      </c>
      <c r="AE2535" s="1">
        <v>3185.9745800999999</v>
      </c>
      <c r="AF2535" s="1">
        <v>3220.7409289000002</v>
      </c>
      <c r="AG2535" s="1">
        <v>8127.191813100002</v>
      </c>
      <c r="AH2535" s="2">
        <v>0.35609184358461304</v>
      </c>
      <c r="AI2535" s="1">
        <v>3612.1839574000005</v>
      </c>
      <c r="AJ2535" s="2">
        <v>0.15826736643326503</v>
      </c>
      <c r="AK2535" s="1">
        <v>3630.8343568000018</v>
      </c>
      <c r="AL2535" s="2">
        <v>0.13734698554726421</v>
      </c>
      <c r="AM2535" s="1">
        <v>884.17349889999969</v>
      </c>
      <c r="AN2535" s="2">
        <v>2.9407439259374082E-2</v>
      </c>
      <c r="AO2535" s="1">
        <v>4515.0078557000015</v>
      </c>
      <c r="AP2535" s="2">
        <v>0.17079344794157761</v>
      </c>
      <c r="AQ2535" s="3">
        <v>22823.302357299999</v>
      </c>
      <c r="AR2535" s="3">
        <v>23274.381984299998</v>
      </c>
      <c r="AS2535" s="3">
        <v>24362.455094299999</v>
      </c>
      <c r="AT2535" s="3">
        <v>24960.381106600002</v>
      </c>
      <c r="AU2535" s="3">
        <v>25399.3761835</v>
      </c>
      <c r="AV2535" s="3">
        <v>26181.9686181</v>
      </c>
      <c r="AW2535" s="3">
        <v>26435.4863147</v>
      </c>
      <c r="AX2535" s="3">
        <v>28488.5385432</v>
      </c>
      <c r="AY2535" s="3">
        <v>29253.9568879</v>
      </c>
      <c r="AZ2535" s="3">
        <v>30066.320671500001</v>
      </c>
      <c r="BA2535" s="3">
        <v>29334.9467339</v>
      </c>
      <c r="BB2535" s="3">
        <v>28840.713172299998</v>
      </c>
      <c r="BC2535" s="3">
        <v>29336.0405531</v>
      </c>
      <c r="BD2535" s="3">
        <v>29476.696624200002</v>
      </c>
      <c r="BE2535" s="3">
        <v>30309.729451200001</v>
      </c>
      <c r="BF2535" s="3">
        <v>30950.494170400001</v>
      </c>
      <c r="BG2535" s="1">
        <v>-19.324190416000022</v>
      </c>
      <c r="BH2535" s="2">
        <v>-6.1625576997787285E-2</v>
      </c>
      <c r="BI2535" s="1">
        <v>11.568187534000003</v>
      </c>
      <c r="BJ2535" s="2">
        <v>3.6891389302969049E-2</v>
      </c>
      <c r="BK2535" s="1">
        <v>-49.142140361000031</v>
      </c>
      <c r="BL2535" s="2">
        <v>-0.1511403732446007</v>
      </c>
      <c r="BM2535" s="1">
        <v>18.249762411000006</v>
      </c>
      <c r="BN2535" s="2">
        <v>6.6122270656071902E-2</v>
      </c>
      <c r="BO2535" s="1">
        <v>-30.892377950000025</v>
      </c>
      <c r="BP2535" s="2">
        <v>-9.5011847255268012E-2</v>
      </c>
      <c r="BQ2535" s="1">
        <v>313.57419041600002</v>
      </c>
      <c r="BR2535" s="1">
        <v>316.38176133100001</v>
      </c>
      <c r="BS2535" s="1">
        <v>322.264475651</v>
      </c>
      <c r="BT2535" s="1">
        <v>325.14237795000003</v>
      </c>
      <c r="BU2535" s="1">
        <v>318.14566416600002</v>
      </c>
      <c r="BV2535" s="1">
        <v>306.07646594300002</v>
      </c>
      <c r="BW2535" s="1">
        <v>276.00023758899999</v>
      </c>
      <c r="BX2535" s="1">
        <v>264</v>
      </c>
      <c r="BY2535" s="1">
        <v>271</v>
      </c>
      <c r="BZ2535" s="1">
        <v>273</v>
      </c>
      <c r="CA2535" s="1">
        <v>286</v>
      </c>
      <c r="CB2535" s="1">
        <v>292</v>
      </c>
      <c r="CC2535" s="1">
        <v>294.25</v>
      </c>
      <c r="CD2535" s="1">
        <v>-486.95800000000003</v>
      </c>
      <c r="CE2535" s="27">
        <v>0</v>
      </c>
      <c r="CF2535" s="27">
        <v>365.358</v>
      </c>
      <c r="CG2535" s="27">
        <v>365</v>
      </c>
      <c r="CH2535" s="27"/>
      <c r="CI2535" s="27"/>
      <c r="CJ2535" s="27"/>
      <c r="CK2535" s="27"/>
      <c r="CL2535" s="27"/>
      <c r="CM2535" s="27"/>
      <c r="CN2535" s="27"/>
      <c r="CO2535" s="27"/>
      <c r="CP2535" s="27"/>
      <c r="CQ2535" s="27"/>
      <c r="CR2535" s="27"/>
      <c r="CS2535" s="27"/>
      <c r="CT2535" s="27"/>
      <c r="CU2535" s="27"/>
      <c r="CV2535" s="27"/>
      <c r="CW2535" s="27"/>
      <c r="CX2535" s="27"/>
      <c r="CY2535" s="23" t="s">
        <v>487</v>
      </c>
      <c r="CZ2535" s="23" t="s">
        <v>488</v>
      </c>
      <c r="DA2535" s="24" t="s">
        <v>148</v>
      </c>
      <c r="DB2535" s="25" t="s">
        <v>345</v>
      </c>
      <c r="DC2535" s="25" t="s">
        <v>458</v>
      </c>
      <c r="DD2535" s="25" t="s">
        <v>459</v>
      </c>
      <c r="DE2535" s="25" t="s">
        <v>460</v>
      </c>
      <c r="DF2535" s="25" t="s">
        <v>375</v>
      </c>
      <c r="DG2535" s="25" t="s">
        <v>376</v>
      </c>
      <c r="DH2535" s="25" t="s">
        <v>328</v>
      </c>
      <c r="DI2535" s="25" t="s">
        <v>461</v>
      </c>
      <c r="DJ2535" s="25" t="s">
        <v>366</v>
      </c>
      <c r="DK2535" s="25" t="s">
        <v>489</v>
      </c>
      <c r="DL2535" s="25">
        <v>2</v>
      </c>
      <c r="DM2535" s="25" t="s">
        <v>379</v>
      </c>
      <c r="DN2535" s="25">
        <v>2</v>
      </c>
      <c r="DO2535" s="25" t="s">
        <v>463</v>
      </c>
    </row>
    <row r="2536" spans="1:119" x14ac:dyDescent="0.2">
      <c r="A2536" s="32" t="s">
        <v>791</v>
      </c>
      <c r="B2536" s="32" t="s">
        <v>791</v>
      </c>
      <c r="C2536" s="32" t="s">
        <v>329</v>
      </c>
      <c r="D2536" s="4" t="s">
        <v>134</v>
      </c>
      <c r="E2536" s="4" t="s">
        <v>275</v>
      </c>
      <c r="F2536" s="1">
        <v>197</v>
      </c>
      <c r="G2536" s="2">
        <v>1.8359739049400001E-2</v>
      </c>
      <c r="H2536" s="1">
        <v>1109.155379400001</v>
      </c>
      <c r="I2536" s="2">
        <v>0.10336618321179987</v>
      </c>
      <c r="J2536" s="1">
        <v>-1127.0477024000011</v>
      </c>
      <c r="K2536" s="2">
        <v>-9.5193812181180171E-2</v>
      </c>
      <c r="L2536" s="1">
        <v>214.41730970000026</v>
      </c>
      <c r="M2536" s="2">
        <v>2.0015696252219769E-2</v>
      </c>
      <c r="N2536" s="1">
        <v>-912.63039270000081</v>
      </c>
      <c r="O2536" s="2">
        <v>-7.7083486358669753E-2</v>
      </c>
      <c r="P2536" s="1">
        <v>10730.350535699999</v>
      </c>
      <c r="Q2536" s="1">
        <v>11167.968969400001</v>
      </c>
      <c r="R2536" s="1">
        <v>11413.607272699999</v>
      </c>
      <c r="S2536" s="1">
        <v>11533.491684500001</v>
      </c>
      <c r="T2536" s="1">
        <v>11859.9613699</v>
      </c>
      <c r="U2536" s="1">
        <v>11955.963164299999</v>
      </c>
      <c r="V2536" s="1">
        <v>11839.5059151</v>
      </c>
      <c r="W2536" s="1">
        <v>11643.808528699999</v>
      </c>
      <c r="X2536" s="1">
        <v>11014.695898</v>
      </c>
      <c r="Y2536" s="1">
        <v>10712.458212699999</v>
      </c>
      <c r="Z2536" s="1">
        <v>10782.261419500001</v>
      </c>
      <c r="AA2536" s="1">
        <v>10747.0355941</v>
      </c>
      <c r="AB2536" s="1">
        <v>10665.0901944</v>
      </c>
      <c r="AC2536" s="1">
        <v>10777.680800300001</v>
      </c>
      <c r="AD2536" s="1">
        <v>10712.0726421</v>
      </c>
      <c r="AE2536" s="1">
        <v>10784.129706</v>
      </c>
      <c r="AF2536" s="1">
        <v>10926.8755224</v>
      </c>
      <c r="AG2536" s="1">
        <v>14019.218644700002</v>
      </c>
      <c r="AH2536" s="2">
        <v>0.49984906515955241</v>
      </c>
      <c r="AI2536" s="1">
        <v>5448.4476811000022</v>
      </c>
      <c r="AJ2536" s="2">
        <v>0.19426200196957163</v>
      </c>
      <c r="AK2536" s="1">
        <v>3904.0250075000004</v>
      </c>
      <c r="AL2536" s="2">
        <v>0.11655423319813388</v>
      </c>
      <c r="AM2536" s="1">
        <v>4666.7459560999996</v>
      </c>
      <c r="AN2536" s="2">
        <v>0.12478138392520673</v>
      </c>
      <c r="AO2536" s="1">
        <v>8570.7709636</v>
      </c>
      <c r="AP2536" s="2">
        <v>0.25587941564414501</v>
      </c>
      <c r="AQ2536" s="3">
        <v>28046.903799299998</v>
      </c>
      <c r="AR2536" s="3">
        <v>29174.674093199999</v>
      </c>
      <c r="AS2536" s="3">
        <v>29825.4442519</v>
      </c>
      <c r="AT2536" s="3">
        <v>31202.7545895</v>
      </c>
      <c r="AU2536" s="3">
        <v>31924.071009700001</v>
      </c>
      <c r="AV2536" s="3">
        <v>32855.571264699996</v>
      </c>
      <c r="AW2536" s="3">
        <v>33495.351480400001</v>
      </c>
      <c r="AX2536" s="3">
        <v>35299.022005300001</v>
      </c>
      <c r="AY2536" s="3">
        <v>36017.106934099997</v>
      </c>
      <c r="AZ2536" s="3">
        <v>37399.376487900001</v>
      </c>
      <c r="BA2536" s="3">
        <v>38175.5347205</v>
      </c>
      <c r="BB2536" s="3">
        <v>39453.628159200001</v>
      </c>
      <c r="BC2536" s="3">
        <v>40199.602107400002</v>
      </c>
      <c r="BD2536" s="3">
        <v>40468.156412999997</v>
      </c>
      <c r="BE2536" s="3">
        <v>41734.896711300004</v>
      </c>
      <c r="BF2536" s="3">
        <v>42066.122444000001</v>
      </c>
      <c r="BG2536" s="1">
        <v>-24.000025036000011</v>
      </c>
      <c r="BH2536" s="2">
        <v>-3.4632069507866549E-2</v>
      </c>
      <c r="BI2536" s="1">
        <v>26.99998447300004</v>
      </c>
      <c r="BJ2536" s="2">
        <v>3.8961015148011639E-2</v>
      </c>
      <c r="BK2536" s="1">
        <v>-38.000003323000101</v>
      </c>
      <c r="BL2536" s="2">
        <v>-5.2777781696022458E-2</v>
      </c>
      <c r="BM2536" s="1">
        <v>-13.000006185999951</v>
      </c>
      <c r="BN2536" s="2">
        <v>-1.9061592475197859E-2</v>
      </c>
      <c r="BO2536" s="1">
        <v>-51.000009509000051</v>
      </c>
      <c r="BP2536" s="2">
        <v>-7.0833345604785783E-2</v>
      </c>
      <c r="BQ2536" s="1">
        <v>693.00002503600001</v>
      </c>
      <c r="BR2536" s="1">
        <v>716.00003059599999</v>
      </c>
      <c r="BS2536" s="1">
        <v>719.00003156499997</v>
      </c>
      <c r="BT2536" s="1">
        <v>720.00000950900005</v>
      </c>
      <c r="BU2536" s="1">
        <v>696.000005192</v>
      </c>
      <c r="BV2536" s="1">
        <v>688.00000368400003</v>
      </c>
      <c r="BW2536" s="1">
        <v>682.00000618599995</v>
      </c>
      <c r="BX2536" s="1">
        <v>671</v>
      </c>
      <c r="BY2536" s="1">
        <v>656</v>
      </c>
      <c r="BZ2536" s="1">
        <v>656</v>
      </c>
      <c r="CA2536" s="1">
        <v>638</v>
      </c>
      <c r="CB2536" s="1">
        <v>657</v>
      </c>
      <c r="CC2536" s="1">
        <v>669</v>
      </c>
      <c r="CD2536" s="1">
        <v>-976.43200000000002</v>
      </c>
      <c r="CE2536" s="27">
        <v>0</v>
      </c>
      <c r="CF2536" s="27">
        <v>1172.96</v>
      </c>
      <c r="CG2536" s="27">
        <v>1173</v>
      </c>
      <c r="CH2536" s="27"/>
      <c r="CI2536" s="27"/>
      <c r="CJ2536" s="27"/>
      <c r="CK2536" s="27"/>
      <c r="CL2536" s="27"/>
      <c r="CM2536" s="27"/>
      <c r="CN2536" s="27"/>
      <c r="CO2536" s="27"/>
      <c r="CP2536" s="27"/>
      <c r="CQ2536" s="27"/>
      <c r="CR2536" s="27"/>
      <c r="CS2536" s="27"/>
      <c r="CT2536" s="27"/>
      <c r="CU2536" s="27"/>
      <c r="CV2536" s="27"/>
      <c r="CW2536" s="27"/>
      <c r="CX2536" s="27"/>
      <c r="CY2536" s="23" t="s">
        <v>665</v>
      </c>
      <c r="CZ2536" s="23" t="s">
        <v>666</v>
      </c>
      <c r="DA2536" s="24" t="s">
        <v>134</v>
      </c>
      <c r="DB2536" s="25"/>
      <c r="DC2536" s="25" t="s">
        <v>667</v>
      </c>
      <c r="DD2536" s="25" t="s">
        <v>388</v>
      </c>
      <c r="DE2536" s="25" t="s">
        <v>668</v>
      </c>
      <c r="DF2536" s="25" t="s">
        <v>363</v>
      </c>
      <c r="DG2536" s="25" t="s">
        <v>364</v>
      </c>
      <c r="DH2536" s="25" t="s">
        <v>365</v>
      </c>
      <c r="DI2536" s="25" t="s">
        <v>390</v>
      </c>
      <c r="DJ2536" s="25" t="s">
        <v>366</v>
      </c>
      <c r="DK2536" s="25" t="s">
        <v>669</v>
      </c>
      <c r="DL2536" s="25">
        <v>5</v>
      </c>
      <c r="DM2536" s="25" t="s">
        <v>392</v>
      </c>
      <c r="DN2536" s="25">
        <v>6</v>
      </c>
      <c r="DO2536" s="25" t="s">
        <v>393</v>
      </c>
    </row>
    <row r="2537" spans="1:119" x14ac:dyDescent="0.2">
      <c r="A2537" s="32" t="s">
        <v>791</v>
      </c>
      <c r="B2537" s="32" t="s">
        <v>791</v>
      </c>
      <c r="C2537" s="32" t="s">
        <v>329</v>
      </c>
      <c r="D2537" s="4" t="s">
        <v>146</v>
      </c>
      <c r="E2537" s="4" t="s">
        <v>287</v>
      </c>
      <c r="F2537" s="1">
        <v>2178</v>
      </c>
      <c r="G2537" s="2">
        <v>0.109469240048</v>
      </c>
      <c r="H2537" s="1">
        <v>1952.004525100001</v>
      </c>
      <c r="I2537" s="2">
        <v>9.8110334483098527E-2</v>
      </c>
      <c r="J2537" s="1">
        <v>-1139.3874832000001</v>
      </c>
      <c r="K2537" s="2">
        <v>-5.2150611074822377E-2</v>
      </c>
      <c r="L2537" s="1">
        <v>1364.8797162999981</v>
      </c>
      <c r="M2537" s="2">
        <v>6.5908739021711391E-2</v>
      </c>
      <c r="N2537" s="1">
        <v>225.49223309999797</v>
      </c>
      <c r="O2537" s="2">
        <v>1.0320946931735771E-2</v>
      </c>
      <c r="P2537" s="1">
        <v>19896.0133546</v>
      </c>
      <c r="Q2537" s="1">
        <v>20530.087080500001</v>
      </c>
      <c r="R2537" s="1">
        <v>20741.770173000001</v>
      </c>
      <c r="S2537" s="1">
        <v>21046.846822300002</v>
      </c>
      <c r="T2537" s="1">
        <v>21723.120107399998</v>
      </c>
      <c r="U2537" s="1">
        <v>22325.594506099998</v>
      </c>
      <c r="V2537" s="1">
        <v>21848.017879700001</v>
      </c>
      <c r="W2537" s="1">
        <v>21425.089548700002</v>
      </c>
      <c r="X2537" s="1">
        <v>20882.8995602</v>
      </c>
      <c r="Y2537" s="1">
        <v>20708.630396500001</v>
      </c>
      <c r="Z2537" s="1">
        <v>20883.8124541</v>
      </c>
      <c r="AA2537" s="1">
        <v>20932.0702351</v>
      </c>
      <c r="AB2537" s="1">
        <v>21200.394160299998</v>
      </c>
      <c r="AC2537" s="1">
        <v>21087.1875717</v>
      </c>
      <c r="AD2537" s="1">
        <v>21489.279816300001</v>
      </c>
      <c r="AE2537" s="1">
        <v>21778.619804499998</v>
      </c>
      <c r="AF2537" s="1">
        <v>22073.510112799999</v>
      </c>
      <c r="AG2537" s="1">
        <v>14113.9815992</v>
      </c>
      <c r="AH2537" s="2">
        <v>0.45835254424152044</v>
      </c>
      <c r="AI2537" s="1">
        <v>5926.3920827000038</v>
      </c>
      <c r="AJ2537" s="2">
        <v>0.19245999934081803</v>
      </c>
      <c r="AK2537" s="1">
        <v>4677.6888781999951</v>
      </c>
      <c r="AL2537" s="2">
        <v>0.1273906672850125</v>
      </c>
      <c r="AM2537" s="1">
        <v>3509.9006383000014</v>
      </c>
      <c r="AN2537" s="2">
        <v>8.4786491951109835E-2</v>
      </c>
      <c r="AO2537" s="1">
        <v>8187.5895164999965</v>
      </c>
      <c r="AP2537" s="2">
        <v>0.22297816702252957</v>
      </c>
      <c r="AQ2537" s="3">
        <v>30792.850997599999</v>
      </c>
      <c r="AR2537" s="3">
        <v>32748.394178899998</v>
      </c>
      <c r="AS2537" s="3">
        <v>32919.176021500003</v>
      </c>
      <c r="AT2537" s="3">
        <v>34435.079350599997</v>
      </c>
      <c r="AU2537" s="3">
        <v>35486.029182300001</v>
      </c>
      <c r="AV2537" s="3">
        <v>36241.646018500003</v>
      </c>
      <c r="AW2537" s="3">
        <v>36719.243080300002</v>
      </c>
      <c r="AX2537" s="3">
        <v>37970.235761000004</v>
      </c>
      <c r="AY2537" s="3">
        <v>38719.218457299998</v>
      </c>
      <c r="AZ2537" s="3">
        <v>41396.931958499998</v>
      </c>
      <c r="BA2537" s="3">
        <v>41701.661688799999</v>
      </c>
      <c r="BB2537" s="3">
        <v>41969.876696400002</v>
      </c>
      <c r="BC2537" s="3">
        <v>43416.073439500004</v>
      </c>
      <c r="BD2537" s="3">
        <v>43978.058759</v>
      </c>
      <c r="BE2537" s="3">
        <v>43914.014433099997</v>
      </c>
      <c r="BF2537" s="3">
        <v>44906.832596799999</v>
      </c>
      <c r="BG2537" s="1">
        <v>87.749807329999953</v>
      </c>
      <c r="BH2537" s="2">
        <v>8.6367904221944722E-2</v>
      </c>
      <c r="BI2537" s="1">
        <v>57.499220059999857</v>
      </c>
      <c r="BJ2537" s="2">
        <v>5.6593709799300972E-2</v>
      </c>
      <c r="BK2537" s="1">
        <v>-42.499382609999884</v>
      </c>
      <c r="BL2537" s="2">
        <v>-3.9589572296011191E-2</v>
      </c>
      <c r="BM2537" s="1">
        <v>72.749969879999981</v>
      </c>
      <c r="BN2537" s="2">
        <v>7.0562529344962752E-2</v>
      </c>
      <c r="BO2537" s="1">
        <v>30.250587270000096</v>
      </c>
      <c r="BP2537" s="2">
        <v>2.8179416692059749E-2</v>
      </c>
      <c r="BQ2537" s="1">
        <v>1016.00019267</v>
      </c>
      <c r="BR2537" s="1">
        <v>1032.0001224299999</v>
      </c>
      <c r="BS2537" s="1">
        <v>1070.00019279</v>
      </c>
      <c r="BT2537" s="1">
        <v>1073.4994127299999</v>
      </c>
      <c r="BU2537" s="1">
        <v>1046.0001094100001</v>
      </c>
      <c r="BV2537" s="1">
        <v>1035.00005478</v>
      </c>
      <c r="BW2537" s="1">
        <v>1031.00003012</v>
      </c>
      <c r="BX2537" s="1">
        <v>1024</v>
      </c>
      <c r="BY2537" s="1">
        <v>1030</v>
      </c>
      <c r="BZ2537" s="1">
        <v>1067</v>
      </c>
      <c r="CA2537" s="1">
        <v>1093</v>
      </c>
      <c r="CB2537" s="1">
        <v>1104</v>
      </c>
      <c r="CC2537" s="1">
        <v>1103.75</v>
      </c>
      <c r="CD2537" s="1">
        <v>2.6229100000000001</v>
      </c>
      <c r="CE2537" s="27">
        <v>0</v>
      </c>
      <c r="CF2537" s="27">
        <v>2174.87</v>
      </c>
      <c r="CG2537" s="27">
        <v>2175</v>
      </c>
      <c r="CH2537" s="27"/>
      <c r="CI2537" s="27"/>
      <c r="CJ2537" s="27"/>
      <c r="CK2537" s="27"/>
      <c r="CL2537" s="27"/>
      <c r="CM2537" s="27"/>
      <c r="CN2537" s="27"/>
      <c r="CO2537" s="27"/>
      <c r="CP2537" s="27"/>
      <c r="CQ2537" s="27"/>
      <c r="CR2537" s="27"/>
      <c r="CS2537" s="27"/>
      <c r="CT2537" s="27"/>
      <c r="CU2537" s="27"/>
      <c r="CV2537" s="27"/>
      <c r="CW2537" s="27"/>
      <c r="CX2537" s="27"/>
      <c r="CY2537" s="23" t="s">
        <v>551</v>
      </c>
      <c r="CZ2537" s="23" t="s">
        <v>552</v>
      </c>
      <c r="DA2537" s="24" t="s">
        <v>146</v>
      </c>
      <c r="DB2537" s="25"/>
      <c r="DC2537" s="25" t="s">
        <v>553</v>
      </c>
      <c r="DD2537" s="25" t="s">
        <v>373</v>
      </c>
      <c r="DE2537" s="25" t="s">
        <v>554</v>
      </c>
      <c r="DF2537" s="25" t="s">
        <v>363</v>
      </c>
      <c r="DG2537" s="25" t="s">
        <v>364</v>
      </c>
      <c r="DH2537" s="25" t="s">
        <v>365</v>
      </c>
      <c r="DI2537" s="25" t="s">
        <v>377</v>
      </c>
      <c r="DJ2537" s="25" t="s">
        <v>366</v>
      </c>
      <c r="DK2537" s="25" t="s">
        <v>555</v>
      </c>
      <c r="DL2537" s="25">
        <v>3</v>
      </c>
      <c r="DM2537" s="25" t="s">
        <v>556</v>
      </c>
      <c r="DN2537" s="25">
        <v>4</v>
      </c>
      <c r="DO2537" s="25" t="s">
        <v>557</v>
      </c>
    </row>
    <row r="2538" spans="1:119" x14ac:dyDescent="0.2">
      <c r="A2538" s="32" t="s">
        <v>791</v>
      </c>
      <c r="B2538" s="32" t="s">
        <v>791</v>
      </c>
      <c r="C2538" s="32" t="s">
        <v>329</v>
      </c>
      <c r="D2538" s="4" t="s">
        <v>164</v>
      </c>
      <c r="E2538" s="4" t="s">
        <v>303</v>
      </c>
      <c r="F2538" s="1">
        <v>2942</v>
      </c>
      <c r="G2538" s="2">
        <v>0.26385650224200002</v>
      </c>
      <c r="H2538" s="1">
        <v>2414.7786044999993</v>
      </c>
      <c r="I2538" s="2">
        <v>0.21656985434507933</v>
      </c>
      <c r="J2538" s="1">
        <v>-1180.0245396999999</v>
      </c>
      <c r="K2538" s="2">
        <v>-8.6991070125138514E-2</v>
      </c>
      <c r="L2538" s="1">
        <v>1707.4018766999998</v>
      </c>
      <c r="M2538" s="2">
        <v>0.1378619330109441</v>
      </c>
      <c r="N2538" s="1">
        <v>527.3773369999999</v>
      </c>
      <c r="O2538" s="2">
        <v>3.8878105803663403E-2</v>
      </c>
      <c r="P2538" s="1">
        <v>11150.1141828</v>
      </c>
      <c r="Q2538" s="1">
        <v>11439.767552400001</v>
      </c>
      <c r="R2538" s="1">
        <v>11845.477370799999</v>
      </c>
      <c r="S2538" s="1">
        <v>12487.1496272</v>
      </c>
      <c r="T2538" s="1">
        <v>13054.549307900001</v>
      </c>
      <c r="U2538" s="1">
        <v>13596.762907300001</v>
      </c>
      <c r="V2538" s="1">
        <v>13564.892787299999</v>
      </c>
      <c r="W2538" s="1">
        <v>13009.316772100001</v>
      </c>
      <c r="X2538" s="1">
        <v>12564.596721899999</v>
      </c>
      <c r="Y2538" s="1">
        <v>12384.868247599999</v>
      </c>
      <c r="Z2538" s="1">
        <v>12224.8913586</v>
      </c>
      <c r="AA2538" s="1">
        <v>12238.854240299999</v>
      </c>
      <c r="AB2538" s="1">
        <v>12233.780485200001</v>
      </c>
      <c r="AC2538" s="1">
        <v>12878.899169800001</v>
      </c>
      <c r="AD2538" s="1">
        <v>13303.0336921</v>
      </c>
      <c r="AE2538" s="1">
        <v>13694.7006735</v>
      </c>
      <c r="AF2538" s="1">
        <v>14092.270124299999</v>
      </c>
      <c r="AG2538" s="1">
        <v>14142.725331900005</v>
      </c>
      <c r="AH2538" s="2">
        <v>0.48691109345956229</v>
      </c>
      <c r="AI2538" s="1">
        <v>6626.3802343000025</v>
      </c>
      <c r="AJ2538" s="2">
        <v>0.2281355233764118</v>
      </c>
      <c r="AK2538" s="1">
        <v>2185.8594690999962</v>
      </c>
      <c r="AL2538" s="2">
        <v>6.1276296134305998E-2</v>
      </c>
      <c r="AM2538" s="1">
        <v>5330.485628500006</v>
      </c>
      <c r="AN2538" s="2">
        <v>0.14080192148629481</v>
      </c>
      <c r="AO2538" s="1">
        <v>7516.3450976000022</v>
      </c>
      <c r="AP2538" s="2">
        <v>0.21070603785787431</v>
      </c>
      <c r="AQ2538" s="3">
        <v>29045.806353299999</v>
      </c>
      <c r="AR2538" s="3">
        <v>30224.4138523</v>
      </c>
      <c r="AS2538" s="3">
        <v>32100.4400446</v>
      </c>
      <c r="AT2538" s="3">
        <v>32849.378886999999</v>
      </c>
      <c r="AU2538" s="3">
        <v>34054.9244598</v>
      </c>
      <c r="AV2538" s="3">
        <v>34603.199541200003</v>
      </c>
      <c r="AW2538" s="3">
        <v>35672.186587600001</v>
      </c>
      <c r="AX2538" s="3">
        <v>37058.491173000002</v>
      </c>
      <c r="AY2538" s="3">
        <v>37994.207307700002</v>
      </c>
      <c r="AZ2538" s="3">
        <v>37858.046056699997</v>
      </c>
      <c r="BA2538" s="3">
        <v>38334.867299199999</v>
      </c>
      <c r="BB2538" s="3">
        <v>38802.644646499997</v>
      </c>
      <c r="BC2538" s="3">
        <v>40296.139468499998</v>
      </c>
      <c r="BD2538" s="3">
        <v>40787.243963100002</v>
      </c>
      <c r="BE2538" s="3">
        <v>42100.602443600001</v>
      </c>
      <c r="BF2538" s="3">
        <v>43188.531685200003</v>
      </c>
      <c r="BG2538" s="1">
        <v>89.248832618000051</v>
      </c>
      <c r="BH2538" s="2">
        <v>0.10005461414354763</v>
      </c>
      <c r="BI2538" s="1">
        <v>107.9989721280001</v>
      </c>
      <c r="BJ2538" s="2">
        <v>0.12107492240730386</v>
      </c>
      <c r="BK2538" s="1">
        <v>-25.000127735000092</v>
      </c>
      <c r="BL2538" s="2">
        <v>-2.5000124247232757E-2</v>
      </c>
      <c r="BM2538" s="1">
        <v>6.2499882250000383</v>
      </c>
      <c r="BN2538" s="2">
        <v>6.4102442559173462E-3</v>
      </c>
      <c r="BO2538" s="1">
        <v>-18.750139510000054</v>
      </c>
      <c r="BP2538" s="2">
        <v>-1.8750136894168455E-2</v>
      </c>
      <c r="BQ2538" s="1">
        <v>892.00116738199995</v>
      </c>
      <c r="BR2538" s="1">
        <v>934.00082080200002</v>
      </c>
      <c r="BS2538" s="1">
        <v>970.001050201</v>
      </c>
      <c r="BT2538" s="1">
        <v>1000.0001395100001</v>
      </c>
      <c r="BU2538" s="1">
        <v>1010.00009382</v>
      </c>
      <c r="BV2538" s="1">
        <v>985.00006470200003</v>
      </c>
      <c r="BW2538" s="1">
        <v>975.00001177499996</v>
      </c>
      <c r="BX2538" s="1">
        <v>965</v>
      </c>
      <c r="BY2538" s="1">
        <v>965</v>
      </c>
      <c r="BZ2538" s="1">
        <v>965</v>
      </c>
      <c r="CA2538" s="1">
        <v>950</v>
      </c>
      <c r="CB2538" s="1">
        <v>981</v>
      </c>
      <c r="CC2538" s="1">
        <v>981.25</v>
      </c>
      <c r="CD2538" s="1">
        <v>1723.31</v>
      </c>
      <c r="CE2538" s="27">
        <v>0</v>
      </c>
      <c r="CF2538" s="27">
        <v>1218.8399999999999</v>
      </c>
      <c r="CG2538" s="27">
        <v>1219</v>
      </c>
      <c r="CH2538" s="27"/>
      <c r="CI2538" s="27"/>
      <c r="CJ2538" s="27"/>
      <c r="CK2538" s="27"/>
      <c r="CL2538" s="27"/>
      <c r="CM2538" s="27"/>
      <c r="CN2538" s="27"/>
      <c r="CO2538" s="27"/>
      <c r="CP2538" s="27"/>
      <c r="CQ2538" s="27"/>
      <c r="CR2538" s="27"/>
      <c r="CS2538" s="27"/>
      <c r="CT2538" s="27"/>
      <c r="CU2538" s="27"/>
      <c r="CV2538" s="27"/>
      <c r="CW2538" s="27"/>
      <c r="CX2538" s="27"/>
      <c r="CY2538" s="23" t="s">
        <v>577</v>
      </c>
      <c r="CZ2538" s="23" t="s">
        <v>578</v>
      </c>
      <c r="DA2538" s="24" t="s">
        <v>164</v>
      </c>
      <c r="DB2538" s="25"/>
      <c r="DC2538" s="25" t="s">
        <v>506</v>
      </c>
      <c r="DD2538" s="25" t="s">
        <v>507</v>
      </c>
      <c r="DE2538" s="25" t="s">
        <v>508</v>
      </c>
      <c r="DF2538" s="25" t="s">
        <v>375</v>
      </c>
      <c r="DG2538" s="25" t="s">
        <v>376</v>
      </c>
      <c r="DH2538" s="25" t="s">
        <v>328</v>
      </c>
      <c r="DI2538" s="25" t="s">
        <v>509</v>
      </c>
      <c r="DJ2538" s="25" t="s">
        <v>366</v>
      </c>
      <c r="DK2538" s="25" t="s">
        <v>579</v>
      </c>
      <c r="DL2538" s="25">
        <v>1</v>
      </c>
      <c r="DM2538" s="25" t="s">
        <v>404</v>
      </c>
      <c r="DN2538" s="25">
        <v>1</v>
      </c>
      <c r="DO2538" s="25" t="s">
        <v>405</v>
      </c>
    </row>
    <row r="2539" spans="1:119" x14ac:dyDescent="0.2">
      <c r="A2539" s="32" t="s">
        <v>791</v>
      </c>
      <c r="B2539" s="32" t="s">
        <v>791</v>
      </c>
      <c r="C2539" s="32" t="s">
        <v>329</v>
      </c>
      <c r="D2539" s="4" t="s">
        <v>55</v>
      </c>
      <c r="E2539" s="4" t="s">
        <v>196</v>
      </c>
      <c r="F2539" s="1">
        <v>7055</v>
      </c>
      <c r="G2539" s="2">
        <v>0.29127616531099998</v>
      </c>
      <c r="H2539" s="1">
        <v>4309.0744720999974</v>
      </c>
      <c r="I2539" s="2">
        <v>0.17790779561682116</v>
      </c>
      <c r="J2539" s="1">
        <v>-1224.5952701999995</v>
      </c>
      <c r="K2539" s="2">
        <v>-4.292321664411583E-2</v>
      </c>
      <c r="L2539" s="1">
        <v>3970.7281228000029</v>
      </c>
      <c r="M2539" s="2">
        <v>0.14541963595536062</v>
      </c>
      <c r="N2539" s="1">
        <v>2746.1328526000034</v>
      </c>
      <c r="O2539" s="2">
        <v>9.6254540772824387E-2</v>
      </c>
      <c r="P2539" s="1">
        <v>24220.829993200001</v>
      </c>
      <c r="Q2539" s="1">
        <v>24640.708516800001</v>
      </c>
      <c r="R2539" s="1">
        <v>25567.205755200001</v>
      </c>
      <c r="S2539" s="1">
        <v>26676.0272955</v>
      </c>
      <c r="T2539" s="1">
        <v>27968.9434014</v>
      </c>
      <c r="U2539" s="1">
        <v>28501.2916984</v>
      </c>
      <c r="V2539" s="1">
        <v>28529.904465299998</v>
      </c>
      <c r="W2539" s="1">
        <v>28185.7741527</v>
      </c>
      <c r="X2539" s="1">
        <v>27952.1338182</v>
      </c>
      <c r="Y2539" s="1">
        <v>27305.309195099999</v>
      </c>
      <c r="Z2539" s="1">
        <v>27238.724518399998</v>
      </c>
      <c r="AA2539" s="1">
        <v>27710.853147999998</v>
      </c>
      <c r="AB2539" s="1">
        <v>27891.429389600002</v>
      </c>
      <c r="AC2539" s="1">
        <v>28934.928498699999</v>
      </c>
      <c r="AD2539" s="1">
        <v>30184.749135499998</v>
      </c>
      <c r="AE2539" s="1">
        <v>30545.1221386</v>
      </c>
      <c r="AF2539" s="1">
        <v>31276.037317900002</v>
      </c>
      <c r="AG2539" s="1">
        <v>11522.777293899999</v>
      </c>
      <c r="AH2539" s="2">
        <v>0.41133431910952561</v>
      </c>
      <c r="AI2539" s="1">
        <v>6081.9773144999999</v>
      </c>
      <c r="AJ2539" s="2">
        <v>0.21711137286527427</v>
      </c>
      <c r="AK2539" s="1">
        <v>2822.3507432999977</v>
      </c>
      <c r="AL2539" s="2">
        <v>8.2778669387564771E-2</v>
      </c>
      <c r="AM2539" s="1">
        <v>2618.4492361000011</v>
      </c>
      <c r="AN2539" s="2">
        <v>7.0927054418170571E-2</v>
      </c>
      <c r="AO2539" s="1">
        <v>5440.7999793999988</v>
      </c>
      <c r="AP2539" s="2">
        <v>0.15957697099405091</v>
      </c>
      <c r="AQ2539" s="3">
        <v>28013.1677776</v>
      </c>
      <c r="AR2539" s="3">
        <v>29001.287961400001</v>
      </c>
      <c r="AS2539" s="3">
        <v>30091.424896699998</v>
      </c>
      <c r="AT2539" s="3">
        <v>30923.567286900001</v>
      </c>
      <c r="AU2539" s="3">
        <v>32188.174916100001</v>
      </c>
      <c r="AV2539" s="3">
        <v>33617.419058699998</v>
      </c>
      <c r="AW2539" s="3">
        <v>34095.1450921</v>
      </c>
      <c r="AX2539" s="3">
        <v>35378.841670100002</v>
      </c>
      <c r="AY2539" s="3">
        <v>35619.877409699999</v>
      </c>
      <c r="AZ2539" s="3">
        <v>36917.495835399997</v>
      </c>
      <c r="BA2539" s="3">
        <v>36640.158548500003</v>
      </c>
      <c r="BB2539" s="3">
        <v>37098.483569299999</v>
      </c>
      <c r="BC2539" s="3">
        <v>37626.066321400001</v>
      </c>
      <c r="BD2539" s="3">
        <v>37583.895552299997</v>
      </c>
      <c r="BE2539" s="3">
        <v>38486.489834400003</v>
      </c>
      <c r="BF2539" s="3">
        <v>39535.945071499998</v>
      </c>
      <c r="BG2539" s="1">
        <v>110.24932725999997</v>
      </c>
      <c r="BH2539" s="2">
        <v>5.6099371336831905E-2</v>
      </c>
      <c r="BI2539" s="1">
        <v>110.96094106999999</v>
      </c>
      <c r="BJ2539" s="2">
        <v>5.6461469576955067E-2</v>
      </c>
      <c r="BK2539" s="1">
        <v>-78.209712920000129</v>
      </c>
      <c r="BL2539" s="2">
        <v>-3.7669432344846383E-2</v>
      </c>
      <c r="BM2539" s="1">
        <v>77.498099110000112</v>
      </c>
      <c r="BN2539" s="2">
        <v>3.8787800489818842E-2</v>
      </c>
      <c r="BO2539" s="1">
        <v>-0.71161381000001711</v>
      </c>
      <c r="BP2539" s="2">
        <v>-3.4274628138417632E-4</v>
      </c>
      <c r="BQ2539" s="1">
        <v>1965.25067274</v>
      </c>
      <c r="BR2539" s="1">
        <v>2038.49774873</v>
      </c>
      <c r="BS2539" s="1">
        <v>2052.6513939800002</v>
      </c>
      <c r="BT2539" s="1">
        <v>2076.21161381</v>
      </c>
      <c r="BU2539" s="1">
        <v>2040.4443794399999</v>
      </c>
      <c r="BV2539" s="1">
        <v>1978.0046796700001</v>
      </c>
      <c r="BW2539" s="1">
        <v>1998.0019008899999</v>
      </c>
      <c r="BX2539" s="1">
        <v>1980</v>
      </c>
      <c r="BY2539" s="1">
        <v>2001</v>
      </c>
      <c r="BZ2539" s="1">
        <v>2026</v>
      </c>
      <c r="CA2539" s="1">
        <v>2020</v>
      </c>
      <c r="CB2539" s="1">
        <v>2077</v>
      </c>
      <c r="CC2539" s="1">
        <v>2075.5</v>
      </c>
      <c r="CD2539" s="1">
        <v>4407.58</v>
      </c>
      <c r="CE2539" s="27">
        <v>0</v>
      </c>
      <c r="CF2539" s="27">
        <v>2647.63</v>
      </c>
      <c r="CG2539" s="27">
        <v>2648</v>
      </c>
      <c r="CH2539" s="27"/>
      <c r="CI2539" s="27"/>
      <c r="CJ2539" s="27"/>
      <c r="CK2539" s="27"/>
      <c r="CL2539" s="27"/>
      <c r="CM2539" s="27"/>
      <c r="CN2539" s="27"/>
      <c r="CO2539" s="27"/>
      <c r="CP2539" s="27"/>
      <c r="CQ2539" s="27"/>
      <c r="CR2539" s="27"/>
      <c r="CS2539" s="27"/>
      <c r="CT2539" s="27"/>
      <c r="CU2539" s="27"/>
      <c r="CV2539" s="27"/>
      <c r="CW2539" s="27"/>
      <c r="CX2539" s="27"/>
      <c r="CY2539" s="23" t="s">
        <v>449</v>
      </c>
      <c r="CZ2539" s="23" t="s">
        <v>450</v>
      </c>
      <c r="DA2539" s="24" t="s">
        <v>55</v>
      </c>
      <c r="DB2539" s="25"/>
      <c r="DC2539" s="25" t="s">
        <v>401</v>
      </c>
      <c r="DD2539" s="25" t="s">
        <v>373</v>
      </c>
      <c r="DE2539" s="25" t="s">
        <v>402</v>
      </c>
      <c r="DF2539" s="25" t="s">
        <v>375</v>
      </c>
      <c r="DG2539" s="25" t="s">
        <v>364</v>
      </c>
      <c r="DH2539" s="25" t="s">
        <v>419</v>
      </c>
      <c r="DI2539" s="25" t="s">
        <v>377</v>
      </c>
      <c r="DJ2539" s="25" t="s">
        <v>366</v>
      </c>
      <c r="DK2539" s="25" t="s">
        <v>451</v>
      </c>
      <c r="DL2539" s="25">
        <v>1</v>
      </c>
      <c r="DM2539" s="25" t="s">
        <v>404</v>
      </c>
      <c r="DN2539" s="25">
        <v>1</v>
      </c>
      <c r="DO2539" s="25" t="s">
        <v>405</v>
      </c>
    </row>
    <row r="2540" spans="1:119" x14ac:dyDescent="0.2">
      <c r="A2540" s="32" t="s">
        <v>791</v>
      </c>
      <c r="B2540" s="32" t="s">
        <v>791</v>
      </c>
      <c r="C2540" s="32" t="s">
        <v>329</v>
      </c>
      <c r="D2540" s="4" t="s">
        <v>144</v>
      </c>
      <c r="E2540" s="4" t="s">
        <v>285</v>
      </c>
      <c r="F2540" s="1">
        <v>-750</v>
      </c>
      <c r="G2540" s="2">
        <v>-1.31567406368E-2</v>
      </c>
      <c r="H2540" s="1">
        <v>597.96103009999933</v>
      </c>
      <c r="I2540" s="2">
        <v>1.0489559032680831E-2</v>
      </c>
      <c r="J2540" s="1">
        <v>-1250.7927435999954</v>
      </c>
      <c r="K2540" s="2">
        <v>-2.171390195825141E-2</v>
      </c>
      <c r="L2540" s="1">
        <v>-97.841064899999765</v>
      </c>
      <c r="M2540" s="2">
        <v>-1.7362322083406599E-3</v>
      </c>
      <c r="N2540" s="1">
        <v>-1348.6338084999952</v>
      </c>
      <c r="O2540" s="2">
        <v>-2.3412433790643401E-2</v>
      </c>
      <c r="P2540" s="1">
        <v>57005.354394499998</v>
      </c>
      <c r="Q2540" s="1">
        <v>56072.0250696</v>
      </c>
      <c r="R2540" s="1">
        <v>57711.2665719</v>
      </c>
      <c r="S2540" s="1">
        <v>57808.649105800003</v>
      </c>
      <c r="T2540" s="1">
        <v>57125.5652405</v>
      </c>
      <c r="U2540" s="1">
        <v>57241.3017167</v>
      </c>
      <c r="V2540" s="1">
        <v>57603.315424599998</v>
      </c>
      <c r="W2540" s="1">
        <v>57915.267024399996</v>
      </c>
      <c r="X2540" s="1">
        <v>56952.350946699997</v>
      </c>
      <c r="Y2540" s="1">
        <v>56352.522681000002</v>
      </c>
      <c r="Z2540" s="1">
        <v>55571.623798000001</v>
      </c>
      <c r="AA2540" s="1">
        <v>55458.420176599997</v>
      </c>
      <c r="AB2540" s="1">
        <v>54833.333641199999</v>
      </c>
      <c r="AC2540" s="1">
        <v>54870.395416200001</v>
      </c>
      <c r="AD2540" s="1">
        <v>55206.515957399999</v>
      </c>
      <c r="AE2540" s="1">
        <v>56096.146466899998</v>
      </c>
      <c r="AF2540" s="1">
        <v>56254.681616100002</v>
      </c>
      <c r="AG2540" s="1">
        <v>14824.956305399995</v>
      </c>
      <c r="AH2540" s="2">
        <v>0.41172398861822634</v>
      </c>
      <c r="AI2540" s="1">
        <v>7113.747945199997</v>
      </c>
      <c r="AJ2540" s="2">
        <v>0.19756555214638991</v>
      </c>
      <c r="AK2540" s="1">
        <v>3283.8403442999988</v>
      </c>
      <c r="AL2540" s="2">
        <v>7.6154485518448195E-2</v>
      </c>
      <c r="AM2540" s="1">
        <v>4427.3680158999996</v>
      </c>
      <c r="AN2540" s="2">
        <v>9.5407926496855977E-2</v>
      </c>
      <c r="AO2540" s="1">
        <v>7711.2083601999984</v>
      </c>
      <c r="AP2540" s="2">
        <v>0.17882815357205414</v>
      </c>
      <c r="AQ2540" s="3">
        <v>36007.025860100002</v>
      </c>
      <c r="AR2540" s="3">
        <v>37152.902002800001</v>
      </c>
      <c r="AS2540" s="3">
        <v>37790.2383663</v>
      </c>
      <c r="AT2540" s="3">
        <v>39328.932952499999</v>
      </c>
      <c r="AU2540" s="3">
        <v>40728.678890000003</v>
      </c>
      <c r="AV2540" s="3">
        <v>42160.002664699998</v>
      </c>
      <c r="AW2540" s="3">
        <v>43120.773805299999</v>
      </c>
      <c r="AX2540" s="3">
        <v>44163.975694799999</v>
      </c>
      <c r="AY2540" s="3">
        <v>45128.2301725</v>
      </c>
      <c r="AZ2540" s="3">
        <v>46404.614149599998</v>
      </c>
      <c r="BA2540" s="3">
        <v>46751.1870824</v>
      </c>
      <c r="BB2540" s="3">
        <v>47487.074764600002</v>
      </c>
      <c r="BC2540" s="3">
        <v>48816.960306200002</v>
      </c>
      <c r="BD2540" s="3">
        <v>49130.172651000001</v>
      </c>
      <c r="BE2540" s="3">
        <v>50083.917683699998</v>
      </c>
      <c r="BF2540" s="3">
        <v>50831.982165499998</v>
      </c>
      <c r="BG2540" s="1">
        <v>-43.359432249999827</v>
      </c>
      <c r="BH2540" s="2">
        <v>-1.8005590472475852E-2</v>
      </c>
      <c r="BI2540" s="1">
        <v>5.8966978299999937</v>
      </c>
      <c r="BJ2540" s="2">
        <v>2.4486834987770701E-3</v>
      </c>
      <c r="BK2540" s="1">
        <v>-51.00583972000004</v>
      </c>
      <c r="BL2540" s="2">
        <v>-2.1129126013573842E-2</v>
      </c>
      <c r="BM2540" s="1">
        <v>1.7497096400002192</v>
      </c>
      <c r="BN2540" s="2">
        <v>7.4046103470163066E-4</v>
      </c>
      <c r="BO2540" s="1">
        <v>-49.256130079999821</v>
      </c>
      <c r="BP2540" s="2">
        <v>-2.0404310273382562E-2</v>
      </c>
      <c r="BQ2540" s="1">
        <v>2408.1094322499998</v>
      </c>
      <c r="BR2540" s="1">
        <v>2423.02025976</v>
      </c>
      <c r="BS2540" s="1">
        <v>2418.0270830999998</v>
      </c>
      <c r="BT2540" s="1">
        <v>2414.0061300799998</v>
      </c>
      <c r="BU2540" s="1">
        <v>2379.0025039699999</v>
      </c>
      <c r="BV2540" s="1">
        <v>2362.0008952200001</v>
      </c>
      <c r="BW2540" s="1">
        <v>2363.0002903599998</v>
      </c>
      <c r="BX2540" s="1">
        <v>2340</v>
      </c>
      <c r="BY2540" s="1">
        <v>2347</v>
      </c>
      <c r="BZ2540" s="1">
        <v>2396</v>
      </c>
      <c r="CA2540" s="1">
        <v>2377</v>
      </c>
      <c r="CB2540" s="1">
        <v>2392</v>
      </c>
      <c r="CC2540" s="1">
        <v>2364.75</v>
      </c>
      <c r="CD2540" s="1">
        <v>-6982.04</v>
      </c>
      <c r="CE2540" s="27">
        <v>0</v>
      </c>
      <c r="CF2540" s="27">
        <v>6231.37</v>
      </c>
      <c r="CG2540" s="27">
        <v>6231</v>
      </c>
      <c r="CH2540" s="27"/>
      <c r="CI2540" s="27"/>
      <c r="CJ2540" s="27"/>
      <c r="CK2540" s="27"/>
      <c r="CL2540" s="27"/>
      <c r="CM2540" s="27"/>
      <c r="CN2540" s="27"/>
      <c r="CO2540" s="27"/>
      <c r="CP2540" s="27"/>
      <c r="CQ2540" s="27"/>
      <c r="CR2540" s="27"/>
      <c r="CS2540" s="27"/>
      <c r="CT2540" s="27"/>
      <c r="CU2540" s="27"/>
      <c r="CV2540" s="27"/>
      <c r="CW2540" s="27"/>
      <c r="CX2540" s="27"/>
      <c r="CY2540" s="23" t="s">
        <v>476</v>
      </c>
      <c r="CZ2540" s="23" t="s">
        <v>477</v>
      </c>
      <c r="DA2540" s="24" t="s">
        <v>144</v>
      </c>
      <c r="DB2540" s="25"/>
      <c r="DC2540" s="25" t="s">
        <v>435</v>
      </c>
      <c r="DD2540" s="25"/>
      <c r="DE2540" s="25" t="s">
        <v>436</v>
      </c>
      <c r="DF2540" s="25" t="s">
        <v>375</v>
      </c>
      <c r="DG2540" s="25" t="s">
        <v>364</v>
      </c>
      <c r="DH2540" s="25" t="s">
        <v>419</v>
      </c>
      <c r="DI2540" s="25"/>
      <c r="DJ2540" s="25" t="s">
        <v>366</v>
      </c>
      <c r="DK2540" s="25" t="s">
        <v>478</v>
      </c>
      <c r="DL2540" s="25">
        <v>2</v>
      </c>
      <c r="DM2540" s="25" t="s">
        <v>379</v>
      </c>
      <c r="DN2540" s="25">
        <v>3</v>
      </c>
      <c r="DO2540" s="25" t="s">
        <v>380</v>
      </c>
    </row>
    <row r="2541" spans="1:119" x14ac:dyDescent="0.2">
      <c r="A2541" s="32" t="s">
        <v>791</v>
      </c>
      <c r="B2541" s="32" t="s">
        <v>791</v>
      </c>
      <c r="C2541" s="32" t="s">
        <v>329</v>
      </c>
      <c r="D2541" s="4" t="s">
        <v>80</v>
      </c>
      <c r="E2541" s="4" t="s">
        <v>221</v>
      </c>
      <c r="F2541" s="1">
        <v>549</v>
      </c>
      <c r="G2541" s="2">
        <v>2.59635847718E-2</v>
      </c>
      <c r="H2541" s="1">
        <v>396.1009077000017</v>
      </c>
      <c r="I2541" s="2">
        <v>1.8732599887930364E-2</v>
      </c>
      <c r="J2541" s="1">
        <v>-1296.4216225000018</v>
      </c>
      <c r="K2541" s="2">
        <v>-6.0183616481381444E-2</v>
      </c>
      <c r="L2541" s="1">
        <v>1449.6067997000027</v>
      </c>
      <c r="M2541" s="2">
        <v>7.1604319423839546E-2</v>
      </c>
      <c r="N2541" s="1">
        <v>153.18517720000091</v>
      </c>
      <c r="O2541" s="2">
        <v>7.1112960438434051E-3</v>
      </c>
      <c r="P2541" s="1">
        <v>21145.004434499999</v>
      </c>
      <c r="Q2541" s="1">
        <v>20701.570238</v>
      </c>
      <c r="R2541" s="1">
        <v>20653.499162399999</v>
      </c>
      <c r="S2541" s="1">
        <v>20708.701822999999</v>
      </c>
      <c r="T2541" s="1">
        <v>21039.420259999999</v>
      </c>
      <c r="U2541" s="1">
        <v>21157.619282399999</v>
      </c>
      <c r="V2541" s="1">
        <v>21541.1053422</v>
      </c>
      <c r="W2541" s="1">
        <v>21276.835673099999</v>
      </c>
      <c r="X2541" s="1">
        <v>20203.5432267</v>
      </c>
      <c r="Y2541" s="1">
        <v>20244.683719699999</v>
      </c>
      <c r="Z2541" s="1">
        <v>20409.601557099999</v>
      </c>
      <c r="AA2541" s="1">
        <v>20639.0360544</v>
      </c>
      <c r="AB2541" s="1">
        <v>20652.487000000001</v>
      </c>
      <c r="AC2541" s="1">
        <v>21201.356810000001</v>
      </c>
      <c r="AD2541" s="1">
        <v>21494.3795737</v>
      </c>
      <c r="AE2541" s="1">
        <v>21410.605983599999</v>
      </c>
      <c r="AF2541" s="1">
        <v>21694.290519400001</v>
      </c>
      <c r="AG2541" s="1">
        <v>11254.261507400002</v>
      </c>
      <c r="AH2541" s="2">
        <v>0.38936346494256036</v>
      </c>
      <c r="AI2541" s="1">
        <v>5253.622218200002</v>
      </c>
      <c r="AJ2541" s="2">
        <v>0.18175946498422418</v>
      </c>
      <c r="AK2541" s="1">
        <v>3309.7955575000015</v>
      </c>
      <c r="AL2541" s="2">
        <v>9.6896987474367785E-2</v>
      </c>
      <c r="AM2541" s="1">
        <v>2690.8437316999989</v>
      </c>
      <c r="AN2541" s="2">
        <v>7.1817740903929575E-2</v>
      </c>
      <c r="AO2541" s="1">
        <v>6000.6392892000003</v>
      </c>
      <c r="AP2541" s="2">
        <v>0.17567365111910282</v>
      </c>
      <c r="AQ2541" s="3">
        <v>28904.256615499999</v>
      </c>
      <c r="AR2541" s="3">
        <v>29952.8161301</v>
      </c>
      <c r="AS2541" s="3">
        <v>30108.737194199999</v>
      </c>
      <c r="AT2541" s="3">
        <v>31125.083947200001</v>
      </c>
      <c r="AU2541" s="3">
        <v>32467.670679899999</v>
      </c>
      <c r="AV2541" s="3">
        <v>33159.462746800004</v>
      </c>
      <c r="AW2541" s="3">
        <v>34157.878833700001</v>
      </c>
      <c r="AX2541" s="3">
        <v>35240.085233400001</v>
      </c>
      <c r="AY2541" s="3">
        <v>36043.302391700003</v>
      </c>
      <c r="AZ2541" s="3">
        <v>37467.674391200002</v>
      </c>
      <c r="BA2541" s="3">
        <v>37189.623867100003</v>
      </c>
      <c r="BB2541" s="3">
        <v>36957.9686162</v>
      </c>
      <c r="BC2541" s="3">
        <v>37187.793156300002</v>
      </c>
      <c r="BD2541" s="3">
        <v>38173.363217899998</v>
      </c>
      <c r="BE2541" s="3">
        <v>38913.821679200002</v>
      </c>
      <c r="BF2541" s="3">
        <v>40158.518122900001</v>
      </c>
      <c r="BG2541" s="1">
        <v>65.355799590000061</v>
      </c>
      <c r="BH2541" s="2">
        <v>5.7880826528860466E-2</v>
      </c>
      <c r="BI2541" s="1">
        <v>-4.1439001199998984</v>
      </c>
      <c r="BJ2541" s="2">
        <v>-3.6699476634562884E-3</v>
      </c>
      <c r="BK2541" s="1">
        <v>33.9997343</v>
      </c>
      <c r="BL2541" s="2">
        <v>3.0221977977459763E-2</v>
      </c>
      <c r="BM2541" s="1">
        <v>35.499965409999959</v>
      </c>
      <c r="BN2541" s="2">
        <v>3.0629822562997754E-2</v>
      </c>
      <c r="BO2541" s="1">
        <v>69.499699709999959</v>
      </c>
      <c r="BP2541" s="2">
        <v>6.1777494363409929E-2</v>
      </c>
      <c r="BQ2541" s="1">
        <v>1129.1442004099999</v>
      </c>
      <c r="BR2541" s="1">
        <v>1117.60465621</v>
      </c>
      <c r="BS2541" s="1">
        <v>1107.5815371599999</v>
      </c>
      <c r="BT2541" s="1">
        <v>1125.00030029</v>
      </c>
      <c r="BU2541" s="1">
        <v>1128.0001717099999</v>
      </c>
      <c r="BV2541" s="1">
        <v>1124.4999678900001</v>
      </c>
      <c r="BW2541" s="1">
        <v>1159.00003459</v>
      </c>
      <c r="BX2541" s="1">
        <v>1151</v>
      </c>
      <c r="BY2541" s="1">
        <v>1167</v>
      </c>
      <c r="BZ2541" s="1">
        <v>1182</v>
      </c>
      <c r="CA2541" s="1">
        <v>1218</v>
      </c>
      <c r="CB2541" s="1">
        <v>1218</v>
      </c>
      <c r="CC2541" s="1">
        <v>1194.5</v>
      </c>
      <c r="CD2541" s="1">
        <v>-1762.12</v>
      </c>
      <c r="CE2541" s="27">
        <v>0</v>
      </c>
      <c r="CF2541" s="27">
        <v>2311.4</v>
      </c>
      <c r="CG2541" s="27">
        <v>2311</v>
      </c>
      <c r="CH2541" s="27"/>
      <c r="CI2541" s="27"/>
      <c r="CJ2541" s="27"/>
      <c r="CK2541" s="27"/>
      <c r="CL2541" s="27"/>
      <c r="CM2541" s="27"/>
      <c r="CN2541" s="27"/>
      <c r="CO2541" s="27"/>
      <c r="CP2541" s="27"/>
      <c r="CQ2541" s="27"/>
      <c r="CR2541" s="27"/>
      <c r="CS2541" s="27"/>
      <c r="CT2541" s="27"/>
      <c r="CU2541" s="27"/>
      <c r="CV2541" s="27"/>
      <c r="CW2541" s="27"/>
      <c r="CX2541" s="27"/>
      <c r="CY2541" s="23" t="s">
        <v>637</v>
      </c>
      <c r="CZ2541" s="23" t="s">
        <v>638</v>
      </c>
      <c r="DA2541" s="24" t="s">
        <v>80</v>
      </c>
      <c r="DB2541" s="25"/>
      <c r="DC2541" s="25" t="s">
        <v>639</v>
      </c>
      <c r="DD2541" s="25"/>
      <c r="DE2541" s="25" t="s">
        <v>640</v>
      </c>
      <c r="DF2541" s="25" t="s">
        <v>363</v>
      </c>
      <c r="DG2541" s="25" t="s">
        <v>364</v>
      </c>
      <c r="DH2541" s="25" t="s">
        <v>365</v>
      </c>
      <c r="DI2541" s="25"/>
      <c r="DJ2541" s="25" t="s">
        <v>366</v>
      </c>
      <c r="DK2541" s="25" t="s">
        <v>641</v>
      </c>
      <c r="DL2541" s="25">
        <v>3</v>
      </c>
      <c r="DM2541" s="25" t="s">
        <v>556</v>
      </c>
      <c r="DN2541" s="25">
        <v>4</v>
      </c>
      <c r="DO2541" s="25" t="s">
        <v>557</v>
      </c>
    </row>
    <row r="2542" spans="1:119" x14ac:dyDescent="0.2">
      <c r="A2542" s="32" t="s">
        <v>791</v>
      </c>
      <c r="B2542" s="32" t="s">
        <v>791</v>
      </c>
      <c r="C2542" s="32" t="s">
        <v>329</v>
      </c>
      <c r="D2542" s="4" t="s">
        <v>100</v>
      </c>
      <c r="E2542" s="4" t="s">
        <v>241</v>
      </c>
      <c r="F2542" s="1">
        <v>-103</v>
      </c>
      <c r="G2542" s="2">
        <v>-1.2531938192E-2</v>
      </c>
      <c r="H2542" s="1">
        <v>477.52161870000054</v>
      </c>
      <c r="I2542" s="2">
        <v>5.8101100854499557E-2</v>
      </c>
      <c r="J2542" s="1">
        <v>-1636.2481042800009</v>
      </c>
      <c r="K2542" s="2">
        <v>-0.18815393837321379</v>
      </c>
      <c r="L2542" s="1">
        <v>1056.0737988300007</v>
      </c>
      <c r="M2542" s="2">
        <v>0.14958386020885206</v>
      </c>
      <c r="N2542" s="1">
        <v>-580.17430545000025</v>
      </c>
      <c r="O2542" s="2">
        <v>-6.6714870579725499E-2</v>
      </c>
      <c r="P2542" s="1">
        <v>8218.80500846</v>
      </c>
      <c r="Q2542" s="1">
        <v>8340.1811407000005</v>
      </c>
      <c r="R2542" s="1">
        <v>8198.0842419599994</v>
      </c>
      <c r="S2542" s="1">
        <v>8284.9719464000009</v>
      </c>
      <c r="T2542" s="1">
        <v>8701.7817658700005</v>
      </c>
      <c r="U2542" s="1">
        <v>8750.5407128000006</v>
      </c>
      <c r="V2542" s="1">
        <v>8696.3266271600005</v>
      </c>
      <c r="W2542" s="1">
        <v>8135.0541821899997</v>
      </c>
      <c r="X2542" s="1">
        <v>7319.85437559</v>
      </c>
      <c r="Y2542" s="1">
        <v>7060.0785228799996</v>
      </c>
      <c r="Z2542" s="1">
        <v>6719.0789203000004</v>
      </c>
      <c r="AA2542" s="1">
        <v>6969.0500779800004</v>
      </c>
      <c r="AB2542" s="1">
        <v>7177.4891270899998</v>
      </c>
      <c r="AC2542" s="1">
        <v>7459.92540844</v>
      </c>
      <c r="AD2542" s="1">
        <v>7618.0130995400004</v>
      </c>
      <c r="AE2542" s="1">
        <v>7910.8038121999998</v>
      </c>
      <c r="AF2542" s="1">
        <v>8116.1523217100003</v>
      </c>
      <c r="AG2542" s="1">
        <v>9957.8545404999968</v>
      </c>
      <c r="AH2542" s="2">
        <v>0.37657448645655689</v>
      </c>
      <c r="AI2542" s="1">
        <v>4359.5057133000009</v>
      </c>
      <c r="AJ2542" s="2">
        <v>0.16486268387567177</v>
      </c>
      <c r="AK2542" s="1">
        <v>2825.7315984000015</v>
      </c>
      <c r="AL2542" s="2">
        <v>9.1736314757820195E-2</v>
      </c>
      <c r="AM2542" s="1">
        <v>2772.6172287999943</v>
      </c>
      <c r="AN2542" s="2">
        <v>8.2448458923876089E-2</v>
      </c>
      <c r="AO2542" s="1">
        <v>5598.3488271999959</v>
      </c>
      <c r="AP2542" s="2">
        <v>0.18174829146083418</v>
      </c>
      <c r="AQ2542" s="3">
        <v>26443.2533234</v>
      </c>
      <c r="AR2542" s="3">
        <v>27691.980307900001</v>
      </c>
      <c r="AS2542" s="3">
        <v>28399.058618700001</v>
      </c>
      <c r="AT2542" s="3">
        <v>28535.3423291</v>
      </c>
      <c r="AU2542" s="3">
        <v>29206.1432159</v>
      </c>
      <c r="AV2542" s="3">
        <v>30267.5905183</v>
      </c>
      <c r="AW2542" s="3">
        <v>30802.759036700001</v>
      </c>
      <c r="AX2542" s="3">
        <v>32289.201368099999</v>
      </c>
      <c r="AY2542" s="3">
        <v>32800.797121099997</v>
      </c>
      <c r="AZ2542" s="3">
        <v>33628.490635100003</v>
      </c>
      <c r="BA2542" s="3">
        <v>33321.949544499999</v>
      </c>
      <c r="BB2542" s="3">
        <v>36702.725960399999</v>
      </c>
      <c r="BC2542" s="3">
        <v>36610.966755000001</v>
      </c>
      <c r="BD2542" s="3">
        <v>35514.293972599997</v>
      </c>
      <c r="BE2542" s="3">
        <v>36211.146983899998</v>
      </c>
      <c r="BF2542" s="3">
        <v>36401.107863899997</v>
      </c>
      <c r="BG2542" s="1">
        <v>-105.31375188699997</v>
      </c>
      <c r="BH2542" s="2">
        <v>-0.14873484429380451</v>
      </c>
      <c r="BI2542" s="1">
        <v>-0.84150682699998924</v>
      </c>
      <c r="BJ2542" s="2">
        <v>-1.188461949587677E-3</v>
      </c>
      <c r="BK2542" s="1">
        <v>-61.123588283000004</v>
      </c>
      <c r="BL2542" s="2">
        <v>-8.6427694702694693E-2</v>
      </c>
      <c r="BM2542" s="1">
        <v>-43.348656776999974</v>
      </c>
      <c r="BN2542" s="2">
        <v>-6.7092937467538652E-2</v>
      </c>
      <c r="BO2542" s="1">
        <v>-104.47224505999998</v>
      </c>
      <c r="BP2542" s="2">
        <v>-0.14772194425408192</v>
      </c>
      <c r="BQ2542" s="1">
        <v>708.06375188699997</v>
      </c>
      <c r="BR2542" s="1">
        <v>709.11980086200003</v>
      </c>
      <c r="BS2542" s="1">
        <v>705.32232883300003</v>
      </c>
      <c r="BT2542" s="1">
        <v>707.22224505999998</v>
      </c>
      <c r="BU2542" s="1">
        <v>705.15871234700001</v>
      </c>
      <c r="BV2542" s="1">
        <v>669.12780686300005</v>
      </c>
      <c r="BW2542" s="1">
        <v>646.09865677699997</v>
      </c>
      <c r="BX2542" s="1">
        <v>622</v>
      </c>
      <c r="BY2542" s="1">
        <v>612</v>
      </c>
      <c r="BZ2542" s="1">
        <v>610</v>
      </c>
      <c r="CA2542" s="1">
        <v>600</v>
      </c>
      <c r="CB2542" s="1">
        <v>595</v>
      </c>
      <c r="CC2542" s="1">
        <v>602.75</v>
      </c>
      <c r="CD2542" s="1">
        <v>-1001.07</v>
      </c>
      <c r="CE2542" s="27">
        <v>0</v>
      </c>
      <c r="CF2542" s="27">
        <v>898.41399999999999</v>
      </c>
      <c r="CG2542" s="27">
        <v>898</v>
      </c>
      <c r="CH2542" s="27"/>
      <c r="CI2542" s="27"/>
      <c r="CJ2542" s="27"/>
      <c r="CK2542" s="27"/>
      <c r="CL2542" s="27"/>
      <c r="CM2542" s="27"/>
      <c r="CN2542" s="27"/>
      <c r="CO2542" s="27"/>
      <c r="CP2542" s="27"/>
      <c r="CQ2542" s="27"/>
      <c r="CR2542" s="27"/>
      <c r="CS2542" s="27"/>
      <c r="CT2542" s="27"/>
      <c r="CU2542" s="27"/>
      <c r="CV2542" s="27"/>
      <c r="CW2542" s="27"/>
      <c r="CX2542" s="27"/>
      <c r="CY2542" s="23" t="s">
        <v>603</v>
      </c>
      <c r="CZ2542" s="23" t="s">
        <v>604</v>
      </c>
      <c r="DA2542" s="24" t="s">
        <v>100</v>
      </c>
      <c r="DB2542" s="25" t="s">
        <v>345</v>
      </c>
      <c r="DC2542" s="25"/>
      <c r="DD2542" s="25"/>
      <c r="DE2542" s="25"/>
      <c r="DF2542" s="25"/>
      <c r="DG2542" s="25"/>
      <c r="DH2542" s="25" t="s">
        <v>333</v>
      </c>
      <c r="DI2542" s="25"/>
      <c r="DJ2542" s="25"/>
      <c r="DK2542" s="25"/>
      <c r="DL2542" s="25">
        <v>6</v>
      </c>
      <c r="DM2542" s="25" t="s">
        <v>396</v>
      </c>
      <c r="DN2542" s="25">
        <v>6</v>
      </c>
      <c r="DO2542" s="25" t="s">
        <v>393</v>
      </c>
    </row>
    <row r="2543" spans="1:119" x14ac:dyDescent="0.2">
      <c r="A2543" s="32" t="s">
        <v>791</v>
      </c>
      <c r="B2543" s="32" t="s">
        <v>791</v>
      </c>
      <c r="C2543" s="32" t="s">
        <v>329</v>
      </c>
      <c r="D2543" s="4" t="s">
        <v>65</v>
      </c>
      <c r="E2543" s="4" t="s">
        <v>206</v>
      </c>
      <c r="F2543" s="1">
        <v>-1438</v>
      </c>
      <c r="G2543" s="2">
        <v>-8.2843645581300002E-2</v>
      </c>
      <c r="H2543" s="1">
        <v>827.97780630000125</v>
      </c>
      <c r="I2543" s="2">
        <v>4.7700483379055955E-2</v>
      </c>
      <c r="J2543" s="1">
        <v>-1710.4640036000019</v>
      </c>
      <c r="K2543" s="2">
        <v>-9.4054781516621472E-2</v>
      </c>
      <c r="L2543" s="1">
        <v>-555.70019369999864</v>
      </c>
      <c r="M2543" s="2">
        <v>-3.3729161974595266E-2</v>
      </c>
      <c r="N2543" s="1">
        <v>-2266.1641973000005</v>
      </c>
      <c r="O2543" s="2">
        <v>-0.12461155453095743</v>
      </c>
      <c r="P2543" s="1">
        <v>17357.849389499999</v>
      </c>
      <c r="Q2543" s="1">
        <v>17561.2648759</v>
      </c>
      <c r="R2543" s="1">
        <v>17456.2214614</v>
      </c>
      <c r="S2543" s="1">
        <v>17772.403620000001</v>
      </c>
      <c r="T2543" s="1">
        <v>18124.1629751</v>
      </c>
      <c r="U2543" s="1">
        <v>18593.3659911</v>
      </c>
      <c r="V2543" s="1">
        <v>18185.8271958</v>
      </c>
      <c r="W2543" s="1">
        <v>17754.7673564</v>
      </c>
      <c r="X2543" s="1">
        <v>16869.4721187</v>
      </c>
      <c r="Y2543" s="1">
        <v>16475.363192199999</v>
      </c>
      <c r="Z2543" s="1">
        <v>16552.771657900001</v>
      </c>
      <c r="AA2543" s="1">
        <v>15994.0127042</v>
      </c>
      <c r="AB2543" s="1">
        <v>15489.472888300001</v>
      </c>
      <c r="AC2543" s="1">
        <v>15304.9151062</v>
      </c>
      <c r="AD2543" s="1">
        <v>15583.481550099999</v>
      </c>
      <c r="AE2543" s="1">
        <v>15793.3052415</v>
      </c>
      <c r="AF2543" s="1">
        <v>15919.6629985</v>
      </c>
      <c r="AG2543" s="1">
        <v>14840.000433900001</v>
      </c>
      <c r="AH2543" s="2">
        <v>0.51982275150093049</v>
      </c>
      <c r="AI2543" s="1">
        <v>5925.4860603999987</v>
      </c>
      <c r="AJ2543" s="2">
        <v>0.2075608071318667</v>
      </c>
      <c r="AK2543" s="1">
        <v>1988.9430327000009</v>
      </c>
      <c r="AL2543" s="2">
        <v>5.7694538700396723E-2</v>
      </c>
      <c r="AM2543" s="1">
        <v>6925.5713408000011</v>
      </c>
      <c r="AN2543" s="2">
        <v>0.18993618315971031</v>
      </c>
      <c r="AO2543" s="1">
        <v>8914.514373500002</v>
      </c>
      <c r="AP2543" s="2">
        <v>0.25858900233002058</v>
      </c>
      <c r="AQ2543" s="3">
        <v>28548.1933814</v>
      </c>
      <c r="AR2543" s="3">
        <v>28871.467374899999</v>
      </c>
      <c r="AS2543" s="3">
        <v>30158.0446725</v>
      </c>
      <c r="AT2543" s="3">
        <v>30705.127611899999</v>
      </c>
      <c r="AU2543" s="3">
        <v>31514.020435099999</v>
      </c>
      <c r="AV2543" s="3">
        <v>33044.008550799997</v>
      </c>
      <c r="AW2543" s="3">
        <v>34473.679441799999</v>
      </c>
      <c r="AX2543" s="3">
        <v>34053.152785699996</v>
      </c>
      <c r="AY2543" s="3">
        <v>35612.563169900001</v>
      </c>
      <c r="AZ2543" s="3">
        <v>36462.6224745</v>
      </c>
      <c r="BA2543" s="3">
        <v>37223.207461400001</v>
      </c>
      <c r="BB2543" s="3">
        <v>37681.3363494</v>
      </c>
      <c r="BC2543" s="3">
        <v>40915.891767399997</v>
      </c>
      <c r="BD2543" s="3">
        <v>41355.725859899998</v>
      </c>
      <c r="BE2543" s="3">
        <v>41614.483398299999</v>
      </c>
      <c r="BF2543" s="3">
        <v>43388.193815300001</v>
      </c>
      <c r="BG2543" s="1">
        <v>-141.13341218699998</v>
      </c>
      <c r="BH2543" s="2">
        <v>-0.14153914657964761</v>
      </c>
      <c r="BI2543" s="1">
        <v>-2.2848736969999663</v>
      </c>
      <c r="BJ2543" s="2">
        <v>-2.2914423176218536E-3</v>
      </c>
      <c r="BK2543" s="1">
        <v>-110.71444361900001</v>
      </c>
      <c r="BL2543" s="2">
        <v>-0.11128773811845218</v>
      </c>
      <c r="BM2543" s="1">
        <v>-28.134094871000002</v>
      </c>
      <c r="BN2543" s="2">
        <v>-3.1821072204103747E-2</v>
      </c>
      <c r="BO2543" s="1">
        <v>-138.84853849000001</v>
      </c>
      <c r="BP2543" s="2">
        <v>-0.13956751517245727</v>
      </c>
      <c r="BQ2543" s="1">
        <v>997.13341218699998</v>
      </c>
      <c r="BR2543" s="1">
        <v>987.03931668200005</v>
      </c>
      <c r="BS2543" s="1">
        <v>973.23989427599997</v>
      </c>
      <c r="BT2543" s="1">
        <v>994.84853849000001</v>
      </c>
      <c r="BU2543" s="1">
        <v>979.69486567499996</v>
      </c>
      <c r="BV2543" s="1">
        <v>933.20103120099998</v>
      </c>
      <c r="BW2543" s="1">
        <v>884.134094871</v>
      </c>
      <c r="BX2543" s="1">
        <v>833</v>
      </c>
      <c r="BY2543" s="1">
        <v>816</v>
      </c>
      <c r="BZ2543" s="1">
        <v>823</v>
      </c>
      <c r="CA2543" s="1">
        <v>839</v>
      </c>
      <c r="CB2543" s="1">
        <v>868</v>
      </c>
      <c r="CC2543" s="1">
        <v>856</v>
      </c>
      <c r="CD2543" s="1">
        <v>-3335.61</v>
      </c>
      <c r="CE2543" s="27">
        <v>0</v>
      </c>
      <c r="CF2543" s="27">
        <v>1897.42</v>
      </c>
      <c r="CG2543" s="27">
        <v>1897</v>
      </c>
      <c r="CH2543" s="27"/>
      <c r="CI2543" s="27"/>
      <c r="CJ2543" s="27"/>
      <c r="CK2543" s="27"/>
      <c r="CL2543" s="27"/>
      <c r="CM2543" s="27"/>
      <c r="CN2543" s="27"/>
      <c r="CO2543" s="27"/>
      <c r="CP2543" s="27"/>
      <c r="CQ2543" s="27"/>
      <c r="CR2543" s="27"/>
      <c r="CS2543" s="27"/>
      <c r="CT2543" s="27"/>
      <c r="CU2543" s="27"/>
      <c r="CV2543" s="27"/>
      <c r="CW2543" s="27"/>
      <c r="CX2543" s="27"/>
      <c r="CY2543" s="23" t="s">
        <v>394</v>
      </c>
      <c r="CZ2543" s="23" t="s">
        <v>395</v>
      </c>
      <c r="DA2543" s="24" t="s">
        <v>65</v>
      </c>
      <c r="DB2543" s="25" t="s">
        <v>345</v>
      </c>
      <c r="DC2543" s="25"/>
      <c r="DD2543" s="25"/>
      <c r="DE2543" s="25"/>
      <c r="DF2543" s="25"/>
      <c r="DG2543" s="25"/>
      <c r="DH2543" s="25" t="s">
        <v>333</v>
      </c>
      <c r="DI2543" s="25"/>
      <c r="DJ2543" s="25"/>
      <c r="DK2543" s="25"/>
      <c r="DL2543" s="25">
        <v>6</v>
      </c>
      <c r="DM2543" s="25" t="s">
        <v>396</v>
      </c>
      <c r="DN2543" s="25">
        <v>6</v>
      </c>
      <c r="DO2543" s="25" t="s">
        <v>393</v>
      </c>
    </row>
    <row r="2544" spans="1:119" x14ac:dyDescent="0.2">
      <c r="A2544" s="32" t="s">
        <v>791</v>
      </c>
      <c r="B2544" s="32" t="s">
        <v>791</v>
      </c>
      <c r="C2544" s="32" t="s">
        <v>329</v>
      </c>
      <c r="D2544" s="4" t="s">
        <v>124</v>
      </c>
      <c r="E2544" s="4" t="s">
        <v>265</v>
      </c>
      <c r="F2544" s="1">
        <v>5606</v>
      </c>
      <c r="G2544" s="2">
        <v>0.35629846192999998</v>
      </c>
      <c r="H2544" s="1">
        <v>4288.4310946999994</v>
      </c>
      <c r="I2544" s="2">
        <v>0.27255736312485018</v>
      </c>
      <c r="J2544" s="1">
        <v>-1980.1273834999993</v>
      </c>
      <c r="K2544" s="2">
        <v>-9.8895207083568012E-2</v>
      </c>
      <c r="L2544" s="1">
        <v>3297.4800916999993</v>
      </c>
      <c r="M2544" s="2">
        <v>0.18276330246006114</v>
      </c>
      <c r="N2544" s="1">
        <v>1317.3527082000001</v>
      </c>
      <c r="O2544" s="2">
        <v>6.5793680732428597E-2</v>
      </c>
      <c r="P2544" s="1">
        <v>15734.049689699999</v>
      </c>
      <c r="Q2544" s="1">
        <v>16204.786733999999</v>
      </c>
      <c r="R2544" s="1">
        <v>16352.7659563</v>
      </c>
      <c r="S2544" s="1">
        <v>17180.969436399999</v>
      </c>
      <c r="T2544" s="1">
        <v>18256.4863716</v>
      </c>
      <c r="U2544" s="1">
        <v>18975.680493399999</v>
      </c>
      <c r="V2544" s="1">
        <v>20022.480784399999</v>
      </c>
      <c r="W2544" s="1">
        <v>19804.4793875</v>
      </c>
      <c r="X2544" s="1">
        <v>18482.601492500002</v>
      </c>
      <c r="Y2544" s="1">
        <v>18042.3534009</v>
      </c>
      <c r="Z2544" s="1">
        <v>18107.4897943</v>
      </c>
      <c r="AA2544" s="1">
        <v>18757.150596399999</v>
      </c>
      <c r="AB2544" s="1">
        <v>19157.349397900001</v>
      </c>
      <c r="AC2544" s="1">
        <v>19774.332697099999</v>
      </c>
      <c r="AD2544" s="1">
        <v>20558.187343400001</v>
      </c>
      <c r="AE2544" s="1">
        <v>20704.513154100001</v>
      </c>
      <c r="AF2544" s="1">
        <v>21339.833492599999</v>
      </c>
      <c r="AG2544" s="1">
        <v>10260.5952454</v>
      </c>
      <c r="AH2544" s="2">
        <v>0.39400701946375849</v>
      </c>
      <c r="AI2544" s="1">
        <v>4927.2870532999987</v>
      </c>
      <c r="AJ2544" s="2">
        <v>0.18920790066087581</v>
      </c>
      <c r="AK2544" s="1">
        <v>2109.0762301000032</v>
      </c>
      <c r="AL2544" s="2">
        <v>6.8102945244820717E-2</v>
      </c>
      <c r="AM2544" s="1">
        <v>3224.231961999998</v>
      </c>
      <c r="AN2544" s="2">
        <v>9.7473549990904795E-2</v>
      </c>
      <c r="AO2544" s="1">
        <v>5333.3081921000012</v>
      </c>
      <c r="AP2544" s="2">
        <v>0.17221473107357438</v>
      </c>
      <c r="AQ2544" s="3">
        <v>26041.6559567</v>
      </c>
      <c r="AR2544" s="3">
        <v>26704.297486200001</v>
      </c>
      <c r="AS2544" s="3">
        <v>27585.8198261</v>
      </c>
      <c r="AT2544" s="3">
        <v>28536.100221799999</v>
      </c>
      <c r="AU2544" s="3">
        <v>29071.291340299998</v>
      </c>
      <c r="AV2544" s="3">
        <v>30092.731752700001</v>
      </c>
      <c r="AW2544" s="3">
        <v>30968.943009999999</v>
      </c>
      <c r="AX2544" s="3">
        <v>31940.7578393</v>
      </c>
      <c r="AY2544" s="3">
        <v>32347.025398000002</v>
      </c>
      <c r="AZ2544" s="3">
        <v>33078.019240100002</v>
      </c>
      <c r="BA2544" s="3">
        <v>33466.882705700002</v>
      </c>
      <c r="BB2544" s="3">
        <v>34164.259785800001</v>
      </c>
      <c r="BC2544" s="3">
        <v>34279.036742999997</v>
      </c>
      <c r="BD2544" s="3">
        <v>35053.418362700002</v>
      </c>
      <c r="BE2544" s="3">
        <v>35622.665040899999</v>
      </c>
      <c r="BF2544" s="3">
        <v>36302.2512021</v>
      </c>
      <c r="BG2544" s="1">
        <v>459.74863490000007</v>
      </c>
      <c r="BH2544" s="2">
        <v>0.33339244364465215</v>
      </c>
      <c r="BI2544" s="1">
        <v>303.99867977999997</v>
      </c>
      <c r="BJ2544" s="2">
        <v>0.2204484255589951</v>
      </c>
      <c r="BK2544" s="1">
        <v>-20.996993999999859</v>
      </c>
      <c r="BL2544" s="2">
        <v>-1.2475931931123015E-2</v>
      </c>
      <c r="BM2544" s="1">
        <v>176.74694911999995</v>
      </c>
      <c r="BN2544" s="2">
        <v>0.10634574288321294</v>
      </c>
      <c r="BO2544" s="1">
        <v>155.7499551200001</v>
      </c>
      <c r="BP2544" s="2">
        <v>9.2543048702714251E-2</v>
      </c>
      <c r="BQ2544" s="1">
        <v>1379.0013650999999</v>
      </c>
      <c r="BR2544" s="1">
        <v>1516.00078379</v>
      </c>
      <c r="BS2544" s="1">
        <v>1594.0007671200001</v>
      </c>
      <c r="BT2544" s="1">
        <v>1683.0000448799999</v>
      </c>
      <c r="BU2544" s="1">
        <v>1707.00002857</v>
      </c>
      <c r="BV2544" s="1">
        <v>1685.0000193599999</v>
      </c>
      <c r="BW2544" s="1">
        <v>1662.00305088</v>
      </c>
      <c r="BX2544" s="1">
        <v>1627</v>
      </c>
      <c r="BY2544" s="1">
        <v>1638</v>
      </c>
      <c r="BZ2544" s="1">
        <v>1701</v>
      </c>
      <c r="CA2544" s="1">
        <v>1746</v>
      </c>
      <c r="CB2544" s="1">
        <v>1824</v>
      </c>
      <c r="CC2544" s="1">
        <v>1838.75</v>
      </c>
      <c r="CD2544" s="1">
        <v>3885.86</v>
      </c>
      <c r="CE2544" s="27">
        <v>0</v>
      </c>
      <c r="CF2544" s="27">
        <v>1719.92</v>
      </c>
      <c r="CG2544" s="27">
        <v>1720</v>
      </c>
      <c r="CH2544" s="27"/>
      <c r="CI2544" s="27"/>
      <c r="CJ2544" s="27"/>
      <c r="CK2544" s="27"/>
      <c r="CL2544" s="27"/>
      <c r="CM2544" s="27"/>
      <c r="CN2544" s="27"/>
      <c r="CO2544" s="27"/>
      <c r="CP2544" s="27"/>
      <c r="CQ2544" s="27"/>
      <c r="CR2544" s="27"/>
      <c r="CS2544" s="27"/>
      <c r="CT2544" s="27"/>
      <c r="CU2544" s="27"/>
      <c r="CV2544" s="27"/>
      <c r="CW2544" s="27"/>
      <c r="CX2544" s="27"/>
      <c r="CY2544" s="28" t="s">
        <v>456</v>
      </c>
      <c r="CZ2544" s="28" t="s">
        <v>457</v>
      </c>
      <c r="DA2544" s="29" t="s">
        <v>124</v>
      </c>
      <c r="DB2544" s="30"/>
      <c r="DC2544" s="30" t="s">
        <v>458</v>
      </c>
      <c r="DD2544" s="30" t="s">
        <v>459</v>
      </c>
      <c r="DE2544" s="30" t="s">
        <v>460</v>
      </c>
      <c r="DF2544" s="30" t="s">
        <v>375</v>
      </c>
      <c r="DG2544" s="30" t="s">
        <v>364</v>
      </c>
      <c r="DH2544" s="30" t="s">
        <v>419</v>
      </c>
      <c r="DI2544" s="30" t="s">
        <v>461</v>
      </c>
      <c r="DJ2544" s="30" t="s">
        <v>366</v>
      </c>
      <c r="DK2544" s="30" t="s">
        <v>462</v>
      </c>
      <c r="DL2544" s="30">
        <v>2</v>
      </c>
      <c r="DM2544" s="30" t="s">
        <v>379</v>
      </c>
      <c r="DN2544" s="30">
        <v>2</v>
      </c>
      <c r="DO2544" s="30" t="s">
        <v>463</v>
      </c>
    </row>
    <row r="2545" spans="1:119" x14ac:dyDescent="0.2">
      <c r="A2545" s="32" t="s">
        <v>791</v>
      </c>
      <c r="B2545" s="32" t="s">
        <v>791</v>
      </c>
      <c r="C2545" s="32" t="s">
        <v>329</v>
      </c>
      <c r="D2545" s="4" t="s">
        <v>110</v>
      </c>
      <c r="E2545" s="4" t="s">
        <v>251</v>
      </c>
      <c r="F2545" s="1">
        <v>-674</v>
      </c>
      <c r="G2545" s="2">
        <v>-8.4801207850999996E-2</v>
      </c>
      <c r="H2545" s="1">
        <v>847.39442904000043</v>
      </c>
      <c r="I2545" s="2">
        <v>0.10661422672356113</v>
      </c>
      <c r="J2545" s="1">
        <v>-2127.8039743099998</v>
      </c>
      <c r="K2545" s="2">
        <v>-0.24191618399032838</v>
      </c>
      <c r="L2545" s="1">
        <v>605.80601931000001</v>
      </c>
      <c r="M2545" s="2">
        <v>9.085517443751609E-2</v>
      </c>
      <c r="N2545" s="1">
        <v>-1521.9979549999998</v>
      </c>
      <c r="O2545" s="2">
        <v>-0.17304034664851181</v>
      </c>
      <c r="P2545" s="1">
        <v>7948.2303167399996</v>
      </c>
      <c r="Q2545" s="1">
        <v>8083.4451003100003</v>
      </c>
      <c r="R2545" s="1">
        <v>8351.3413772700005</v>
      </c>
      <c r="S2545" s="1">
        <v>8367.5826249900001</v>
      </c>
      <c r="T2545" s="1">
        <v>8525.2091096900003</v>
      </c>
      <c r="U2545" s="1">
        <v>8741.0686089200008</v>
      </c>
      <c r="V2545" s="1">
        <v>8795.62474578</v>
      </c>
      <c r="W2545" s="1">
        <v>9131.69329655</v>
      </c>
      <c r="X2545" s="1">
        <v>8564.2552989899996</v>
      </c>
      <c r="Y2545" s="1">
        <v>6667.8207714700002</v>
      </c>
      <c r="Z2545" s="1">
        <v>6494.0897348300005</v>
      </c>
      <c r="AA2545" s="1">
        <v>6519.1014659399998</v>
      </c>
      <c r="AB2545" s="1">
        <v>6503.1619691699998</v>
      </c>
      <c r="AC2545" s="1">
        <v>6450.2256131000004</v>
      </c>
      <c r="AD2545" s="1">
        <v>6925.8624645500004</v>
      </c>
      <c r="AE2545" s="1">
        <v>7137.1622712799999</v>
      </c>
      <c r="AF2545" s="1">
        <v>7273.6267907800002</v>
      </c>
      <c r="AG2545" s="1">
        <v>10627.422599400001</v>
      </c>
      <c r="AH2545" s="2">
        <v>0.44020105066685578</v>
      </c>
      <c r="AI2545" s="1">
        <v>4264.418784999998</v>
      </c>
      <c r="AJ2545" s="2">
        <v>0.17663752542845693</v>
      </c>
      <c r="AK2545" s="1">
        <v>971.30458219999855</v>
      </c>
      <c r="AL2545" s="2">
        <v>3.4192894546082625E-2</v>
      </c>
      <c r="AM2545" s="1">
        <v>5391.6992322000042</v>
      </c>
      <c r="AN2545" s="2">
        <v>0.18352893204114687</v>
      </c>
      <c r="AO2545" s="1">
        <v>6363.0038144000027</v>
      </c>
      <c r="AP2545" s="2">
        <v>0.22399721200666761</v>
      </c>
      <c r="AQ2545" s="3">
        <v>24142.201803700002</v>
      </c>
      <c r="AR2545" s="3">
        <v>25621.8632708</v>
      </c>
      <c r="AS2545" s="3">
        <v>26468.194107300002</v>
      </c>
      <c r="AT2545" s="3">
        <v>26419.932459799998</v>
      </c>
      <c r="AU2545" s="3">
        <v>27225.541261900002</v>
      </c>
      <c r="AV2545" s="3">
        <v>28092.838837399999</v>
      </c>
      <c r="AW2545" s="3">
        <v>28406.6205887</v>
      </c>
      <c r="AX2545" s="3">
        <v>29199.6051458</v>
      </c>
      <c r="AY2545" s="3">
        <v>29225.825233600001</v>
      </c>
      <c r="AZ2545" s="3">
        <v>29377.925170899998</v>
      </c>
      <c r="BA2545" s="3">
        <v>29520.1752824</v>
      </c>
      <c r="BB2545" s="3">
        <v>30459.208990800002</v>
      </c>
      <c r="BC2545" s="3">
        <v>31305.301838300002</v>
      </c>
      <c r="BD2545" s="3">
        <v>32479.802525999999</v>
      </c>
      <c r="BE2545" s="3">
        <v>33652.358221000002</v>
      </c>
      <c r="BF2545" s="3">
        <v>34769.624403100002</v>
      </c>
      <c r="BG2545" s="1">
        <v>-25.25017939199995</v>
      </c>
      <c r="BH2545" s="2">
        <v>-3.3006762706994479E-2</v>
      </c>
      <c r="BI2545" s="1">
        <v>44.999839064000071</v>
      </c>
      <c r="BJ2545" s="2">
        <v>5.8823305243881963E-2</v>
      </c>
      <c r="BK2545" s="1">
        <v>-54.999978225000064</v>
      </c>
      <c r="BL2545" s="2">
        <v>-6.7901206138043707E-2</v>
      </c>
      <c r="BM2545" s="1">
        <v>-15.250040230999957</v>
      </c>
      <c r="BN2545" s="2">
        <v>-2.0198727706470125E-2</v>
      </c>
      <c r="BO2545" s="1">
        <v>-70.250018456000021</v>
      </c>
      <c r="BP2545" s="2">
        <v>-8.6728415870790582E-2</v>
      </c>
      <c r="BQ2545" s="1">
        <v>765.00017939199995</v>
      </c>
      <c r="BR2545" s="1">
        <v>786.00003656499996</v>
      </c>
      <c r="BS2545" s="1">
        <v>806.00003583900002</v>
      </c>
      <c r="BT2545" s="1">
        <v>810.00001845600002</v>
      </c>
      <c r="BU2545" s="1">
        <v>796.00044261100004</v>
      </c>
      <c r="BV2545" s="1">
        <v>760.00002379499995</v>
      </c>
      <c r="BW2545" s="1">
        <v>755.00004023099996</v>
      </c>
      <c r="BX2545" s="1">
        <v>727</v>
      </c>
      <c r="BY2545" s="1">
        <v>723</v>
      </c>
      <c r="BZ2545" s="1">
        <v>753</v>
      </c>
      <c r="CA2545" s="1">
        <v>731</v>
      </c>
      <c r="CB2545" s="1">
        <v>746</v>
      </c>
      <c r="CC2545" s="1">
        <v>739.75</v>
      </c>
      <c r="CD2545" s="1">
        <v>-1543.44</v>
      </c>
      <c r="CE2545" s="27">
        <v>0</v>
      </c>
      <c r="CF2545" s="27">
        <v>868.83699999999999</v>
      </c>
      <c r="CG2545" s="27">
        <v>869</v>
      </c>
      <c r="CH2545" s="27"/>
      <c r="CI2545" s="27"/>
      <c r="CJ2545" s="27"/>
      <c r="CK2545" s="27"/>
      <c r="CL2545" s="27"/>
      <c r="CM2545" s="27"/>
      <c r="CN2545" s="27"/>
      <c r="CO2545" s="27"/>
      <c r="CP2545" s="27"/>
      <c r="CQ2545" s="27"/>
      <c r="CR2545" s="27"/>
      <c r="CS2545" s="27"/>
      <c r="CT2545" s="27"/>
      <c r="CU2545" s="27"/>
      <c r="CV2545" s="27"/>
      <c r="CW2545" s="27"/>
      <c r="CX2545" s="27"/>
      <c r="CY2545" s="28" t="s">
        <v>713</v>
      </c>
      <c r="CZ2545" s="28" t="s">
        <v>714</v>
      </c>
      <c r="DA2545" s="29" t="s">
        <v>110</v>
      </c>
      <c r="DB2545" s="30"/>
      <c r="DC2545" s="30" t="s">
        <v>715</v>
      </c>
      <c r="DD2545" s="30" t="s">
        <v>459</v>
      </c>
      <c r="DE2545" s="30" t="s">
        <v>716</v>
      </c>
      <c r="DF2545" s="30" t="s">
        <v>363</v>
      </c>
      <c r="DG2545" s="30" t="s">
        <v>376</v>
      </c>
      <c r="DH2545" s="30" t="s">
        <v>468</v>
      </c>
      <c r="DI2545" s="30" t="s">
        <v>461</v>
      </c>
      <c r="DJ2545" s="30" t="s">
        <v>366</v>
      </c>
      <c r="DK2545" s="30" t="s">
        <v>717</v>
      </c>
      <c r="DL2545" s="30">
        <v>5</v>
      </c>
      <c r="DM2545" s="30" t="s">
        <v>392</v>
      </c>
      <c r="DN2545" s="30">
        <v>6</v>
      </c>
      <c r="DO2545" s="30" t="s">
        <v>393</v>
      </c>
    </row>
    <row r="2546" spans="1:119" x14ac:dyDescent="0.2">
      <c r="A2546" s="32" t="s">
        <v>791</v>
      </c>
      <c r="B2546" s="32" t="s">
        <v>791</v>
      </c>
      <c r="C2546" s="32" t="s">
        <v>329</v>
      </c>
      <c r="D2546" s="4" t="s">
        <v>66</v>
      </c>
      <c r="E2546" s="4" t="s">
        <v>207</v>
      </c>
      <c r="F2546" s="1">
        <v>-154</v>
      </c>
      <c r="G2546" s="2">
        <v>-1.01609923463E-2</v>
      </c>
      <c r="H2546" s="1">
        <v>992.95389499999874</v>
      </c>
      <c r="I2546" s="2">
        <v>6.551737311375111E-2</v>
      </c>
      <c r="J2546" s="1">
        <v>-2223.3984053999993</v>
      </c>
      <c r="K2546" s="2">
        <v>-0.13768421321661675</v>
      </c>
      <c r="L2546" s="1">
        <v>1077.2229791000009</v>
      </c>
      <c r="M2546" s="2">
        <v>7.7358159672767698E-2</v>
      </c>
      <c r="N2546" s="1">
        <v>-1146.1754262999984</v>
      </c>
      <c r="O2546" s="2">
        <v>-7.097705089427947E-2</v>
      </c>
      <c r="P2546" s="1">
        <v>15155.581608500001</v>
      </c>
      <c r="Q2546" s="1">
        <v>15149.8410718</v>
      </c>
      <c r="R2546" s="1">
        <v>14678.9070717</v>
      </c>
      <c r="S2546" s="1">
        <v>15068.7280068</v>
      </c>
      <c r="T2546" s="1">
        <v>15735.999211099999</v>
      </c>
      <c r="U2546" s="1">
        <v>16370.3898505</v>
      </c>
      <c r="V2546" s="1">
        <v>16148.535503499999</v>
      </c>
      <c r="W2546" s="1">
        <v>15735.432569099999</v>
      </c>
      <c r="X2546" s="1">
        <v>13764.2169627</v>
      </c>
      <c r="Y2546" s="1">
        <v>13925.1370981</v>
      </c>
      <c r="Z2546" s="1">
        <v>13862.3974392</v>
      </c>
      <c r="AA2546" s="1">
        <v>14104.290214500001</v>
      </c>
      <c r="AB2546" s="1">
        <v>13932.6797634</v>
      </c>
      <c r="AC2546" s="1">
        <v>14271.147266</v>
      </c>
      <c r="AD2546" s="1">
        <v>14569.7120516</v>
      </c>
      <c r="AE2546" s="1">
        <v>14825.364701500001</v>
      </c>
      <c r="AF2546" s="1">
        <v>15002.360077200001</v>
      </c>
      <c r="AG2546" s="1">
        <v>12256.347044499998</v>
      </c>
      <c r="AH2546" s="2">
        <v>0.45779225037480542</v>
      </c>
      <c r="AI2546" s="1">
        <v>5771.9405766999989</v>
      </c>
      <c r="AJ2546" s="2">
        <v>0.21559031055855193</v>
      </c>
      <c r="AK2546" s="1">
        <v>2318.6103318000023</v>
      </c>
      <c r="AL2546" s="2">
        <v>7.1243939130245348E-2</v>
      </c>
      <c r="AM2546" s="1">
        <v>4165.7961359999972</v>
      </c>
      <c r="AN2546" s="2">
        <v>0.11948951329761892</v>
      </c>
      <c r="AO2546" s="1">
        <v>6484.4064677999995</v>
      </c>
      <c r="AP2546" s="2">
        <v>0.19924635603994248</v>
      </c>
      <c r="AQ2546" s="3">
        <v>26772.727223900001</v>
      </c>
      <c r="AR2546" s="3">
        <v>27768.4614826</v>
      </c>
      <c r="AS2546" s="3">
        <v>29264.763223099999</v>
      </c>
      <c r="AT2546" s="3">
        <v>30003.725195800002</v>
      </c>
      <c r="AU2546" s="3">
        <v>31872.923654599999</v>
      </c>
      <c r="AV2546" s="3">
        <v>31566.058183000001</v>
      </c>
      <c r="AW2546" s="3">
        <v>32544.6678006</v>
      </c>
      <c r="AX2546" s="3">
        <v>33033.019031399999</v>
      </c>
      <c r="AY2546" s="3">
        <v>33675.3910846</v>
      </c>
      <c r="AZ2546" s="3">
        <v>34863.278132400003</v>
      </c>
      <c r="BA2546" s="3">
        <v>35303.4705779</v>
      </c>
      <c r="BB2546" s="3">
        <v>35897.999254399998</v>
      </c>
      <c r="BC2546" s="3">
        <v>36548.972120500002</v>
      </c>
      <c r="BD2546" s="3">
        <v>37329.463723599998</v>
      </c>
      <c r="BE2546" s="3">
        <v>38062.124947199998</v>
      </c>
      <c r="BF2546" s="3">
        <v>39029.0742684</v>
      </c>
      <c r="BG2546" s="1">
        <v>-57.250610626000025</v>
      </c>
      <c r="BH2546" s="2">
        <v>-6.396711906817204E-2</v>
      </c>
      <c r="BI2546" s="1">
        <v>18.999891912999942</v>
      </c>
      <c r="BJ2546" s="2">
        <v>2.1228915028013936E-2</v>
      </c>
      <c r="BK2546" s="1">
        <v>-39.997490144999915</v>
      </c>
      <c r="BL2546" s="2">
        <v>-4.3760906075971488E-2</v>
      </c>
      <c r="BM2546" s="1">
        <v>-36.253012394000052</v>
      </c>
      <c r="BN2546" s="2">
        <v>-4.1479276249516195E-2</v>
      </c>
      <c r="BO2546" s="1">
        <v>-76.250502538999967</v>
      </c>
      <c r="BP2546" s="2">
        <v>-8.3425011613433325E-2</v>
      </c>
      <c r="BQ2546" s="1">
        <v>895.00061062600003</v>
      </c>
      <c r="BR2546" s="1">
        <v>891.00040797199995</v>
      </c>
      <c r="BS2546" s="1">
        <v>901.00112281300005</v>
      </c>
      <c r="BT2546" s="1">
        <v>914.00050253899997</v>
      </c>
      <c r="BU2546" s="1">
        <v>910.00033310000003</v>
      </c>
      <c r="BV2546" s="1">
        <v>894.00432772099998</v>
      </c>
      <c r="BW2546" s="1">
        <v>874.00301239400005</v>
      </c>
      <c r="BX2546" s="1">
        <v>870</v>
      </c>
      <c r="BY2546" s="1">
        <v>853</v>
      </c>
      <c r="BZ2546" s="1">
        <v>841</v>
      </c>
      <c r="CA2546" s="1">
        <v>824</v>
      </c>
      <c r="CB2546" s="1">
        <v>835</v>
      </c>
      <c r="CC2546" s="1">
        <v>837.75</v>
      </c>
      <c r="CD2546" s="1">
        <v>-1809.91</v>
      </c>
      <c r="CE2546" s="27">
        <v>0</v>
      </c>
      <c r="CF2546" s="27">
        <v>1656.69</v>
      </c>
      <c r="CG2546" s="27">
        <v>1657</v>
      </c>
      <c r="CH2546" s="27"/>
      <c r="CI2546" s="27"/>
      <c r="CJ2546" s="27"/>
      <c r="CK2546" s="27"/>
      <c r="CL2546" s="27"/>
      <c r="CM2546" s="27"/>
      <c r="CN2546" s="27"/>
      <c r="CO2546" s="27"/>
      <c r="CP2546" s="27"/>
      <c r="CQ2546" s="27"/>
      <c r="CR2546" s="27"/>
      <c r="CS2546" s="27"/>
      <c r="CT2546" s="27"/>
      <c r="CU2546" s="27"/>
      <c r="CV2546" s="27"/>
      <c r="CW2546" s="27"/>
      <c r="CX2546" s="27"/>
      <c r="CY2546" s="28" t="s">
        <v>560</v>
      </c>
      <c r="CZ2546" s="28" t="s">
        <v>561</v>
      </c>
      <c r="DA2546" s="29" t="s">
        <v>66</v>
      </c>
      <c r="DB2546" s="25"/>
      <c r="DC2546" s="25" t="s">
        <v>562</v>
      </c>
      <c r="DD2546" s="25"/>
      <c r="DE2546" s="25" t="s">
        <v>563</v>
      </c>
      <c r="DF2546" s="25" t="s">
        <v>363</v>
      </c>
      <c r="DG2546" s="25" t="s">
        <v>364</v>
      </c>
      <c r="DH2546" s="25" t="s">
        <v>365</v>
      </c>
      <c r="DI2546" s="25"/>
      <c r="DJ2546" s="25" t="s">
        <v>366</v>
      </c>
      <c r="DK2546" s="25" t="s">
        <v>564</v>
      </c>
      <c r="DL2546" s="25">
        <v>5</v>
      </c>
      <c r="DM2546" s="25" t="s">
        <v>392</v>
      </c>
      <c r="DN2546" s="25">
        <v>6</v>
      </c>
      <c r="DO2546" s="25" t="s">
        <v>393</v>
      </c>
    </row>
    <row r="2547" spans="1:119" x14ac:dyDescent="0.2">
      <c r="A2547" s="32" t="s">
        <v>791</v>
      </c>
      <c r="B2547" s="32" t="s">
        <v>791</v>
      </c>
      <c r="C2547" s="32" t="s">
        <v>329</v>
      </c>
      <c r="D2547" s="4" t="s">
        <v>112</v>
      </c>
      <c r="E2547" s="4" t="s">
        <v>253</v>
      </c>
      <c r="F2547" s="1">
        <v>2250</v>
      </c>
      <c r="G2547" s="2">
        <v>5.2506300756100001E-2</v>
      </c>
      <c r="H2547" s="1">
        <v>3466.9181733000005</v>
      </c>
      <c r="I2547" s="2">
        <v>8.0903784371968698E-2</v>
      </c>
      <c r="J2547" s="1">
        <v>-2653.2612351000062</v>
      </c>
      <c r="K2547" s="2">
        <v>-5.7282006176989066E-2</v>
      </c>
      <c r="L2547" s="1">
        <v>1435.592911000007</v>
      </c>
      <c r="M2547" s="2">
        <v>3.2876661970570632E-2</v>
      </c>
      <c r="N2547" s="1">
        <v>-1217.6683240999992</v>
      </c>
      <c r="O2547" s="2">
        <v>-2.6288585360495442E-2</v>
      </c>
      <c r="P2547" s="1">
        <v>42852.360989200002</v>
      </c>
      <c r="Q2547" s="1">
        <v>43353.689094900001</v>
      </c>
      <c r="R2547" s="1">
        <v>43392.386781499998</v>
      </c>
      <c r="S2547" s="1">
        <v>43119.154481799997</v>
      </c>
      <c r="T2547" s="1">
        <v>44392.8121895</v>
      </c>
      <c r="U2547" s="1">
        <v>45512.573923999997</v>
      </c>
      <c r="V2547" s="1">
        <v>46319.279162500003</v>
      </c>
      <c r="W2547" s="1">
        <v>45710.486611499997</v>
      </c>
      <c r="X2547" s="1">
        <v>44091.883222299999</v>
      </c>
      <c r="Y2547" s="1">
        <v>43666.017927399997</v>
      </c>
      <c r="Z2547" s="1">
        <v>43330.580611899997</v>
      </c>
      <c r="AA2547" s="1">
        <v>44148.809858699999</v>
      </c>
      <c r="AB2547" s="1">
        <v>44510.0448569</v>
      </c>
      <c r="AC2547" s="1">
        <v>44125.872098899999</v>
      </c>
      <c r="AD2547" s="1">
        <v>44476.336355599997</v>
      </c>
      <c r="AE2547" s="1">
        <v>44631.794918400003</v>
      </c>
      <c r="AF2547" s="1">
        <v>45101.610838400004</v>
      </c>
      <c r="AG2547" s="1">
        <v>14048.229682399997</v>
      </c>
      <c r="AH2547" s="2">
        <v>0.44655027776276207</v>
      </c>
      <c r="AI2547" s="1">
        <v>7020.423614299998</v>
      </c>
      <c r="AJ2547" s="2">
        <v>0.22315780606189095</v>
      </c>
      <c r="AK2547" s="1">
        <v>2706.4951043000037</v>
      </c>
      <c r="AL2547" s="2">
        <v>7.0335328353831453E-2</v>
      </c>
      <c r="AM2547" s="1">
        <v>4321.3109637999951</v>
      </c>
      <c r="AN2547" s="2">
        <v>0.10492088195518305</v>
      </c>
      <c r="AO2547" s="1">
        <v>7027.8060680999988</v>
      </c>
      <c r="AP2547" s="2">
        <v>0.1826358549925059</v>
      </c>
      <c r="AQ2547" s="3">
        <v>31459.4579423</v>
      </c>
      <c r="AR2547" s="3">
        <v>32666.254040700001</v>
      </c>
      <c r="AS2547" s="3">
        <v>33563.159528099997</v>
      </c>
      <c r="AT2547" s="3">
        <v>34847.452900700002</v>
      </c>
      <c r="AU2547" s="3">
        <v>35499.079362500001</v>
      </c>
      <c r="AV2547" s="3">
        <v>36582.217345199999</v>
      </c>
      <c r="AW2547" s="3">
        <v>38479.881556599998</v>
      </c>
      <c r="AX2547" s="3">
        <v>38273.8988751</v>
      </c>
      <c r="AY2547" s="3">
        <v>39795.889847899998</v>
      </c>
      <c r="AZ2547" s="3">
        <v>41186.376660900001</v>
      </c>
      <c r="BA2547" s="3">
        <v>41811.337248900003</v>
      </c>
      <c r="BB2547" s="3">
        <v>42312.592114200001</v>
      </c>
      <c r="BC2547" s="3">
        <v>42943.544629700002</v>
      </c>
      <c r="BD2547" s="3">
        <v>43904.1510633</v>
      </c>
      <c r="BE2547" s="3">
        <v>44660.050202799997</v>
      </c>
      <c r="BF2547" s="3">
        <v>45507.687624699996</v>
      </c>
      <c r="BG2547" s="1">
        <v>218.43965389999994</v>
      </c>
      <c r="BH2547" s="2">
        <v>9.0486409858352101E-2</v>
      </c>
      <c r="BI2547" s="1">
        <v>130.21839364000016</v>
      </c>
      <c r="BJ2547" s="2">
        <v>5.3941648082813085E-2</v>
      </c>
      <c r="BK2547" s="1">
        <v>-9.2736438900001303</v>
      </c>
      <c r="BL2547" s="2">
        <v>-3.6449009085175173E-3</v>
      </c>
      <c r="BM2547" s="1">
        <v>97.494904149999911</v>
      </c>
      <c r="BN2547" s="2">
        <v>3.8459450953217657E-2</v>
      </c>
      <c r="BO2547" s="1">
        <v>88.221260259999781</v>
      </c>
      <c r="BP2547" s="2">
        <v>3.4674369156979676E-2</v>
      </c>
      <c r="BQ2547" s="1">
        <v>2414.0603461000001</v>
      </c>
      <c r="BR2547" s="1">
        <v>2451.1317988400001</v>
      </c>
      <c r="BS2547" s="1">
        <v>2464.2320017000002</v>
      </c>
      <c r="BT2547" s="1">
        <v>2544.2787397400002</v>
      </c>
      <c r="BU2547" s="1">
        <v>2517.9411961999999</v>
      </c>
      <c r="BV2547" s="1">
        <v>2504.5980009099999</v>
      </c>
      <c r="BW2547" s="1">
        <v>2535.0050958500001</v>
      </c>
      <c r="BX2547" s="1">
        <v>2571</v>
      </c>
      <c r="BY2547" s="1">
        <v>2572</v>
      </c>
      <c r="BZ2547" s="1">
        <v>2610</v>
      </c>
      <c r="CA2547" s="1">
        <v>2634</v>
      </c>
      <c r="CB2547" s="1">
        <v>2661</v>
      </c>
      <c r="CC2547" s="1">
        <v>2632.5</v>
      </c>
      <c r="CD2547" s="1">
        <v>-2435.0300000000002</v>
      </c>
      <c r="CE2547" s="27">
        <v>0</v>
      </c>
      <c r="CF2547" s="27">
        <v>4684.28</v>
      </c>
      <c r="CG2547" s="27">
        <v>4684</v>
      </c>
      <c r="CH2547" s="27"/>
      <c r="CI2547" s="27"/>
      <c r="CJ2547" s="27"/>
      <c r="CK2547" s="27"/>
      <c r="CL2547" s="27"/>
      <c r="CM2547" s="27"/>
      <c r="CN2547" s="27"/>
      <c r="CO2547" s="27"/>
      <c r="CP2547" s="27"/>
      <c r="CQ2547" s="27"/>
      <c r="CR2547" s="27"/>
      <c r="CS2547" s="27"/>
      <c r="CT2547" s="27"/>
      <c r="CU2547" s="27"/>
      <c r="CV2547" s="27"/>
      <c r="CW2547" s="27"/>
      <c r="CX2547" s="27"/>
      <c r="CY2547" s="28" t="s">
        <v>441</v>
      </c>
      <c r="CZ2547" s="28" t="s">
        <v>442</v>
      </c>
      <c r="DA2547" s="29" t="s">
        <v>112</v>
      </c>
      <c r="DB2547" s="25" t="s">
        <v>345</v>
      </c>
      <c r="DC2547" s="30" t="s">
        <v>410</v>
      </c>
      <c r="DD2547" s="30" t="s">
        <v>411</v>
      </c>
      <c r="DE2547" s="30" t="s">
        <v>412</v>
      </c>
      <c r="DF2547" s="30" t="s">
        <v>375</v>
      </c>
      <c r="DG2547" s="30" t="s">
        <v>364</v>
      </c>
      <c r="DH2547" s="30" t="s">
        <v>419</v>
      </c>
      <c r="DI2547" s="30" t="s">
        <v>413</v>
      </c>
      <c r="DJ2547" s="30" t="s">
        <v>366</v>
      </c>
      <c r="DK2547" s="30" t="s">
        <v>443</v>
      </c>
      <c r="DL2547" s="30">
        <v>2</v>
      </c>
      <c r="DM2547" s="30" t="s">
        <v>379</v>
      </c>
      <c r="DN2547" s="30">
        <v>3</v>
      </c>
      <c r="DO2547" s="30" t="s">
        <v>380</v>
      </c>
    </row>
    <row r="2548" spans="1:119" x14ac:dyDescent="0.2">
      <c r="A2548" s="32" t="s">
        <v>791</v>
      </c>
      <c r="B2548" s="32" t="s">
        <v>791</v>
      </c>
      <c r="C2548" s="32" t="s">
        <v>329</v>
      </c>
      <c r="D2548" s="4" t="s">
        <v>147</v>
      </c>
      <c r="E2548" s="4" t="s">
        <v>288</v>
      </c>
      <c r="F2548" s="1">
        <v>313</v>
      </c>
      <c r="G2548" s="2">
        <v>1.70275269285E-2</v>
      </c>
      <c r="H2548" s="1">
        <v>2451.6834784000021</v>
      </c>
      <c r="I2548" s="2">
        <v>0.13337466746781743</v>
      </c>
      <c r="J2548" s="1">
        <v>-2728.4560605000006</v>
      </c>
      <c r="K2548" s="2">
        <v>-0.13096414504675613</v>
      </c>
      <c r="L2548" s="1">
        <v>590.31338219999816</v>
      </c>
      <c r="M2548" s="2">
        <v>3.2604712981936249E-2</v>
      </c>
      <c r="N2548" s="1">
        <v>-2138.1426783000024</v>
      </c>
      <c r="O2548" s="2">
        <v>-0.10262948042499405</v>
      </c>
      <c r="P2548" s="1">
        <v>18381.92758</v>
      </c>
      <c r="Q2548" s="1">
        <v>18023.974371600001</v>
      </c>
      <c r="R2548" s="1">
        <v>18365.728792800001</v>
      </c>
      <c r="S2548" s="1">
        <v>18888.119163200001</v>
      </c>
      <c r="T2548" s="1">
        <v>20383.389001899999</v>
      </c>
      <c r="U2548" s="1">
        <v>20897.708463700001</v>
      </c>
      <c r="V2548" s="1">
        <v>20833.611058400002</v>
      </c>
      <c r="W2548" s="1">
        <v>20595.8123252</v>
      </c>
      <c r="X2548" s="1">
        <v>19508.542110800001</v>
      </c>
      <c r="Y2548" s="1">
        <v>18105.154997900001</v>
      </c>
      <c r="Z2548" s="1">
        <v>17941.329859699999</v>
      </c>
      <c r="AA2548" s="1">
        <v>18027.637396499998</v>
      </c>
      <c r="AB2548" s="1">
        <v>18021.325591699999</v>
      </c>
      <c r="AC2548" s="1">
        <v>18146.402867100001</v>
      </c>
      <c r="AD2548" s="1">
        <v>18299.663689500001</v>
      </c>
      <c r="AE2548" s="1">
        <v>18526.338946600001</v>
      </c>
      <c r="AF2548" s="1">
        <v>18695.468380099999</v>
      </c>
      <c r="AG2548" s="1">
        <v>9960.627579</v>
      </c>
      <c r="AH2548" s="2">
        <v>0.38405579921813604</v>
      </c>
      <c r="AI2548" s="1">
        <v>5567.3358795000022</v>
      </c>
      <c r="AJ2548" s="2">
        <v>0.21466193909559256</v>
      </c>
      <c r="AK2548" s="1">
        <v>1612.5486944000004</v>
      </c>
      <c r="AL2548" s="2">
        <v>5.1187632063443358E-2</v>
      </c>
      <c r="AM2548" s="1">
        <v>2780.7430050999974</v>
      </c>
      <c r="AN2548" s="2">
        <v>8.3971674292456333E-2</v>
      </c>
      <c r="AO2548" s="1">
        <v>4393.2916994999978</v>
      </c>
      <c r="AP2548" s="2">
        <v>0.13945761752333324</v>
      </c>
      <c r="AQ2548" s="3">
        <v>25935.365640299999</v>
      </c>
      <c r="AR2548" s="3">
        <v>26501.053899499999</v>
      </c>
      <c r="AS2548" s="3">
        <v>27580.006910799999</v>
      </c>
      <c r="AT2548" s="3">
        <v>28675.571446900001</v>
      </c>
      <c r="AU2548" s="3">
        <v>29119.2863187</v>
      </c>
      <c r="AV2548" s="3">
        <v>30665.8447738</v>
      </c>
      <c r="AW2548" s="3">
        <v>31502.701519800001</v>
      </c>
      <c r="AX2548" s="3">
        <v>31889.9322006</v>
      </c>
      <c r="AY2548" s="3">
        <v>31896.921330000001</v>
      </c>
      <c r="AZ2548" s="3">
        <v>33115.250214200001</v>
      </c>
      <c r="BA2548" s="3">
        <v>33108.388823200003</v>
      </c>
      <c r="BB2548" s="3">
        <v>33249.920770099998</v>
      </c>
      <c r="BC2548" s="3">
        <v>33868.311334700003</v>
      </c>
      <c r="BD2548" s="3">
        <v>33999.106952599999</v>
      </c>
      <c r="BE2548" s="3">
        <v>35293.853080399997</v>
      </c>
      <c r="BF2548" s="3">
        <v>35895.993219299999</v>
      </c>
      <c r="BG2548" s="1">
        <v>-54.388591399999996</v>
      </c>
      <c r="BH2548" s="2">
        <v>-3.2218084271679777E-2</v>
      </c>
      <c r="BI2548" s="1">
        <v>74.864005460000044</v>
      </c>
      <c r="BJ2548" s="2">
        <v>4.4347073066977362E-2</v>
      </c>
      <c r="BK2548" s="1">
        <v>-97.002320000000054</v>
      </c>
      <c r="BL2548" s="2">
        <v>-5.5021087418002823E-2</v>
      </c>
      <c r="BM2548" s="1">
        <v>-32.250276859999985</v>
      </c>
      <c r="BN2548" s="2">
        <v>-1.9357906062767175E-2</v>
      </c>
      <c r="BO2548" s="1">
        <v>-129.25259686000004</v>
      </c>
      <c r="BP2548" s="2">
        <v>-7.3313900439060997E-2</v>
      </c>
      <c r="BQ2548" s="1">
        <v>1688.1385914</v>
      </c>
      <c r="BR2548" s="1">
        <v>1712.00900609</v>
      </c>
      <c r="BS2548" s="1">
        <v>1753.0139340799999</v>
      </c>
      <c r="BT2548" s="1">
        <v>1763.00259686</v>
      </c>
      <c r="BU2548" s="1">
        <v>1764.00077805</v>
      </c>
      <c r="BV2548" s="1">
        <v>1708.0005624999999</v>
      </c>
      <c r="BW2548" s="1">
        <v>1666.00027686</v>
      </c>
      <c r="BX2548" s="1">
        <v>1643</v>
      </c>
      <c r="BY2548" s="1">
        <v>1631</v>
      </c>
      <c r="BZ2548" s="1">
        <v>1603</v>
      </c>
      <c r="CA2548" s="1">
        <v>1611</v>
      </c>
      <c r="CB2548" s="1">
        <v>1642</v>
      </c>
      <c r="CC2548" s="1">
        <v>1633.75</v>
      </c>
      <c r="CD2548" s="1">
        <v>-1695.83</v>
      </c>
      <c r="CE2548" s="27">
        <v>0</v>
      </c>
      <c r="CF2548" s="27">
        <v>2009.37</v>
      </c>
      <c r="CG2548" s="27">
        <v>2009</v>
      </c>
      <c r="CH2548" s="27"/>
      <c r="CI2548" s="27"/>
      <c r="CJ2548" s="27"/>
      <c r="CK2548" s="27"/>
      <c r="CL2548" s="27"/>
      <c r="CM2548" s="27"/>
      <c r="CN2548" s="27"/>
      <c r="CO2548" s="27"/>
      <c r="CP2548" s="27"/>
      <c r="CQ2548" s="27"/>
      <c r="CR2548" s="27"/>
      <c r="CS2548" s="27"/>
      <c r="CT2548" s="27"/>
      <c r="CU2548" s="27"/>
      <c r="CV2548" s="27"/>
      <c r="CW2548" s="27"/>
      <c r="CX2548" s="27"/>
      <c r="CY2548" s="28" t="s">
        <v>438</v>
      </c>
      <c r="CZ2548" s="28" t="s">
        <v>439</v>
      </c>
      <c r="DA2548" s="29" t="s">
        <v>147</v>
      </c>
      <c r="DB2548" s="30"/>
      <c r="DC2548" s="30"/>
      <c r="DD2548" s="30"/>
      <c r="DE2548" s="30"/>
      <c r="DF2548" s="30"/>
      <c r="DG2548" s="30"/>
      <c r="DH2548" s="30" t="s">
        <v>333</v>
      </c>
      <c r="DI2548" s="30"/>
      <c r="DJ2548" s="30"/>
      <c r="DK2548" s="30"/>
      <c r="DL2548" s="30">
        <v>9</v>
      </c>
      <c r="DM2548" s="30" t="s">
        <v>440</v>
      </c>
      <c r="DN2548" s="30">
        <v>7</v>
      </c>
      <c r="DO2548" s="30" t="s">
        <v>369</v>
      </c>
    </row>
    <row r="2549" spans="1:119" x14ac:dyDescent="0.2">
      <c r="A2549" s="32" t="s">
        <v>791</v>
      </c>
      <c r="B2549" s="32" t="s">
        <v>791</v>
      </c>
      <c r="C2549" s="32" t="s">
        <v>329</v>
      </c>
      <c r="D2549" s="4" t="s">
        <v>153</v>
      </c>
      <c r="E2549" s="4" t="s">
        <v>294</v>
      </c>
      <c r="F2549" s="1">
        <v>3810</v>
      </c>
      <c r="G2549" s="2">
        <v>8.0860817522E-2</v>
      </c>
      <c r="H2549" s="1">
        <v>4925.0228661000001</v>
      </c>
      <c r="I2549" s="2">
        <v>0.1045262727136294</v>
      </c>
      <c r="J2549" s="1">
        <v>-2795.2336414000019</v>
      </c>
      <c r="K2549" s="2">
        <v>-5.3710510092358374E-2</v>
      </c>
      <c r="L2549" s="1">
        <v>1680.4349213999958</v>
      </c>
      <c r="M2549" s="2">
        <v>3.412234297808403E-2</v>
      </c>
      <c r="N2549" s="1">
        <v>-1114.7987200000061</v>
      </c>
      <c r="O2549" s="2">
        <v>-2.1420895561173638E-2</v>
      </c>
      <c r="P2549" s="1">
        <v>47117.559425400003</v>
      </c>
      <c r="Q2549" s="1">
        <v>47292.329504499998</v>
      </c>
      <c r="R2549" s="1">
        <v>47122.615737300002</v>
      </c>
      <c r="S2549" s="1">
        <v>47748.2729482</v>
      </c>
      <c r="T2549" s="1">
        <v>48327.210793500002</v>
      </c>
      <c r="U2549" s="1">
        <v>49796.353444200002</v>
      </c>
      <c r="V2549" s="1">
        <v>52042.582291500003</v>
      </c>
      <c r="W2549" s="1">
        <v>52501.340102100003</v>
      </c>
      <c r="X2549" s="1">
        <v>51554.246851700002</v>
      </c>
      <c r="Y2549" s="1">
        <v>49247.348650100001</v>
      </c>
      <c r="Z2549" s="1">
        <v>49069.614785400001</v>
      </c>
      <c r="AA2549" s="1">
        <v>49721.911751599997</v>
      </c>
      <c r="AB2549" s="1">
        <v>50058.169742700004</v>
      </c>
      <c r="AC2549" s="1">
        <v>49959.359791800001</v>
      </c>
      <c r="AD2549" s="1">
        <v>50306.731197300003</v>
      </c>
      <c r="AE2549" s="1">
        <v>50490.593318200001</v>
      </c>
      <c r="AF2549" s="1">
        <v>50927.783571499996</v>
      </c>
      <c r="AG2549" s="1">
        <v>17263.638406899998</v>
      </c>
      <c r="AH2549" s="2">
        <v>0.51956415635907827</v>
      </c>
      <c r="AI2549" s="1">
        <v>6042.1344771000004</v>
      </c>
      <c r="AJ2549" s="2">
        <v>0.18184327244411258</v>
      </c>
      <c r="AK2549" s="1">
        <v>4540.778616399999</v>
      </c>
      <c r="AL2549" s="2">
        <v>0.11563180170842464</v>
      </c>
      <c r="AM2549" s="1">
        <v>6680.7253133999984</v>
      </c>
      <c r="AN2549" s="2">
        <v>0.15249292472088627</v>
      </c>
      <c r="AO2549" s="1">
        <v>11221.503929799997</v>
      </c>
      <c r="AP2549" s="2">
        <v>0.2857577580625742</v>
      </c>
      <c r="AQ2549" s="3">
        <v>33227.154328500001</v>
      </c>
      <c r="AR2549" s="3">
        <v>34268.612387699999</v>
      </c>
      <c r="AS2549" s="3">
        <v>35061.334984200003</v>
      </c>
      <c r="AT2549" s="3">
        <v>35984.694428800001</v>
      </c>
      <c r="AU2549" s="3">
        <v>37148.606240900001</v>
      </c>
      <c r="AV2549" s="3">
        <v>38905.928258699998</v>
      </c>
      <c r="AW2549" s="3">
        <v>39269.288805600001</v>
      </c>
      <c r="AX2549" s="3">
        <v>40398.475477300002</v>
      </c>
      <c r="AY2549" s="3">
        <v>41979.979659500001</v>
      </c>
      <c r="AZ2549" s="3">
        <v>43810.067422</v>
      </c>
      <c r="BA2549" s="3">
        <v>44898.919193200003</v>
      </c>
      <c r="BB2549" s="3">
        <v>46563.498559</v>
      </c>
      <c r="BC2549" s="3">
        <v>46851.373102999998</v>
      </c>
      <c r="BD2549" s="3">
        <v>48376.3236235</v>
      </c>
      <c r="BE2549" s="3">
        <v>49898.9498953</v>
      </c>
      <c r="BF2549" s="3">
        <v>50490.792735399998</v>
      </c>
      <c r="BG2549" s="1">
        <v>-40.000061119999827</v>
      </c>
      <c r="BH2549" s="2">
        <v>-1.5485892440380211E-2</v>
      </c>
      <c r="BI2549" s="1">
        <v>48.999985820000347</v>
      </c>
      <c r="BJ2549" s="2">
        <v>1.8970183763276315E-2</v>
      </c>
      <c r="BK2549" s="1">
        <v>-56.998926570000094</v>
      </c>
      <c r="BL2549" s="2">
        <v>-2.1656126730038566E-2</v>
      </c>
      <c r="BM2549" s="1">
        <v>-32.001120370000081</v>
      </c>
      <c r="BN2549" s="2">
        <v>-1.2427614153970489E-2</v>
      </c>
      <c r="BO2549" s="1">
        <v>-89.000046940000175</v>
      </c>
      <c r="BP2549" s="2">
        <v>-3.3814606896938645E-2</v>
      </c>
      <c r="BQ2549" s="1">
        <v>2583.0000611199998</v>
      </c>
      <c r="BR2549" s="1">
        <v>2631.000035</v>
      </c>
      <c r="BS2549" s="1">
        <v>2624.0000506299998</v>
      </c>
      <c r="BT2549" s="1">
        <v>2632.0000469400002</v>
      </c>
      <c r="BU2549" s="1">
        <v>2597.00003806</v>
      </c>
      <c r="BV2549" s="1">
        <v>2588.0033209899998</v>
      </c>
      <c r="BW2549" s="1">
        <v>2575.0011203700001</v>
      </c>
      <c r="BX2549" s="1">
        <v>2597</v>
      </c>
      <c r="BY2549" s="1">
        <v>2567</v>
      </c>
      <c r="BZ2549" s="1">
        <v>2583</v>
      </c>
      <c r="CA2549" s="1">
        <v>2556</v>
      </c>
      <c r="CB2549" s="1">
        <v>2574</v>
      </c>
      <c r="CC2549" s="1">
        <v>2543</v>
      </c>
      <c r="CD2549" s="1">
        <v>-1340.29</v>
      </c>
      <c r="CE2549" s="27">
        <v>0</v>
      </c>
      <c r="CF2549" s="27">
        <v>5150.5200000000004</v>
      </c>
      <c r="CG2549" s="27">
        <v>5151</v>
      </c>
      <c r="CH2549" s="27"/>
      <c r="CI2549" s="27"/>
      <c r="CJ2549" s="27"/>
      <c r="CK2549" s="27"/>
      <c r="CL2549" s="27"/>
      <c r="CM2549" s="27"/>
      <c r="CN2549" s="27"/>
      <c r="CO2549" s="27"/>
      <c r="CP2549" s="27"/>
      <c r="CQ2549" s="27"/>
      <c r="CR2549" s="27"/>
      <c r="CS2549" s="27"/>
      <c r="CT2549" s="27"/>
      <c r="CU2549" s="27"/>
      <c r="CV2549" s="27"/>
      <c r="CW2549" s="27"/>
      <c r="CX2549" s="27"/>
      <c r="CY2549" s="28" t="s">
        <v>421</v>
      </c>
      <c r="CZ2549" s="28" t="s">
        <v>422</v>
      </c>
      <c r="DA2549" s="29" t="s">
        <v>153</v>
      </c>
      <c r="DB2549" s="30"/>
      <c r="DC2549" s="30" t="s">
        <v>372</v>
      </c>
      <c r="DD2549" s="30" t="s">
        <v>373</v>
      </c>
      <c r="DE2549" s="30" t="s">
        <v>374</v>
      </c>
      <c r="DF2549" s="30" t="s">
        <v>375</v>
      </c>
      <c r="DG2549" s="30" t="s">
        <v>364</v>
      </c>
      <c r="DH2549" s="30" t="s">
        <v>419</v>
      </c>
      <c r="DI2549" s="30" t="s">
        <v>377</v>
      </c>
      <c r="DJ2549" s="30" t="s">
        <v>366</v>
      </c>
      <c r="DK2549" s="30" t="s">
        <v>423</v>
      </c>
      <c r="DL2549" s="30">
        <v>2</v>
      </c>
      <c r="DM2549" s="30" t="s">
        <v>379</v>
      </c>
      <c r="DN2549" s="30">
        <v>3</v>
      </c>
      <c r="DO2549" s="30" t="s">
        <v>380</v>
      </c>
    </row>
    <row r="2550" spans="1:119" x14ac:dyDescent="0.2">
      <c r="A2550" s="32" t="s">
        <v>791</v>
      </c>
      <c r="B2550" s="32" t="s">
        <v>791</v>
      </c>
      <c r="C2550" s="32" t="s">
        <v>329</v>
      </c>
      <c r="D2550" s="4" t="s">
        <v>89</v>
      </c>
      <c r="E2550" s="4" t="s">
        <v>230</v>
      </c>
      <c r="F2550" s="1">
        <v>7127</v>
      </c>
      <c r="G2550" s="2">
        <v>0.14387225710099999</v>
      </c>
      <c r="H2550" s="1">
        <v>8345.6053009000025</v>
      </c>
      <c r="I2550" s="2">
        <v>0.1684725503987721</v>
      </c>
      <c r="J2550" s="1">
        <v>-2839.3474361999979</v>
      </c>
      <c r="K2550" s="2">
        <v>-4.9053650544788358E-2</v>
      </c>
      <c r="L2550" s="1">
        <v>1620.641507100001</v>
      </c>
      <c r="M2550" s="2">
        <v>2.9443113749820168E-2</v>
      </c>
      <c r="N2550" s="1">
        <v>-1218.7059290999969</v>
      </c>
      <c r="O2550" s="2">
        <v>-2.1054829007802318E-2</v>
      </c>
      <c r="P2550" s="1">
        <v>49536.884680299998</v>
      </c>
      <c r="Q2550" s="1">
        <v>49840.529106100003</v>
      </c>
      <c r="R2550" s="1">
        <v>50556.750540300003</v>
      </c>
      <c r="S2550" s="1">
        <v>51942.462327300003</v>
      </c>
      <c r="T2550" s="1">
        <v>53739.860510999999</v>
      </c>
      <c r="U2550" s="1">
        <v>54869.561555400003</v>
      </c>
      <c r="V2550" s="1">
        <v>57882.4899812</v>
      </c>
      <c r="W2550" s="1">
        <v>56890.836459899998</v>
      </c>
      <c r="X2550" s="1">
        <v>55547.1141107</v>
      </c>
      <c r="Y2550" s="1">
        <v>55043.142545000002</v>
      </c>
      <c r="Z2550" s="1">
        <v>54992.469723900002</v>
      </c>
      <c r="AA2550" s="1">
        <v>55241.496862499996</v>
      </c>
      <c r="AB2550" s="1">
        <v>55033.384389699997</v>
      </c>
      <c r="AC2550" s="1">
        <v>54845.5150393</v>
      </c>
      <c r="AD2550" s="1">
        <v>55131.643600000003</v>
      </c>
      <c r="AE2550" s="1">
        <v>56062.464709</v>
      </c>
      <c r="AF2550" s="1">
        <v>56663.784052100003</v>
      </c>
      <c r="AG2550" s="1">
        <v>11504.4380141</v>
      </c>
      <c r="AH2550" s="2">
        <v>0.37697065784383421</v>
      </c>
      <c r="AI2550" s="1">
        <v>5244.4056912999949</v>
      </c>
      <c r="AJ2550" s="2">
        <v>0.17184560089126338</v>
      </c>
      <c r="AK2550" s="1">
        <v>2483.9064776000014</v>
      </c>
      <c r="AL2550" s="2">
        <v>6.9455554846553941E-2</v>
      </c>
      <c r="AM2550" s="1">
        <v>3776.1258452000038</v>
      </c>
      <c r="AN2550" s="2">
        <v>9.8731438306385963E-2</v>
      </c>
      <c r="AO2550" s="1">
        <v>6260.0323228000052</v>
      </c>
      <c r="AP2550" s="2">
        <v>0.17504443998130823</v>
      </c>
      <c r="AQ2550" s="3">
        <v>30518.125946200002</v>
      </c>
      <c r="AR2550" s="3">
        <v>31085.654945300001</v>
      </c>
      <c r="AS2550" s="3">
        <v>32066.3609855</v>
      </c>
      <c r="AT2550" s="3">
        <v>32813.280109599997</v>
      </c>
      <c r="AU2550" s="3">
        <v>33526.876732899997</v>
      </c>
      <c r="AV2550" s="3">
        <v>34761.2684945</v>
      </c>
      <c r="AW2550" s="3">
        <v>35762.531637499997</v>
      </c>
      <c r="AX2550" s="3">
        <v>36818.737434199997</v>
      </c>
      <c r="AY2550" s="3">
        <v>37766.023509999999</v>
      </c>
      <c r="AZ2550" s="3">
        <v>38246.438115099998</v>
      </c>
      <c r="BA2550" s="3">
        <v>38324.141097899999</v>
      </c>
      <c r="BB2550" s="3">
        <v>38613.956422000003</v>
      </c>
      <c r="BC2550" s="3">
        <v>39288.7316718</v>
      </c>
      <c r="BD2550" s="3">
        <v>40048.638322600003</v>
      </c>
      <c r="BE2550" s="3">
        <v>41430.638568599999</v>
      </c>
      <c r="BF2550" s="3">
        <v>42022.563960300002</v>
      </c>
      <c r="BG2550" s="1">
        <v>305.63472008000008</v>
      </c>
      <c r="BH2550" s="2">
        <v>7.8973027409746294E-2</v>
      </c>
      <c r="BI2550" s="1">
        <v>437.89818338999976</v>
      </c>
      <c r="BJ2550" s="2">
        <v>0.11314861489062715</v>
      </c>
      <c r="BK2550" s="1">
        <v>-119.92891677999978</v>
      </c>
      <c r="BL2550" s="2">
        <v>-2.7838565919395743E-2</v>
      </c>
      <c r="BM2550" s="1">
        <v>-12.334546529999898</v>
      </c>
      <c r="BN2550" s="2">
        <v>-2.9451522272203354E-3</v>
      </c>
      <c r="BO2550" s="1">
        <v>-132.26346330999968</v>
      </c>
      <c r="BP2550" s="2">
        <v>-3.0701729332195952E-2</v>
      </c>
      <c r="BQ2550" s="1">
        <v>3870.1152799199999</v>
      </c>
      <c r="BR2550" s="1">
        <v>3993.0215007000002</v>
      </c>
      <c r="BS2550" s="1">
        <v>4108.1828955700003</v>
      </c>
      <c r="BT2550" s="1">
        <v>4308.0134633099997</v>
      </c>
      <c r="BU2550" s="1">
        <v>4278.0150579800002</v>
      </c>
      <c r="BV2550" s="1">
        <v>4181.0011988899996</v>
      </c>
      <c r="BW2550" s="1">
        <v>4188.0845465299999</v>
      </c>
      <c r="BX2550" s="1">
        <v>4163</v>
      </c>
      <c r="BY2550" s="1">
        <v>4126</v>
      </c>
      <c r="BZ2550" s="1">
        <v>4143</v>
      </c>
      <c r="CA2550" s="1">
        <v>4183</v>
      </c>
      <c r="CB2550" s="1">
        <v>4213</v>
      </c>
      <c r="CC2550" s="1">
        <v>4175.75</v>
      </c>
      <c r="CD2550" s="1">
        <v>1711.92</v>
      </c>
      <c r="CE2550" s="27">
        <v>0</v>
      </c>
      <c r="CF2550" s="27">
        <v>5414.98</v>
      </c>
      <c r="CG2550" s="27">
        <v>5415</v>
      </c>
      <c r="CH2550" s="27"/>
      <c r="CI2550" s="27"/>
      <c r="CJ2550" s="27"/>
      <c r="CK2550" s="27"/>
      <c r="CL2550" s="27"/>
      <c r="CM2550" s="27"/>
      <c r="CN2550" s="27"/>
      <c r="CO2550" s="27"/>
      <c r="CP2550" s="27"/>
      <c r="CQ2550" s="27"/>
      <c r="CR2550" s="27"/>
      <c r="CS2550" s="27"/>
      <c r="CT2550" s="27"/>
      <c r="CU2550" s="27"/>
      <c r="CV2550" s="27"/>
      <c r="CW2550" s="27"/>
      <c r="CX2550" s="27"/>
      <c r="CY2550" s="23" t="s">
        <v>548</v>
      </c>
      <c r="CZ2550" s="23" t="s">
        <v>549</v>
      </c>
      <c r="DA2550" s="24" t="s">
        <v>89</v>
      </c>
      <c r="DB2550" s="25"/>
      <c r="DC2550" s="25" t="s">
        <v>506</v>
      </c>
      <c r="DD2550" s="25" t="s">
        <v>507</v>
      </c>
      <c r="DE2550" s="25" t="s">
        <v>508</v>
      </c>
      <c r="DF2550" s="25" t="s">
        <v>375</v>
      </c>
      <c r="DG2550" s="25" t="s">
        <v>364</v>
      </c>
      <c r="DH2550" s="25" t="s">
        <v>419</v>
      </c>
      <c r="DI2550" s="25" t="s">
        <v>509</v>
      </c>
      <c r="DJ2550" s="25" t="s">
        <v>366</v>
      </c>
      <c r="DK2550" s="25" t="s">
        <v>550</v>
      </c>
      <c r="DL2550" s="25">
        <v>1</v>
      </c>
      <c r="DM2550" s="25" t="s">
        <v>404</v>
      </c>
      <c r="DN2550" s="25">
        <v>1</v>
      </c>
      <c r="DO2550" s="25" t="s">
        <v>405</v>
      </c>
    </row>
    <row r="2551" spans="1:119" x14ac:dyDescent="0.2">
      <c r="A2551" s="6" t="s">
        <v>785</v>
      </c>
      <c r="B2551" s="6" t="s">
        <v>785</v>
      </c>
      <c r="C2551" s="6" t="s">
        <v>329</v>
      </c>
      <c r="D2551" s="6" t="s">
        <v>338</v>
      </c>
      <c r="E2551" s="6" t="s">
        <v>332</v>
      </c>
      <c r="F2551" s="11">
        <v>-449</v>
      </c>
      <c r="G2551" s="13">
        <v>-2.4937517356299999E-2</v>
      </c>
      <c r="H2551" s="11">
        <v>1061</v>
      </c>
      <c r="I2551" s="13">
        <v>5.8928075534573729E-2</v>
      </c>
      <c r="J2551" s="11">
        <v>-3112</v>
      </c>
      <c r="K2551" s="13">
        <v>-0.16322249029686353</v>
      </c>
      <c r="L2551" s="11">
        <v>1602</v>
      </c>
      <c r="M2551" s="13">
        <v>0.10041368935690108</v>
      </c>
      <c r="N2551" s="11">
        <v>-1510</v>
      </c>
      <c r="O2551" s="13">
        <v>-7.9198573376691492E-2</v>
      </c>
      <c r="P2551" s="7">
        <v>18005</v>
      </c>
      <c r="Q2551" s="7">
        <v>17940</v>
      </c>
      <c r="R2551" s="7">
        <v>18150</v>
      </c>
      <c r="S2551" s="7">
        <v>18537</v>
      </c>
      <c r="T2551" s="7">
        <v>18192</v>
      </c>
      <c r="U2551" s="7">
        <v>18338</v>
      </c>
      <c r="V2551" s="7">
        <v>19066</v>
      </c>
      <c r="W2551" s="7">
        <v>19261</v>
      </c>
      <c r="X2551" s="7">
        <v>18293</v>
      </c>
      <c r="Y2551" s="7">
        <v>15954</v>
      </c>
      <c r="Z2551" s="7">
        <v>15757</v>
      </c>
      <c r="AA2551" s="7">
        <v>15767</v>
      </c>
      <c r="AB2551" s="7">
        <v>16607</v>
      </c>
      <c r="AC2551" s="7">
        <v>16558</v>
      </c>
      <c r="AD2551" s="7">
        <v>16967</v>
      </c>
      <c r="AE2551" s="7">
        <v>17148</v>
      </c>
      <c r="AF2551" s="7">
        <v>17556</v>
      </c>
      <c r="AG2551" s="9">
        <v>12927.035335199998</v>
      </c>
      <c r="AH2551" s="13">
        <v>0.52115659535409897</v>
      </c>
      <c r="AI2551" s="9">
        <v>5964.734386600001</v>
      </c>
      <c r="AJ2551" s="13">
        <v>0.24046972755210488</v>
      </c>
      <c r="AK2551" s="9">
        <v>277.46140389999709</v>
      </c>
      <c r="AL2551" s="13">
        <v>9.0174908744194964E-3</v>
      </c>
      <c r="AM2551" s="9">
        <v>6684.8395447000003</v>
      </c>
      <c r="AN2551" s="13">
        <v>0.21531556456690279</v>
      </c>
      <c r="AO2551" s="9">
        <v>6962.3009485999974</v>
      </c>
      <c r="AP2551" s="13">
        <v>0.22627466157992479</v>
      </c>
      <c r="AQ2551" s="9">
        <v>24804.512598400001</v>
      </c>
      <c r="AR2551" s="9">
        <v>25729.837093999999</v>
      </c>
      <c r="AS2551" s="9">
        <v>26319.716277700001</v>
      </c>
      <c r="AT2551" s="9">
        <v>26926.717142900001</v>
      </c>
      <c r="AU2551" s="9">
        <v>28176.4151628</v>
      </c>
      <c r="AV2551" s="9">
        <v>29108.574999699998</v>
      </c>
      <c r="AW2551" s="9">
        <v>30769.246985000002</v>
      </c>
      <c r="AX2551" s="9">
        <v>31175.058519099999</v>
      </c>
      <c r="AY2551" s="9">
        <v>31311.951596399998</v>
      </c>
      <c r="AZ2551" s="9">
        <v>31046.708388899999</v>
      </c>
      <c r="BA2551" s="9">
        <v>31849.2397752</v>
      </c>
      <c r="BB2551" s="9">
        <v>32478.6348521</v>
      </c>
      <c r="BC2551" s="9">
        <v>34914.813980699997</v>
      </c>
      <c r="BD2551" s="9">
        <v>35967.869261500004</v>
      </c>
      <c r="BE2551" s="9">
        <v>36703.665009299999</v>
      </c>
      <c r="BF2551" s="9">
        <v>37731.547933599999</v>
      </c>
      <c r="BG2551" s="11">
        <v>-85</v>
      </c>
      <c r="BH2551" s="13">
        <v>-5.4980595084087966E-2</v>
      </c>
      <c r="BI2551" s="6">
        <v>40</v>
      </c>
      <c r="BJ2551" s="13">
        <v>2.5873221216041398E-2</v>
      </c>
      <c r="BK2551" s="6">
        <v>-97</v>
      </c>
      <c r="BL2551" s="13">
        <v>-6.1160151324085747E-2</v>
      </c>
      <c r="BM2551" s="11">
        <v>-28</v>
      </c>
      <c r="BN2551" s="13">
        <v>-1.880456682337139E-2</v>
      </c>
      <c r="BO2551" s="11">
        <v>-125</v>
      </c>
      <c r="BP2551" s="13">
        <v>-7.8814627994955866E-2</v>
      </c>
      <c r="BQ2551" s="6">
        <v>1546</v>
      </c>
      <c r="BR2551" s="6">
        <v>1566</v>
      </c>
      <c r="BS2551" s="6">
        <v>1575</v>
      </c>
      <c r="BT2551" s="6">
        <v>1586</v>
      </c>
      <c r="BU2551" s="6">
        <v>1567</v>
      </c>
      <c r="BV2551" s="6">
        <v>1506</v>
      </c>
      <c r="BW2551" s="6">
        <v>1489</v>
      </c>
      <c r="BX2551" s="6">
        <v>1456</v>
      </c>
      <c r="BY2551" s="6">
        <v>1463</v>
      </c>
      <c r="BZ2551" s="6">
        <v>1486</v>
      </c>
      <c r="CA2551" s="6">
        <v>1454</v>
      </c>
      <c r="CB2551" s="6">
        <v>1480</v>
      </c>
      <c r="CC2551" s="11">
        <v>1461</v>
      </c>
      <c r="CD2551" s="11">
        <v>-2241</v>
      </c>
      <c r="CE2551" s="11">
        <v>-176</v>
      </c>
      <c r="CF2551" s="11">
        <v>1968</v>
      </c>
      <c r="CG2551" s="11">
        <v>1792</v>
      </c>
      <c r="CH2551" s="20"/>
      <c r="CI2551" s="20"/>
      <c r="CJ2551" s="20"/>
      <c r="CK2551" s="20"/>
      <c r="CL2551" s="20"/>
      <c r="CM2551" s="20"/>
      <c r="CN2551" s="20"/>
      <c r="CO2551" s="20"/>
      <c r="CP2551" s="20"/>
      <c r="CQ2551" s="20"/>
      <c r="CR2551" s="20"/>
      <c r="CS2551" s="20"/>
      <c r="CT2551" s="20"/>
      <c r="CU2551" s="20"/>
      <c r="CV2551" s="20"/>
      <c r="CW2551" s="20"/>
      <c r="CX2551" s="20"/>
      <c r="CY2551" s="6"/>
      <c r="CZ2551" s="6"/>
      <c r="DA2551" s="6"/>
      <c r="DB2551" s="6"/>
      <c r="DC2551" s="6"/>
      <c r="DD2551" s="6"/>
      <c r="DE2551" s="6"/>
      <c r="DF2551" s="6"/>
      <c r="DG2551" s="6"/>
      <c r="DH2551" s="6"/>
      <c r="DI2551" s="6"/>
      <c r="DJ2551" s="6"/>
      <c r="DK2551" s="6"/>
      <c r="DL2551" s="6"/>
      <c r="DM2551" s="6"/>
      <c r="DN2551" s="6"/>
      <c r="DO2551" s="6"/>
    </row>
    <row r="2552" spans="1:119" x14ac:dyDescent="0.2">
      <c r="A2552" s="32" t="s">
        <v>791</v>
      </c>
      <c r="B2552" s="32" t="s">
        <v>791</v>
      </c>
      <c r="C2552" s="32" t="s">
        <v>329</v>
      </c>
      <c r="D2552" s="4" t="s">
        <v>168</v>
      </c>
      <c r="E2552" s="4" t="s">
        <v>307</v>
      </c>
      <c r="F2552" s="1">
        <v>4080</v>
      </c>
      <c r="G2552" s="2">
        <v>0.10249453613700001</v>
      </c>
      <c r="H2552" s="1">
        <v>2978.4075882000034</v>
      </c>
      <c r="I2552" s="2">
        <v>7.4820376928590684E-2</v>
      </c>
      <c r="J2552" s="1">
        <v>-3473.9525039</v>
      </c>
      <c r="K2552" s="2">
        <v>-8.1193964440555433E-2</v>
      </c>
      <c r="L2552" s="1">
        <v>4575.4922590999995</v>
      </c>
      <c r="M2552" s="2">
        <v>0.11638951440323264</v>
      </c>
      <c r="N2552" s="1">
        <v>1101.5397551999995</v>
      </c>
      <c r="O2552" s="2">
        <v>2.5745423868967623E-2</v>
      </c>
      <c r="P2552" s="1">
        <v>39807.4389687</v>
      </c>
      <c r="Q2552" s="1">
        <v>39145.929224200001</v>
      </c>
      <c r="R2552" s="1">
        <v>39563.804163100001</v>
      </c>
      <c r="S2552" s="1">
        <v>40917.775447799999</v>
      </c>
      <c r="T2552" s="1">
        <v>41868.667455100003</v>
      </c>
      <c r="U2552" s="1">
        <v>42558.5624064</v>
      </c>
      <c r="V2552" s="1">
        <v>42785.846556900004</v>
      </c>
      <c r="W2552" s="1">
        <v>42740.525263000003</v>
      </c>
      <c r="X2552" s="1">
        <v>39792.350949699998</v>
      </c>
      <c r="Y2552" s="1">
        <v>39311.894053000004</v>
      </c>
      <c r="Z2552" s="1">
        <v>39639.246772799997</v>
      </c>
      <c r="AA2552" s="1">
        <v>40020.847867700002</v>
      </c>
      <c r="AB2552" s="1">
        <v>40293.047989300001</v>
      </c>
      <c r="AC2552" s="1">
        <v>41068.239217800001</v>
      </c>
      <c r="AD2552" s="1">
        <v>42000.624159600004</v>
      </c>
      <c r="AE2552" s="1">
        <v>43161.767988500003</v>
      </c>
      <c r="AF2552" s="1">
        <v>43887.386312100003</v>
      </c>
      <c r="AG2552" s="1">
        <v>14641.321122400001</v>
      </c>
      <c r="AH2552" s="2">
        <v>0.47949619514319985</v>
      </c>
      <c r="AI2552" s="1">
        <v>6439.1057421999976</v>
      </c>
      <c r="AJ2552" s="2">
        <v>0.21087760303173531</v>
      </c>
      <c r="AK2552" s="1">
        <v>1819.6868133000025</v>
      </c>
      <c r="AL2552" s="2">
        <v>4.9215431927530667E-2</v>
      </c>
      <c r="AM2552" s="1">
        <v>6382.5285669000004</v>
      </c>
      <c r="AN2552" s="2">
        <v>0.16452532248913843</v>
      </c>
      <c r="AO2552" s="1">
        <v>8202.215380200003</v>
      </c>
      <c r="AP2552" s="2">
        <v>0.22183793922598832</v>
      </c>
      <c r="AQ2552" s="3">
        <v>30534.801466000001</v>
      </c>
      <c r="AR2552" s="3">
        <v>32029.7042306</v>
      </c>
      <c r="AS2552" s="3">
        <v>32495.1675473</v>
      </c>
      <c r="AT2552" s="3">
        <v>33561.746046100001</v>
      </c>
      <c r="AU2552" s="3">
        <v>34554.228316499997</v>
      </c>
      <c r="AV2552" s="3">
        <v>36107.296867700003</v>
      </c>
      <c r="AW2552" s="3">
        <v>36973.907208199998</v>
      </c>
      <c r="AX2552" s="3">
        <v>37753.121993499997</v>
      </c>
      <c r="AY2552" s="3">
        <v>37626.309186099999</v>
      </c>
      <c r="AZ2552" s="3">
        <v>38793.594021500001</v>
      </c>
      <c r="BA2552" s="3">
        <v>39643.401841999999</v>
      </c>
      <c r="BB2552" s="3">
        <v>41282.658315200002</v>
      </c>
      <c r="BC2552" s="3">
        <v>42489.7320502</v>
      </c>
      <c r="BD2552" s="3">
        <v>43264.630397499997</v>
      </c>
      <c r="BE2552" s="3">
        <v>44716.721068600003</v>
      </c>
      <c r="BF2552" s="3">
        <v>45176.122588400001</v>
      </c>
      <c r="BG2552" s="1">
        <v>220.49920328999997</v>
      </c>
      <c r="BH2552" s="2">
        <v>8.2429584156084479E-2</v>
      </c>
      <c r="BI2552" s="1">
        <v>160.16810520999979</v>
      </c>
      <c r="BJ2552" s="2">
        <v>5.9875909348136094E-2</v>
      </c>
      <c r="BK2552" s="1">
        <v>-15.168864790000043</v>
      </c>
      <c r="BL2552" s="2">
        <v>-5.3502508368117197E-3</v>
      </c>
      <c r="BM2552" s="1">
        <v>75.499962870000218</v>
      </c>
      <c r="BN2552" s="2">
        <v>2.677303612621184E-2</v>
      </c>
      <c r="BO2552" s="1">
        <v>60.331098080000174</v>
      </c>
      <c r="BP2552" s="2">
        <v>2.1279542830461868E-2</v>
      </c>
      <c r="BQ2552" s="1">
        <v>2675.00079671</v>
      </c>
      <c r="BR2552" s="1">
        <v>2735.0003209900001</v>
      </c>
      <c r="BS2552" s="1">
        <v>2774.6675167399999</v>
      </c>
      <c r="BT2552" s="1">
        <v>2835.1689019199998</v>
      </c>
      <c r="BU2552" s="1">
        <v>2843.1442753199999</v>
      </c>
      <c r="BV2552" s="1">
        <v>2814.0000092700002</v>
      </c>
      <c r="BW2552" s="1">
        <v>2820.0000371299998</v>
      </c>
      <c r="BX2552" s="1">
        <v>2777</v>
      </c>
      <c r="BY2552" s="1">
        <v>2810</v>
      </c>
      <c r="BZ2552" s="1">
        <v>2814</v>
      </c>
      <c r="CA2552" s="1">
        <v>2810</v>
      </c>
      <c r="CB2552" s="1">
        <v>2876</v>
      </c>
      <c r="CC2552" s="1">
        <v>2895.5</v>
      </c>
      <c r="CD2552" s="1">
        <v>-271.48500000000001</v>
      </c>
      <c r="CE2552" s="27">
        <v>0</v>
      </c>
      <c r="CF2552" s="27">
        <v>4351.43</v>
      </c>
      <c r="CG2552" s="27">
        <v>4351</v>
      </c>
      <c r="CH2552" s="27"/>
      <c r="CI2552" s="27"/>
      <c r="CJ2552" s="27"/>
      <c r="CK2552" s="27"/>
      <c r="CL2552" s="27"/>
      <c r="CM2552" s="27"/>
      <c r="CN2552" s="27"/>
      <c r="CO2552" s="27"/>
      <c r="CP2552" s="27"/>
      <c r="CQ2552" s="27"/>
      <c r="CR2552" s="27"/>
      <c r="CS2552" s="27"/>
      <c r="CT2552" s="27"/>
      <c r="CU2552" s="27"/>
      <c r="CV2552" s="27"/>
      <c r="CW2552" s="27"/>
      <c r="CX2552" s="27"/>
      <c r="CY2552" s="23" t="s">
        <v>504</v>
      </c>
      <c r="CZ2552" s="23" t="s">
        <v>505</v>
      </c>
      <c r="DA2552" s="24" t="s">
        <v>168</v>
      </c>
      <c r="DB2552" s="25"/>
      <c r="DC2552" s="25" t="s">
        <v>506</v>
      </c>
      <c r="DD2552" s="25" t="s">
        <v>507</v>
      </c>
      <c r="DE2552" s="25" t="s">
        <v>508</v>
      </c>
      <c r="DF2552" s="25" t="s">
        <v>375</v>
      </c>
      <c r="DG2552" s="25" t="s">
        <v>376</v>
      </c>
      <c r="DH2552" s="25" t="s">
        <v>328</v>
      </c>
      <c r="DI2552" s="25" t="s">
        <v>509</v>
      </c>
      <c r="DJ2552" s="25" t="s">
        <v>366</v>
      </c>
      <c r="DK2552" s="25" t="s">
        <v>510</v>
      </c>
      <c r="DL2552" s="25">
        <v>1</v>
      </c>
      <c r="DM2552" s="25" t="s">
        <v>404</v>
      </c>
      <c r="DN2552" s="25">
        <v>1</v>
      </c>
      <c r="DO2552" s="25" t="s">
        <v>405</v>
      </c>
    </row>
    <row r="2553" spans="1:119" x14ac:dyDescent="0.2">
      <c r="A2553" s="32" t="s">
        <v>791</v>
      </c>
      <c r="B2553" s="32" t="s">
        <v>791</v>
      </c>
      <c r="C2553" s="32" t="s">
        <v>329</v>
      </c>
      <c r="D2553" s="4" t="s">
        <v>143</v>
      </c>
      <c r="E2553" s="4" t="s">
        <v>284</v>
      </c>
      <c r="F2553" s="1">
        <v>4032</v>
      </c>
      <c r="G2553" s="2">
        <v>6.4296990862600004E-2</v>
      </c>
      <c r="H2553" s="1">
        <v>2298.8925896000001</v>
      </c>
      <c r="I2553" s="2">
        <v>3.6659940528976975E-2</v>
      </c>
      <c r="J2553" s="1">
        <v>-3537.8718470000022</v>
      </c>
      <c r="K2553" s="2">
        <v>-5.4422546184119618E-2</v>
      </c>
      <c r="L2553" s="1">
        <v>5271.1480986000097</v>
      </c>
      <c r="M2553" s="2">
        <v>8.5752120699478435E-2</v>
      </c>
      <c r="N2553" s="1">
        <v>1733.2762516000075</v>
      </c>
      <c r="O2553" s="2">
        <v>2.6662725766205257E-2</v>
      </c>
      <c r="P2553" s="1">
        <v>62708.573893699999</v>
      </c>
      <c r="Q2553" s="1">
        <v>61584.539724200004</v>
      </c>
      <c r="R2553" s="1">
        <v>61713.874122000001</v>
      </c>
      <c r="S2553" s="1">
        <v>62071.545539600003</v>
      </c>
      <c r="T2553" s="1">
        <v>63052.265585300003</v>
      </c>
      <c r="U2553" s="1">
        <v>64944.773490200001</v>
      </c>
      <c r="V2553" s="1">
        <v>65007.466483299999</v>
      </c>
      <c r="W2553" s="1">
        <v>65375.721790299998</v>
      </c>
      <c r="X2553" s="1">
        <v>64060.442120300002</v>
      </c>
      <c r="Y2553" s="1">
        <v>61469.594636299997</v>
      </c>
      <c r="Z2553" s="1">
        <v>61609.696539199998</v>
      </c>
      <c r="AA2553" s="1">
        <v>62629.281298499998</v>
      </c>
      <c r="AB2553" s="1">
        <v>64638.092317800001</v>
      </c>
      <c r="AC2553" s="1">
        <v>64442.056090700004</v>
      </c>
      <c r="AD2553" s="1">
        <v>65385.056821500002</v>
      </c>
      <c r="AE2553" s="1">
        <v>65817.511307799999</v>
      </c>
      <c r="AF2553" s="1">
        <v>66740.742734900006</v>
      </c>
      <c r="AG2553" s="1">
        <v>16165.820760500003</v>
      </c>
      <c r="AH2553" s="2">
        <v>0.52882584874448368</v>
      </c>
      <c r="AI2553" s="1">
        <v>6724.8580271999999</v>
      </c>
      <c r="AJ2553" s="2">
        <v>0.21998751604432606</v>
      </c>
      <c r="AK2553" s="1">
        <v>3275.7807307000039</v>
      </c>
      <c r="AL2553" s="2">
        <v>8.7836364680476176E-2</v>
      </c>
      <c r="AM2553" s="1">
        <v>6165.1820025999987</v>
      </c>
      <c r="AN2553" s="2">
        <v>0.15196439964629596</v>
      </c>
      <c r="AO2553" s="1">
        <v>9440.9627333000026</v>
      </c>
      <c r="AP2553" s="2">
        <v>0.25314876475255382</v>
      </c>
      <c r="AQ2553" s="3">
        <v>30569.271148299998</v>
      </c>
      <c r="AR2553" s="3">
        <v>31285.063763800001</v>
      </c>
      <c r="AS2553" s="3">
        <v>32318.7455099</v>
      </c>
      <c r="AT2553" s="3">
        <v>33720.504157299998</v>
      </c>
      <c r="AU2553" s="3">
        <v>34640.517975100003</v>
      </c>
      <c r="AV2553" s="3">
        <v>35660.345334700003</v>
      </c>
      <c r="AW2553" s="3">
        <v>37294.129175499998</v>
      </c>
      <c r="AX2553" s="3">
        <v>38480.8438857</v>
      </c>
      <c r="AY2553" s="3">
        <v>39410.710666600004</v>
      </c>
      <c r="AZ2553" s="3">
        <v>40569.909906200002</v>
      </c>
      <c r="BA2553" s="3">
        <v>41296.172058800003</v>
      </c>
      <c r="BB2553" s="3">
        <v>41261.025267800003</v>
      </c>
      <c r="BC2553" s="3">
        <v>43636.940512699999</v>
      </c>
      <c r="BD2553" s="3">
        <v>44262.637641300003</v>
      </c>
      <c r="BE2553" s="3">
        <v>45991.5952502</v>
      </c>
      <c r="BF2553" s="3">
        <v>46735.091908800001</v>
      </c>
      <c r="BG2553" s="1">
        <v>-127.50137215999985</v>
      </c>
      <c r="BH2553" s="2">
        <v>-3.6648842159219486E-2</v>
      </c>
      <c r="BI2553" s="1">
        <v>-0.91695519999984754</v>
      </c>
      <c r="BJ2553" s="2">
        <v>-2.6356850771534464E-4</v>
      </c>
      <c r="BK2553" s="1">
        <v>-181.08419666000009</v>
      </c>
      <c r="BL2553" s="2">
        <v>-5.2064347770568405E-2</v>
      </c>
      <c r="BM2553" s="1">
        <v>54.49977970000009</v>
      </c>
      <c r="BN2553" s="2">
        <v>1.6530111027727216E-2</v>
      </c>
      <c r="BO2553" s="1">
        <v>-126.58441696</v>
      </c>
      <c r="BP2553" s="2">
        <v>-3.6394866192074889E-2</v>
      </c>
      <c r="BQ2553" s="1">
        <v>3479.0013721599998</v>
      </c>
      <c r="BR2553" s="1">
        <v>3497.6862556000001</v>
      </c>
      <c r="BS2553" s="1">
        <v>3463.0002643100001</v>
      </c>
      <c r="BT2553" s="1">
        <v>3478.08441696</v>
      </c>
      <c r="BU2553" s="1">
        <v>3483.0009184999999</v>
      </c>
      <c r="BV2553" s="1">
        <v>3476.00037965</v>
      </c>
      <c r="BW2553" s="1">
        <v>3297.0002202999999</v>
      </c>
      <c r="BX2553" s="1">
        <v>3256</v>
      </c>
      <c r="BY2553" s="1">
        <v>3267</v>
      </c>
      <c r="BZ2553" s="1">
        <v>3257</v>
      </c>
      <c r="CA2553" s="1">
        <v>3287</v>
      </c>
      <c r="CB2553" s="1">
        <v>3355</v>
      </c>
      <c r="CC2553" s="1">
        <v>3351.5</v>
      </c>
      <c r="CD2553" s="1">
        <v>-2822.63</v>
      </c>
      <c r="CE2553" s="27">
        <v>0</v>
      </c>
      <c r="CF2553" s="27">
        <v>6854.8</v>
      </c>
      <c r="CG2553" s="27">
        <v>6855</v>
      </c>
      <c r="CH2553" s="27"/>
      <c r="CI2553" s="27"/>
      <c r="CJ2553" s="27"/>
      <c r="CK2553" s="27"/>
      <c r="CL2553" s="27"/>
      <c r="CM2553" s="27"/>
      <c r="CN2553" s="27"/>
      <c r="CO2553" s="27"/>
      <c r="CP2553" s="27"/>
      <c r="CQ2553" s="27"/>
      <c r="CR2553" s="27"/>
      <c r="CS2553" s="27"/>
      <c r="CT2553" s="27"/>
      <c r="CU2553" s="27"/>
      <c r="CV2553" s="27"/>
      <c r="CW2553" s="27"/>
      <c r="CX2553" s="27"/>
      <c r="CY2553" s="23" t="s">
        <v>541</v>
      </c>
      <c r="CZ2553" s="23" t="s">
        <v>542</v>
      </c>
      <c r="DA2553" s="24" t="s">
        <v>143</v>
      </c>
      <c r="DB2553" s="25" t="s">
        <v>345</v>
      </c>
      <c r="DC2553" s="25" t="s">
        <v>543</v>
      </c>
      <c r="DD2553" s="25" t="s">
        <v>544</v>
      </c>
      <c r="DE2553" s="25" t="s">
        <v>545</v>
      </c>
      <c r="DF2553" s="25" t="s">
        <v>375</v>
      </c>
      <c r="DG2553" s="25" t="s">
        <v>364</v>
      </c>
      <c r="DH2553" s="25" t="s">
        <v>419</v>
      </c>
      <c r="DI2553" s="25" t="s">
        <v>546</v>
      </c>
      <c r="DJ2553" s="25" t="s">
        <v>366</v>
      </c>
      <c r="DK2553" s="25" t="s">
        <v>547</v>
      </c>
      <c r="DL2553" s="25">
        <v>2</v>
      </c>
      <c r="DM2553" s="25" t="s">
        <v>379</v>
      </c>
      <c r="DN2553" s="25">
        <v>3</v>
      </c>
      <c r="DO2553" s="25" t="s">
        <v>380</v>
      </c>
    </row>
    <row r="2554" spans="1:119" x14ac:dyDescent="0.2">
      <c r="A2554" s="32" t="s">
        <v>791</v>
      </c>
      <c r="B2554" s="32" t="s">
        <v>791</v>
      </c>
      <c r="C2554" s="32" t="s">
        <v>329</v>
      </c>
      <c r="D2554" s="4" t="s">
        <v>163</v>
      </c>
      <c r="E2554" s="4" t="s">
        <v>302</v>
      </c>
      <c r="F2554" s="1">
        <v>51873</v>
      </c>
      <c r="G2554" s="2">
        <v>0.46880676734499999</v>
      </c>
      <c r="H2554" s="1">
        <v>29368.984596000009</v>
      </c>
      <c r="I2554" s="2">
        <v>0.26542501100601112</v>
      </c>
      <c r="J2554" s="1">
        <v>-4635.5037970000121</v>
      </c>
      <c r="K2554" s="2">
        <v>-3.3106512951319986E-2</v>
      </c>
      <c r="L2554" s="1">
        <v>27139.285123000009</v>
      </c>
      <c r="M2554" s="2">
        <v>0.20046394254414771</v>
      </c>
      <c r="N2554" s="1">
        <v>22503.781325999997</v>
      </c>
      <c r="O2554" s="2">
        <v>0.16072076748271724</v>
      </c>
      <c r="P2554" s="1">
        <v>110648.896593</v>
      </c>
      <c r="Q2554" s="1">
        <v>115073.937458</v>
      </c>
      <c r="R2554" s="1">
        <v>121749.322699</v>
      </c>
      <c r="S2554" s="1">
        <v>128258.487779</v>
      </c>
      <c r="T2554" s="1">
        <v>132181.92449800001</v>
      </c>
      <c r="U2554" s="1">
        <v>136678.75693199999</v>
      </c>
      <c r="V2554" s="1">
        <v>140017.88118900001</v>
      </c>
      <c r="W2554" s="1">
        <v>138522.37640099999</v>
      </c>
      <c r="X2554" s="1">
        <v>133736.187928</v>
      </c>
      <c r="Y2554" s="1">
        <v>135382.37739199999</v>
      </c>
      <c r="Z2554" s="1">
        <v>138162.79972899999</v>
      </c>
      <c r="AA2554" s="1">
        <v>141834.50116700001</v>
      </c>
      <c r="AB2554" s="1">
        <v>145903.89970400001</v>
      </c>
      <c r="AC2554" s="1">
        <v>148012.29587100001</v>
      </c>
      <c r="AD2554" s="1">
        <v>154948.41495800001</v>
      </c>
      <c r="AE2554" s="1">
        <v>158359.209206</v>
      </c>
      <c r="AF2554" s="1">
        <v>162521.662515</v>
      </c>
      <c r="AG2554" s="1">
        <v>16464.699582400004</v>
      </c>
      <c r="AH2554" s="2">
        <v>0.4727068939903995</v>
      </c>
      <c r="AI2554" s="1">
        <v>8767.1218864000039</v>
      </c>
      <c r="AJ2554" s="2">
        <v>0.25170692823241297</v>
      </c>
      <c r="AK2554" s="1">
        <v>818.35405449999962</v>
      </c>
      <c r="AL2554" s="2">
        <v>1.8770537441408816E-2</v>
      </c>
      <c r="AM2554" s="1">
        <v>6879.2236415000007</v>
      </c>
      <c r="AN2554" s="2">
        <v>0.15488113437198719</v>
      </c>
      <c r="AO2554" s="1">
        <v>7697.5776960000003</v>
      </c>
      <c r="AP2554" s="2">
        <v>0.17655887394509326</v>
      </c>
      <c r="AQ2554" s="3">
        <v>34830.673704399996</v>
      </c>
      <c r="AR2554" s="3">
        <v>36342.523779700001</v>
      </c>
      <c r="AS2554" s="3">
        <v>37990.984264600003</v>
      </c>
      <c r="AT2554" s="3">
        <v>39812.296618200002</v>
      </c>
      <c r="AU2554" s="3">
        <v>41384.8121053</v>
      </c>
      <c r="AV2554" s="3">
        <v>42455.505633499997</v>
      </c>
      <c r="AW2554" s="3">
        <v>43597.7955908</v>
      </c>
      <c r="AX2554" s="3">
        <v>43793.278100299998</v>
      </c>
      <c r="AY2554" s="3">
        <v>43466.474754900002</v>
      </c>
      <c r="AZ2554" s="3">
        <v>44416.1496453</v>
      </c>
      <c r="BA2554" s="3">
        <v>44526.702757500003</v>
      </c>
      <c r="BB2554" s="3">
        <v>45447.856201100003</v>
      </c>
      <c r="BC2554" s="3">
        <v>46672.060859999998</v>
      </c>
      <c r="BD2554" s="3">
        <v>48300.160186900001</v>
      </c>
      <c r="BE2554" s="3">
        <v>49915.1529964</v>
      </c>
      <c r="BF2554" s="3">
        <v>51295.373286800001</v>
      </c>
      <c r="BG2554" s="1">
        <v>1667.4520788099999</v>
      </c>
      <c r="BH2554" s="2">
        <v>0.22705582270975716</v>
      </c>
      <c r="BI2554" s="1">
        <v>875.8406551600001</v>
      </c>
      <c r="BJ2554" s="2">
        <v>0.11926263012123808</v>
      </c>
      <c r="BK2554" s="1">
        <v>-8.6188976299999922</v>
      </c>
      <c r="BL2554" s="2">
        <v>-1.0485737967602083E-3</v>
      </c>
      <c r="BM2554" s="1">
        <v>800.23032127999977</v>
      </c>
      <c r="BN2554" s="2">
        <v>9.7458093220006273E-2</v>
      </c>
      <c r="BO2554" s="1">
        <v>791.61142364999978</v>
      </c>
      <c r="BP2554" s="2">
        <v>9.6307327420413355E-2</v>
      </c>
      <c r="BQ2554" s="1">
        <v>7343.7979211900001</v>
      </c>
      <c r="BR2554" s="1">
        <v>7607.89711687</v>
      </c>
      <c r="BS2554" s="1">
        <v>7867.4300003899998</v>
      </c>
      <c r="BT2554" s="1">
        <v>8219.6385763500002</v>
      </c>
      <c r="BU2554" s="1">
        <v>8240.1514661000001</v>
      </c>
      <c r="BV2554" s="1">
        <v>8212.0989229799998</v>
      </c>
      <c r="BW2554" s="1">
        <v>8211.0196787200002</v>
      </c>
      <c r="BX2554" s="1">
        <v>8174</v>
      </c>
      <c r="BY2554" s="1">
        <v>8325</v>
      </c>
      <c r="BZ2554" s="1">
        <v>8485</v>
      </c>
      <c r="CA2554" s="1">
        <v>8641</v>
      </c>
      <c r="CB2554" s="1">
        <v>8925</v>
      </c>
      <c r="CC2554" s="1">
        <v>9011.25</v>
      </c>
      <c r="CD2554" s="1">
        <v>39777.5</v>
      </c>
      <c r="CE2554" s="27">
        <v>0</v>
      </c>
      <c r="CF2554" s="27">
        <v>12095.3</v>
      </c>
      <c r="CG2554" s="27">
        <v>12095</v>
      </c>
      <c r="CH2554" s="27"/>
      <c r="CI2554" s="27"/>
      <c r="CJ2554" s="27"/>
      <c r="CK2554" s="27"/>
      <c r="CL2554" s="27"/>
      <c r="CM2554" s="27"/>
      <c r="CN2554" s="27"/>
      <c r="CO2554" s="27"/>
      <c r="CP2554" s="27"/>
      <c r="CQ2554" s="27"/>
      <c r="CR2554" s="27"/>
      <c r="CS2554" s="27"/>
      <c r="CT2554" s="27"/>
      <c r="CU2554" s="27"/>
      <c r="CV2554" s="27"/>
      <c r="CW2554" s="27"/>
      <c r="CX2554" s="27"/>
      <c r="CY2554" s="23" t="s">
        <v>677</v>
      </c>
      <c r="CZ2554" s="23" t="s">
        <v>678</v>
      </c>
      <c r="DA2554" s="24" t="s">
        <v>163</v>
      </c>
      <c r="DB2554" s="25"/>
      <c r="DC2554" s="25" t="s">
        <v>506</v>
      </c>
      <c r="DD2554" s="25" t="s">
        <v>507</v>
      </c>
      <c r="DE2554" s="25" t="s">
        <v>508</v>
      </c>
      <c r="DF2554" s="25" t="s">
        <v>375</v>
      </c>
      <c r="DG2554" s="25" t="s">
        <v>364</v>
      </c>
      <c r="DH2554" s="25" t="s">
        <v>419</v>
      </c>
      <c r="DI2554" s="25" t="s">
        <v>509</v>
      </c>
      <c r="DJ2554" s="25" t="s">
        <v>366</v>
      </c>
      <c r="DK2554" s="25" t="s">
        <v>679</v>
      </c>
      <c r="DL2554" s="25">
        <v>1</v>
      </c>
      <c r="DM2554" s="25" t="s">
        <v>404</v>
      </c>
      <c r="DN2554" s="25">
        <v>1</v>
      </c>
      <c r="DO2554" s="25" t="s">
        <v>405</v>
      </c>
    </row>
    <row r="2555" spans="1:119" x14ac:dyDescent="0.2">
      <c r="A2555" s="32" t="s">
        <v>791</v>
      </c>
      <c r="B2555" s="32" t="s">
        <v>791</v>
      </c>
      <c r="C2555" s="32" t="s">
        <v>329</v>
      </c>
      <c r="D2555" s="4" t="s">
        <v>138</v>
      </c>
      <c r="E2555" s="4" t="s">
        <v>279</v>
      </c>
      <c r="F2555" s="1">
        <v>-15121</v>
      </c>
      <c r="G2555" s="2">
        <v>-5.5137232308600001E-2</v>
      </c>
      <c r="H2555" s="1">
        <v>-15170.516925999982</v>
      </c>
      <c r="I2555" s="2">
        <v>-5.5317784270472882E-2</v>
      </c>
      <c r="J2555" s="1">
        <v>-4917.7064679999894</v>
      </c>
      <c r="K2555" s="2">
        <v>-1.8981969011447289E-2</v>
      </c>
      <c r="L2555" s="1">
        <v>4966.7292240000097</v>
      </c>
      <c r="M2555" s="2">
        <v>1.954214140447362E-2</v>
      </c>
      <c r="N2555" s="1">
        <v>49.022756000020308</v>
      </c>
      <c r="O2555" s="2">
        <v>1.8922407046929283E-4</v>
      </c>
      <c r="P2555" s="1">
        <v>274243.03279799997</v>
      </c>
      <c r="Q2555" s="1">
        <v>270419.89648</v>
      </c>
      <c r="R2555" s="1">
        <v>264530.85261499998</v>
      </c>
      <c r="S2555" s="1">
        <v>257413.305204</v>
      </c>
      <c r="T2555" s="1">
        <v>257969.90538099999</v>
      </c>
      <c r="U2555" s="1">
        <v>253673.072189</v>
      </c>
      <c r="V2555" s="1">
        <v>259072.51587199999</v>
      </c>
      <c r="W2555" s="1">
        <v>259918.592573</v>
      </c>
      <c r="X2555" s="1">
        <v>245758.17264500001</v>
      </c>
      <c r="Y2555" s="1">
        <v>254154.809404</v>
      </c>
      <c r="Z2555" s="1">
        <v>255742.07635799999</v>
      </c>
      <c r="AA2555" s="1">
        <v>257819.892043</v>
      </c>
      <c r="AB2555" s="1">
        <v>257198.93244100001</v>
      </c>
      <c r="AC2555" s="1">
        <v>255263.295063</v>
      </c>
      <c r="AD2555" s="1">
        <v>258279.511604</v>
      </c>
      <c r="AE2555" s="1">
        <v>258475.17930700001</v>
      </c>
      <c r="AF2555" s="1">
        <v>259121.53862800001</v>
      </c>
      <c r="AG2555" s="1">
        <v>19512.643611799998</v>
      </c>
      <c r="AH2555" s="2">
        <v>0.40614431215210617</v>
      </c>
      <c r="AI2555" s="1">
        <v>9474.1203457999945</v>
      </c>
      <c r="AJ2555" s="2">
        <v>0.19719829704491057</v>
      </c>
      <c r="AK2555" s="1">
        <v>3245.700007600004</v>
      </c>
      <c r="AL2555" s="2">
        <v>5.6429545090487053E-2</v>
      </c>
      <c r="AM2555" s="1">
        <v>6792.8232583999998</v>
      </c>
      <c r="AN2555" s="2">
        <v>0.11179128518725545</v>
      </c>
      <c r="AO2555" s="1">
        <v>10038.523266000004</v>
      </c>
      <c r="AP2555" s="2">
        <v>0.17452916164594023</v>
      </c>
      <c r="AQ2555" s="3">
        <v>48043.621510800003</v>
      </c>
      <c r="AR2555" s="3">
        <v>48884.374065800002</v>
      </c>
      <c r="AS2555" s="3">
        <v>49967.595356799997</v>
      </c>
      <c r="AT2555" s="3">
        <v>52052.014615200002</v>
      </c>
      <c r="AU2555" s="3">
        <v>53751.8449492</v>
      </c>
      <c r="AV2555" s="3">
        <v>56238.125184299999</v>
      </c>
      <c r="AW2555" s="3">
        <v>57517.741856599998</v>
      </c>
      <c r="AX2555" s="3">
        <v>66701.094465600007</v>
      </c>
      <c r="AY2555" s="3">
        <v>58700.477031499999</v>
      </c>
      <c r="AZ2555" s="3">
        <v>60763.441864200002</v>
      </c>
      <c r="BA2555" s="3">
        <v>62806.930085799999</v>
      </c>
      <c r="BB2555" s="3">
        <v>62879.635477600001</v>
      </c>
      <c r="BC2555" s="3">
        <v>63238.424884200002</v>
      </c>
      <c r="BD2555" s="3">
        <v>65209.077808499998</v>
      </c>
      <c r="BE2555" s="3">
        <v>67028.190776599993</v>
      </c>
      <c r="BF2555" s="3">
        <v>67556.265122600002</v>
      </c>
      <c r="BG2555" s="1">
        <v>4838.8882476599993</v>
      </c>
      <c r="BH2555" s="2">
        <v>0.58439890576265541</v>
      </c>
      <c r="BI2555" s="1">
        <v>268.00214882</v>
      </c>
      <c r="BJ2555" s="2">
        <v>3.2366972431774395E-2</v>
      </c>
      <c r="BK2555" s="1">
        <v>205.89064507999865</v>
      </c>
      <c r="BL2555" s="2">
        <v>2.4086090506124255E-2</v>
      </c>
      <c r="BM2555" s="1">
        <v>4364.9954537600006</v>
      </c>
      <c r="BN2555" s="2">
        <v>0.49862841979386952</v>
      </c>
      <c r="BO2555" s="1">
        <v>4570.8860988399992</v>
      </c>
      <c r="BP2555" s="2">
        <v>0.53472451954807465</v>
      </c>
      <c r="BQ2555" s="1">
        <v>8280.1117523400007</v>
      </c>
      <c r="BR2555" s="1">
        <v>8099.0084303000003</v>
      </c>
      <c r="BS2555" s="1">
        <v>8014.0210848200004</v>
      </c>
      <c r="BT2555" s="1">
        <v>8548.1139011600008</v>
      </c>
      <c r="BU2555" s="1">
        <v>8551.0049457200003</v>
      </c>
      <c r="BV2555" s="1">
        <v>8538.0089168199993</v>
      </c>
      <c r="BW2555" s="1">
        <v>8754.0045462399994</v>
      </c>
      <c r="BX2555" s="1">
        <v>9005</v>
      </c>
      <c r="BY2555" s="1">
        <v>9400</v>
      </c>
      <c r="BZ2555" s="1">
        <v>10003</v>
      </c>
      <c r="CA2555" s="1">
        <v>11039</v>
      </c>
      <c r="CB2555" s="1">
        <v>12441</v>
      </c>
      <c r="CC2555" s="1">
        <v>13119</v>
      </c>
      <c r="CD2555" s="1">
        <v>-45099.6</v>
      </c>
      <c r="CE2555" s="27">
        <v>0</v>
      </c>
      <c r="CF2555" s="27">
        <v>29978.1</v>
      </c>
      <c r="CG2555" s="27">
        <v>29978</v>
      </c>
      <c r="CH2555" s="27"/>
      <c r="CI2555" s="27"/>
      <c r="CJ2555" s="27"/>
      <c r="CK2555" s="27"/>
      <c r="CL2555" s="27"/>
      <c r="CM2555" s="27"/>
      <c r="CN2555" s="27"/>
      <c r="CO2555" s="27"/>
      <c r="CP2555" s="27"/>
      <c r="CQ2555" s="27"/>
      <c r="CR2555" s="27"/>
      <c r="CS2555" s="27"/>
      <c r="CT2555" s="27"/>
      <c r="CU2555" s="27"/>
      <c r="CV2555" s="27"/>
      <c r="CW2555" s="27"/>
      <c r="CX2555" s="27"/>
      <c r="CY2555" s="23" t="s">
        <v>741</v>
      </c>
      <c r="CZ2555" s="23" t="s">
        <v>279</v>
      </c>
      <c r="DA2555" s="24" t="s">
        <v>138</v>
      </c>
      <c r="DB2555" s="25"/>
      <c r="DC2555" s="25" t="s">
        <v>506</v>
      </c>
      <c r="DD2555" s="25" t="s">
        <v>507</v>
      </c>
      <c r="DE2555" s="25" t="s">
        <v>508</v>
      </c>
      <c r="DF2555" s="25" t="s">
        <v>375</v>
      </c>
      <c r="DG2555" s="25" t="s">
        <v>364</v>
      </c>
      <c r="DH2555" s="25" t="s">
        <v>419</v>
      </c>
      <c r="DI2555" s="25" t="s">
        <v>509</v>
      </c>
      <c r="DJ2555" s="25" t="s">
        <v>366</v>
      </c>
      <c r="DK2555" s="25" t="s">
        <v>742</v>
      </c>
      <c r="DL2555" s="25">
        <v>1</v>
      </c>
      <c r="DM2555" s="25" t="s">
        <v>404</v>
      </c>
      <c r="DN2555" s="25">
        <v>1</v>
      </c>
      <c r="DO2555" s="25" t="s">
        <v>405</v>
      </c>
    </row>
    <row r="2556" spans="1:119" x14ac:dyDescent="0.2">
      <c r="A2556" s="6" t="s">
        <v>785</v>
      </c>
      <c r="B2556" s="6" t="s">
        <v>785</v>
      </c>
      <c r="C2556" s="6" t="s">
        <v>329</v>
      </c>
      <c r="D2556" s="6" t="s">
        <v>336</v>
      </c>
      <c r="E2556" s="6" t="s">
        <v>330</v>
      </c>
      <c r="F2556" s="11">
        <v>14895</v>
      </c>
      <c r="G2556" s="13">
        <v>5.3000704541100001E-2</v>
      </c>
      <c r="H2556" s="11">
        <v>19627</v>
      </c>
      <c r="I2556" s="13">
        <v>6.9838524875993652E-2</v>
      </c>
      <c r="J2556" s="11">
        <v>-9881</v>
      </c>
      <c r="K2556" s="13">
        <v>-3.2864255756483218E-2</v>
      </c>
      <c r="L2556" s="11">
        <v>5149</v>
      </c>
      <c r="M2556" s="13">
        <v>1.7707545223192792E-2</v>
      </c>
      <c r="N2556" s="11">
        <v>-4732</v>
      </c>
      <c r="O2556" s="13">
        <v>-1.5738655828324923E-2</v>
      </c>
      <c r="P2556" s="7">
        <v>281034</v>
      </c>
      <c r="Q2556" s="7">
        <v>283319</v>
      </c>
      <c r="R2556" s="7">
        <v>286370</v>
      </c>
      <c r="S2556" s="7">
        <v>290235</v>
      </c>
      <c r="T2556" s="7">
        <v>295425</v>
      </c>
      <c r="U2556" s="7">
        <v>301105</v>
      </c>
      <c r="V2556" s="7">
        <v>300661</v>
      </c>
      <c r="W2556" s="7">
        <v>298822</v>
      </c>
      <c r="X2556" s="7">
        <v>290572</v>
      </c>
      <c r="Y2556" s="7">
        <v>290780</v>
      </c>
      <c r="Z2556" s="7">
        <v>291362</v>
      </c>
      <c r="AA2556" s="7">
        <v>292151</v>
      </c>
      <c r="AB2556" s="7">
        <v>290178</v>
      </c>
      <c r="AC2556" s="7">
        <v>289399</v>
      </c>
      <c r="AD2556" s="7">
        <v>292224</v>
      </c>
      <c r="AE2556" s="7">
        <v>292615</v>
      </c>
      <c r="AF2556" s="7">
        <v>295929</v>
      </c>
      <c r="AG2556" s="9">
        <v>12810.771573600003</v>
      </c>
      <c r="AH2556" s="13">
        <v>0.45731679303098066</v>
      </c>
      <c r="AI2556" s="9">
        <v>6256.6375578000006</v>
      </c>
      <c r="AJ2556" s="13">
        <v>0.22334840697547684</v>
      </c>
      <c r="AK2556" s="9">
        <v>3028.8874270000015</v>
      </c>
      <c r="AL2556" s="13">
        <v>8.8384240342211151E-2</v>
      </c>
      <c r="AM2556" s="9">
        <v>3525.2465888000006</v>
      </c>
      <c r="AN2556" s="13">
        <v>9.45146123620874E-2</v>
      </c>
      <c r="AO2556" s="9">
        <v>6554.1340158000021</v>
      </c>
      <c r="AP2556" s="13">
        <v>0.19125245491916021</v>
      </c>
      <c r="AQ2556" s="9">
        <v>28012.9043342</v>
      </c>
      <c r="AR2556" s="9">
        <v>29011.610539099998</v>
      </c>
      <c r="AS2556" s="9">
        <v>29836.212983599999</v>
      </c>
      <c r="AT2556" s="9">
        <v>31045.5538643</v>
      </c>
      <c r="AU2556" s="9">
        <v>32203.6679798</v>
      </c>
      <c r="AV2556" s="9">
        <v>33094.490903500002</v>
      </c>
      <c r="AW2556" s="9">
        <v>34269.541892000001</v>
      </c>
      <c r="AX2556" s="9">
        <v>35131.113763599998</v>
      </c>
      <c r="AY2556" s="9">
        <v>36215.976292200001</v>
      </c>
      <c r="AZ2556" s="9">
        <v>37298.429319000003</v>
      </c>
      <c r="BA2556" s="9">
        <v>37585.897485000001</v>
      </c>
      <c r="BB2556" s="9">
        <v>37933.345479800002</v>
      </c>
      <c r="BC2556" s="9">
        <v>38701.259969600003</v>
      </c>
      <c r="BD2556" s="9">
        <v>39089.710625</v>
      </c>
      <c r="BE2556" s="9">
        <v>40057.3746876</v>
      </c>
      <c r="BF2556" s="9">
        <v>40823.675907800003</v>
      </c>
      <c r="BG2556" s="11">
        <v>1461</v>
      </c>
      <c r="BH2556" s="13">
        <v>8.4309538923192331E-2</v>
      </c>
      <c r="BI2556" s="6">
        <v>687</v>
      </c>
      <c r="BJ2556" s="13">
        <v>3.9644526516244442E-2</v>
      </c>
      <c r="BK2556" s="6">
        <v>307</v>
      </c>
      <c r="BL2556" s="13">
        <v>1.7040408525754884E-2</v>
      </c>
      <c r="BM2556" s="11">
        <v>467</v>
      </c>
      <c r="BN2556" s="13">
        <v>2.5487092724990449E-2</v>
      </c>
      <c r="BO2556" s="11">
        <v>774</v>
      </c>
      <c r="BP2556" s="13">
        <v>4.2961811722912968E-2</v>
      </c>
      <c r="BQ2556" s="6">
        <v>17329</v>
      </c>
      <c r="BR2556" s="6">
        <v>17415</v>
      </c>
      <c r="BS2556" s="6">
        <v>17623</v>
      </c>
      <c r="BT2556" s="6">
        <v>18016</v>
      </c>
      <c r="BU2556" s="6">
        <v>18005</v>
      </c>
      <c r="BV2556" s="6">
        <v>18120</v>
      </c>
      <c r="BW2556" s="6">
        <v>18323</v>
      </c>
      <c r="BX2556" s="6">
        <v>18397</v>
      </c>
      <c r="BY2556" s="6">
        <v>18514</v>
      </c>
      <c r="BZ2556" s="6">
        <v>18714</v>
      </c>
      <c r="CA2556" s="6">
        <v>18800</v>
      </c>
      <c r="CB2556" s="6">
        <v>19047</v>
      </c>
      <c r="CC2556" s="11">
        <v>18790</v>
      </c>
      <c r="CD2556" s="11">
        <v>-10891</v>
      </c>
      <c r="CE2556" s="11">
        <v>-4934</v>
      </c>
      <c r="CF2556" s="11">
        <v>30720</v>
      </c>
      <c r="CG2556" s="11">
        <v>25786</v>
      </c>
      <c r="CH2556" s="20"/>
      <c r="CI2556" s="20"/>
      <c r="CJ2556" s="20"/>
      <c r="CK2556" s="20"/>
      <c r="CL2556" s="20"/>
      <c r="CM2556" s="20"/>
      <c r="CN2556" s="20"/>
      <c r="CO2556" s="20"/>
      <c r="CP2556" s="20"/>
      <c r="CQ2556" s="20"/>
      <c r="CR2556" s="20"/>
      <c r="CS2556" s="20"/>
      <c r="CT2556" s="20"/>
      <c r="CU2556" s="20"/>
      <c r="CV2556" s="20"/>
      <c r="CW2556" s="20"/>
      <c r="CX2556" s="20"/>
      <c r="CY2556" s="6"/>
      <c r="CZ2556" s="6"/>
      <c r="DA2556" s="6"/>
      <c r="DB2556" s="6"/>
      <c r="DC2556" s="6"/>
      <c r="DD2556" s="6"/>
      <c r="DE2556" s="6"/>
      <c r="DF2556" s="6"/>
      <c r="DG2556" s="6"/>
      <c r="DH2556" s="6"/>
      <c r="DI2556" s="6"/>
      <c r="DJ2556" s="6"/>
      <c r="DK2556" s="6"/>
      <c r="DL2556" s="6"/>
      <c r="DM2556" s="6"/>
      <c r="DN2556" s="6"/>
      <c r="DO2556" s="6"/>
    </row>
    <row r="2557" spans="1:119" x14ac:dyDescent="0.2">
      <c r="A2557" s="32" t="s">
        <v>791</v>
      </c>
      <c r="B2557" s="32" t="s">
        <v>791</v>
      </c>
      <c r="C2557" s="32" t="s">
        <v>329</v>
      </c>
      <c r="D2557" s="4" t="s">
        <v>103</v>
      </c>
      <c r="E2557" s="4" t="s">
        <v>244</v>
      </c>
      <c r="F2557" s="1">
        <v>24607</v>
      </c>
      <c r="G2557" s="2">
        <v>0.15866475807300001</v>
      </c>
      <c r="H2557" s="1">
        <v>17856.624990000011</v>
      </c>
      <c r="I2557" s="2">
        <v>0.11513875792575533</v>
      </c>
      <c r="J2557" s="1">
        <v>-10717.148652000003</v>
      </c>
      <c r="K2557" s="2">
        <v>-6.1968717234525073E-2</v>
      </c>
      <c r="L2557" s="1">
        <v>17467.940074000013</v>
      </c>
      <c r="M2557" s="2">
        <v>0.10767567994475433</v>
      </c>
      <c r="N2557" s="1">
        <v>6750.7914220000093</v>
      </c>
      <c r="O2557" s="2">
        <v>3.9034438946697544E-2</v>
      </c>
      <c r="P2557" s="1">
        <v>155087.87233499999</v>
      </c>
      <c r="Q2557" s="1">
        <v>156123.18668399999</v>
      </c>
      <c r="R2557" s="1">
        <v>159146.529966</v>
      </c>
      <c r="S2557" s="1">
        <v>160566.71711999999</v>
      </c>
      <c r="T2557" s="1">
        <v>165247.93977900001</v>
      </c>
      <c r="U2557" s="1">
        <v>169479.096406</v>
      </c>
      <c r="V2557" s="1">
        <v>172944.497325</v>
      </c>
      <c r="W2557" s="1">
        <v>170940.33313799999</v>
      </c>
      <c r="X2557" s="1">
        <v>164382.610598</v>
      </c>
      <c r="Y2557" s="1">
        <v>162227.348673</v>
      </c>
      <c r="Z2557" s="1">
        <v>164002.49353899999</v>
      </c>
      <c r="AA2557" s="1">
        <v>169637.08337400001</v>
      </c>
      <c r="AB2557" s="1">
        <v>169394.802428</v>
      </c>
      <c r="AC2557" s="1">
        <v>172731.26017699999</v>
      </c>
      <c r="AD2557" s="1">
        <v>176174.533826</v>
      </c>
      <c r="AE2557" s="1">
        <v>177311.72060299999</v>
      </c>
      <c r="AF2557" s="1">
        <v>179695.28874700001</v>
      </c>
      <c r="AG2557" s="1">
        <v>15145.277484200004</v>
      </c>
      <c r="AH2557" s="2">
        <v>0.46381421358912833</v>
      </c>
      <c r="AI2557" s="1">
        <v>6584.5205392000025</v>
      </c>
      <c r="AJ2557" s="2">
        <v>0.20164663334405913</v>
      </c>
      <c r="AK2557" s="1">
        <v>2726.6176788000012</v>
      </c>
      <c r="AL2557" s="2">
        <v>6.9488716653110655E-2</v>
      </c>
      <c r="AM2557" s="1">
        <v>5834.1392661999998</v>
      </c>
      <c r="AN2557" s="2">
        <v>0.13902427202453327</v>
      </c>
      <c r="AO2557" s="1">
        <v>8560.756945000001</v>
      </c>
      <c r="AP2557" s="2">
        <v>0.21817360692426171</v>
      </c>
      <c r="AQ2557" s="3">
        <v>32653.758855299999</v>
      </c>
      <c r="AR2557" s="3">
        <v>33661.518622199997</v>
      </c>
      <c r="AS2557" s="3">
        <v>34601.149384900003</v>
      </c>
      <c r="AT2557" s="3">
        <v>36101.407036500001</v>
      </c>
      <c r="AU2557" s="3">
        <v>37243.916218500002</v>
      </c>
      <c r="AV2557" s="3">
        <v>38016.136859400001</v>
      </c>
      <c r="AW2557" s="3">
        <v>39238.279394500001</v>
      </c>
      <c r="AX2557" s="3">
        <v>40528.383930199998</v>
      </c>
      <c r="AY2557" s="3">
        <v>41544.107801999999</v>
      </c>
      <c r="AZ2557" s="3">
        <v>41964.897073300002</v>
      </c>
      <c r="BA2557" s="3">
        <v>42164.618806099999</v>
      </c>
      <c r="BB2557" s="3">
        <v>43113.588094500003</v>
      </c>
      <c r="BC2557" s="3">
        <v>44168.234216299999</v>
      </c>
      <c r="BD2557" s="3">
        <v>45117.438666000002</v>
      </c>
      <c r="BE2557" s="3">
        <v>46762.405223599999</v>
      </c>
      <c r="BF2557" s="3">
        <v>47799.036339500002</v>
      </c>
      <c r="BG2557" s="1">
        <v>496.27521399000034</v>
      </c>
      <c r="BH2557" s="2">
        <v>6.1997785964777875E-2</v>
      </c>
      <c r="BI2557" s="1">
        <v>211.40712248999989</v>
      </c>
      <c r="BJ2557" s="2">
        <v>2.641029243872068E-2</v>
      </c>
      <c r="BK2557" s="1">
        <v>-180.13108060999912</v>
      </c>
      <c r="BL2557" s="2">
        <v>-2.1924073592786954E-2</v>
      </c>
      <c r="BM2557" s="1">
        <v>464.99917210999956</v>
      </c>
      <c r="BN2557" s="2">
        <v>5.786450027433529E-2</v>
      </c>
      <c r="BO2557" s="1">
        <v>284.86809150000045</v>
      </c>
      <c r="BP2557" s="2">
        <v>3.467180111912397E-2</v>
      </c>
      <c r="BQ2557" s="1">
        <v>8004.7247860099997</v>
      </c>
      <c r="BR2557" s="1">
        <v>8027.4209510299997</v>
      </c>
      <c r="BS2557" s="1">
        <v>8118.25012324</v>
      </c>
      <c r="BT2557" s="1">
        <v>8216.1319084999996</v>
      </c>
      <c r="BU2557" s="1">
        <v>8270.1199537800003</v>
      </c>
      <c r="BV2557" s="1">
        <v>8092.0653186600002</v>
      </c>
      <c r="BW2557" s="1">
        <v>8036.0008278900004</v>
      </c>
      <c r="BX2557" s="1">
        <v>8001</v>
      </c>
      <c r="BY2557" s="1">
        <v>8078</v>
      </c>
      <c r="BZ2557" s="1">
        <v>8139</v>
      </c>
      <c r="CA2557" s="1">
        <v>8217</v>
      </c>
      <c r="CB2557" s="1">
        <v>8475</v>
      </c>
      <c r="CC2557" s="1">
        <v>8501</v>
      </c>
      <c r="CD2557" s="1">
        <v>7654.44</v>
      </c>
      <c r="CE2557" s="27">
        <v>0</v>
      </c>
      <c r="CF2557" s="27">
        <v>16953</v>
      </c>
      <c r="CG2557" s="27">
        <v>16953</v>
      </c>
      <c r="CH2557" s="27"/>
      <c r="CI2557" s="27"/>
      <c r="CJ2557" s="27"/>
      <c r="CK2557" s="27"/>
      <c r="CL2557" s="27"/>
      <c r="CM2557" s="27"/>
      <c r="CN2557" s="27"/>
      <c r="CO2557" s="27"/>
      <c r="CP2557" s="27"/>
      <c r="CQ2557" s="27"/>
      <c r="CR2557" s="27"/>
      <c r="CS2557" s="27"/>
      <c r="CT2557" s="27"/>
      <c r="CU2557" s="27"/>
      <c r="CV2557" s="27"/>
      <c r="CW2557" s="27"/>
      <c r="CX2557" s="27"/>
      <c r="CY2557" s="23" t="s">
        <v>515</v>
      </c>
      <c r="CZ2557" s="23" t="s">
        <v>516</v>
      </c>
      <c r="DA2557" s="24" t="s">
        <v>103</v>
      </c>
      <c r="DB2557" s="25" t="s">
        <v>345</v>
      </c>
      <c r="DC2557" s="25" t="s">
        <v>458</v>
      </c>
      <c r="DD2557" s="25" t="s">
        <v>459</v>
      </c>
      <c r="DE2557" s="25" t="s">
        <v>460</v>
      </c>
      <c r="DF2557" s="25" t="s">
        <v>375</v>
      </c>
      <c r="DG2557" s="25" t="s">
        <v>364</v>
      </c>
      <c r="DH2557" s="25" t="s">
        <v>419</v>
      </c>
      <c r="DI2557" s="25" t="s">
        <v>461</v>
      </c>
      <c r="DJ2557" s="25" t="s">
        <v>366</v>
      </c>
      <c r="DK2557" s="25" t="s">
        <v>517</v>
      </c>
      <c r="DL2557" s="25">
        <v>2</v>
      </c>
      <c r="DM2557" s="25" t="s">
        <v>379</v>
      </c>
      <c r="DN2557" s="25">
        <v>2</v>
      </c>
      <c r="DO2557" s="25" t="s">
        <v>463</v>
      </c>
    </row>
    <row r="2558" spans="1:119" x14ac:dyDescent="0.2">
      <c r="A2558" s="6" t="s">
        <v>785</v>
      </c>
      <c r="B2558" s="6" t="s">
        <v>785</v>
      </c>
      <c r="C2558" s="6" t="s">
        <v>329</v>
      </c>
      <c r="D2558" s="6" t="s">
        <v>335</v>
      </c>
      <c r="E2558" s="6" t="s">
        <v>328</v>
      </c>
      <c r="F2558" s="11">
        <v>9730</v>
      </c>
      <c r="G2558" s="13">
        <v>5.70878730807E-2</v>
      </c>
      <c r="H2558" s="11">
        <v>12759</v>
      </c>
      <c r="I2558" s="13">
        <v>7.4859627198000461E-2</v>
      </c>
      <c r="J2558" s="11">
        <v>-11158</v>
      </c>
      <c r="K2558" s="13">
        <v>-6.090677845828011E-2</v>
      </c>
      <c r="L2558" s="11">
        <v>8129</v>
      </c>
      <c r="M2558" s="13">
        <v>4.7250639386189258E-2</v>
      </c>
      <c r="N2558" s="11">
        <v>-3029</v>
      </c>
      <c r="O2558" s="13">
        <v>-1.6534023297197567E-2</v>
      </c>
      <c r="P2558" s="7">
        <v>170439</v>
      </c>
      <c r="Q2558" s="7">
        <v>170363</v>
      </c>
      <c r="R2558" s="7">
        <v>172267</v>
      </c>
      <c r="S2558" s="7">
        <v>176440</v>
      </c>
      <c r="T2558" s="7">
        <v>179128</v>
      </c>
      <c r="U2558" s="7">
        <v>182061</v>
      </c>
      <c r="V2558" s="7">
        <v>183198</v>
      </c>
      <c r="W2558" s="7">
        <v>181436</v>
      </c>
      <c r="X2558" s="7">
        <v>174563</v>
      </c>
      <c r="Y2558" s="7">
        <v>172040</v>
      </c>
      <c r="Z2558" s="7">
        <v>170871</v>
      </c>
      <c r="AA2558" s="7">
        <v>172304</v>
      </c>
      <c r="AB2558" s="7">
        <v>169676</v>
      </c>
      <c r="AC2558" s="7">
        <v>171929</v>
      </c>
      <c r="AD2558" s="7">
        <v>174772</v>
      </c>
      <c r="AE2558" s="7">
        <v>177109</v>
      </c>
      <c r="AF2558" s="7">
        <v>180169</v>
      </c>
      <c r="AG2558" s="9">
        <v>13422.663017400002</v>
      </c>
      <c r="AH2558" s="13">
        <v>0.47570593112069737</v>
      </c>
      <c r="AI2558" s="9">
        <v>5920.0695749000006</v>
      </c>
      <c r="AJ2558" s="13">
        <v>0.2098102444929458</v>
      </c>
      <c r="AK2558" s="9">
        <v>2710.2208246000009</v>
      </c>
      <c r="AL2558" s="13">
        <v>7.9393929868931887E-2</v>
      </c>
      <c r="AM2558" s="9">
        <v>4792.3726179000005</v>
      </c>
      <c r="AN2558" s="13">
        <v>0.13006283855899059</v>
      </c>
      <c r="AO2558" s="9">
        <v>7502.5934425000014</v>
      </c>
      <c r="AP2558" s="13">
        <v>0.2197829683110292</v>
      </c>
      <c r="AQ2558" s="9">
        <v>28216.303685300001</v>
      </c>
      <c r="AR2558" s="9">
        <v>29209.8551252</v>
      </c>
      <c r="AS2558" s="9">
        <v>30239.763063099999</v>
      </c>
      <c r="AT2558" s="9">
        <v>31330.3947696</v>
      </c>
      <c r="AU2558" s="9">
        <v>32406.3629612</v>
      </c>
      <c r="AV2558" s="9">
        <v>33343.349260399998</v>
      </c>
      <c r="AW2558" s="9">
        <v>34136.373260200002</v>
      </c>
      <c r="AX2558" s="9">
        <v>35319.055101799997</v>
      </c>
      <c r="AY2558" s="9">
        <v>36051.276079900003</v>
      </c>
      <c r="AZ2558" s="9">
        <v>36846.594084800003</v>
      </c>
      <c r="BA2558" s="9">
        <v>37421.991064100002</v>
      </c>
      <c r="BB2558" s="9">
        <v>38050.348476599997</v>
      </c>
      <c r="BC2558" s="9">
        <v>38748.014647299999</v>
      </c>
      <c r="BD2558" s="9">
        <v>39461.115645799997</v>
      </c>
      <c r="BE2558" s="9">
        <v>40675.430913299999</v>
      </c>
      <c r="BF2558" s="9">
        <v>41638.966702700003</v>
      </c>
      <c r="BG2558" s="11">
        <v>459</v>
      </c>
      <c r="BH2558" s="13">
        <v>3.7883790029712774E-2</v>
      </c>
      <c r="BI2558" s="6">
        <v>694</v>
      </c>
      <c r="BJ2558" s="13">
        <v>5.7279630241003632E-2</v>
      </c>
      <c r="BK2558" s="6">
        <v>-192</v>
      </c>
      <c r="BL2558" s="13">
        <v>-1.4988290398126464E-2</v>
      </c>
      <c r="BM2558" s="11">
        <v>-43</v>
      </c>
      <c r="BN2558" s="13">
        <v>-3.4078300840069743E-3</v>
      </c>
      <c r="BO2558" s="11">
        <v>-235</v>
      </c>
      <c r="BP2558" s="13">
        <v>-1.8345042935206869E-2</v>
      </c>
      <c r="BQ2558" s="6">
        <v>12116</v>
      </c>
      <c r="BR2558" s="6">
        <v>12312</v>
      </c>
      <c r="BS2558" s="6">
        <v>12500</v>
      </c>
      <c r="BT2558" s="6">
        <v>12810</v>
      </c>
      <c r="BU2558" s="6">
        <v>12758</v>
      </c>
      <c r="BV2558" s="6">
        <v>12562</v>
      </c>
      <c r="BW2558" s="6">
        <v>12618</v>
      </c>
      <c r="BX2558" s="6">
        <v>12359</v>
      </c>
      <c r="BY2558" s="6">
        <v>12372</v>
      </c>
      <c r="BZ2558" s="6">
        <v>12457</v>
      </c>
      <c r="CA2558" s="6">
        <v>12460</v>
      </c>
      <c r="CB2558" s="6">
        <v>12653</v>
      </c>
      <c r="CC2558" s="11">
        <v>12575</v>
      </c>
      <c r="CD2558" s="11">
        <v>-1722</v>
      </c>
      <c r="CE2558" s="11">
        <v>-7180</v>
      </c>
      <c r="CF2558" s="11">
        <v>18631</v>
      </c>
      <c r="CG2558" s="11">
        <v>11451</v>
      </c>
      <c r="CH2558" s="20"/>
      <c r="CI2558" s="20"/>
      <c r="CJ2558" s="20"/>
      <c r="CK2558" s="20"/>
      <c r="CL2558" s="20"/>
      <c r="CM2558" s="20"/>
      <c r="CN2558" s="20"/>
      <c r="CO2558" s="20"/>
      <c r="CP2558" s="20"/>
      <c r="CQ2558" s="20"/>
      <c r="CR2558" s="20"/>
      <c r="CS2558" s="20"/>
      <c r="CT2558" s="20"/>
      <c r="CU2558" s="20"/>
      <c r="CV2558" s="20"/>
      <c r="CW2558" s="20"/>
      <c r="CX2558" s="20"/>
      <c r="CY2558" s="6"/>
      <c r="CZ2558" s="6"/>
      <c r="DA2558" s="6"/>
      <c r="DB2558" s="6"/>
      <c r="DC2558" s="6"/>
      <c r="DD2558" s="6"/>
      <c r="DE2558" s="6"/>
      <c r="DF2558" s="6"/>
      <c r="DG2558" s="6"/>
      <c r="DH2558" s="6"/>
      <c r="DI2558" s="6"/>
      <c r="DJ2558" s="6"/>
      <c r="DK2558" s="6"/>
      <c r="DL2558" s="6"/>
      <c r="DM2558" s="6"/>
      <c r="DN2558" s="6"/>
      <c r="DO2558" s="6"/>
    </row>
    <row r="2559" spans="1:119" x14ac:dyDescent="0.2">
      <c r="A2559" s="6" t="s">
        <v>785</v>
      </c>
      <c r="B2559" s="6" t="s">
        <v>785</v>
      </c>
      <c r="C2559" s="6" t="s">
        <v>329</v>
      </c>
      <c r="D2559" s="6" t="s">
        <v>339</v>
      </c>
      <c r="E2559" s="6" t="s">
        <v>333</v>
      </c>
      <c r="F2559" s="11">
        <v>-5400</v>
      </c>
      <c r="G2559" s="13">
        <v>-1.8357918212100002E-2</v>
      </c>
      <c r="H2559" s="11">
        <v>10433</v>
      </c>
      <c r="I2559" s="13">
        <v>3.5468177908625165E-2</v>
      </c>
      <c r="J2559" s="11">
        <v>-19363</v>
      </c>
      <c r="K2559" s="13">
        <v>-6.357195387807632E-2</v>
      </c>
      <c r="L2559" s="11">
        <v>3530</v>
      </c>
      <c r="M2559" s="13">
        <v>1.2376367799004985E-2</v>
      </c>
      <c r="N2559" s="11">
        <v>-15833</v>
      </c>
      <c r="O2559" s="13">
        <v>-5.1982375961967801E-2</v>
      </c>
      <c r="P2559" s="7">
        <v>294151</v>
      </c>
      <c r="Q2559" s="7">
        <v>294264</v>
      </c>
      <c r="R2559" s="7">
        <v>295187</v>
      </c>
      <c r="S2559" s="7">
        <v>298805</v>
      </c>
      <c r="T2559" s="7">
        <v>302611</v>
      </c>
      <c r="U2559" s="7">
        <v>306261</v>
      </c>
      <c r="V2559" s="7">
        <v>304584</v>
      </c>
      <c r="W2559" s="7">
        <v>297940</v>
      </c>
      <c r="X2559" s="7">
        <v>288901</v>
      </c>
      <c r="Y2559" s="7">
        <v>285221</v>
      </c>
      <c r="Z2559" s="7">
        <v>283554</v>
      </c>
      <c r="AA2559" s="7">
        <v>284758</v>
      </c>
      <c r="AB2559" s="7">
        <v>281117</v>
      </c>
      <c r="AC2559" s="7">
        <v>282154</v>
      </c>
      <c r="AD2559" s="7">
        <v>283893</v>
      </c>
      <c r="AE2559" s="7">
        <v>284163</v>
      </c>
      <c r="AF2559" s="7">
        <v>288751</v>
      </c>
      <c r="AG2559" s="9">
        <v>11804.462154399997</v>
      </c>
      <c r="AH2559" s="13">
        <v>0.45591033460193425</v>
      </c>
      <c r="AI2559" s="9">
        <v>5301.9132094999986</v>
      </c>
      <c r="AJ2559" s="13">
        <v>0.20476977212151704</v>
      </c>
      <c r="AK2559" s="9">
        <v>2508.302727899998</v>
      </c>
      <c r="AL2559" s="13">
        <v>8.0409825710507629E-2</v>
      </c>
      <c r="AM2559" s="9">
        <v>3994.2462169999999</v>
      </c>
      <c r="AN2559" s="13">
        <v>0.11851558857313152</v>
      </c>
      <c r="AO2559" s="9">
        <v>6502.5489448999979</v>
      </c>
      <c r="AP2559" s="13">
        <v>0.20845523210478287</v>
      </c>
      <c r="AQ2559" s="9">
        <v>25892.069686700001</v>
      </c>
      <c r="AR2559" s="9">
        <v>26489.266391599998</v>
      </c>
      <c r="AS2559" s="9">
        <v>27221.237770799999</v>
      </c>
      <c r="AT2559" s="9">
        <v>28135.080905399998</v>
      </c>
      <c r="AU2559" s="9">
        <v>29049.097347300001</v>
      </c>
      <c r="AV2559" s="9">
        <v>30166.445557399999</v>
      </c>
      <c r="AW2559" s="9">
        <v>31193.982896199999</v>
      </c>
      <c r="AX2559" s="9">
        <v>32350.0502289</v>
      </c>
      <c r="AY2559" s="9">
        <v>32776.091005900002</v>
      </c>
      <c r="AZ2559" s="9">
        <v>33702.285624099997</v>
      </c>
      <c r="BA2559" s="9">
        <v>33872.709676099999</v>
      </c>
      <c r="BB2559" s="9">
        <v>34523.718407799999</v>
      </c>
      <c r="BC2559" s="9">
        <v>35692.2410198</v>
      </c>
      <c r="BD2559" s="9">
        <v>36297.4025071</v>
      </c>
      <c r="BE2559" s="9">
        <v>37168.624414099999</v>
      </c>
      <c r="BF2559" s="9">
        <v>37696.531841099997</v>
      </c>
      <c r="BG2559" s="11">
        <v>833</v>
      </c>
      <c r="BH2559" s="13">
        <v>3.4846266471449484E-2</v>
      </c>
      <c r="BI2559" s="6">
        <v>514</v>
      </c>
      <c r="BJ2559" s="13">
        <v>2.1501777870738339E-2</v>
      </c>
      <c r="BK2559" s="6">
        <v>225</v>
      </c>
      <c r="BL2559" s="13">
        <v>9.2141365330275608E-3</v>
      </c>
      <c r="BM2559" s="11">
        <v>94</v>
      </c>
      <c r="BN2559" s="13">
        <v>3.8143158578152897E-3</v>
      </c>
      <c r="BO2559" s="11">
        <v>319</v>
      </c>
      <c r="BP2559" s="13">
        <v>1.3063598017936853E-2</v>
      </c>
      <c r="BQ2559" s="6">
        <v>23905</v>
      </c>
      <c r="BR2559" s="6">
        <v>24049</v>
      </c>
      <c r="BS2559" s="6">
        <v>24130</v>
      </c>
      <c r="BT2559" s="6">
        <v>24419</v>
      </c>
      <c r="BU2559" s="6">
        <v>24480</v>
      </c>
      <c r="BV2559" s="6">
        <v>24449</v>
      </c>
      <c r="BW2559" s="6">
        <v>24644</v>
      </c>
      <c r="BX2559" s="6">
        <v>24493</v>
      </c>
      <c r="BY2559" s="6">
        <v>24540</v>
      </c>
      <c r="BZ2559" s="6">
        <v>24786</v>
      </c>
      <c r="CA2559" s="6">
        <v>24732</v>
      </c>
      <c r="CB2559" s="6">
        <v>25040</v>
      </c>
      <c r="CC2559" s="11">
        <v>24738</v>
      </c>
      <c r="CD2559" s="11">
        <v>-23047</v>
      </c>
      <c r="CE2559" s="11">
        <v>-14507</v>
      </c>
      <c r="CF2559" s="11">
        <v>32154</v>
      </c>
      <c r="CG2559" s="11">
        <v>17647</v>
      </c>
      <c r="CH2559" s="6"/>
      <c r="CI2559" s="6"/>
      <c r="CJ2559" s="6"/>
      <c r="CK2559" s="6"/>
      <c r="CL2559" s="6"/>
      <c r="CM2559" s="6"/>
      <c r="CN2559" s="6"/>
      <c r="CO2559" s="6"/>
      <c r="CP2559" s="6"/>
      <c r="CQ2559" s="6"/>
      <c r="CR2559" s="6"/>
      <c r="CS2559" s="6"/>
      <c r="CT2559" s="6"/>
      <c r="CU2559" s="6"/>
      <c r="CV2559" s="6"/>
      <c r="CW2559" s="6"/>
      <c r="CX2559" s="6"/>
      <c r="CY2559" s="6"/>
      <c r="CZ2559" s="6"/>
      <c r="DA2559" s="6"/>
      <c r="DB2559" s="6"/>
      <c r="DC2559" s="6"/>
      <c r="DD2559" s="6"/>
      <c r="DE2559" s="6"/>
      <c r="DF2559" s="6"/>
      <c r="DG2559" s="6"/>
      <c r="DH2559" s="6"/>
      <c r="DI2559" s="6"/>
      <c r="DJ2559" s="6"/>
      <c r="DK2559" s="6"/>
      <c r="DL2559" s="6"/>
      <c r="DM2559" s="6"/>
      <c r="DN2559" s="6"/>
      <c r="DO2559" s="6"/>
    </row>
    <row r="2560" spans="1:119" x14ac:dyDescent="0.2">
      <c r="A2560" s="32" t="s">
        <v>791</v>
      </c>
      <c r="B2560" s="32" t="s">
        <v>791</v>
      </c>
      <c r="C2560" s="32" t="s">
        <v>329</v>
      </c>
      <c r="D2560" s="4" t="s">
        <v>165</v>
      </c>
      <c r="E2560" s="4" t="s">
        <v>304</v>
      </c>
      <c r="F2560" s="1">
        <v>-20818</v>
      </c>
      <c r="G2560" s="2">
        <v>-4.9685201361300002E-2</v>
      </c>
      <c r="H2560" s="1">
        <v>-14614.484592999972</v>
      </c>
      <c r="I2560" s="2">
        <v>-3.4879618912306412E-2</v>
      </c>
      <c r="J2560" s="1">
        <v>-30266.032163000025</v>
      </c>
      <c r="K2560" s="2">
        <v>-7.4844902981103828E-2</v>
      </c>
      <c r="L2560" s="1">
        <v>24062.419256000023</v>
      </c>
      <c r="M2560" s="2">
        <v>6.4317844917927136E-2</v>
      </c>
      <c r="N2560" s="1">
        <v>-6203.6129070000025</v>
      </c>
      <c r="O2560" s="2">
        <v>-1.5340920926012641E-2</v>
      </c>
      <c r="P2560" s="1">
        <v>418997.828782</v>
      </c>
      <c r="Q2560" s="1">
        <v>409632.634563</v>
      </c>
      <c r="R2560" s="1">
        <v>400954.07665900001</v>
      </c>
      <c r="S2560" s="1">
        <v>398052.75197400001</v>
      </c>
      <c r="T2560" s="1">
        <v>399845.19782</v>
      </c>
      <c r="U2560" s="1">
        <v>403053.27864400001</v>
      </c>
      <c r="V2560" s="1">
        <v>404383.34418900002</v>
      </c>
      <c r="W2560" s="1">
        <v>404777.948982</v>
      </c>
      <c r="X2560" s="1">
        <v>390422.15955400001</v>
      </c>
      <c r="Y2560" s="1">
        <v>374117.312026</v>
      </c>
      <c r="Z2560" s="1">
        <v>374949.36300299998</v>
      </c>
      <c r="AA2560" s="1">
        <v>384365.28350199998</v>
      </c>
      <c r="AB2560" s="1">
        <v>382194.60917399998</v>
      </c>
      <c r="AC2560" s="1">
        <v>384308.60698500002</v>
      </c>
      <c r="AD2560" s="1">
        <v>392433.91419099999</v>
      </c>
      <c r="AE2560" s="1">
        <v>396354.70281400002</v>
      </c>
      <c r="AF2560" s="1">
        <v>398179.73128200002</v>
      </c>
      <c r="AG2560" s="1">
        <v>19269.824694799994</v>
      </c>
      <c r="AH2560" s="2">
        <v>0.44070816185421635</v>
      </c>
      <c r="AI2560" s="1">
        <v>8919.4842054999972</v>
      </c>
      <c r="AJ2560" s="2">
        <v>0.20399196936931027</v>
      </c>
      <c r="AK2560" s="1">
        <v>3086.4322217000008</v>
      </c>
      <c r="AL2560" s="2">
        <v>5.8628189647241397E-2</v>
      </c>
      <c r="AM2560" s="1">
        <v>7263.9082675999962</v>
      </c>
      <c r="AN2560" s="2">
        <v>0.13033967579192476</v>
      </c>
      <c r="AO2560" s="1">
        <v>10350.340489299997</v>
      </c>
      <c r="AP2560" s="2">
        <v>0.19660944467005509</v>
      </c>
      <c r="AQ2560" s="3">
        <v>43724.683050400003</v>
      </c>
      <c r="AR2560" s="3">
        <v>45093.172521300003</v>
      </c>
      <c r="AS2560" s="3">
        <v>45694.432355800003</v>
      </c>
      <c r="AT2560" s="3">
        <v>47465.988330699998</v>
      </c>
      <c r="AU2560" s="3">
        <v>49157.5630972</v>
      </c>
      <c r="AV2560" s="3">
        <v>51062.262237000003</v>
      </c>
      <c r="AW2560" s="3">
        <v>52644.1672559</v>
      </c>
      <c r="AX2560" s="3">
        <v>54330.322720800003</v>
      </c>
      <c r="AY2560" s="3">
        <v>55348.089488500002</v>
      </c>
      <c r="AZ2560" s="3">
        <v>55730.599477600001</v>
      </c>
      <c r="BA2560" s="3">
        <v>56336.2897763</v>
      </c>
      <c r="BB2560" s="3">
        <v>58327.9323143</v>
      </c>
      <c r="BC2560" s="3">
        <v>59324.065145599998</v>
      </c>
      <c r="BD2560" s="3">
        <v>59847.620867500002</v>
      </c>
      <c r="BE2560" s="3">
        <v>62011.613505300003</v>
      </c>
      <c r="BF2560" s="3">
        <v>62994.507745199997</v>
      </c>
      <c r="BG2560" s="1">
        <v>2224.3080848999998</v>
      </c>
      <c r="BH2560" s="2">
        <v>0.11870135306016795</v>
      </c>
      <c r="BI2560" s="1">
        <v>61.931276100000105</v>
      </c>
      <c r="BJ2560" s="2">
        <v>3.3049946271913829E-3</v>
      </c>
      <c r="BK2560" s="1">
        <v>-694.57758319999994</v>
      </c>
      <c r="BL2560" s="2">
        <v>-3.6944391477677752E-2</v>
      </c>
      <c r="BM2560" s="1">
        <v>2856.9543919999996</v>
      </c>
      <c r="BN2560" s="2">
        <v>0.1577900803882698</v>
      </c>
      <c r="BO2560" s="1">
        <v>2162.3768087999997</v>
      </c>
      <c r="BP2560" s="2">
        <v>0.11501623040943358</v>
      </c>
      <c r="BQ2560" s="1">
        <v>18738.6919151</v>
      </c>
      <c r="BR2560" s="1">
        <v>18683.570841500001</v>
      </c>
      <c r="BS2560" s="1">
        <v>18632.983282699999</v>
      </c>
      <c r="BT2560" s="1">
        <v>18800.6231912</v>
      </c>
      <c r="BU2560" s="1">
        <v>18781.437076099999</v>
      </c>
      <c r="BV2560" s="1">
        <v>18447.054359400001</v>
      </c>
      <c r="BW2560" s="1">
        <v>18106.045608</v>
      </c>
      <c r="BX2560" s="1">
        <v>18251</v>
      </c>
      <c r="BY2560" s="1">
        <v>18735</v>
      </c>
      <c r="BZ2560" s="1">
        <v>19219</v>
      </c>
      <c r="CA2560" s="1">
        <v>19874</v>
      </c>
      <c r="CB2560" s="1">
        <v>20802</v>
      </c>
      <c r="CC2560" s="1">
        <v>20963</v>
      </c>
      <c r="CD2560" s="1">
        <v>-66619.600000000006</v>
      </c>
      <c r="CE2560" s="27">
        <v>0</v>
      </c>
      <c r="CF2560" s="27">
        <v>45801.5</v>
      </c>
      <c r="CG2560" s="27">
        <v>45802</v>
      </c>
      <c r="CH2560" s="27"/>
      <c r="CI2560" s="27"/>
      <c r="CJ2560" s="27"/>
      <c r="CK2560" s="27"/>
      <c r="CL2560" s="27"/>
      <c r="CM2560" s="27"/>
      <c r="CN2560" s="27"/>
      <c r="CO2560" s="27"/>
      <c r="CP2560" s="27"/>
      <c r="CQ2560" s="27"/>
      <c r="CR2560" s="27"/>
      <c r="CS2560" s="27"/>
      <c r="CT2560" s="27"/>
      <c r="CU2560" s="27"/>
      <c r="CV2560" s="27"/>
      <c r="CW2560" s="27"/>
      <c r="CX2560" s="27"/>
      <c r="CY2560" s="23" t="s">
        <v>538</v>
      </c>
      <c r="CZ2560" s="23" t="s">
        <v>539</v>
      </c>
      <c r="DA2560" s="24" t="s">
        <v>165</v>
      </c>
      <c r="DB2560" s="25"/>
      <c r="DC2560" s="25" t="s">
        <v>401</v>
      </c>
      <c r="DD2560" s="25" t="s">
        <v>373</v>
      </c>
      <c r="DE2560" s="25" t="s">
        <v>402</v>
      </c>
      <c r="DF2560" s="25" t="s">
        <v>375</v>
      </c>
      <c r="DG2560" s="25" t="s">
        <v>364</v>
      </c>
      <c r="DH2560" s="25" t="s">
        <v>419</v>
      </c>
      <c r="DI2560" s="25" t="s">
        <v>377</v>
      </c>
      <c r="DJ2560" s="25" t="s">
        <v>366</v>
      </c>
      <c r="DK2560" s="25" t="s">
        <v>540</v>
      </c>
      <c r="DL2560" s="25">
        <v>1</v>
      </c>
      <c r="DM2560" s="25" t="s">
        <v>404</v>
      </c>
      <c r="DN2560" s="25">
        <v>1</v>
      </c>
      <c r="DO2560" s="25" t="s">
        <v>405</v>
      </c>
    </row>
    <row r="2561" spans="1:120" x14ac:dyDescent="0.2">
      <c r="A2561" s="32" t="s">
        <v>791</v>
      </c>
      <c r="B2561" s="32" t="s">
        <v>791</v>
      </c>
      <c r="C2561" s="32" t="s">
        <v>329</v>
      </c>
      <c r="D2561" s="4" t="s">
        <v>170</v>
      </c>
      <c r="E2561" s="4" t="s">
        <v>309</v>
      </c>
      <c r="F2561" s="1">
        <v>-41303</v>
      </c>
      <c r="G2561" s="2">
        <v>-5.9672877685300003E-2</v>
      </c>
      <c r="H2561" s="1">
        <v>-30039.462450999999</v>
      </c>
      <c r="I2561" s="2">
        <v>-4.3399757329079261E-2</v>
      </c>
      <c r="J2561" s="1">
        <v>-51334.476193999988</v>
      </c>
      <c r="K2561" s="2">
        <v>-7.7530715616164675E-2</v>
      </c>
      <c r="L2561" s="1">
        <v>40070.969865999999</v>
      </c>
      <c r="M2561" s="2">
        <v>6.5605854650279224E-2</v>
      </c>
      <c r="N2561" s="1">
        <v>-11263.506327999989</v>
      </c>
      <c r="O2561" s="2">
        <v>-1.7011329825531687E-2</v>
      </c>
      <c r="P2561" s="1">
        <v>692157.38289100002</v>
      </c>
      <c r="Q2561" s="1">
        <v>681514.17589199997</v>
      </c>
      <c r="R2561" s="1">
        <v>673904.39963200002</v>
      </c>
      <c r="S2561" s="1">
        <v>667950.230721</v>
      </c>
      <c r="T2561" s="1">
        <v>671570.88469600002</v>
      </c>
      <c r="U2561" s="1">
        <v>676564.97591599997</v>
      </c>
      <c r="V2561" s="1">
        <v>662117.92044000002</v>
      </c>
      <c r="W2561" s="1">
        <v>656951.20340100001</v>
      </c>
      <c r="X2561" s="1">
        <v>626910.06619200006</v>
      </c>
      <c r="Y2561" s="1">
        <v>610783.44424600003</v>
      </c>
      <c r="Z2561" s="1">
        <v>612399.42711199995</v>
      </c>
      <c r="AA2561" s="1">
        <v>618865.29047500005</v>
      </c>
      <c r="AB2561" s="1">
        <v>623351.01905600005</v>
      </c>
      <c r="AC2561" s="1">
        <v>632415.70840700006</v>
      </c>
      <c r="AD2561" s="1">
        <v>641972.62483400002</v>
      </c>
      <c r="AE2561" s="1">
        <v>648871.78151899995</v>
      </c>
      <c r="AF2561" s="1">
        <v>650854.41411200003</v>
      </c>
      <c r="AG2561" s="1">
        <v>19936.909093400005</v>
      </c>
      <c r="AH2561" s="2">
        <v>0.43990459618424077</v>
      </c>
      <c r="AI2561" s="1">
        <v>10171.825770200005</v>
      </c>
      <c r="AJ2561" s="2">
        <v>0.22443965044599554</v>
      </c>
      <c r="AK2561" s="1">
        <v>2814.6292154999974</v>
      </c>
      <c r="AL2561" s="2">
        <v>5.0720611110397856E-2</v>
      </c>
      <c r="AM2561" s="1">
        <v>6950.4541077000031</v>
      </c>
      <c r="AN2561" s="2">
        <v>0.11920355700854285</v>
      </c>
      <c r="AO2561" s="1">
        <v>9765.0833232000005</v>
      </c>
      <c r="AP2561" s="2">
        <v>0.17597024537694714</v>
      </c>
      <c r="AQ2561" s="3">
        <v>45320.983836799998</v>
      </c>
      <c r="AR2561" s="3">
        <v>46615.825863700004</v>
      </c>
      <c r="AS2561" s="3">
        <v>48119.631611899997</v>
      </c>
      <c r="AT2561" s="3">
        <v>49645.804849699998</v>
      </c>
      <c r="AU2561" s="3">
        <v>51455.0906665</v>
      </c>
      <c r="AV2561" s="3">
        <v>53404.5832343</v>
      </c>
      <c r="AW2561" s="3">
        <v>55492.809607000003</v>
      </c>
      <c r="AX2561" s="3">
        <v>56921.297593900003</v>
      </c>
      <c r="AY2561" s="3">
        <v>57474.660258299999</v>
      </c>
      <c r="AZ2561" s="3">
        <v>58307.4388225</v>
      </c>
      <c r="BA2561" s="3">
        <v>58906.367425600001</v>
      </c>
      <c r="BB2561" s="3">
        <v>60923.570404099999</v>
      </c>
      <c r="BC2561" s="3">
        <v>61646.860750400003</v>
      </c>
      <c r="BD2561" s="3">
        <v>62905.805899300001</v>
      </c>
      <c r="BE2561" s="3">
        <v>64477.120180400001</v>
      </c>
      <c r="BF2561" s="3">
        <v>65257.892930200003</v>
      </c>
      <c r="BG2561" s="1">
        <v>2367.3649137999964</v>
      </c>
      <c r="BH2561" s="2">
        <v>7.0090388682878466E-2</v>
      </c>
      <c r="BI2561" s="1">
        <v>-584.7095810000028</v>
      </c>
      <c r="BJ2561" s="2">
        <v>-1.7311451039928507E-2</v>
      </c>
      <c r="BK2561" s="1">
        <v>-1464.1563539000017</v>
      </c>
      <c r="BL2561" s="2">
        <v>-4.4112820097938835E-2</v>
      </c>
      <c r="BM2561" s="1">
        <v>4416.2308487000009</v>
      </c>
      <c r="BN2561" s="2">
        <v>0.13919463494631668</v>
      </c>
      <c r="BO2561" s="1">
        <v>2952.0744947999992</v>
      </c>
      <c r="BP2561" s="2">
        <v>8.8941546958392695E-2</v>
      </c>
      <c r="BQ2561" s="1">
        <v>33775.885086200004</v>
      </c>
      <c r="BR2561" s="1">
        <v>33721.873183800002</v>
      </c>
      <c r="BS2561" s="1">
        <v>33760.632216899998</v>
      </c>
      <c r="BT2561" s="1">
        <v>33191.175505200001</v>
      </c>
      <c r="BU2561" s="1">
        <v>32910.188993999996</v>
      </c>
      <c r="BV2561" s="1">
        <v>32134.139852100001</v>
      </c>
      <c r="BW2561" s="1">
        <v>31727.019151299999</v>
      </c>
      <c r="BX2561" s="1">
        <v>31832</v>
      </c>
      <c r="BY2561" s="1">
        <v>32254</v>
      </c>
      <c r="BZ2561" s="1">
        <v>32978</v>
      </c>
      <c r="CA2561" s="1">
        <v>34000</v>
      </c>
      <c r="CB2561" s="1">
        <v>35552</v>
      </c>
      <c r="CC2561" s="1">
        <v>36143.25</v>
      </c>
      <c r="CD2561" s="1">
        <v>-116964</v>
      </c>
      <c r="CE2561" s="27">
        <v>0</v>
      </c>
      <c r="CF2561" s="27">
        <v>75661.100000000006</v>
      </c>
      <c r="CG2561" s="27">
        <v>75661</v>
      </c>
      <c r="CH2561" s="27"/>
      <c r="CI2561" s="27"/>
      <c r="CJ2561" s="27"/>
      <c r="CK2561" s="27"/>
      <c r="CL2561" s="27"/>
      <c r="CM2561" s="27"/>
      <c r="CN2561" s="27"/>
      <c r="CO2561" s="27"/>
      <c r="CP2561" s="27"/>
      <c r="CQ2561" s="27"/>
      <c r="CR2561" s="27"/>
      <c r="CS2561" s="27"/>
      <c r="CT2561" s="27"/>
      <c r="CU2561" s="27"/>
      <c r="CV2561" s="27"/>
      <c r="CW2561" s="27"/>
      <c r="CX2561" s="27"/>
      <c r="CY2561" s="23" t="s">
        <v>689</v>
      </c>
      <c r="CZ2561" s="23" t="s">
        <v>690</v>
      </c>
      <c r="DA2561" s="24" t="s">
        <v>170</v>
      </c>
      <c r="DB2561" s="25"/>
      <c r="DC2561" s="25" t="s">
        <v>506</v>
      </c>
      <c r="DD2561" s="25" t="s">
        <v>507</v>
      </c>
      <c r="DE2561" s="25" t="s">
        <v>508</v>
      </c>
      <c r="DF2561" s="25" t="s">
        <v>375</v>
      </c>
      <c r="DG2561" s="25" t="s">
        <v>364</v>
      </c>
      <c r="DH2561" s="25" t="s">
        <v>419</v>
      </c>
      <c r="DI2561" s="25" t="s">
        <v>509</v>
      </c>
      <c r="DJ2561" s="25" t="s">
        <v>366</v>
      </c>
      <c r="DK2561" s="25" t="s">
        <v>691</v>
      </c>
      <c r="DL2561" s="25">
        <v>1</v>
      </c>
      <c r="DM2561" s="25" t="s">
        <v>404</v>
      </c>
      <c r="DN2561" s="25">
        <v>1</v>
      </c>
      <c r="DO2561" s="25" t="s">
        <v>405</v>
      </c>
    </row>
    <row r="2562" spans="1:120" x14ac:dyDescent="0.2">
      <c r="A2562" s="6" t="s">
        <v>785</v>
      </c>
      <c r="B2562" s="6" t="s">
        <v>785</v>
      </c>
      <c r="C2562" s="6" t="s">
        <v>329</v>
      </c>
      <c r="D2562" s="6" t="s">
        <v>337</v>
      </c>
      <c r="E2562" s="6" t="s">
        <v>331</v>
      </c>
      <c r="F2562" s="11">
        <v>79292</v>
      </c>
      <c r="G2562" s="13">
        <v>3.6578727393199999E-2</v>
      </c>
      <c r="H2562" s="11">
        <v>34804</v>
      </c>
      <c r="I2562" s="13">
        <v>1.6055668014326653E-2</v>
      </c>
      <c r="J2562" s="11">
        <v>-119627</v>
      </c>
      <c r="K2562" s="13">
        <v>-5.4313892500926213E-2</v>
      </c>
      <c r="L2562" s="11">
        <v>164115</v>
      </c>
      <c r="M2562" s="13">
        <v>7.8792156071986683E-2</v>
      </c>
      <c r="N2562" s="11">
        <v>44488</v>
      </c>
      <c r="O2562" s="13">
        <v>2.0198754876250391E-2</v>
      </c>
      <c r="P2562" s="7">
        <v>2167708</v>
      </c>
      <c r="Q2562" s="7">
        <v>2150860</v>
      </c>
      <c r="R2562" s="7">
        <v>2144084</v>
      </c>
      <c r="S2562" s="7">
        <v>2143921</v>
      </c>
      <c r="T2562" s="7">
        <v>2168500</v>
      </c>
      <c r="U2562" s="7">
        <v>2191633</v>
      </c>
      <c r="V2562" s="7">
        <v>2202512</v>
      </c>
      <c r="W2562" s="7">
        <v>2195190</v>
      </c>
      <c r="X2562" s="7">
        <v>2111360</v>
      </c>
      <c r="Y2562" s="7">
        <v>2082885</v>
      </c>
      <c r="Z2562" s="7">
        <v>2090497</v>
      </c>
      <c r="AA2562" s="7">
        <v>2123334</v>
      </c>
      <c r="AB2562" s="7">
        <v>2135760</v>
      </c>
      <c r="AC2562" s="7">
        <v>2158157</v>
      </c>
      <c r="AD2562" s="7">
        <v>2200431</v>
      </c>
      <c r="AE2562" s="7">
        <v>2226183</v>
      </c>
      <c r="AF2562" s="7">
        <v>2247000</v>
      </c>
      <c r="AG2562" s="9">
        <v>17300.523514400003</v>
      </c>
      <c r="AH2562" s="13">
        <v>0.41998744289280526</v>
      </c>
      <c r="AI2562" s="9">
        <v>8232.193310900002</v>
      </c>
      <c r="AJ2562" s="13">
        <v>0.19984469343753583</v>
      </c>
      <c r="AK2562" s="9">
        <v>2856.311761500001</v>
      </c>
      <c r="AL2562" s="13">
        <v>5.7790657252800928E-2</v>
      </c>
      <c r="AM2562" s="9">
        <v>6212.0184420000005</v>
      </c>
      <c r="AN2562" s="13">
        <v>0.11881876528088534</v>
      </c>
      <c r="AO2562" s="9">
        <v>9068.3302035000015</v>
      </c>
      <c r="AP2562" s="13">
        <v>0.1834760370732349</v>
      </c>
      <c r="AQ2562" s="9">
        <v>41192.954235099998</v>
      </c>
      <c r="AR2562" s="9">
        <v>42307.302845600003</v>
      </c>
      <c r="AS2562" s="9">
        <v>43313.5910104</v>
      </c>
      <c r="AT2562" s="9">
        <v>44799.393392099999</v>
      </c>
      <c r="AU2562" s="9">
        <v>46269.531307800004</v>
      </c>
      <c r="AV2562" s="9">
        <v>47885.155362999998</v>
      </c>
      <c r="AW2562" s="9">
        <v>49425.147546</v>
      </c>
      <c r="AX2562" s="9">
        <v>51600.0497474</v>
      </c>
      <c r="AY2562" s="9">
        <v>51241.033007700004</v>
      </c>
      <c r="AZ2562" s="9">
        <v>52281.459307500001</v>
      </c>
      <c r="BA2562" s="9">
        <v>52915.298702300002</v>
      </c>
      <c r="BB2562" s="9">
        <v>54064.457518000003</v>
      </c>
      <c r="BC2562" s="9">
        <v>54918.731434000001</v>
      </c>
      <c r="BD2562" s="9">
        <v>55991.749512399998</v>
      </c>
      <c r="BE2562" s="9">
        <v>57659.4482728</v>
      </c>
      <c r="BF2562" s="9">
        <v>58493.477749500002</v>
      </c>
      <c r="BG2562" s="11">
        <v>14060</v>
      </c>
      <c r="BH2562" s="13">
        <v>0.13308470661731994</v>
      </c>
      <c r="BI2562" s="6">
        <v>2536</v>
      </c>
      <c r="BJ2562" s="13">
        <v>2.400446770850095E-2</v>
      </c>
      <c r="BK2562" s="6">
        <v>-2853</v>
      </c>
      <c r="BL2562" s="13">
        <v>-2.6371980810293669E-2</v>
      </c>
      <c r="BM2562" s="11">
        <v>14377</v>
      </c>
      <c r="BN2562" s="13">
        <v>0.13649482578562613</v>
      </c>
      <c r="BO2562" s="11">
        <v>11524</v>
      </c>
      <c r="BP2562" s="13">
        <v>0.10652320604900954</v>
      </c>
      <c r="BQ2562" s="6">
        <v>105647</v>
      </c>
      <c r="BR2562" s="6">
        <v>106309</v>
      </c>
      <c r="BS2562" s="6">
        <v>106967</v>
      </c>
      <c r="BT2562" s="6">
        <v>108183</v>
      </c>
      <c r="BU2562" s="6">
        <v>107800</v>
      </c>
      <c r="BV2562" s="6">
        <v>106038</v>
      </c>
      <c r="BW2562" s="6">
        <v>105330</v>
      </c>
      <c r="BX2562" s="6">
        <v>105664</v>
      </c>
      <c r="BY2562" s="6">
        <v>107421</v>
      </c>
      <c r="BZ2562" s="6">
        <v>109858</v>
      </c>
      <c r="CA2562" s="6">
        <v>113073</v>
      </c>
      <c r="CB2562" s="6">
        <v>118218</v>
      </c>
      <c r="CC2562" s="11">
        <v>119707</v>
      </c>
      <c r="CD2562" s="11">
        <v>-192183</v>
      </c>
      <c r="CE2562" s="11">
        <v>34518</v>
      </c>
      <c r="CF2562" s="11">
        <v>236957</v>
      </c>
      <c r="CG2562" s="11">
        <v>271475</v>
      </c>
      <c r="CH2562" s="20"/>
      <c r="CI2562" s="20"/>
      <c r="CJ2562" s="20"/>
      <c r="CK2562" s="20"/>
      <c r="CL2562" s="20"/>
      <c r="CM2562" s="20"/>
      <c r="CN2562" s="20"/>
      <c r="CO2562" s="20"/>
      <c r="CP2562" s="20"/>
      <c r="CQ2562" s="20"/>
      <c r="CR2562" s="20"/>
      <c r="CS2562" s="20"/>
      <c r="CT2562" s="20"/>
      <c r="CU2562" s="20"/>
      <c r="CV2562" s="20"/>
      <c r="CW2562" s="20"/>
      <c r="CX2562" s="20"/>
      <c r="CY2562" s="6"/>
      <c r="CZ2562" s="6"/>
      <c r="DA2562" s="6"/>
      <c r="DB2562" s="6"/>
      <c r="DC2562" s="6"/>
      <c r="DD2562" s="6"/>
      <c r="DE2562" s="6"/>
      <c r="DF2562" s="6"/>
      <c r="DG2562" s="6"/>
      <c r="DH2562" s="6"/>
      <c r="DI2562" s="6"/>
      <c r="DJ2562" s="6"/>
      <c r="DK2562" s="6"/>
      <c r="DL2562" s="6"/>
      <c r="DM2562" s="6"/>
      <c r="DN2562" s="6"/>
      <c r="DO2562" s="6"/>
    </row>
    <row r="2563" spans="1:120" x14ac:dyDescent="0.2">
      <c r="A2563" s="32" t="s">
        <v>791</v>
      </c>
      <c r="B2563" s="32" t="s">
        <v>791</v>
      </c>
      <c r="C2563" s="32" t="s">
        <v>329</v>
      </c>
      <c r="D2563" s="26">
        <v>29000</v>
      </c>
      <c r="E2563" s="26" t="s">
        <v>172</v>
      </c>
      <c r="F2563" s="1">
        <v>137005</v>
      </c>
      <c r="G2563" s="2">
        <v>4.60391170356E-2</v>
      </c>
      <c r="H2563" s="1">
        <v>95534</v>
      </c>
      <c r="I2563" s="2">
        <v>3.2103215261309499E-2</v>
      </c>
      <c r="J2563" s="1">
        <v>-154656</v>
      </c>
      <c r="K2563" s="2">
        <v>-5.0354027335657373E-2</v>
      </c>
      <c r="L2563" s="1">
        <v>196127</v>
      </c>
      <c r="M2563" s="2">
        <v>6.7242382445742932E-2</v>
      </c>
      <c r="N2563" s="1">
        <v>41471</v>
      </c>
      <c r="O2563" s="2">
        <v>1.3502430346297894E-2</v>
      </c>
      <c r="P2563" s="1">
        <v>2975839</v>
      </c>
      <c r="Q2563" s="1">
        <v>2961694</v>
      </c>
      <c r="R2563" s="1">
        <v>2964210</v>
      </c>
      <c r="S2563" s="1">
        <v>2982563</v>
      </c>
      <c r="T2563" s="1">
        <v>3020091</v>
      </c>
      <c r="U2563" s="1">
        <v>3058961</v>
      </c>
      <c r="V2563" s="1">
        <v>3071373</v>
      </c>
      <c r="W2563" s="1">
        <v>3057943</v>
      </c>
      <c r="X2563" s="1">
        <v>2952782</v>
      </c>
      <c r="Y2563" s="1">
        <v>2916717</v>
      </c>
      <c r="Z2563" s="1">
        <v>2923981</v>
      </c>
      <c r="AA2563" s="1">
        <v>2958559</v>
      </c>
      <c r="AB2563" s="1">
        <v>2968927</v>
      </c>
      <c r="AC2563" s="1">
        <v>2995153</v>
      </c>
      <c r="AD2563" s="1">
        <v>3044234</v>
      </c>
      <c r="AE2563" s="1">
        <v>3077042</v>
      </c>
      <c r="AF2563" s="1">
        <v>3112844</v>
      </c>
      <c r="AG2563" s="1">
        <v>16570.929739400002</v>
      </c>
      <c r="AH2563" s="2">
        <v>0.43894349159738882</v>
      </c>
      <c r="AI2563" s="1">
        <v>7674.5627632000032</v>
      </c>
      <c r="AJ2563" s="2">
        <v>0.20328970243309274</v>
      </c>
      <c r="AK2563" s="1">
        <v>2930.1046859999988</v>
      </c>
      <c r="AL2563" s="2">
        <v>6.4502221891414566E-2</v>
      </c>
      <c r="AM2563" s="1">
        <v>5966.2622902000003</v>
      </c>
      <c r="AN2563" s="2">
        <v>0.12338072209990596</v>
      </c>
      <c r="AO2563" s="1">
        <v>8896.366976199999</v>
      </c>
      <c r="AP2563" s="2">
        <v>0.19584127470533161</v>
      </c>
      <c r="AQ2563" s="3">
        <v>37751.852018799997</v>
      </c>
      <c r="AR2563" s="3">
        <v>38775.106247399999</v>
      </c>
      <c r="AS2563" s="3">
        <v>39742.575137200001</v>
      </c>
      <c r="AT2563" s="3">
        <v>41113.129607000003</v>
      </c>
      <c r="AU2563" s="3">
        <v>42488.381211499996</v>
      </c>
      <c r="AV2563" s="3">
        <v>43948.969214299999</v>
      </c>
      <c r="AW2563" s="3">
        <v>45426.414782</v>
      </c>
      <c r="AX2563" s="3">
        <v>47361.267781000002</v>
      </c>
      <c r="AY2563" s="3">
        <v>47355.5572627</v>
      </c>
      <c r="AZ2563" s="3">
        <v>48356.519467999999</v>
      </c>
      <c r="BA2563" s="3">
        <v>48909.303922200001</v>
      </c>
      <c r="BB2563" s="3">
        <v>49988.150598</v>
      </c>
      <c r="BC2563" s="3">
        <v>50945.894929599999</v>
      </c>
      <c r="BD2563" s="3">
        <v>51942.864829999999</v>
      </c>
      <c r="BE2563" s="3">
        <v>53465.304275000002</v>
      </c>
      <c r="BF2563" s="3">
        <v>54322.781758199999</v>
      </c>
      <c r="BG2563" s="1">
        <v>24800</v>
      </c>
      <c r="BH2563" s="2">
        <v>0.14678030303030304</v>
      </c>
      <c r="BI2563" s="1">
        <v>6946</v>
      </c>
      <c r="BJ2563" s="2">
        <v>4.1110321969696967E-2</v>
      </c>
      <c r="BK2563" s="1">
        <v>-1151</v>
      </c>
      <c r="BL2563" s="2">
        <v>-6.5432674269211965E-3</v>
      </c>
      <c r="BM2563" s="1">
        <v>19005</v>
      </c>
      <c r="BN2563" s="2">
        <v>0.10875225315441618</v>
      </c>
      <c r="BO2563" s="1">
        <v>17854</v>
      </c>
      <c r="BP2563" s="2">
        <v>0.10149739065182541</v>
      </c>
      <c r="BQ2563" s="1">
        <v>168960</v>
      </c>
      <c r="BR2563" s="1">
        <v>170744</v>
      </c>
      <c r="BS2563" s="1">
        <v>172615</v>
      </c>
      <c r="BT2563" s="1">
        <v>175906</v>
      </c>
      <c r="BU2563" s="1">
        <v>176248</v>
      </c>
      <c r="BV2563" s="1">
        <v>174430</v>
      </c>
      <c r="BW2563" s="1">
        <v>174755</v>
      </c>
      <c r="BX2563" s="1">
        <v>175233</v>
      </c>
      <c r="BY2563" s="1">
        <v>177960</v>
      </c>
      <c r="BZ2563" s="1">
        <v>181604</v>
      </c>
      <c r="CA2563" s="1">
        <v>185616</v>
      </c>
      <c r="CB2563" s="1">
        <v>192577</v>
      </c>
      <c r="CC2563" s="1">
        <v>193760</v>
      </c>
      <c r="CD2563" s="1">
        <v>-188290</v>
      </c>
      <c r="CE2563" s="27">
        <v>0</v>
      </c>
      <c r="CF2563" s="27">
        <v>325295</v>
      </c>
      <c r="CG2563" s="27">
        <v>325295</v>
      </c>
      <c r="CH2563" s="27"/>
      <c r="CI2563" s="27"/>
      <c r="CJ2563" s="27"/>
      <c r="CK2563" s="27"/>
      <c r="CL2563" s="27"/>
      <c r="CM2563" s="27"/>
      <c r="CN2563" s="27"/>
      <c r="CO2563" s="27"/>
      <c r="CP2563" s="27"/>
      <c r="CQ2563" s="27"/>
      <c r="CR2563" s="27"/>
      <c r="CS2563" s="27"/>
      <c r="CT2563" s="27"/>
      <c r="CU2563" s="27"/>
      <c r="CV2563" s="27"/>
      <c r="CW2563" s="27"/>
      <c r="CX2563" s="27"/>
      <c r="CY2563" s="23"/>
      <c r="CZ2563" s="23"/>
      <c r="DA2563" s="24"/>
      <c r="DB2563" s="25"/>
      <c r="DC2563" s="25"/>
      <c r="DD2563" s="25"/>
      <c r="DE2563" s="25"/>
      <c r="DF2563" s="25"/>
      <c r="DG2563" s="25"/>
      <c r="DH2563" s="25"/>
      <c r="DI2563" s="25"/>
      <c r="DJ2563" s="25"/>
      <c r="DK2563" s="25"/>
      <c r="DL2563" s="25"/>
      <c r="DM2563" s="25"/>
      <c r="DN2563" s="25"/>
      <c r="DO2563" s="25"/>
    </row>
    <row r="2564" spans="1:120" x14ac:dyDescent="0.2">
      <c r="DO2564" s="31"/>
      <c r="DP2564" s="5"/>
    </row>
    <row r="2565" spans="1:120" x14ac:dyDescent="0.2">
      <c r="DO2565" s="31"/>
      <c r="DP2565" s="5"/>
    </row>
    <row r="2566" spans="1:120" x14ac:dyDescent="0.2">
      <c r="DO2566" s="31"/>
      <c r="DP2566" s="5"/>
    </row>
    <row r="2567" spans="1:120" x14ac:dyDescent="0.2">
      <c r="DO2567" s="31"/>
      <c r="DP2567" s="5"/>
    </row>
    <row r="2568" spans="1:120" x14ac:dyDescent="0.2">
      <c r="DO2568" s="31"/>
      <c r="DP2568" s="5"/>
    </row>
    <row r="2569" spans="1:120" x14ac:dyDescent="0.2">
      <c r="DO2569" s="31"/>
      <c r="DP2569" s="5"/>
    </row>
    <row r="2570" spans="1:120" x14ac:dyDescent="0.2">
      <c r="DO2570" s="31"/>
      <c r="DP2570" s="5"/>
    </row>
  </sheetData>
  <autoFilter ref="A1:DO2563">
    <sortState ref="A1322:DO2563">
      <sortCondition descending="1" ref="J1:J2563"/>
    </sortState>
  </autoFilter>
  <pageMargins left="0.7" right="0.7" top="0.75" bottom="0.75" header="0.3" footer="0.3"/>
  <pageSetup orientation="portrait" horizontalDpi="0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B2" sqref="B2"/>
    </sheetView>
  </sheetViews>
  <sheetFormatPr defaultRowHeight="12.75" x14ac:dyDescent="0.2"/>
  <sheetData/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filterMode="1"/>
  <dimension ref="A1:DO127"/>
  <sheetViews>
    <sheetView tabSelected="1" workbookViewId="0">
      <selection activeCell="C1" sqref="C1"/>
    </sheetView>
  </sheetViews>
  <sheetFormatPr defaultRowHeight="12.75" x14ac:dyDescent="0.2"/>
  <cols>
    <col min="1" max="1" width="6.5703125" customWidth="1"/>
    <col min="2" max="2" width="5.7109375" customWidth="1"/>
    <col min="3" max="3" width="64.42578125" bestFit="1" customWidth="1"/>
    <col min="4" max="4" width="5.28515625" customWidth="1"/>
    <col min="5" max="5" width="25.5703125" customWidth="1"/>
    <col min="6" max="15" width="9" customWidth="1"/>
    <col min="16" max="32" width="8.28515625" customWidth="1"/>
    <col min="33" max="34" width="7.7109375" customWidth="1"/>
    <col min="35" max="38" width="8.42578125" customWidth="1"/>
    <col min="39" max="42" width="7.7109375" customWidth="1"/>
    <col min="43" max="58" width="8" customWidth="1"/>
    <col min="59" max="68" width="8.28515625" customWidth="1"/>
    <col min="69" max="81" width="8.42578125" customWidth="1"/>
    <col min="82" max="82" width="8.5703125" customWidth="1"/>
    <col min="83" max="84" width="7.140625" customWidth="1"/>
    <col min="85" max="102" width="7.85546875" customWidth="1"/>
  </cols>
  <sheetData>
    <row r="1" spans="1:119" ht="72" x14ac:dyDescent="0.2">
      <c r="A1" s="15" t="s">
        <v>790</v>
      </c>
      <c r="B1" s="15" t="s">
        <v>171</v>
      </c>
      <c r="C1" s="15" t="s">
        <v>0</v>
      </c>
      <c r="D1" s="15" t="s">
        <v>340</v>
      </c>
      <c r="E1" s="15" t="s">
        <v>341</v>
      </c>
      <c r="F1" s="16" t="s">
        <v>759</v>
      </c>
      <c r="G1" s="16" t="s">
        <v>760</v>
      </c>
      <c r="H1" s="16" t="s">
        <v>761</v>
      </c>
      <c r="I1" s="16" t="s">
        <v>762</v>
      </c>
      <c r="J1" s="16" t="s">
        <v>763</v>
      </c>
      <c r="K1" s="16" t="s">
        <v>764</v>
      </c>
      <c r="L1" s="16" t="s">
        <v>765</v>
      </c>
      <c r="M1" s="16" t="s">
        <v>766</v>
      </c>
      <c r="N1" s="16" t="s">
        <v>767</v>
      </c>
      <c r="O1" s="16" t="s">
        <v>768</v>
      </c>
      <c r="P1" s="17" t="s">
        <v>3</v>
      </c>
      <c r="Q1" s="17" t="s">
        <v>4</v>
      </c>
      <c r="R1" s="17" t="s">
        <v>5</v>
      </c>
      <c r="S1" s="17" t="s">
        <v>6</v>
      </c>
      <c r="T1" s="17" t="s">
        <v>7</v>
      </c>
      <c r="U1" s="17" t="s">
        <v>8</v>
      </c>
      <c r="V1" s="17" t="s">
        <v>9</v>
      </c>
      <c r="W1" s="17" t="s">
        <v>10</v>
      </c>
      <c r="X1" s="17" t="s">
        <v>11</v>
      </c>
      <c r="Y1" s="17" t="s">
        <v>12</v>
      </c>
      <c r="Z1" s="17" t="s">
        <v>13</v>
      </c>
      <c r="AA1" s="17" t="s">
        <v>14</v>
      </c>
      <c r="AB1" s="17" t="s">
        <v>15</v>
      </c>
      <c r="AC1" s="17" t="s">
        <v>16</v>
      </c>
      <c r="AD1" s="17" t="s">
        <v>17</v>
      </c>
      <c r="AE1" s="17" t="s">
        <v>18</v>
      </c>
      <c r="AF1" s="17" t="s">
        <v>19</v>
      </c>
      <c r="AG1" s="18" t="s">
        <v>769</v>
      </c>
      <c r="AH1" s="18" t="s">
        <v>770</v>
      </c>
      <c r="AI1" s="18" t="s">
        <v>771</v>
      </c>
      <c r="AJ1" s="18" t="s">
        <v>772</v>
      </c>
      <c r="AK1" s="18" t="s">
        <v>773</v>
      </c>
      <c r="AL1" s="18" t="s">
        <v>774</v>
      </c>
      <c r="AM1" s="18" t="s">
        <v>775</v>
      </c>
      <c r="AN1" s="18" t="s">
        <v>776</v>
      </c>
      <c r="AO1" s="18" t="s">
        <v>777</v>
      </c>
      <c r="AP1" s="18" t="s">
        <v>778</v>
      </c>
      <c r="AQ1" s="18" t="s">
        <v>743</v>
      </c>
      <c r="AR1" s="18" t="s">
        <v>744</v>
      </c>
      <c r="AS1" s="18" t="s">
        <v>745</v>
      </c>
      <c r="AT1" s="18" t="s">
        <v>746</v>
      </c>
      <c r="AU1" s="18" t="s">
        <v>747</v>
      </c>
      <c r="AV1" s="18" t="s">
        <v>748</v>
      </c>
      <c r="AW1" s="18" t="s">
        <v>749</v>
      </c>
      <c r="AX1" s="18" t="s">
        <v>750</v>
      </c>
      <c r="AY1" s="18" t="s">
        <v>751</v>
      </c>
      <c r="AZ1" s="18" t="s">
        <v>752</v>
      </c>
      <c r="BA1" s="18" t="s">
        <v>753</v>
      </c>
      <c r="BB1" s="18" t="s">
        <v>754</v>
      </c>
      <c r="BC1" s="18" t="s">
        <v>755</v>
      </c>
      <c r="BD1" s="18" t="s">
        <v>756</v>
      </c>
      <c r="BE1" s="18" t="s">
        <v>757</v>
      </c>
      <c r="BF1" s="18" t="s">
        <v>758</v>
      </c>
      <c r="BG1" s="15" t="s">
        <v>779</v>
      </c>
      <c r="BH1" s="21" t="s">
        <v>780</v>
      </c>
      <c r="BI1" s="15" t="s">
        <v>781</v>
      </c>
      <c r="BJ1" s="21" t="s">
        <v>782</v>
      </c>
      <c r="BK1" s="15" t="s">
        <v>783</v>
      </c>
      <c r="BL1" s="21" t="s">
        <v>784</v>
      </c>
      <c r="BM1" s="15" t="s">
        <v>786</v>
      </c>
      <c r="BN1" s="21" t="s">
        <v>787</v>
      </c>
      <c r="BO1" s="15" t="s">
        <v>788</v>
      </c>
      <c r="BP1" s="21" t="s">
        <v>789</v>
      </c>
      <c r="BQ1" s="15" t="s">
        <v>20</v>
      </c>
      <c r="BR1" s="15" t="s">
        <v>21</v>
      </c>
      <c r="BS1" s="15" t="s">
        <v>22</v>
      </c>
      <c r="BT1" s="15" t="s">
        <v>23</v>
      </c>
      <c r="BU1" s="15" t="s">
        <v>24</v>
      </c>
      <c r="BV1" s="15" t="s">
        <v>25</v>
      </c>
      <c r="BW1" s="15" t="s">
        <v>26</v>
      </c>
      <c r="BX1" s="15" t="s">
        <v>27</v>
      </c>
      <c r="BY1" s="15" t="s">
        <v>28</v>
      </c>
      <c r="BZ1" s="15" t="s">
        <v>29</v>
      </c>
      <c r="CA1" s="15" t="s">
        <v>30</v>
      </c>
      <c r="CB1" s="15" t="s">
        <v>31</v>
      </c>
      <c r="CC1" s="15" t="s">
        <v>32</v>
      </c>
      <c r="CD1" s="15" t="s">
        <v>33</v>
      </c>
      <c r="CE1" s="15" t="s">
        <v>34</v>
      </c>
      <c r="CF1" s="15" t="s">
        <v>35</v>
      </c>
      <c r="CG1" s="15" t="s">
        <v>36</v>
      </c>
      <c r="CH1" s="15" t="s">
        <v>37</v>
      </c>
      <c r="CI1" s="15" t="s">
        <v>38</v>
      </c>
      <c r="CJ1" s="15" t="s">
        <v>39</v>
      </c>
      <c r="CK1" s="15" t="s">
        <v>40</v>
      </c>
      <c r="CL1" s="15" t="s">
        <v>41</v>
      </c>
      <c r="CM1" s="15" t="s">
        <v>42</v>
      </c>
      <c r="CN1" s="15" t="s">
        <v>43</v>
      </c>
      <c r="CO1" s="15" t="s">
        <v>44</v>
      </c>
      <c r="CP1" s="15" t="s">
        <v>45</v>
      </c>
      <c r="CQ1" s="15" t="s">
        <v>46</v>
      </c>
      <c r="CR1" s="15" t="s">
        <v>47</v>
      </c>
      <c r="CS1" s="15" t="s">
        <v>48</v>
      </c>
      <c r="CT1" s="15" t="s">
        <v>49</v>
      </c>
      <c r="CU1" s="15" t="s">
        <v>50</v>
      </c>
      <c r="CV1" s="15" t="s">
        <v>51</v>
      </c>
      <c r="CW1" s="15" t="s">
        <v>52</v>
      </c>
      <c r="CX1" s="15" t="s">
        <v>53</v>
      </c>
      <c r="CY1" s="15" t="s">
        <v>342</v>
      </c>
      <c r="CZ1" s="15" t="s">
        <v>343</v>
      </c>
      <c r="DA1" s="15" t="s">
        <v>344</v>
      </c>
      <c r="DB1" s="15" t="s">
        <v>345</v>
      </c>
      <c r="DC1" s="15" t="s">
        <v>346</v>
      </c>
      <c r="DD1" s="15" t="s">
        <v>347</v>
      </c>
      <c r="DE1" s="15" t="s">
        <v>348</v>
      </c>
      <c r="DF1" s="15" t="s">
        <v>349</v>
      </c>
      <c r="DG1" s="15" t="s">
        <v>350</v>
      </c>
      <c r="DH1" s="15" t="s">
        <v>351</v>
      </c>
      <c r="DI1" s="15" t="s">
        <v>352</v>
      </c>
      <c r="DJ1" s="15" t="s">
        <v>353</v>
      </c>
      <c r="DK1" s="15" t="s">
        <v>354</v>
      </c>
      <c r="DL1" s="15" t="s">
        <v>355</v>
      </c>
      <c r="DM1" s="15" t="s">
        <v>356</v>
      </c>
      <c r="DN1" s="15" t="s">
        <v>357</v>
      </c>
      <c r="DO1" s="15" t="s">
        <v>358</v>
      </c>
    </row>
    <row r="2" spans="1:119" hidden="1" x14ac:dyDescent="0.2">
      <c r="A2" s="6" t="s">
        <v>1</v>
      </c>
      <c r="B2" s="6" t="s">
        <v>1</v>
      </c>
      <c r="C2" s="6" t="s">
        <v>2</v>
      </c>
      <c r="D2" s="6" t="s">
        <v>155</v>
      </c>
      <c r="E2" s="6" t="s">
        <v>156</v>
      </c>
      <c r="F2" s="11">
        <v>-171</v>
      </c>
      <c r="G2" s="13">
        <v>-0.60854092526699999</v>
      </c>
      <c r="H2" s="11">
        <v>248.54041412000004</v>
      </c>
      <c r="I2" s="13">
        <v>0.88412784070494554</v>
      </c>
      <c r="J2" s="11">
        <v>-443.61450121850004</v>
      </c>
      <c r="K2" s="13">
        <v>-0.83755515539463965</v>
      </c>
      <c r="L2" s="11">
        <v>24.182244613499989</v>
      </c>
      <c r="M2" s="13">
        <v>0.2810595579247232</v>
      </c>
      <c r="N2" s="11">
        <v>-419.43225660500002</v>
      </c>
      <c r="O2" s="13">
        <v>-0.79189847918270684</v>
      </c>
      <c r="P2" s="7">
        <v>281.11366103099999</v>
      </c>
      <c r="Q2" s="7">
        <v>189.50594361200001</v>
      </c>
      <c r="R2" s="7">
        <v>275.72672324000001</v>
      </c>
      <c r="S2" s="7">
        <v>477.39912358700002</v>
      </c>
      <c r="T2" s="7">
        <v>347.11476504799998</v>
      </c>
      <c r="U2" s="7">
        <v>519.46040477600002</v>
      </c>
      <c r="V2" s="7">
        <v>529.65407515100003</v>
      </c>
      <c r="W2" s="7">
        <v>707.72026076700001</v>
      </c>
      <c r="X2" s="7">
        <v>375.25352879399998</v>
      </c>
      <c r="Y2" s="7">
        <v>86.039573932500005</v>
      </c>
      <c r="Z2" s="7">
        <v>102.554487592</v>
      </c>
      <c r="AA2" s="7">
        <v>48.663105860400002</v>
      </c>
      <c r="AB2" s="7">
        <v>111.92438112799999</v>
      </c>
      <c r="AC2" s="7">
        <v>90.065517269500006</v>
      </c>
      <c r="AD2" s="7">
        <v>135.70808648100001</v>
      </c>
      <c r="AE2" s="7">
        <v>121.498033651</v>
      </c>
      <c r="AF2" s="7">
        <v>110.22181854599999</v>
      </c>
      <c r="AG2" s="9">
        <v>31881.007914099999</v>
      </c>
      <c r="AH2" s="13">
        <v>1.1844340385443186</v>
      </c>
      <c r="AI2" s="9">
        <v>16971.485859999997</v>
      </c>
      <c r="AJ2" s="13">
        <v>0.63051976246859076</v>
      </c>
      <c r="AK2" s="9">
        <v>60107.337595500001</v>
      </c>
      <c r="AL2" s="13">
        <v>1.3695574709994791</v>
      </c>
      <c r="AM2" s="9">
        <v>-45197.815541399999</v>
      </c>
      <c r="AN2" s="13">
        <v>-0.43461325611558121</v>
      </c>
      <c r="AO2" s="9">
        <v>14909.522054100002</v>
      </c>
      <c r="AP2" s="13">
        <v>0.33971638297539369</v>
      </c>
      <c r="AQ2" s="9">
        <v>26916.6596675</v>
      </c>
      <c r="AR2" s="9">
        <v>27767.701782600001</v>
      </c>
      <c r="AS2" s="9">
        <v>32176.172459099998</v>
      </c>
      <c r="AT2" s="9">
        <v>76878.659448000006</v>
      </c>
      <c r="AU2" s="9">
        <v>42061.0299161</v>
      </c>
      <c r="AV2" s="9">
        <v>59050.762950999997</v>
      </c>
      <c r="AW2" s="9">
        <v>43888.145527499997</v>
      </c>
      <c r="AX2" s="9">
        <v>35936.675406900002</v>
      </c>
      <c r="AY2" s="9">
        <v>46432.547577500001</v>
      </c>
      <c r="AZ2" s="9">
        <v>103995.483123</v>
      </c>
      <c r="BA2" s="9">
        <v>78435.463639499998</v>
      </c>
      <c r="BB2" s="9">
        <v>134755.61929999999</v>
      </c>
      <c r="BC2" s="9">
        <v>61364.207559800001</v>
      </c>
      <c r="BD2" s="9">
        <v>74546.373517999993</v>
      </c>
      <c r="BE2" s="9">
        <v>52898.161592099998</v>
      </c>
      <c r="BF2" s="9">
        <v>58797.667581599999</v>
      </c>
      <c r="BG2" s="11">
        <v>6.75</v>
      </c>
      <c r="BH2" s="13">
        <v>0.67500000000000004</v>
      </c>
      <c r="BI2" s="6">
        <v>3</v>
      </c>
      <c r="BJ2" s="13">
        <v>0.3</v>
      </c>
      <c r="BK2" s="6">
        <v>-2</v>
      </c>
      <c r="BL2" s="13">
        <v>-0.15384615384615385</v>
      </c>
      <c r="BM2" s="11">
        <v>5.75</v>
      </c>
      <c r="BN2" s="13">
        <v>0.52272727272727271</v>
      </c>
      <c r="BO2" s="11">
        <v>3.75</v>
      </c>
      <c r="BP2" s="13">
        <v>0.28846153846153844</v>
      </c>
      <c r="BQ2" s="6">
        <v>10</v>
      </c>
      <c r="BR2" s="6">
        <v>10</v>
      </c>
      <c r="BS2" s="6">
        <v>14</v>
      </c>
      <c r="BT2" s="6">
        <v>13</v>
      </c>
      <c r="BU2" s="6">
        <v>16</v>
      </c>
      <c r="BV2" s="6">
        <v>17</v>
      </c>
      <c r="BW2" s="6">
        <v>11</v>
      </c>
      <c r="BX2" s="6">
        <v>13</v>
      </c>
      <c r="BY2" s="6">
        <v>11</v>
      </c>
      <c r="BZ2" s="6">
        <v>14</v>
      </c>
      <c r="CA2" s="6">
        <v>16</v>
      </c>
      <c r="CB2" s="6">
        <v>19</v>
      </c>
      <c r="CC2" s="11">
        <v>16.75</v>
      </c>
      <c r="CD2" s="11">
        <v>-175.99100000000001</v>
      </c>
      <c r="CE2" s="11">
        <v>-25.630199999999999</v>
      </c>
      <c r="CF2" s="11">
        <v>30.729099999999999</v>
      </c>
      <c r="CG2" s="11">
        <v>5</v>
      </c>
      <c r="CH2" s="20">
        <v>0.47395100000000001</v>
      </c>
      <c r="CI2" s="20">
        <v>0.31771899999999997</v>
      </c>
      <c r="CJ2" s="20">
        <v>0.42967100000000003</v>
      </c>
      <c r="CK2" s="20">
        <v>0.66048600000000002</v>
      </c>
      <c r="CL2" s="20">
        <v>0.47160800000000003</v>
      </c>
      <c r="CM2" s="20">
        <v>0.67933200000000005</v>
      </c>
      <c r="CN2" s="20">
        <v>0.68445299999999998</v>
      </c>
      <c r="CO2" s="20">
        <v>0.87841599999999997</v>
      </c>
      <c r="CP2" s="20">
        <v>0.42616900000000002</v>
      </c>
      <c r="CQ2" s="20">
        <v>9.6459799999999998E-2</v>
      </c>
      <c r="CR2" s="20">
        <v>0.112053</v>
      </c>
      <c r="CS2" s="20">
        <v>5.4737300000000003E-2</v>
      </c>
      <c r="CT2" s="20">
        <v>0.117128</v>
      </c>
      <c r="CU2" s="20">
        <v>9.3006000000000005E-2</v>
      </c>
      <c r="CV2" s="20">
        <v>0.142988</v>
      </c>
      <c r="CW2" s="20">
        <v>0.123282</v>
      </c>
      <c r="CX2" s="20">
        <v>0.107987</v>
      </c>
      <c r="CY2" s="6"/>
      <c r="CZ2" s="6"/>
      <c r="DA2" s="6"/>
      <c r="DB2" s="6"/>
      <c r="DC2" s="6"/>
      <c r="DD2" s="6"/>
      <c r="DE2" s="6"/>
      <c r="DF2" s="6"/>
      <c r="DG2" s="6"/>
      <c r="DH2" s="6"/>
      <c r="DI2" s="6"/>
      <c r="DJ2" s="6"/>
      <c r="DK2" s="6"/>
      <c r="DL2" s="6"/>
      <c r="DM2" s="6"/>
      <c r="DN2" s="6"/>
      <c r="DO2" s="6"/>
    </row>
    <row r="3" spans="1:119" hidden="1" x14ac:dyDescent="0.2">
      <c r="A3" s="6" t="s">
        <v>310</v>
      </c>
      <c r="B3" s="6" t="s">
        <v>310</v>
      </c>
      <c r="C3" s="6" t="s">
        <v>173</v>
      </c>
      <c r="D3" s="6" t="s">
        <v>155</v>
      </c>
      <c r="E3" s="6" t="s">
        <v>156</v>
      </c>
      <c r="F3" s="11">
        <v>11</v>
      </c>
      <c r="G3" s="13">
        <v>0.166666666667</v>
      </c>
      <c r="H3" s="11">
        <v>540.12137300000006</v>
      </c>
      <c r="I3" s="13">
        <v>8.1255973115732605</v>
      </c>
      <c r="J3" s="11">
        <v>-470.59264400000006</v>
      </c>
      <c r="K3" s="13">
        <v>-0.775796411604597</v>
      </c>
      <c r="L3" s="11">
        <v>-59.083431359599984</v>
      </c>
      <c r="M3" s="13">
        <v>-0.43443597628326142</v>
      </c>
      <c r="N3" s="11">
        <v>-529.67607535960008</v>
      </c>
      <c r="O3" s="13">
        <v>-0.87319851641536428</v>
      </c>
      <c r="P3" s="7">
        <v>66.471590000000006</v>
      </c>
      <c r="Q3" s="7">
        <v>62.45337</v>
      </c>
      <c r="R3" s="7">
        <v>91.510637000000003</v>
      </c>
      <c r="S3" s="7">
        <v>187.70599899999999</v>
      </c>
      <c r="T3" s="7">
        <v>194.60409000000001</v>
      </c>
      <c r="U3" s="7">
        <v>195.382983</v>
      </c>
      <c r="V3" s="7">
        <v>606.59296300000005</v>
      </c>
      <c r="W3" s="7">
        <v>587.49234899999999</v>
      </c>
      <c r="X3" s="7">
        <v>149.529078</v>
      </c>
      <c r="Y3" s="7">
        <v>136.00031899999999</v>
      </c>
      <c r="Z3" s="7">
        <v>132.573981</v>
      </c>
      <c r="AA3" s="7">
        <v>131.782397</v>
      </c>
      <c r="AB3" s="7">
        <v>113.569847</v>
      </c>
      <c r="AC3" s="7">
        <v>107.846384</v>
      </c>
      <c r="AD3" s="7">
        <v>69.737532999999999</v>
      </c>
      <c r="AE3" s="7">
        <v>76.590893249999993</v>
      </c>
      <c r="AF3" s="7">
        <v>76.916887640400006</v>
      </c>
      <c r="AG3" s="9">
        <v>27530.351854400004</v>
      </c>
      <c r="AH3" s="13">
        <v>0.60866864084207184</v>
      </c>
      <c r="AI3" s="9">
        <v>55159.178698399999</v>
      </c>
      <c r="AJ3" s="13">
        <v>1.2195144655571928</v>
      </c>
      <c r="AK3" s="9">
        <v>35151.157882000014</v>
      </c>
      <c r="AL3" s="13">
        <v>0.35014733120614755</v>
      </c>
      <c r="AM3" s="9">
        <v>-62779.98472600001</v>
      </c>
      <c r="AN3" s="13">
        <v>-0.46318152539172175</v>
      </c>
      <c r="AO3" s="9">
        <v>-27628.826843999996</v>
      </c>
      <c r="AP3" s="13">
        <v>-0.27521596916547808</v>
      </c>
      <c r="AQ3" s="9">
        <v>45230.442324600001</v>
      </c>
      <c r="AR3" s="9">
        <v>37973.775513499997</v>
      </c>
      <c r="AS3" s="9">
        <v>40501.3560784</v>
      </c>
      <c r="AT3" s="9">
        <v>47629.553649000001</v>
      </c>
      <c r="AU3" s="9">
        <v>53357.417284900002</v>
      </c>
      <c r="AV3" s="9">
        <v>53934.8286343</v>
      </c>
      <c r="AW3" s="9">
        <v>100389.621023</v>
      </c>
      <c r="AX3" s="9">
        <v>104249.82993599999</v>
      </c>
      <c r="AY3" s="9">
        <v>75641.729596000005</v>
      </c>
      <c r="AZ3" s="9">
        <v>135540.77890500001</v>
      </c>
      <c r="BA3" s="9">
        <v>240633.98934199999</v>
      </c>
      <c r="BB3" s="9">
        <v>269163.347144</v>
      </c>
      <c r="BC3" s="9">
        <v>252404.64384</v>
      </c>
      <c r="BD3" s="9">
        <v>187781.815363</v>
      </c>
      <c r="BE3" s="9">
        <v>99471.324985200001</v>
      </c>
      <c r="BF3" s="9">
        <v>72760.794179000004</v>
      </c>
      <c r="BG3" s="11">
        <v>5.25</v>
      </c>
      <c r="BH3" s="13">
        <v>0.375</v>
      </c>
      <c r="BI3" s="6">
        <v>8</v>
      </c>
      <c r="BJ3" s="13">
        <v>0.5714285714285714</v>
      </c>
      <c r="BK3" s="6">
        <v>7</v>
      </c>
      <c r="BL3" s="13">
        <v>0.31818181818181818</v>
      </c>
      <c r="BM3" s="11">
        <v>-9.75</v>
      </c>
      <c r="BN3" s="13">
        <v>-0.33620689655172414</v>
      </c>
      <c r="BO3" s="11">
        <v>-2.75</v>
      </c>
      <c r="BP3" s="13">
        <v>-0.125</v>
      </c>
      <c r="BQ3" s="6">
        <v>14</v>
      </c>
      <c r="BR3" s="6">
        <v>16</v>
      </c>
      <c r="BS3" s="6">
        <v>18</v>
      </c>
      <c r="BT3" s="6">
        <v>22</v>
      </c>
      <c r="BU3" s="6">
        <v>30</v>
      </c>
      <c r="BV3" s="6">
        <v>29</v>
      </c>
      <c r="BW3" s="6">
        <v>29</v>
      </c>
      <c r="BX3" s="6">
        <v>27</v>
      </c>
      <c r="BY3" s="6">
        <v>25</v>
      </c>
      <c r="BZ3" s="6">
        <v>25</v>
      </c>
      <c r="CA3" s="6">
        <v>23</v>
      </c>
      <c r="CB3" s="6">
        <v>20</v>
      </c>
      <c r="CC3" s="11">
        <v>19.25</v>
      </c>
      <c r="CD3" s="11">
        <v>-3.71713</v>
      </c>
      <c r="CE3" s="11">
        <v>6.8962899999999996</v>
      </c>
      <c r="CF3" s="11">
        <v>7.2661499999999997</v>
      </c>
      <c r="CG3" s="11">
        <v>14</v>
      </c>
      <c r="CH3" s="20">
        <v>0.39499800000000002</v>
      </c>
      <c r="CI3" s="20">
        <v>0.38550099999999998</v>
      </c>
      <c r="CJ3" s="20">
        <v>0.53246199999999999</v>
      </c>
      <c r="CK3" s="20">
        <v>0.93825499999999995</v>
      </c>
      <c r="CL3" s="20">
        <v>0.89124400000000004</v>
      </c>
      <c r="CM3" s="20">
        <v>0.78185000000000004</v>
      </c>
      <c r="CN3" s="20">
        <v>2.2258100000000001</v>
      </c>
      <c r="CO3" s="20">
        <v>1.8681099999999999</v>
      </c>
      <c r="CP3" s="20">
        <v>0.47791400000000001</v>
      </c>
      <c r="CQ3" s="20">
        <v>0.42078399999999999</v>
      </c>
      <c r="CR3" s="20">
        <v>0.35986899999999999</v>
      </c>
      <c r="CS3" s="20">
        <v>0.34174500000000002</v>
      </c>
      <c r="CT3" s="20">
        <v>0.27193499999999998</v>
      </c>
      <c r="CU3" s="20">
        <v>0.25006499999999998</v>
      </c>
      <c r="CV3" s="20">
        <v>0.18648899999999999</v>
      </c>
      <c r="CW3" s="20">
        <v>0.23217199999999999</v>
      </c>
      <c r="CX3" s="20">
        <v>0.22292400000000001</v>
      </c>
      <c r="CY3" s="6"/>
      <c r="CZ3" s="6"/>
      <c r="DA3" s="6"/>
      <c r="DB3" s="6"/>
      <c r="DC3" s="6"/>
      <c r="DD3" s="6"/>
      <c r="DE3" s="6"/>
      <c r="DF3" s="6"/>
      <c r="DG3" s="6"/>
      <c r="DH3" s="6"/>
      <c r="DI3" s="6"/>
      <c r="DJ3" s="6"/>
      <c r="DK3" s="6"/>
      <c r="DL3" s="6"/>
      <c r="DM3" s="6"/>
      <c r="DN3" s="6"/>
      <c r="DO3" s="6"/>
    </row>
    <row r="4" spans="1:119" hidden="1" x14ac:dyDescent="0.2">
      <c r="A4" s="6" t="s">
        <v>311</v>
      </c>
      <c r="B4" s="6" t="s">
        <v>311</v>
      </c>
      <c r="C4" s="6" t="s">
        <v>174</v>
      </c>
      <c r="D4" s="6" t="s">
        <v>155</v>
      </c>
      <c r="E4" s="6" t="s">
        <v>156</v>
      </c>
      <c r="F4" s="11">
        <v>-3</v>
      </c>
      <c r="G4" s="13">
        <v>-4.4117647058800002E-2</v>
      </c>
      <c r="H4" s="11">
        <v>21.820025000000001</v>
      </c>
      <c r="I4" s="13">
        <v>0.32305053696430469</v>
      </c>
      <c r="J4" s="11">
        <v>-63.414346000000002</v>
      </c>
      <c r="K4" s="13">
        <v>-0.70962075278115677</v>
      </c>
      <c r="L4" s="11">
        <v>38.840806714100005</v>
      </c>
      <c r="M4" s="13">
        <v>1.4967920110462809</v>
      </c>
      <c r="N4" s="11">
        <v>-24.573539285899997</v>
      </c>
      <c r="O4" s="13">
        <v>-0.27498341537035936</v>
      </c>
      <c r="P4" s="7">
        <v>67.543689000000001</v>
      </c>
      <c r="Q4" s="7">
        <v>74.649328999999994</v>
      </c>
      <c r="R4" s="7">
        <v>66.005350000000007</v>
      </c>
      <c r="S4" s="7">
        <v>60.372217999999997</v>
      </c>
      <c r="T4" s="7">
        <v>69.791392999999999</v>
      </c>
      <c r="U4" s="7">
        <v>76.482247000000001</v>
      </c>
      <c r="V4" s="7">
        <v>89.363714000000002</v>
      </c>
      <c r="W4" s="7">
        <v>95.054680000000005</v>
      </c>
      <c r="X4" s="7">
        <v>90.334523000000004</v>
      </c>
      <c r="Y4" s="7">
        <v>25.949368</v>
      </c>
      <c r="Z4" s="7">
        <v>34.812581000000002</v>
      </c>
      <c r="AA4" s="7">
        <v>50.074354999999997</v>
      </c>
      <c r="AB4" s="7">
        <v>35.489046999999999</v>
      </c>
      <c r="AC4" s="7">
        <v>45.875388000000001</v>
      </c>
      <c r="AD4" s="7">
        <v>50.992525999999998</v>
      </c>
      <c r="AE4" s="7">
        <v>63.6408305</v>
      </c>
      <c r="AF4" s="7">
        <v>64.790174714100004</v>
      </c>
      <c r="AG4" s="9">
        <v>30536.70500300001</v>
      </c>
      <c r="AH4" s="13">
        <v>0.2948359383462425</v>
      </c>
      <c r="AI4" s="9">
        <v>66785.279206999985</v>
      </c>
      <c r="AJ4" s="13">
        <v>0.64482073166627418</v>
      </c>
      <c r="AK4" s="9">
        <v>-3379.1381779999938</v>
      </c>
      <c r="AL4" s="13">
        <v>-1.9835612974123677E-2</v>
      </c>
      <c r="AM4" s="9">
        <v>-32869.436025999981</v>
      </c>
      <c r="AN4" s="13">
        <v>-0.19684890729634591</v>
      </c>
      <c r="AO4" s="9">
        <v>-36248.574203999975</v>
      </c>
      <c r="AP4" s="13">
        <v>-0.21277990153096013</v>
      </c>
      <c r="AQ4" s="9">
        <v>103571.854823</v>
      </c>
      <c r="AR4" s="9">
        <v>113955.167672</v>
      </c>
      <c r="AS4" s="9">
        <v>114768.657614</v>
      </c>
      <c r="AT4" s="9">
        <v>139569.393881</v>
      </c>
      <c r="AU4" s="9">
        <v>144212.99350300001</v>
      </c>
      <c r="AV4" s="9">
        <v>170334.977311</v>
      </c>
      <c r="AW4" s="9">
        <v>170357.13402999999</v>
      </c>
      <c r="AX4" s="9">
        <v>169630.30763699999</v>
      </c>
      <c r="AY4" s="9">
        <v>168939.63781499999</v>
      </c>
      <c r="AZ4" s="9">
        <v>166977.99585199999</v>
      </c>
      <c r="BA4" s="9">
        <v>124647.770432</v>
      </c>
      <c r="BB4" s="9">
        <v>112204.716988</v>
      </c>
      <c r="BC4" s="9">
        <v>131588.5485</v>
      </c>
      <c r="BD4" s="9">
        <v>113496.324473</v>
      </c>
      <c r="BE4" s="9">
        <v>120203.83618100001</v>
      </c>
      <c r="BF4" s="9">
        <v>134108.55982600001</v>
      </c>
      <c r="BG4" s="11">
        <v>14</v>
      </c>
      <c r="BH4" s="13">
        <v>2.3333333333333335</v>
      </c>
      <c r="BI4" s="6">
        <v>2</v>
      </c>
      <c r="BJ4" s="13">
        <v>0.33333333333333331</v>
      </c>
      <c r="BK4" s="6">
        <v>-1</v>
      </c>
      <c r="BL4" s="13">
        <v>-0.125</v>
      </c>
      <c r="BM4" s="11">
        <v>13</v>
      </c>
      <c r="BN4" s="13">
        <v>1.8571428571428572</v>
      </c>
      <c r="BO4" s="11">
        <v>12</v>
      </c>
      <c r="BP4" s="13">
        <v>1.5</v>
      </c>
      <c r="BQ4" s="6">
        <v>6</v>
      </c>
      <c r="BR4" s="6">
        <v>7</v>
      </c>
      <c r="BS4" s="6">
        <v>7</v>
      </c>
      <c r="BT4" s="6">
        <v>8</v>
      </c>
      <c r="BU4" s="6">
        <v>8</v>
      </c>
      <c r="BV4" s="6">
        <v>7</v>
      </c>
      <c r="BW4" s="6">
        <v>7</v>
      </c>
      <c r="BX4" s="6">
        <v>10</v>
      </c>
      <c r="BY4" s="6">
        <v>15</v>
      </c>
      <c r="BZ4" s="6">
        <v>13</v>
      </c>
      <c r="CA4" s="6">
        <v>16</v>
      </c>
      <c r="CB4" s="6">
        <v>17</v>
      </c>
      <c r="CC4" s="11">
        <v>20</v>
      </c>
      <c r="CD4" s="11">
        <v>0.86221599999999998</v>
      </c>
      <c r="CE4" s="11">
        <v>-10.9991</v>
      </c>
      <c r="CF4" s="11">
        <v>7.3833399999999996</v>
      </c>
      <c r="CG4" s="11">
        <v>-4</v>
      </c>
      <c r="CH4" s="20">
        <v>0.36632999999999999</v>
      </c>
      <c r="CI4" s="20">
        <v>0.40395199999999998</v>
      </c>
      <c r="CJ4" s="20">
        <v>0.34280500000000003</v>
      </c>
      <c r="CK4" s="20">
        <v>0.28594900000000001</v>
      </c>
      <c r="CL4" s="20">
        <v>0.33457900000000002</v>
      </c>
      <c r="CM4" s="20">
        <v>0.354771</v>
      </c>
      <c r="CN4" s="20">
        <v>0.404088</v>
      </c>
      <c r="CO4" s="20">
        <v>0.39536500000000002</v>
      </c>
      <c r="CP4" s="20">
        <v>0.33906999999999998</v>
      </c>
      <c r="CQ4" s="20">
        <v>9.7160700000000003E-2</v>
      </c>
      <c r="CR4" s="20">
        <v>0.12812399999999999</v>
      </c>
      <c r="CS4" s="20">
        <v>0.192219</v>
      </c>
      <c r="CT4" s="20">
        <v>0.12831400000000001</v>
      </c>
      <c r="CU4" s="20">
        <v>0.16489699999999999</v>
      </c>
      <c r="CV4" s="20">
        <v>0.18729199999999999</v>
      </c>
      <c r="CW4" s="20">
        <v>0.22481899999999999</v>
      </c>
      <c r="CX4" s="20">
        <v>0.21965899999999999</v>
      </c>
      <c r="CY4" s="6"/>
      <c r="CZ4" s="6"/>
      <c r="DA4" s="6"/>
      <c r="DB4" s="6"/>
      <c r="DC4" s="6"/>
      <c r="DD4" s="6"/>
      <c r="DE4" s="6"/>
      <c r="DF4" s="6"/>
      <c r="DG4" s="6"/>
      <c r="DH4" s="6"/>
      <c r="DI4" s="6"/>
      <c r="DJ4" s="6"/>
      <c r="DK4" s="6"/>
      <c r="DL4" s="6"/>
      <c r="DM4" s="6"/>
      <c r="DN4" s="6"/>
      <c r="DO4" s="6"/>
    </row>
    <row r="5" spans="1:119" hidden="1" x14ac:dyDescent="0.2">
      <c r="A5" s="6" t="s">
        <v>312</v>
      </c>
      <c r="B5" s="6" t="s">
        <v>312</v>
      </c>
      <c r="C5" s="6" t="s">
        <v>175</v>
      </c>
      <c r="D5" s="6" t="s">
        <v>155</v>
      </c>
      <c r="E5" s="6" t="s">
        <v>156</v>
      </c>
      <c r="F5" s="11">
        <v>-1023</v>
      </c>
      <c r="G5" s="13">
        <v>-0.19467174119899999</v>
      </c>
      <c r="H5" s="11">
        <v>15.618481999999858</v>
      </c>
      <c r="I5" s="13">
        <v>2.9722649936947446E-3</v>
      </c>
      <c r="J5" s="11">
        <v>-1405.3603029999999</v>
      </c>
      <c r="K5" s="13">
        <v>-0.26665360737977079</v>
      </c>
      <c r="L5" s="11">
        <v>366.55837054999984</v>
      </c>
      <c r="M5" s="13">
        <v>9.4840484231595218E-2</v>
      </c>
      <c r="N5" s="11">
        <v>-1038.8019324500001</v>
      </c>
      <c r="O5" s="13">
        <v>-0.1971026803941747</v>
      </c>
      <c r="P5" s="7">
        <v>5254.7407560000001</v>
      </c>
      <c r="Q5" s="7">
        <v>4948.6811660000003</v>
      </c>
      <c r="R5" s="7">
        <v>4484.7365659999996</v>
      </c>
      <c r="S5" s="7">
        <v>4181.9874600000003</v>
      </c>
      <c r="T5" s="7">
        <v>4407.2918470000004</v>
      </c>
      <c r="U5" s="7">
        <v>4300.0068060000003</v>
      </c>
      <c r="V5" s="7">
        <v>5270.359238</v>
      </c>
      <c r="W5" s="7">
        <v>5909.310015</v>
      </c>
      <c r="X5" s="7">
        <v>5634.2270090000002</v>
      </c>
      <c r="Y5" s="7">
        <v>3864.9989350000001</v>
      </c>
      <c r="Z5" s="7">
        <v>3875.4934440000002</v>
      </c>
      <c r="AA5" s="7">
        <v>4220.0744789999999</v>
      </c>
      <c r="AB5" s="7">
        <v>4887.8059409999996</v>
      </c>
      <c r="AC5" s="7">
        <v>4508.7387289999997</v>
      </c>
      <c r="AD5" s="7">
        <v>3998.3916720000002</v>
      </c>
      <c r="AE5" s="7">
        <v>4252.0081220000002</v>
      </c>
      <c r="AF5" s="7">
        <v>4231.5573055499999</v>
      </c>
      <c r="AG5" s="9">
        <v>17108.363211299999</v>
      </c>
      <c r="AH5" s="13">
        <v>0.30989684270889056</v>
      </c>
      <c r="AI5" s="9">
        <v>8995.6598736000014</v>
      </c>
      <c r="AJ5" s="13">
        <v>0.16294525422925418</v>
      </c>
      <c r="AK5" s="9">
        <v>1910.438241200005</v>
      </c>
      <c r="AL5" s="13">
        <v>2.9756539348394073E-2</v>
      </c>
      <c r="AM5" s="9">
        <v>6202.2650964999921</v>
      </c>
      <c r="AN5" s="13">
        <v>9.3813466819556338E-2</v>
      </c>
      <c r="AO5" s="9">
        <v>8112.7033376999971</v>
      </c>
      <c r="AP5" s="13">
        <v>0.12636157028477579</v>
      </c>
      <c r="AQ5" s="9">
        <v>55206.639285999998</v>
      </c>
      <c r="AR5" s="9">
        <v>52392.440738500001</v>
      </c>
      <c r="AS5" s="9">
        <v>53040.404591899998</v>
      </c>
      <c r="AT5" s="9">
        <v>54799.866458999997</v>
      </c>
      <c r="AU5" s="9">
        <v>55650.1913891</v>
      </c>
      <c r="AV5" s="9">
        <v>58913.635729900001</v>
      </c>
      <c r="AW5" s="9">
        <v>64202.299159599999</v>
      </c>
      <c r="AX5" s="9">
        <v>73560.825298600001</v>
      </c>
      <c r="AY5" s="9">
        <v>72289.166362400007</v>
      </c>
      <c r="AZ5" s="9">
        <v>66112.737400800004</v>
      </c>
      <c r="BA5" s="9">
        <v>65438.627329399998</v>
      </c>
      <c r="BB5" s="9">
        <v>68758.374558299998</v>
      </c>
      <c r="BC5" s="9">
        <v>74512.129308400006</v>
      </c>
      <c r="BD5" s="9">
        <v>73310.153700499999</v>
      </c>
      <c r="BE5" s="9">
        <v>72750.476044700001</v>
      </c>
      <c r="BF5" s="9">
        <v>72315.002497299996</v>
      </c>
      <c r="BG5" s="11">
        <v>102</v>
      </c>
      <c r="BH5" s="13">
        <v>0.11943793911007025</v>
      </c>
      <c r="BI5" s="6">
        <v>2</v>
      </c>
      <c r="BJ5" s="13">
        <v>2.34192037470726E-3</v>
      </c>
      <c r="BK5" s="6">
        <v>61</v>
      </c>
      <c r="BL5" s="13">
        <v>7.1261682242990648E-2</v>
      </c>
      <c r="BM5" s="11">
        <v>39</v>
      </c>
      <c r="BN5" s="13">
        <v>4.2529989094874592E-2</v>
      </c>
      <c r="BO5" s="11">
        <v>100</v>
      </c>
      <c r="BP5" s="13">
        <v>0.11682242990654206</v>
      </c>
      <c r="BQ5" s="6">
        <v>854</v>
      </c>
      <c r="BR5" s="6">
        <v>847</v>
      </c>
      <c r="BS5" s="6">
        <v>836</v>
      </c>
      <c r="BT5" s="6">
        <v>856</v>
      </c>
      <c r="BU5" s="6">
        <v>866</v>
      </c>
      <c r="BV5" s="6">
        <v>869</v>
      </c>
      <c r="BW5" s="6">
        <v>917</v>
      </c>
      <c r="BX5" s="6">
        <v>922</v>
      </c>
      <c r="BY5" s="6">
        <v>984</v>
      </c>
      <c r="BZ5" s="6">
        <v>1005</v>
      </c>
      <c r="CA5" s="6">
        <v>992</v>
      </c>
      <c r="CB5" s="6">
        <v>991</v>
      </c>
      <c r="CC5" s="11">
        <v>956</v>
      </c>
      <c r="CD5" s="11">
        <v>-961.10699999999997</v>
      </c>
      <c r="CE5" s="11">
        <v>-636.48299999999995</v>
      </c>
      <c r="CF5" s="11">
        <v>574.40599999999995</v>
      </c>
      <c r="CG5" s="11">
        <v>-62</v>
      </c>
      <c r="CH5" s="20">
        <v>1.9649000000000001</v>
      </c>
      <c r="CI5" s="20">
        <v>1.8334999999999999</v>
      </c>
      <c r="CJ5" s="20">
        <v>1.5239799999999999</v>
      </c>
      <c r="CK5" s="20">
        <v>1.2151400000000001</v>
      </c>
      <c r="CL5" s="20">
        <v>1.2084299999999999</v>
      </c>
      <c r="CM5" s="20">
        <v>1.08646</v>
      </c>
      <c r="CN5" s="20">
        <v>1.31559</v>
      </c>
      <c r="CO5" s="20">
        <v>1.45618</v>
      </c>
      <c r="CP5" s="20">
        <v>1.44523</v>
      </c>
      <c r="CQ5" s="20">
        <v>1.05803</v>
      </c>
      <c r="CR5" s="20">
        <v>1.05379</v>
      </c>
      <c r="CS5" s="20">
        <v>1.1855599999999999</v>
      </c>
      <c r="CT5" s="20">
        <v>1.26203</v>
      </c>
      <c r="CU5" s="20">
        <v>1.1222300000000001</v>
      </c>
      <c r="CV5" s="20">
        <v>0.98877199999999998</v>
      </c>
      <c r="CW5" s="20">
        <v>0.99045700000000003</v>
      </c>
      <c r="CX5" s="20">
        <v>0.94734799999999997</v>
      </c>
      <c r="CY5" s="6"/>
      <c r="CZ5" s="6"/>
      <c r="DA5" s="6"/>
      <c r="DB5" s="6"/>
      <c r="DC5" s="6"/>
      <c r="DD5" s="6"/>
      <c r="DE5" s="6"/>
      <c r="DF5" s="6"/>
      <c r="DG5" s="6"/>
      <c r="DH5" s="6"/>
      <c r="DI5" s="6"/>
      <c r="DJ5" s="6"/>
      <c r="DK5" s="6"/>
      <c r="DL5" s="6"/>
      <c r="DM5" s="6"/>
      <c r="DN5" s="6"/>
      <c r="DO5" s="6"/>
    </row>
    <row r="6" spans="1:119" x14ac:dyDescent="0.2">
      <c r="A6" s="6" t="s">
        <v>792</v>
      </c>
      <c r="B6" s="6" t="s">
        <v>176</v>
      </c>
      <c r="C6" s="6" t="s">
        <v>177</v>
      </c>
      <c r="D6" s="6" t="s">
        <v>155</v>
      </c>
      <c r="E6" s="6" t="s">
        <v>156</v>
      </c>
      <c r="F6" s="11">
        <v>-209</v>
      </c>
      <c r="G6" s="13">
        <v>-0.32302936630599999</v>
      </c>
      <c r="H6" s="11">
        <v>-225.33501399999994</v>
      </c>
      <c r="I6" s="13">
        <v>-0.34847634340107997</v>
      </c>
      <c r="J6" s="11">
        <v>-36.82288699999998</v>
      </c>
      <c r="K6" s="13">
        <v>-8.7404192802178149E-2</v>
      </c>
      <c r="L6" s="11">
        <v>53.793279966999989</v>
      </c>
      <c r="M6" s="13">
        <v>0.1399149068224968</v>
      </c>
      <c r="N6" s="11">
        <v>16.970392967000009</v>
      </c>
      <c r="O6" s="13">
        <v>4.0281564528506349E-2</v>
      </c>
      <c r="P6" s="7">
        <v>646.62929999999994</v>
      </c>
      <c r="Q6" s="7">
        <v>510.14007600000002</v>
      </c>
      <c r="R6" s="7">
        <v>493.89636300000001</v>
      </c>
      <c r="S6" s="7">
        <v>534.71468200000004</v>
      </c>
      <c r="T6" s="7">
        <v>599.379458</v>
      </c>
      <c r="U6" s="7">
        <v>604.38206100000002</v>
      </c>
      <c r="V6" s="7">
        <v>421.294286</v>
      </c>
      <c r="W6" s="7">
        <v>521.82875999999999</v>
      </c>
      <c r="X6" s="7">
        <v>495.167776</v>
      </c>
      <c r="Y6" s="7">
        <v>384.47139900000002</v>
      </c>
      <c r="Z6" s="7">
        <v>418.04240600000003</v>
      </c>
      <c r="AA6" s="7">
        <v>342.123581</v>
      </c>
      <c r="AB6" s="7">
        <v>423.983655</v>
      </c>
      <c r="AC6" s="7">
        <v>450.15562499999999</v>
      </c>
      <c r="AD6" s="7">
        <v>420.351653</v>
      </c>
      <c r="AE6" s="7">
        <v>410.02957900000001</v>
      </c>
      <c r="AF6" s="7">
        <v>438.26467896700001</v>
      </c>
      <c r="AG6" s="9">
        <v>69104.152110399998</v>
      </c>
      <c r="AH6" s="13">
        <v>0.96557037668320556</v>
      </c>
      <c r="AI6" s="9">
        <v>-5187.0442252999928</v>
      </c>
      <c r="AJ6" s="13">
        <v>-7.2476922059529922E-2</v>
      </c>
      <c r="AK6" s="9">
        <v>25093.622848299987</v>
      </c>
      <c r="AL6" s="13">
        <v>0.37802318142276686</v>
      </c>
      <c r="AM6" s="9">
        <v>49197.573487400005</v>
      </c>
      <c r="AN6" s="13">
        <v>0.53782653587301277</v>
      </c>
      <c r="AO6" s="9">
        <v>74291.196335699991</v>
      </c>
      <c r="AP6" s="13">
        <v>1.1191606154400819</v>
      </c>
      <c r="AQ6" s="9">
        <v>71568.2189296</v>
      </c>
      <c r="AR6" s="9">
        <v>62064.213086999996</v>
      </c>
      <c r="AS6" s="9">
        <v>91794.572993199996</v>
      </c>
      <c r="AT6" s="9">
        <v>114956.94184299999</v>
      </c>
      <c r="AU6" s="9">
        <v>84712.654528600004</v>
      </c>
      <c r="AV6" s="9">
        <v>85622.313324999996</v>
      </c>
      <c r="AW6" s="9">
        <v>66381.174704300007</v>
      </c>
      <c r="AX6" s="9">
        <v>76269.417700599995</v>
      </c>
      <c r="AY6" s="9">
        <v>85030.5757973</v>
      </c>
      <c r="AZ6" s="9">
        <v>91474.797552599994</v>
      </c>
      <c r="BA6" s="9">
        <v>98376.439902900005</v>
      </c>
      <c r="BB6" s="9">
        <v>126600.536947</v>
      </c>
      <c r="BC6" s="9">
        <v>132407.46307</v>
      </c>
      <c r="BD6" s="9">
        <v>124344.680171</v>
      </c>
      <c r="BE6" s="9">
        <v>134453.168665</v>
      </c>
      <c r="BF6" s="9">
        <v>140672.37104</v>
      </c>
      <c r="BG6" s="11">
        <v>8.25</v>
      </c>
      <c r="BH6" s="13">
        <v>9.269662921348315E-2</v>
      </c>
      <c r="BI6" s="6">
        <v>-13</v>
      </c>
      <c r="BJ6" s="13">
        <v>-0.14606741573033707</v>
      </c>
      <c r="BK6" s="6">
        <v>0</v>
      </c>
      <c r="BL6" s="13">
        <v>0</v>
      </c>
      <c r="BM6" s="11">
        <v>21.25</v>
      </c>
      <c r="BN6" s="13">
        <v>0.27960526315789475</v>
      </c>
      <c r="BO6" s="11">
        <v>21.25</v>
      </c>
      <c r="BP6" s="13">
        <v>0.27960526315789475</v>
      </c>
      <c r="BQ6" s="6">
        <v>89</v>
      </c>
      <c r="BR6" s="6">
        <v>87</v>
      </c>
      <c r="BS6" s="6">
        <v>81</v>
      </c>
      <c r="BT6" s="6">
        <v>76</v>
      </c>
      <c r="BU6" s="6">
        <v>77</v>
      </c>
      <c r="BV6" s="6">
        <v>77</v>
      </c>
      <c r="BW6" s="6">
        <v>76</v>
      </c>
      <c r="BX6" s="6">
        <v>115</v>
      </c>
      <c r="BY6" s="6">
        <v>101</v>
      </c>
      <c r="BZ6" s="6">
        <v>93</v>
      </c>
      <c r="CA6" s="6">
        <v>81</v>
      </c>
      <c r="CB6" s="6">
        <v>88</v>
      </c>
      <c r="CC6" s="11">
        <v>97.25</v>
      </c>
      <c r="CD6" s="11">
        <v>-50.8033</v>
      </c>
      <c r="CE6" s="11">
        <v>-228.24600000000001</v>
      </c>
      <c r="CF6" s="11">
        <v>70.684399999999997</v>
      </c>
      <c r="CG6" s="11">
        <v>-157</v>
      </c>
      <c r="CH6" s="20">
        <v>0.12629899999999999</v>
      </c>
      <c r="CI6" s="20">
        <v>0.105504</v>
      </c>
      <c r="CJ6" s="20">
        <v>0.100144</v>
      </c>
      <c r="CK6" s="20">
        <v>9.8193000000000003E-2</v>
      </c>
      <c r="CL6" s="20">
        <v>0.10936999999999999</v>
      </c>
      <c r="CM6" s="20">
        <v>0.106521</v>
      </c>
      <c r="CN6" s="20">
        <v>7.4267799999999995E-2</v>
      </c>
      <c r="CO6" s="20">
        <v>8.8849200000000003E-2</v>
      </c>
      <c r="CP6" s="20">
        <v>8.6465500000000001E-2</v>
      </c>
      <c r="CQ6" s="20">
        <v>6.7778900000000003E-2</v>
      </c>
      <c r="CR6" s="20">
        <v>7.10229E-2</v>
      </c>
      <c r="CS6" s="20">
        <v>5.9622300000000003E-2</v>
      </c>
      <c r="CT6" s="20">
        <v>6.8978600000000001E-2</v>
      </c>
      <c r="CU6" s="20">
        <v>7.2328900000000002E-2</v>
      </c>
      <c r="CV6" s="20">
        <v>6.8983699999999995E-2</v>
      </c>
      <c r="CW6" s="20">
        <v>6.4766599999999994E-2</v>
      </c>
      <c r="CX6" s="20">
        <v>6.6961599999999996E-2</v>
      </c>
      <c r="CY6" s="6"/>
      <c r="CZ6" s="6"/>
      <c r="DA6" s="6"/>
      <c r="DB6" s="6"/>
      <c r="DC6" s="6"/>
      <c r="DD6" s="6"/>
      <c r="DE6" s="6"/>
      <c r="DF6" s="6"/>
      <c r="DG6" s="6"/>
      <c r="DH6" s="6"/>
      <c r="DI6" s="6"/>
      <c r="DJ6" s="6"/>
      <c r="DK6" s="6"/>
      <c r="DL6" s="6"/>
      <c r="DM6" s="6"/>
      <c r="DN6" s="6"/>
      <c r="DO6" s="6"/>
    </row>
    <row r="7" spans="1:119" hidden="1" x14ac:dyDescent="0.2">
      <c r="A7" s="6" t="s">
        <v>313</v>
      </c>
      <c r="B7" s="6" t="s">
        <v>313</v>
      </c>
      <c r="C7" s="6" t="s">
        <v>178</v>
      </c>
      <c r="D7" s="6" t="s">
        <v>155</v>
      </c>
      <c r="E7" s="6" t="s">
        <v>156</v>
      </c>
      <c r="F7" s="11">
        <v>6242</v>
      </c>
      <c r="G7" s="13">
        <v>0.70899591095000003</v>
      </c>
      <c r="H7" s="11">
        <v>4054.2692509999997</v>
      </c>
      <c r="I7" s="13">
        <v>0.46048719447182607</v>
      </c>
      <c r="J7" s="11">
        <v>1051.9504199999992</v>
      </c>
      <c r="K7" s="13">
        <v>8.1809264447541594E-2</v>
      </c>
      <c r="L7" s="11">
        <v>1135.1773755000013</v>
      </c>
      <c r="M7" s="13">
        <v>8.1605653522371077E-2</v>
      </c>
      <c r="N7" s="11">
        <v>2187.1277955000005</v>
      </c>
      <c r="O7" s="13">
        <v>0.17009101645933877</v>
      </c>
      <c r="P7" s="7">
        <v>8804.3040060000003</v>
      </c>
      <c r="Q7" s="7">
        <v>9359.62824</v>
      </c>
      <c r="R7" s="7">
        <v>10312.328231</v>
      </c>
      <c r="S7" s="7">
        <v>10958.583079</v>
      </c>
      <c r="T7" s="7">
        <v>11779.382433000001</v>
      </c>
      <c r="U7" s="7">
        <v>11941.363959</v>
      </c>
      <c r="V7" s="7">
        <v>12858.573257</v>
      </c>
      <c r="W7" s="7">
        <v>13504.142637999999</v>
      </c>
      <c r="X7" s="7">
        <v>13525.430120999999</v>
      </c>
      <c r="Y7" s="7">
        <v>13910.523676999999</v>
      </c>
      <c r="Z7" s="7">
        <v>14398.521321</v>
      </c>
      <c r="AA7" s="7">
        <v>14292.142035999999</v>
      </c>
      <c r="AB7" s="7">
        <v>15059.531951999999</v>
      </c>
      <c r="AC7" s="7">
        <v>15330.340909</v>
      </c>
      <c r="AD7" s="7">
        <v>14679.060493000001</v>
      </c>
      <c r="AE7" s="7">
        <v>14476.9095935</v>
      </c>
      <c r="AF7" s="7">
        <v>15045.701052500001</v>
      </c>
      <c r="AG7" s="9">
        <v>44367.381532999992</v>
      </c>
      <c r="AH7" s="13">
        <v>0.58329440461592574</v>
      </c>
      <c r="AI7" s="9">
        <v>23242.238269399997</v>
      </c>
      <c r="AJ7" s="13">
        <v>0.30556384138215481</v>
      </c>
      <c r="AK7" s="9">
        <v>6164.808698599998</v>
      </c>
      <c r="AL7" s="13">
        <v>6.2079113006421001E-2</v>
      </c>
      <c r="AM7" s="9">
        <v>14960.334564999997</v>
      </c>
      <c r="AN7" s="13">
        <v>0.14184379314459131</v>
      </c>
      <c r="AO7" s="9">
        <v>21125.143263599995</v>
      </c>
      <c r="AP7" s="13">
        <v>0.2127284430148948</v>
      </c>
      <c r="AQ7" s="9">
        <v>76063.444432000004</v>
      </c>
      <c r="AR7" s="9">
        <v>77961.042188799998</v>
      </c>
      <c r="AS7" s="9">
        <v>82561.600561400002</v>
      </c>
      <c r="AT7" s="9">
        <v>88158.214588600007</v>
      </c>
      <c r="AU7" s="9">
        <v>92405.802924500007</v>
      </c>
      <c r="AV7" s="9">
        <v>97928.013808799995</v>
      </c>
      <c r="AW7" s="9">
        <v>99305.682701400001</v>
      </c>
      <c r="AX7" s="9">
        <v>100311.172421</v>
      </c>
      <c r="AY7" s="9">
        <v>101818.272054</v>
      </c>
      <c r="AZ7" s="9">
        <v>105470.4914</v>
      </c>
      <c r="BA7" s="9">
        <v>106270.14539999999</v>
      </c>
      <c r="BB7" s="9">
        <v>107696.543506</v>
      </c>
      <c r="BC7" s="9">
        <v>107373.77533999999</v>
      </c>
      <c r="BD7" s="9">
        <v>111338.611206</v>
      </c>
      <c r="BE7" s="9">
        <v>117158.613008</v>
      </c>
      <c r="BF7" s="9">
        <v>120430.825965</v>
      </c>
      <c r="BG7" s="11">
        <v>1587.5</v>
      </c>
      <c r="BH7" s="13">
        <v>0.50946726572528889</v>
      </c>
      <c r="BI7" s="6">
        <v>910</v>
      </c>
      <c r="BJ7" s="13">
        <v>0.2920410783055199</v>
      </c>
      <c r="BK7" s="6">
        <v>503</v>
      </c>
      <c r="BL7" s="13">
        <v>0.12493790362642822</v>
      </c>
      <c r="BM7" s="11">
        <v>174.5</v>
      </c>
      <c r="BN7" s="13">
        <v>3.852947670567454E-2</v>
      </c>
      <c r="BO7" s="11">
        <v>677.5</v>
      </c>
      <c r="BP7" s="13">
        <v>0.16828117237953302</v>
      </c>
      <c r="BQ7" s="6">
        <v>3116</v>
      </c>
      <c r="BR7" s="6">
        <v>3424</v>
      </c>
      <c r="BS7" s="6">
        <v>3698</v>
      </c>
      <c r="BT7" s="6">
        <v>4026</v>
      </c>
      <c r="BU7" s="6">
        <v>4322</v>
      </c>
      <c r="BV7" s="6">
        <v>4297</v>
      </c>
      <c r="BW7" s="6">
        <v>4529</v>
      </c>
      <c r="BX7" s="6">
        <v>4499</v>
      </c>
      <c r="BY7" s="6">
        <v>4567</v>
      </c>
      <c r="BZ7" s="6">
        <v>4656</v>
      </c>
      <c r="CA7" s="6">
        <v>4733</v>
      </c>
      <c r="CB7" s="6">
        <v>4730</v>
      </c>
      <c r="CC7" s="11">
        <v>4703.5</v>
      </c>
      <c r="CD7" s="11">
        <v>5998.89</v>
      </c>
      <c r="CE7" s="11">
        <v>-719.90599999999995</v>
      </c>
      <c r="CF7" s="11">
        <v>962.41600000000005</v>
      </c>
      <c r="CG7" s="11">
        <v>242</v>
      </c>
      <c r="CH7" s="20">
        <v>4.8293999999999997</v>
      </c>
      <c r="CI7" s="20">
        <v>5.16303</v>
      </c>
      <c r="CJ7" s="20">
        <v>5.3312999999999997</v>
      </c>
      <c r="CK7" s="20">
        <v>5.0095200000000002</v>
      </c>
      <c r="CL7" s="20">
        <v>5.2237200000000001</v>
      </c>
      <c r="CM7" s="20">
        <v>4.9765899999999998</v>
      </c>
      <c r="CN7" s="20">
        <v>5.1702300000000001</v>
      </c>
      <c r="CO7" s="20">
        <v>5.1100199999999996</v>
      </c>
      <c r="CP7" s="20">
        <v>4.9617599999999999</v>
      </c>
      <c r="CQ7" s="20">
        <v>5.1005900000000004</v>
      </c>
      <c r="CR7" s="20">
        <v>5.1102699999999999</v>
      </c>
      <c r="CS7" s="20">
        <v>5.1971100000000003</v>
      </c>
      <c r="CT7" s="20">
        <v>5.08331</v>
      </c>
      <c r="CU7" s="20">
        <v>5.1169799999999999</v>
      </c>
      <c r="CV7" s="20">
        <v>5.0075700000000003</v>
      </c>
      <c r="CW7" s="20">
        <v>4.7657100000000003</v>
      </c>
      <c r="CX7" s="20">
        <v>4.7519200000000001</v>
      </c>
      <c r="CY7" s="6"/>
      <c r="CZ7" s="6"/>
      <c r="DA7" s="6"/>
      <c r="DB7" s="6"/>
      <c r="DC7" s="6"/>
      <c r="DD7" s="6"/>
      <c r="DE7" s="6"/>
      <c r="DF7" s="6"/>
      <c r="DG7" s="6"/>
      <c r="DH7" s="6"/>
      <c r="DI7" s="6"/>
      <c r="DJ7" s="6"/>
      <c r="DK7" s="6"/>
      <c r="DL7" s="6"/>
      <c r="DM7" s="6"/>
      <c r="DN7" s="6"/>
      <c r="DO7" s="6"/>
    </row>
    <row r="8" spans="1:119" hidden="1" x14ac:dyDescent="0.2">
      <c r="A8" s="6" t="s">
        <v>793</v>
      </c>
      <c r="B8" s="6" t="s">
        <v>179</v>
      </c>
      <c r="C8" s="6" t="s">
        <v>180</v>
      </c>
      <c r="D8" s="6" t="s">
        <v>155</v>
      </c>
      <c r="E8" s="6" t="s">
        <v>156</v>
      </c>
      <c r="F8" s="11">
        <v>-2198</v>
      </c>
      <c r="G8" s="13">
        <v>-0.56999999999999995</v>
      </c>
      <c r="H8" s="11">
        <v>-1086</v>
      </c>
      <c r="I8" s="13">
        <v>-0.2808378588052754</v>
      </c>
      <c r="J8" s="11">
        <v>-827</v>
      </c>
      <c r="K8" s="13">
        <v>-0.29737504494786049</v>
      </c>
      <c r="L8" s="11">
        <v>-285</v>
      </c>
      <c r="M8" s="13">
        <v>-0.14585465711361309</v>
      </c>
      <c r="N8" s="11">
        <v>-1112</v>
      </c>
      <c r="O8" s="13">
        <v>-0.39985616684645808</v>
      </c>
      <c r="P8" s="7">
        <v>3867</v>
      </c>
      <c r="Q8" s="7">
        <v>3337</v>
      </c>
      <c r="R8" s="7">
        <v>3218</v>
      </c>
      <c r="S8" s="7">
        <v>3048</v>
      </c>
      <c r="T8" s="7">
        <v>2749</v>
      </c>
      <c r="U8" s="7">
        <v>2957</v>
      </c>
      <c r="V8" s="7">
        <v>2781</v>
      </c>
      <c r="W8" s="7">
        <v>2368</v>
      </c>
      <c r="X8" s="7">
        <v>2119</v>
      </c>
      <c r="Y8" s="7">
        <v>1954</v>
      </c>
      <c r="Z8" s="7">
        <v>1761</v>
      </c>
      <c r="AA8" s="7">
        <v>1888</v>
      </c>
      <c r="AB8" s="7">
        <v>2075</v>
      </c>
      <c r="AC8" s="7">
        <v>1526</v>
      </c>
      <c r="AD8" s="7">
        <v>1656</v>
      </c>
      <c r="AE8" s="7">
        <v>1600</v>
      </c>
      <c r="AF8" s="7">
        <v>1669</v>
      </c>
      <c r="AG8" s="9">
        <v>37028</v>
      </c>
      <c r="AH8" s="13">
        <v>0.87363155907889756</v>
      </c>
      <c r="AI8" s="9">
        <v>16887</v>
      </c>
      <c r="AJ8" s="13">
        <v>0.39842865232163083</v>
      </c>
      <c r="AK8" s="9">
        <v>12741</v>
      </c>
      <c r="AL8" s="13">
        <v>0.21496178569620897</v>
      </c>
      <c r="AM8" s="9">
        <v>7400</v>
      </c>
      <c r="AN8" s="13">
        <v>0.10276065100261068</v>
      </c>
      <c r="AO8" s="9">
        <v>20141</v>
      </c>
      <c r="AP8" s="13">
        <v>0.33981204973764573</v>
      </c>
      <c r="AQ8" s="9">
        <v>42384</v>
      </c>
      <c r="AR8" s="9">
        <v>43956</v>
      </c>
      <c r="AS8" s="9">
        <v>48856</v>
      </c>
      <c r="AT8" s="9">
        <v>48999</v>
      </c>
      <c r="AU8" s="9">
        <v>50666</v>
      </c>
      <c r="AV8" s="9">
        <v>51962</v>
      </c>
      <c r="AW8" s="9">
        <v>59271</v>
      </c>
      <c r="AX8" s="9">
        <v>67469</v>
      </c>
      <c r="AY8" s="9">
        <v>75137</v>
      </c>
      <c r="AZ8" s="9">
        <v>72012</v>
      </c>
      <c r="BA8" s="9">
        <v>78565</v>
      </c>
      <c r="BB8" s="9">
        <v>85449</v>
      </c>
      <c r="BC8" s="9">
        <v>68972</v>
      </c>
      <c r="BD8" s="9">
        <v>65183</v>
      </c>
      <c r="BE8" s="9">
        <v>74586</v>
      </c>
      <c r="BF8" s="9">
        <v>79412</v>
      </c>
      <c r="BG8" s="11">
        <v>-87</v>
      </c>
      <c r="BH8" s="13">
        <v>-0.29692832764505117</v>
      </c>
      <c r="BI8" s="6">
        <v>-28</v>
      </c>
      <c r="BJ8" s="13">
        <v>-9.556313993174062E-2</v>
      </c>
      <c r="BK8" s="6">
        <v>-48</v>
      </c>
      <c r="BL8" s="13">
        <v>-0.1811320754716981</v>
      </c>
      <c r="BM8" s="11">
        <v>-11</v>
      </c>
      <c r="BN8" s="13">
        <v>-5.0691244239631339E-2</v>
      </c>
      <c r="BO8" s="11">
        <v>-59</v>
      </c>
      <c r="BP8" s="13">
        <v>-0.22264150943396227</v>
      </c>
      <c r="BQ8" s="6">
        <v>293</v>
      </c>
      <c r="BR8" s="6">
        <v>274</v>
      </c>
      <c r="BS8" s="6">
        <v>281</v>
      </c>
      <c r="BT8" s="6">
        <v>265</v>
      </c>
      <c r="BU8" s="6">
        <v>256</v>
      </c>
      <c r="BV8" s="6">
        <v>233</v>
      </c>
      <c r="BW8" s="6">
        <v>217</v>
      </c>
      <c r="BX8" s="6">
        <v>201</v>
      </c>
      <c r="BY8" s="6">
        <v>193</v>
      </c>
      <c r="BZ8" s="6">
        <v>188</v>
      </c>
      <c r="CA8" s="6">
        <v>179</v>
      </c>
      <c r="CB8" s="6">
        <v>196</v>
      </c>
      <c r="CC8" s="11">
        <v>206</v>
      </c>
      <c r="CD8" s="11">
        <v>-2373</v>
      </c>
      <c r="CE8" s="11">
        <v>-248</v>
      </c>
      <c r="CF8" s="11">
        <v>423</v>
      </c>
      <c r="CG8" s="11">
        <v>175</v>
      </c>
      <c r="CH8" s="20">
        <v>0.79</v>
      </c>
      <c r="CI8" s="20">
        <v>0.67</v>
      </c>
      <c r="CJ8" s="20">
        <v>0.61</v>
      </c>
      <c r="CK8" s="20">
        <v>0.51</v>
      </c>
      <c r="CL8" s="20">
        <v>0.45</v>
      </c>
      <c r="CM8" s="20">
        <v>0.46</v>
      </c>
      <c r="CN8" s="20">
        <v>0.42</v>
      </c>
      <c r="CO8" s="20">
        <v>0.34</v>
      </c>
      <c r="CP8" s="20">
        <v>0.28999999999999998</v>
      </c>
      <c r="CQ8" s="20">
        <v>0.27</v>
      </c>
      <c r="CR8" s="20">
        <v>0.23</v>
      </c>
      <c r="CS8" s="20">
        <v>0.26</v>
      </c>
      <c r="CT8" s="20">
        <v>0.26</v>
      </c>
      <c r="CU8" s="20">
        <v>0.19</v>
      </c>
      <c r="CV8" s="20">
        <v>0.21</v>
      </c>
      <c r="CW8" s="20">
        <v>0.19</v>
      </c>
      <c r="CX8" s="20">
        <v>0.19</v>
      </c>
      <c r="CY8" s="6"/>
      <c r="CZ8" s="6"/>
      <c r="DA8" s="6"/>
      <c r="DB8" s="6"/>
      <c r="DC8" s="6"/>
      <c r="DD8" s="6"/>
      <c r="DE8" s="6"/>
      <c r="DF8" s="6"/>
      <c r="DG8" s="6"/>
      <c r="DH8" s="6"/>
      <c r="DI8" s="6"/>
      <c r="DJ8" s="6"/>
      <c r="DK8" s="6"/>
      <c r="DL8" s="6"/>
      <c r="DM8" s="6"/>
      <c r="DN8" s="6"/>
      <c r="DO8" s="6"/>
    </row>
    <row r="9" spans="1:119" hidden="1" x14ac:dyDescent="0.2">
      <c r="A9" s="6" t="s">
        <v>794</v>
      </c>
      <c r="B9" s="6" t="s">
        <v>181</v>
      </c>
      <c r="C9" s="6" t="s">
        <v>182</v>
      </c>
      <c r="D9" s="6" t="s">
        <v>155</v>
      </c>
      <c r="E9" s="6" t="s">
        <v>156</v>
      </c>
      <c r="F9" s="11">
        <v>861</v>
      </c>
      <c r="G9" s="13">
        <v>0.59461325966900003</v>
      </c>
      <c r="H9" s="11">
        <v>480.04419699999994</v>
      </c>
      <c r="I9" s="13">
        <v>0.33157532327116424</v>
      </c>
      <c r="J9" s="11">
        <v>229.70000499999992</v>
      </c>
      <c r="K9" s="13">
        <v>0.1191506028526808</v>
      </c>
      <c r="L9" s="11">
        <v>151.97819426000024</v>
      </c>
      <c r="M9" s="13">
        <v>7.0441401242935103E-2</v>
      </c>
      <c r="N9" s="11">
        <v>381.67819926000016</v>
      </c>
      <c r="O9" s="13">
        <v>0.1979851395194992</v>
      </c>
      <c r="P9" s="7">
        <v>1447.7681640000001</v>
      </c>
      <c r="Q9" s="7">
        <v>1342.5143740000001</v>
      </c>
      <c r="R9" s="7">
        <v>1406.518986</v>
      </c>
      <c r="S9" s="7">
        <v>1486.700169</v>
      </c>
      <c r="T9" s="7">
        <v>1696.5195269999999</v>
      </c>
      <c r="U9" s="7">
        <v>1895.825593</v>
      </c>
      <c r="V9" s="7">
        <v>1927.812361</v>
      </c>
      <c r="W9" s="7">
        <v>2057.8106130000001</v>
      </c>
      <c r="X9" s="7">
        <v>2206.9563480000002</v>
      </c>
      <c r="Y9" s="7">
        <v>2157.5123659999999</v>
      </c>
      <c r="Z9" s="7">
        <v>2176.6536500000002</v>
      </c>
      <c r="AA9" s="7">
        <v>1980.2202669999999</v>
      </c>
      <c r="AB9" s="7">
        <v>1972.517376</v>
      </c>
      <c r="AC9" s="7">
        <v>2136.3545979999999</v>
      </c>
      <c r="AD9" s="7">
        <v>2092.7865879999999</v>
      </c>
      <c r="AE9" s="7">
        <v>2259.9283030000001</v>
      </c>
      <c r="AF9" s="7">
        <v>2309.4905602600002</v>
      </c>
      <c r="AG9" s="9">
        <v>16267.909876999998</v>
      </c>
      <c r="AH9" s="13">
        <v>0.39923785290861191</v>
      </c>
      <c r="AI9" s="9">
        <v>12421.797917399999</v>
      </c>
      <c r="AJ9" s="13">
        <v>0.30484874623131297</v>
      </c>
      <c r="AK9" s="9">
        <v>228.59238629999891</v>
      </c>
      <c r="AL9" s="13">
        <v>4.299337534064496E-3</v>
      </c>
      <c r="AM9" s="9">
        <v>3617.5195733</v>
      </c>
      <c r="AN9" s="13">
        <v>6.7746598467848126E-2</v>
      </c>
      <c r="AO9" s="9">
        <v>3846.111959599999</v>
      </c>
      <c r="AP9" s="13">
        <v>7.2337201495510636E-2</v>
      </c>
      <c r="AQ9" s="9">
        <v>40747.413499200004</v>
      </c>
      <c r="AR9" s="9">
        <v>45044.000399899996</v>
      </c>
      <c r="AS9" s="9">
        <v>48845.034417100003</v>
      </c>
      <c r="AT9" s="9">
        <v>47869.437023300001</v>
      </c>
      <c r="AU9" s="9">
        <v>49322.975755799998</v>
      </c>
      <c r="AV9" s="9">
        <v>52611.885820099997</v>
      </c>
      <c r="AW9" s="9">
        <v>53169.211416600003</v>
      </c>
      <c r="AX9" s="9">
        <v>54921.888315800003</v>
      </c>
      <c r="AY9" s="9">
        <v>49970.194044299998</v>
      </c>
      <c r="AZ9" s="9">
        <v>53397.803802900002</v>
      </c>
      <c r="BA9" s="9">
        <v>50830.414069999999</v>
      </c>
      <c r="BB9" s="9">
        <v>53729.0516871</v>
      </c>
      <c r="BC9" s="9">
        <v>56038.063788599997</v>
      </c>
      <c r="BD9" s="9">
        <v>53048.255441399997</v>
      </c>
      <c r="BE9" s="9">
        <v>54960.2410638</v>
      </c>
      <c r="BF9" s="9">
        <v>57015.323376200002</v>
      </c>
      <c r="BG9" s="11">
        <v>196</v>
      </c>
      <c r="BH9" s="13">
        <v>0.93779904306220097</v>
      </c>
      <c r="BI9" s="6">
        <v>75</v>
      </c>
      <c r="BJ9" s="13">
        <v>0.35885167464114831</v>
      </c>
      <c r="BK9" s="6">
        <v>19</v>
      </c>
      <c r="BL9" s="13">
        <v>6.6901408450704219E-2</v>
      </c>
      <c r="BM9" s="11">
        <v>102</v>
      </c>
      <c r="BN9" s="13">
        <v>0.33663366336633666</v>
      </c>
      <c r="BO9" s="11">
        <v>121</v>
      </c>
      <c r="BP9" s="13">
        <v>0.426056338028169</v>
      </c>
      <c r="BQ9" s="6">
        <v>209</v>
      </c>
      <c r="BR9" s="6">
        <v>231</v>
      </c>
      <c r="BS9" s="6">
        <v>252</v>
      </c>
      <c r="BT9" s="6">
        <v>284</v>
      </c>
      <c r="BU9" s="6">
        <v>291</v>
      </c>
      <c r="BV9" s="6">
        <v>297</v>
      </c>
      <c r="BW9" s="6">
        <v>303</v>
      </c>
      <c r="BX9" s="6">
        <v>314</v>
      </c>
      <c r="BY9" s="6">
        <v>324</v>
      </c>
      <c r="BZ9" s="6">
        <v>338</v>
      </c>
      <c r="CA9" s="6">
        <v>356</v>
      </c>
      <c r="CB9" s="6">
        <v>390</v>
      </c>
      <c r="CC9" s="11">
        <v>405</v>
      </c>
      <c r="CD9" s="11">
        <v>612.21100000000001</v>
      </c>
      <c r="CE9" s="11">
        <v>91.253399999999999</v>
      </c>
      <c r="CF9" s="11">
        <v>158.25800000000001</v>
      </c>
      <c r="CG9" s="11">
        <v>249</v>
      </c>
      <c r="CH9" s="20">
        <v>1.0032000000000001</v>
      </c>
      <c r="CI9" s="20">
        <v>0.94346699999999994</v>
      </c>
      <c r="CJ9" s="20">
        <v>0.928315</v>
      </c>
      <c r="CK9" s="20">
        <v>0.85928199999999999</v>
      </c>
      <c r="CL9" s="20">
        <v>0.94553500000000001</v>
      </c>
      <c r="CM9" s="20">
        <v>0.99011800000000005</v>
      </c>
      <c r="CN9" s="20">
        <v>0.96929799999999999</v>
      </c>
      <c r="CO9" s="20">
        <v>0.973831</v>
      </c>
      <c r="CP9" s="20">
        <v>1.00956</v>
      </c>
      <c r="CQ9" s="20">
        <v>0.98051699999999997</v>
      </c>
      <c r="CR9" s="20">
        <v>0.94509500000000002</v>
      </c>
      <c r="CS9" s="20">
        <v>0.87748599999999999</v>
      </c>
      <c r="CT9" s="20">
        <v>0.80649999999999999</v>
      </c>
      <c r="CU9" s="20">
        <v>0.84449300000000005</v>
      </c>
      <c r="CV9" s="20">
        <v>0.816554</v>
      </c>
      <c r="CW9" s="20">
        <v>0.82914399999999999</v>
      </c>
      <c r="CX9" s="20">
        <v>0.80762599999999996</v>
      </c>
      <c r="CY9" s="6"/>
      <c r="CZ9" s="6"/>
      <c r="DA9" s="6"/>
      <c r="DB9" s="6"/>
      <c r="DC9" s="6"/>
      <c r="DD9" s="6"/>
      <c r="DE9" s="6"/>
      <c r="DF9" s="6"/>
      <c r="DG9" s="6"/>
      <c r="DH9" s="6"/>
      <c r="DI9" s="6"/>
      <c r="DJ9" s="6"/>
      <c r="DK9" s="6"/>
      <c r="DL9" s="6"/>
      <c r="DM9" s="6"/>
      <c r="DN9" s="6"/>
      <c r="DO9" s="6"/>
    </row>
    <row r="10" spans="1:119" hidden="1" x14ac:dyDescent="0.2">
      <c r="A10" s="6" t="s">
        <v>314</v>
      </c>
      <c r="B10" s="6" t="s">
        <v>314</v>
      </c>
      <c r="C10" s="6" t="s">
        <v>183</v>
      </c>
      <c r="D10" s="6" t="s">
        <v>155</v>
      </c>
      <c r="E10" s="6" t="s">
        <v>156</v>
      </c>
      <c r="F10" s="11">
        <v>532</v>
      </c>
      <c r="G10" s="13">
        <v>0.41856805664800001</v>
      </c>
      <c r="H10" s="11">
        <v>-257.17632200000003</v>
      </c>
      <c r="I10" s="13">
        <v>-0.20239476871090847</v>
      </c>
      <c r="J10" s="11">
        <v>479.73128099999985</v>
      </c>
      <c r="K10" s="13">
        <v>0.47334560174604162</v>
      </c>
      <c r="L10" s="11">
        <v>309.63546185000018</v>
      </c>
      <c r="M10" s="13">
        <v>0.20736066217886601</v>
      </c>
      <c r="N10" s="11">
        <v>789.36674285000004</v>
      </c>
      <c r="O10" s="13">
        <v>0.77885952134242065</v>
      </c>
      <c r="P10" s="7">
        <v>1270.6668440000001</v>
      </c>
      <c r="Q10" s="7">
        <v>1080.4405180000001</v>
      </c>
      <c r="R10" s="7">
        <v>1362.477576</v>
      </c>
      <c r="S10" s="7">
        <v>1512.479151</v>
      </c>
      <c r="T10" s="7">
        <v>1242.7883420000001</v>
      </c>
      <c r="U10" s="7">
        <v>1023.53502</v>
      </c>
      <c r="V10" s="7">
        <v>1013.4905220000001</v>
      </c>
      <c r="W10" s="7">
        <v>1076.5499769999999</v>
      </c>
      <c r="X10" s="7">
        <v>2221.4331299999999</v>
      </c>
      <c r="Y10" s="7">
        <v>1493.2218029999999</v>
      </c>
      <c r="Z10" s="7">
        <v>1630.4902529999999</v>
      </c>
      <c r="AA10" s="7">
        <v>1440.1402109999999</v>
      </c>
      <c r="AB10" s="7">
        <v>1413.0268940000001</v>
      </c>
      <c r="AC10" s="7">
        <v>1410.11706</v>
      </c>
      <c r="AD10" s="7">
        <v>1568.4719720000001</v>
      </c>
      <c r="AE10" s="7">
        <v>1723.89856175</v>
      </c>
      <c r="AF10" s="7">
        <v>1802.8572648500001</v>
      </c>
      <c r="AG10" s="9">
        <v>34993.840503200001</v>
      </c>
      <c r="AH10" s="13">
        <v>0.47489724466351618</v>
      </c>
      <c r="AI10" s="9">
        <v>20956.582392099997</v>
      </c>
      <c r="AJ10" s="13">
        <v>0.28439928548746085</v>
      </c>
      <c r="AK10" s="9">
        <v>-9017.5677061000024</v>
      </c>
      <c r="AL10" s="13">
        <v>-9.5279045615276253E-2</v>
      </c>
      <c r="AM10" s="9">
        <v>23054.825817200006</v>
      </c>
      <c r="AN10" s="13">
        <v>0.26924967186957177</v>
      </c>
      <c r="AO10" s="9">
        <v>14037.258111100004</v>
      </c>
      <c r="AP10" s="13">
        <v>0.1483167744863364</v>
      </c>
      <c r="AQ10" s="9">
        <v>73687.183693800005</v>
      </c>
      <c r="AR10" s="9">
        <v>75299.554014099995</v>
      </c>
      <c r="AS10" s="9">
        <v>77011.908388700002</v>
      </c>
      <c r="AT10" s="9">
        <v>78476.589158999996</v>
      </c>
      <c r="AU10" s="9">
        <v>82241.309765400001</v>
      </c>
      <c r="AV10" s="9">
        <v>89188.422931599998</v>
      </c>
      <c r="AW10" s="9">
        <v>94643.766085900003</v>
      </c>
      <c r="AX10" s="9">
        <v>87805.961009000006</v>
      </c>
      <c r="AY10" s="9">
        <v>90178.949292100006</v>
      </c>
      <c r="AZ10" s="9">
        <v>85626.1983798</v>
      </c>
      <c r="BA10" s="9">
        <v>85139.818230999997</v>
      </c>
      <c r="BB10" s="9">
        <v>83828.389862600001</v>
      </c>
      <c r="BC10" s="9">
        <v>86758.986580800003</v>
      </c>
      <c r="BD10" s="9">
        <v>91174.371679000003</v>
      </c>
      <c r="BE10" s="9">
        <v>105314.17956800001</v>
      </c>
      <c r="BF10" s="9">
        <v>108681.02419700001</v>
      </c>
      <c r="BG10" s="11">
        <v>187.5</v>
      </c>
      <c r="BH10" s="13">
        <v>0.5859375</v>
      </c>
      <c r="BI10" s="6">
        <v>-23</v>
      </c>
      <c r="BJ10" s="13">
        <v>-7.1874999999999994E-2</v>
      </c>
      <c r="BK10" s="6">
        <v>29</v>
      </c>
      <c r="BL10" s="13">
        <v>9.7643097643097643E-2</v>
      </c>
      <c r="BM10" s="11">
        <v>181.5</v>
      </c>
      <c r="BN10" s="13">
        <v>0.55674846625766872</v>
      </c>
      <c r="BO10" s="11">
        <v>210.5</v>
      </c>
      <c r="BP10" s="13">
        <v>0.7087542087542088</v>
      </c>
      <c r="BQ10" s="6">
        <v>320</v>
      </c>
      <c r="BR10" s="6">
        <v>293</v>
      </c>
      <c r="BS10" s="6">
        <v>296</v>
      </c>
      <c r="BT10" s="6">
        <v>297</v>
      </c>
      <c r="BU10" s="6">
        <v>294</v>
      </c>
      <c r="BV10" s="6">
        <v>297</v>
      </c>
      <c r="BW10" s="6">
        <v>326</v>
      </c>
      <c r="BX10" s="6">
        <v>317</v>
      </c>
      <c r="BY10" s="6">
        <v>340</v>
      </c>
      <c r="BZ10" s="6">
        <v>385</v>
      </c>
      <c r="CA10" s="6">
        <v>438</v>
      </c>
      <c r="CB10" s="6">
        <v>470</v>
      </c>
      <c r="CC10" s="11">
        <v>507.5</v>
      </c>
      <c r="CD10" s="11">
        <v>782.48400000000004</v>
      </c>
      <c r="CE10" s="11">
        <v>-389.19299999999998</v>
      </c>
      <c r="CF10" s="11">
        <v>138.899</v>
      </c>
      <c r="CG10" s="11">
        <v>-250</v>
      </c>
      <c r="CH10" s="20">
        <v>1.1181000000000001</v>
      </c>
      <c r="CI10" s="20">
        <v>0.99140399999999995</v>
      </c>
      <c r="CJ10" s="20">
        <v>1.226</v>
      </c>
      <c r="CK10" s="20">
        <v>1.24224</v>
      </c>
      <c r="CL10" s="20">
        <v>1.0216000000000001</v>
      </c>
      <c r="CM10" s="20">
        <v>0.81191599999999997</v>
      </c>
      <c r="CN10" s="20">
        <v>0.79170700000000005</v>
      </c>
      <c r="CO10" s="20">
        <v>0.79840699999999998</v>
      </c>
      <c r="CP10" s="20">
        <v>1.58497</v>
      </c>
      <c r="CQ10" s="20">
        <v>1.0857000000000001</v>
      </c>
      <c r="CR10" s="20">
        <v>1.1747799999999999</v>
      </c>
      <c r="CS10" s="20">
        <v>1.0803700000000001</v>
      </c>
      <c r="CT10" s="20">
        <v>0.98822699999999997</v>
      </c>
      <c r="CU10" s="20">
        <v>0.97392500000000004</v>
      </c>
      <c r="CV10" s="20">
        <v>1.1083099999999999</v>
      </c>
      <c r="CW10" s="20">
        <v>1.1579200000000001</v>
      </c>
      <c r="CX10" s="20">
        <v>1.1688099999999999</v>
      </c>
      <c r="CY10" s="6"/>
      <c r="CZ10" s="6"/>
      <c r="DA10" s="6"/>
      <c r="DB10" s="6"/>
      <c r="DC10" s="6"/>
      <c r="DD10" s="6"/>
      <c r="DE10" s="6"/>
      <c r="DF10" s="6"/>
      <c r="DG10" s="6"/>
      <c r="DH10" s="6"/>
      <c r="DI10" s="6"/>
      <c r="DJ10" s="6"/>
      <c r="DK10" s="6"/>
      <c r="DL10" s="6"/>
      <c r="DM10" s="6"/>
      <c r="DN10" s="6"/>
      <c r="DO10" s="6"/>
    </row>
    <row r="11" spans="1:119" hidden="1" x14ac:dyDescent="0.2">
      <c r="A11" s="6" t="s">
        <v>315</v>
      </c>
      <c r="B11" s="6" t="s">
        <v>315</v>
      </c>
      <c r="C11" s="6" t="s">
        <v>184</v>
      </c>
      <c r="D11" s="6" t="s">
        <v>155</v>
      </c>
      <c r="E11" s="6" t="s">
        <v>156</v>
      </c>
      <c r="F11" s="11">
        <v>5780</v>
      </c>
      <c r="G11" s="13">
        <v>3.09</v>
      </c>
      <c r="H11" s="11">
        <v>1560</v>
      </c>
      <c r="I11" s="13">
        <v>0.83377872795296637</v>
      </c>
      <c r="J11" s="11">
        <v>2878</v>
      </c>
      <c r="K11" s="13">
        <v>0.8388225007286505</v>
      </c>
      <c r="L11" s="11">
        <v>1342</v>
      </c>
      <c r="M11" s="13">
        <v>0.21271199873197019</v>
      </c>
      <c r="N11" s="11">
        <v>4220</v>
      </c>
      <c r="O11" s="13">
        <v>1.2299621101719616</v>
      </c>
      <c r="P11" s="7">
        <v>1871</v>
      </c>
      <c r="Q11" s="7">
        <v>2381</v>
      </c>
      <c r="R11" s="7">
        <v>3010</v>
      </c>
      <c r="S11" s="7">
        <v>3247</v>
      </c>
      <c r="T11" s="7">
        <v>3270</v>
      </c>
      <c r="U11" s="7">
        <v>3588</v>
      </c>
      <c r="V11" s="7">
        <v>3431</v>
      </c>
      <c r="W11" s="7">
        <v>4299</v>
      </c>
      <c r="X11" s="7">
        <v>6365</v>
      </c>
      <c r="Y11" s="7">
        <v>6309</v>
      </c>
      <c r="Z11" s="7">
        <v>5438</v>
      </c>
      <c r="AA11" s="7">
        <v>5628</v>
      </c>
      <c r="AB11" s="7">
        <v>6343</v>
      </c>
      <c r="AC11" s="7">
        <v>6814</v>
      </c>
      <c r="AD11" s="7">
        <v>6791</v>
      </c>
      <c r="AE11" s="7">
        <v>7155</v>
      </c>
      <c r="AF11" s="7">
        <v>7651</v>
      </c>
      <c r="AG11" s="9">
        <v>14155</v>
      </c>
      <c r="AH11" s="13">
        <v>0.18071212450050428</v>
      </c>
      <c r="AI11" s="9">
        <v>3233</v>
      </c>
      <c r="AJ11" s="13">
        <v>4.1274623702587811E-2</v>
      </c>
      <c r="AK11" s="9">
        <v>13249</v>
      </c>
      <c r="AL11" s="13">
        <v>0.16244084254922636</v>
      </c>
      <c r="AM11" s="9">
        <v>-2327</v>
      </c>
      <c r="AN11" s="13">
        <v>-2.4543565620022995E-2</v>
      </c>
      <c r="AO11" s="9">
        <v>10922</v>
      </c>
      <c r="AP11" s="13">
        <v>0.13391039945072461</v>
      </c>
      <c r="AQ11" s="9">
        <v>78329</v>
      </c>
      <c r="AR11" s="9">
        <v>76326</v>
      </c>
      <c r="AS11" s="9">
        <v>73843</v>
      </c>
      <c r="AT11" s="9">
        <v>75308</v>
      </c>
      <c r="AU11" s="9">
        <v>82384</v>
      </c>
      <c r="AV11" s="9">
        <v>80314</v>
      </c>
      <c r="AW11" s="9">
        <v>81562</v>
      </c>
      <c r="AX11" s="9">
        <v>76672</v>
      </c>
      <c r="AY11" s="9">
        <v>85640</v>
      </c>
      <c r="AZ11" s="9">
        <v>94811</v>
      </c>
      <c r="BA11" s="9">
        <v>87523</v>
      </c>
      <c r="BB11" s="9">
        <v>88176</v>
      </c>
      <c r="BC11" s="9">
        <v>85906</v>
      </c>
      <c r="BD11" s="9">
        <v>87886</v>
      </c>
      <c r="BE11" s="9">
        <v>90640</v>
      </c>
      <c r="BF11" s="9">
        <v>92484</v>
      </c>
      <c r="BG11" s="11">
        <v>353</v>
      </c>
      <c r="BH11" s="13">
        <v>0.86308068459657705</v>
      </c>
      <c r="BI11" s="6">
        <v>158</v>
      </c>
      <c r="BJ11" s="13">
        <v>0.38630806845965771</v>
      </c>
      <c r="BK11" s="6">
        <v>74</v>
      </c>
      <c r="BL11" s="13">
        <v>0.13051146384479717</v>
      </c>
      <c r="BM11" s="11">
        <v>121</v>
      </c>
      <c r="BN11" s="13">
        <v>0.18876755070202808</v>
      </c>
      <c r="BO11" s="11">
        <v>195</v>
      </c>
      <c r="BP11" s="13">
        <v>0.3439153439153439</v>
      </c>
      <c r="BQ11" s="6">
        <v>409</v>
      </c>
      <c r="BR11" s="6">
        <v>465</v>
      </c>
      <c r="BS11" s="6">
        <v>523</v>
      </c>
      <c r="BT11" s="6">
        <v>567</v>
      </c>
      <c r="BU11" s="6">
        <v>603</v>
      </c>
      <c r="BV11" s="6">
        <v>626</v>
      </c>
      <c r="BW11" s="6">
        <v>641</v>
      </c>
      <c r="BX11" s="6">
        <v>634</v>
      </c>
      <c r="BY11" s="6">
        <v>632</v>
      </c>
      <c r="BZ11" s="6">
        <v>646</v>
      </c>
      <c r="CA11" s="6">
        <v>678</v>
      </c>
      <c r="CB11" s="6">
        <v>731</v>
      </c>
      <c r="CC11" s="11">
        <v>762</v>
      </c>
      <c r="CD11" s="11">
        <v>5725</v>
      </c>
      <c r="CE11" s="11">
        <v>-149</v>
      </c>
      <c r="CF11" s="11">
        <v>204</v>
      </c>
      <c r="CG11" s="11">
        <v>55</v>
      </c>
      <c r="CH11" s="20">
        <v>1.01</v>
      </c>
      <c r="CI11" s="20">
        <v>1.27</v>
      </c>
      <c r="CJ11" s="20">
        <v>1.47</v>
      </c>
      <c r="CK11" s="20">
        <v>1.41</v>
      </c>
      <c r="CL11" s="20">
        <v>1.38</v>
      </c>
      <c r="CM11" s="20">
        <v>1.42</v>
      </c>
      <c r="CN11" s="20">
        <v>1.34</v>
      </c>
      <c r="CO11" s="20">
        <v>1.61</v>
      </c>
      <c r="CP11" s="20">
        <v>2.25</v>
      </c>
      <c r="CQ11" s="20">
        <v>2.2400000000000002</v>
      </c>
      <c r="CR11" s="20">
        <v>1.88</v>
      </c>
      <c r="CS11" s="20">
        <v>2.0099999999999998</v>
      </c>
      <c r="CT11" s="20">
        <v>2.12</v>
      </c>
      <c r="CU11" s="20">
        <v>2.27</v>
      </c>
      <c r="CV11" s="20">
        <v>2.2999999999999998</v>
      </c>
      <c r="CW11" s="20">
        <v>2.31</v>
      </c>
      <c r="CX11" s="20">
        <v>2.37</v>
      </c>
      <c r="CY11" s="6"/>
      <c r="CZ11" s="6"/>
      <c r="DA11" s="6"/>
      <c r="DB11" s="6"/>
      <c r="DC11" s="6"/>
      <c r="DD11" s="6"/>
      <c r="DE11" s="6"/>
      <c r="DF11" s="6"/>
      <c r="DG11" s="6"/>
      <c r="DH11" s="6"/>
      <c r="DI11" s="6"/>
      <c r="DJ11" s="6"/>
      <c r="DK11" s="6"/>
      <c r="DL11" s="6"/>
      <c r="DM11" s="6"/>
      <c r="DN11" s="6"/>
      <c r="DO11" s="6"/>
    </row>
    <row r="12" spans="1:119" hidden="1" x14ac:dyDescent="0.2">
      <c r="A12" s="6" t="s">
        <v>316</v>
      </c>
      <c r="B12" s="6" t="s">
        <v>316</v>
      </c>
      <c r="C12" s="6" t="s">
        <v>185</v>
      </c>
      <c r="D12" s="6" t="s">
        <v>155</v>
      </c>
      <c r="E12" s="6" t="s">
        <v>156</v>
      </c>
      <c r="F12" s="11">
        <v>-1152</v>
      </c>
      <c r="G12" s="13">
        <v>-0.47</v>
      </c>
      <c r="H12" s="11">
        <v>-1141</v>
      </c>
      <c r="I12" s="13">
        <v>-0.46082390953150237</v>
      </c>
      <c r="J12" s="11">
        <v>113</v>
      </c>
      <c r="K12" s="13">
        <v>8.4644194756554297E-2</v>
      </c>
      <c r="L12" s="11">
        <v>-124</v>
      </c>
      <c r="M12" s="13">
        <v>-8.5635359116022103E-2</v>
      </c>
      <c r="N12" s="11">
        <v>-11</v>
      </c>
      <c r="O12" s="13">
        <v>-8.2397003745318352E-3</v>
      </c>
      <c r="P12" s="7">
        <v>2476</v>
      </c>
      <c r="Q12" s="7">
        <v>955</v>
      </c>
      <c r="R12" s="7">
        <v>1092</v>
      </c>
      <c r="S12" s="7">
        <v>1190</v>
      </c>
      <c r="T12" s="7">
        <v>1219</v>
      </c>
      <c r="U12" s="7">
        <v>1252</v>
      </c>
      <c r="V12" s="7">
        <v>1335</v>
      </c>
      <c r="W12" s="7">
        <v>1241</v>
      </c>
      <c r="X12" s="7">
        <v>1141</v>
      </c>
      <c r="Y12" s="7">
        <v>1448</v>
      </c>
      <c r="Z12" s="7">
        <v>1090</v>
      </c>
      <c r="AA12" s="7">
        <v>1104</v>
      </c>
      <c r="AB12" s="7">
        <v>1122</v>
      </c>
      <c r="AC12" s="7">
        <v>1285</v>
      </c>
      <c r="AD12" s="7">
        <v>1257</v>
      </c>
      <c r="AE12" s="7">
        <v>1294</v>
      </c>
      <c r="AF12" s="7">
        <v>1324</v>
      </c>
      <c r="AG12" s="9">
        <v>15226</v>
      </c>
      <c r="AH12" s="13">
        <v>0.32135922330097089</v>
      </c>
      <c r="AI12" s="9">
        <v>28528</v>
      </c>
      <c r="AJ12" s="13">
        <v>0.60211059518784293</v>
      </c>
      <c r="AK12" s="9">
        <v>-13859</v>
      </c>
      <c r="AL12" s="13">
        <v>-0.18257627654529168</v>
      </c>
      <c r="AM12" s="9">
        <v>557</v>
      </c>
      <c r="AN12" s="13">
        <v>8.9767764186368844E-3</v>
      </c>
      <c r="AO12" s="9">
        <v>-13302</v>
      </c>
      <c r="AP12" s="13">
        <v>-0.1752384465405491</v>
      </c>
      <c r="AQ12" s="9">
        <v>47380</v>
      </c>
      <c r="AR12" s="9">
        <v>36939</v>
      </c>
      <c r="AS12" s="9">
        <v>33071</v>
      </c>
      <c r="AT12" s="9">
        <v>57521</v>
      </c>
      <c r="AU12" s="9">
        <v>50334</v>
      </c>
      <c r="AV12" s="9">
        <v>62901</v>
      </c>
      <c r="AW12" s="9">
        <v>75908</v>
      </c>
      <c r="AX12" s="9">
        <v>65978</v>
      </c>
      <c r="AY12" s="9">
        <v>62174</v>
      </c>
      <c r="AZ12" s="9">
        <v>62049</v>
      </c>
      <c r="BA12" s="9">
        <v>55950</v>
      </c>
      <c r="BB12" s="9">
        <v>52847</v>
      </c>
      <c r="BC12" s="9">
        <v>54047</v>
      </c>
      <c r="BD12" s="9">
        <v>53522</v>
      </c>
      <c r="BE12" s="9">
        <v>58037</v>
      </c>
      <c r="BF12" s="9">
        <v>62606</v>
      </c>
      <c r="BG12" s="11">
        <v>87</v>
      </c>
      <c r="BH12" s="13">
        <v>0.62589928057553956</v>
      </c>
      <c r="BI12" s="6">
        <v>26</v>
      </c>
      <c r="BJ12" s="13">
        <v>0.18705035971223022</v>
      </c>
      <c r="BK12" s="6">
        <v>-4</v>
      </c>
      <c r="BL12" s="13">
        <v>-2.4242424242424242E-2</v>
      </c>
      <c r="BM12" s="11">
        <v>65</v>
      </c>
      <c r="BN12" s="13">
        <v>0.40372670807453415</v>
      </c>
      <c r="BO12" s="11">
        <v>61</v>
      </c>
      <c r="BP12" s="13">
        <v>0.36969696969696969</v>
      </c>
      <c r="BQ12" s="6">
        <v>139</v>
      </c>
      <c r="BR12" s="6">
        <v>149</v>
      </c>
      <c r="BS12" s="6">
        <v>157</v>
      </c>
      <c r="BT12" s="6">
        <v>165</v>
      </c>
      <c r="BU12" s="6">
        <v>166</v>
      </c>
      <c r="BV12" s="6">
        <v>163</v>
      </c>
      <c r="BW12" s="6">
        <v>161</v>
      </c>
      <c r="BX12" s="6">
        <v>158</v>
      </c>
      <c r="BY12" s="6">
        <v>170</v>
      </c>
      <c r="BZ12" s="6">
        <v>176</v>
      </c>
      <c r="CA12" s="6">
        <v>200</v>
      </c>
      <c r="CB12" s="6">
        <v>223</v>
      </c>
      <c r="CC12" s="11">
        <v>226</v>
      </c>
      <c r="CD12" s="11">
        <v>-1297</v>
      </c>
      <c r="CE12" s="11">
        <v>-126</v>
      </c>
      <c r="CF12" s="11">
        <v>271</v>
      </c>
      <c r="CG12" s="11">
        <v>145</v>
      </c>
      <c r="CH12" s="20">
        <v>3.25</v>
      </c>
      <c r="CI12" s="20">
        <v>1.23</v>
      </c>
      <c r="CJ12" s="20">
        <v>1.28</v>
      </c>
      <c r="CK12" s="20">
        <v>1.21</v>
      </c>
      <c r="CL12" s="20">
        <v>1.18</v>
      </c>
      <c r="CM12" s="20">
        <v>1.1499999999999999</v>
      </c>
      <c r="CN12" s="20">
        <v>1.21</v>
      </c>
      <c r="CO12" s="20">
        <v>1.08</v>
      </c>
      <c r="CP12" s="20">
        <v>0.96</v>
      </c>
      <c r="CQ12" s="20">
        <v>1.24</v>
      </c>
      <c r="CR12" s="20">
        <v>0.93</v>
      </c>
      <c r="CS12" s="20">
        <v>0.97</v>
      </c>
      <c r="CT12" s="20">
        <v>0.91</v>
      </c>
      <c r="CU12" s="20">
        <v>1.02</v>
      </c>
      <c r="CV12" s="20">
        <v>1</v>
      </c>
      <c r="CW12" s="20">
        <v>0.99</v>
      </c>
      <c r="CX12" s="20">
        <v>0.97</v>
      </c>
      <c r="CY12" s="6"/>
      <c r="CZ12" s="6"/>
      <c r="DA12" s="6"/>
      <c r="DB12" s="6"/>
      <c r="DC12" s="6"/>
      <c r="DD12" s="6"/>
      <c r="DE12" s="6"/>
      <c r="DF12" s="6"/>
      <c r="DG12" s="6"/>
      <c r="DH12" s="6"/>
      <c r="DI12" s="6"/>
      <c r="DJ12" s="6"/>
      <c r="DK12" s="6"/>
      <c r="DL12" s="6"/>
      <c r="DM12" s="6"/>
      <c r="DN12" s="6"/>
      <c r="DO12" s="6"/>
    </row>
    <row r="13" spans="1:119" hidden="1" x14ac:dyDescent="0.2">
      <c r="A13" s="6" t="s">
        <v>317</v>
      </c>
      <c r="B13" s="6" t="s">
        <v>317</v>
      </c>
      <c r="C13" s="6" t="s">
        <v>186</v>
      </c>
      <c r="D13" s="6" t="s">
        <v>155</v>
      </c>
      <c r="E13" s="6" t="s">
        <v>156</v>
      </c>
      <c r="F13" s="11">
        <v>11832</v>
      </c>
      <c r="G13" s="13">
        <v>2.96</v>
      </c>
      <c r="H13" s="11">
        <v>2974</v>
      </c>
      <c r="I13" s="13">
        <v>0.74387193596798395</v>
      </c>
      <c r="J13" s="11">
        <v>1191</v>
      </c>
      <c r="K13" s="13">
        <v>0.17082616179001722</v>
      </c>
      <c r="L13" s="11">
        <v>7667</v>
      </c>
      <c r="M13" s="13">
        <v>0.93923802523582012</v>
      </c>
      <c r="N13" s="11">
        <v>8858</v>
      </c>
      <c r="O13" s="13">
        <v>1.2705106138841078</v>
      </c>
      <c r="P13" s="7">
        <v>3998</v>
      </c>
      <c r="Q13" s="7">
        <v>3821</v>
      </c>
      <c r="R13" s="7">
        <v>4219</v>
      </c>
      <c r="S13" s="7">
        <v>4983</v>
      </c>
      <c r="T13" s="7">
        <v>4743</v>
      </c>
      <c r="U13" s="7">
        <v>6150</v>
      </c>
      <c r="V13" s="7">
        <v>6972</v>
      </c>
      <c r="W13" s="7">
        <v>7850</v>
      </c>
      <c r="X13" s="7">
        <v>8030</v>
      </c>
      <c r="Y13" s="7">
        <v>8163</v>
      </c>
      <c r="Z13" s="7">
        <v>9275</v>
      </c>
      <c r="AA13" s="7">
        <v>9666</v>
      </c>
      <c r="AB13" s="7">
        <v>10558</v>
      </c>
      <c r="AC13" s="7">
        <v>12152</v>
      </c>
      <c r="AD13" s="7">
        <v>14079</v>
      </c>
      <c r="AE13" s="7">
        <v>14662</v>
      </c>
      <c r="AF13" s="7">
        <v>15830</v>
      </c>
      <c r="AG13" s="9">
        <v>31222</v>
      </c>
      <c r="AH13" s="13">
        <v>0.50909861727106709</v>
      </c>
      <c r="AI13" s="9">
        <v>11133</v>
      </c>
      <c r="AJ13" s="13">
        <v>0.18153208974693452</v>
      </c>
      <c r="AK13" s="9">
        <v>8596</v>
      </c>
      <c r="AL13" s="13">
        <v>0.11862933164046868</v>
      </c>
      <c r="AM13" s="9">
        <v>11493</v>
      </c>
      <c r="AN13" s="13">
        <v>0.14178911136607572</v>
      </c>
      <c r="AO13" s="9">
        <v>20089</v>
      </c>
      <c r="AP13" s="13">
        <v>0.27723879052179795</v>
      </c>
      <c r="AQ13" s="9">
        <v>61328</v>
      </c>
      <c r="AR13" s="9">
        <v>65128</v>
      </c>
      <c r="AS13" s="9">
        <v>68894</v>
      </c>
      <c r="AT13" s="9">
        <v>64617</v>
      </c>
      <c r="AU13" s="9">
        <v>73196</v>
      </c>
      <c r="AV13" s="9">
        <v>70325</v>
      </c>
      <c r="AW13" s="9">
        <v>72461</v>
      </c>
      <c r="AX13" s="9">
        <v>74244</v>
      </c>
      <c r="AY13" s="9">
        <v>79594</v>
      </c>
      <c r="AZ13" s="9">
        <v>81057</v>
      </c>
      <c r="BA13" s="9">
        <v>81056</v>
      </c>
      <c r="BB13" s="9">
        <v>93378</v>
      </c>
      <c r="BC13" s="9">
        <v>93564</v>
      </c>
      <c r="BD13" s="9">
        <v>90530</v>
      </c>
      <c r="BE13" s="9">
        <v>89430</v>
      </c>
      <c r="BF13" s="9">
        <v>92550</v>
      </c>
      <c r="BG13" s="11">
        <v>3304</v>
      </c>
      <c r="BH13" s="13">
        <v>2.624305003971406</v>
      </c>
      <c r="BI13" s="6">
        <v>700</v>
      </c>
      <c r="BJ13" s="13">
        <v>0.55599682287529784</v>
      </c>
      <c r="BK13" s="6">
        <v>478</v>
      </c>
      <c r="BL13" s="13">
        <v>0.24400204185809085</v>
      </c>
      <c r="BM13" s="11">
        <v>2126</v>
      </c>
      <c r="BN13" s="13">
        <v>0.87238407878539193</v>
      </c>
      <c r="BO13" s="11">
        <v>2604</v>
      </c>
      <c r="BP13" s="13">
        <v>1.3292496171516079</v>
      </c>
      <c r="BQ13" s="6">
        <v>1259</v>
      </c>
      <c r="BR13" s="6">
        <v>1404</v>
      </c>
      <c r="BS13" s="6">
        <v>1601</v>
      </c>
      <c r="BT13" s="6">
        <v>1959</v>
      </c>
      <c r="BU13" s="6">
        <v>2204</v>
      </c>
      <c r="BV13" s="6">
        <v>2299</v>
      </c>
      <c r="BW13" s="6">
        <v>2437</v>
      </c>
      <c r="BX13" s="6">
        <v>2705</v>
      </c>
      <c r="BY13" s="6">
        <v>2994</v>
      </c>
      <c r="BZ13" s="6">
        <v>3293</v>
      </c>
      <c r="CA13" s="6">
        <v>3624</v>
      </c>
      <c r="CB13" s="6">
        <v>4285</v>
      </c>
      <c r="CC13" s="11">
        <v>4563</v>
      </c>
      <c r="CD13" s="11">
        <v>10595</v>
      </c>
      <c r="CE13" s="11">
        <v>800</v>
      </c>
      <c r="CF13" s="11">
        <v>437</v>
      </c>
      <c r="CG13" s="11">
        <v>1237</v>
      </c>
      <c r="CH13" s="20">
        <v>1.65</v>
      </c>
      <c r="CI13" s="20">
        <v>1.58</v>
      </c>
      <c r="CJ13" s="20">
        <v>1.63</v>
      </c>
      <c r="CK13" s="20">
        <v>1.68</v>
      </c>
      <c r="CL13" s="20">
        <v>1.52</v>
      </c>
      <c r="CM13" s="20">
        <v>1.81</v>
      </c>
      <c r="CN13" s="20">
        <v>1.95</v>
      </c>
      <c r="CO13" s="20">
        <v>2.02</v>
      </c>
      <c r="CP13" s="20">
        <v>1.94</v>
      </c>
      <c r="CQ13" s="20">
        <v>1.95</v>
      </c>
      <c r="CR13" s="20">
        <v>2.12</v>
      </c>
      <c r="CS13" s="20">
        <v>2.2400000000000002</v>
      </c>
      <c r="CT13" s="20">
        <v>2.25</v>
      </c>
      <c r="CU13" s="20">
        <v>2.52</v>
      </c>
      <c r="CV13" s="20">
        <v>2.92</v>
      </c>
      <c r="CW13" s="20">
        <v>2.88</v>
      </c>
      <c r="CX13" s="20">
        <v>2.95</v>
      </c>
      <c r="CY13" s="6"/>
      <c r="CZ13" s="6"/>
      <c r="DA13" s="6"/>
      <c r="DB13" s="6"/>
      <c r="DC13" s="6"/>
      <c r="DD13" s="6"/>
      <c r="DE13" s="6"/>
      <c r="DF13" s="6"/>
      <c r="DG13" s="6"/>
      <c r="DH13" s="6"/>
      <c r="DI13" s="6"/>
      <c r="DJ13" s="6"/>
      <c r="DK13" s="6"/>
      <c r="DL13" s="6"/>
      <c r="DM13" s="6"/>
      <c r="DN13" s="6"/>
      <c r="DO13" s="6"/>
    </row>
    <row r="14" spans="1:119" hidden="1" x14ac:dyDescent="0.2">
      <c r="A14" s="6" t="s">
        <v>318</v>
      </c>
      <c r="B14" s="6" t="s">
        <v>318</v>
      </c>
      <c r="C14" s="6" t="s">
        <v>187</v>
      </c>
      <c r="D14" s="6" t="s">
        <v>155</v>
      </c>
      <c r="E14" s="6" t="s">
        <v>156</v>
      </c>
      <c r="F14" s="11">
        <v>748</v>
      </c>
      <c r="G14" s="13">
        <v>1.19298245614</v>
      </c>
      <c r="H14" s="11">
        <v>271.97935199999995</v>
      </c>
      <c r="I14" s="13">
        <v>0.43411779703237074</v>
      </c>
      <c r="J14" s="11">
        <v>-175.54086899999993</v>
      </c>
      <c r="K14" s="13">
        <v>-0.19537323804434609</v>
      </c>
      <c r="L14" s="11">
        <v>651.92049816000008</v>
      </c>
      <c r="M14" s="13">
        <v>0.90175175028156107</v>
      </c>
      <c r="N14" s="11">
        <v>476.37962916000015</v>
      </c>
      <c r="O14" s="13">
        <v>0.53020035287254985</v>
      </c>
      <c r="P14" s="7">
        <v>626.51048600000001</v>
      </c>
      <c r="Q14" s="7">
        <v>729.02</v>
      </c>
      <c r="R14" s="7">
        <v>861.481809</v>
      </c>
      <c r="S14" s="7">
        <v>1073.8152009999999</v>
      </c>
      <c r="T14" s="7">
        <v>959.95644500000003</v>
      </c>
      <c r="U14" s="7">
        <v>926.50596199999995</v>
      </c>
      <c r="V14" s="7">
        <v>898.48983799999996</v>
      </c>
      <c r="W14" s="7">
        <v>789.83491100000003</v>
      </c>
      <c r="X14" s="7">
        <v>736.16870100000006</v>
      </c>
      <c r="Y14" s="7">
        <v>722.94896900000003</v>
      </c>
      <c r="Z14" s="7">
        <v>877.88033499999995</v>
      </c>
      <c r="AA14" s="7">
        <v>934.02938400000005</v>
      </c>
      <c r="AB14" s="7">
        <v>1270.9327800000001</v>
      </c>
      <c r="AC14" s="7">
        <v>1199.0695820000001</v>
      </c>
      <c r="AD14" s="7">
        <v>1306.0904780000001</v>
      </c>
      <c r="AE14" s="7">
        <v>1313.28805225</v>
      </c>
      <c r="AF14" s="7">
        <v>1374.8694671600001</v>
      </c>
      <c r="AG14" s="9">
        <v>-2922.8363805999979</v>
      </c>
      <c r="AH14" s="13">
        <v>-3.3625877773309033E-2</v>
      </c>
      <c r="AI14" s="9">
        <v>4538.7386389000021</v>
      </c>
      <c r="AJ14" s="13">
        <v>5.2216084256251433E-2</v>
      </c>
      <c r="AK14" s="9">
        <v>-5782.8443105000042</v>
      </c>
      <c r="AL14" s="13">
        <v>-6.3227453313850018E-2</v>
      </c>
      <c r="AM14" s="9">
        <v>-1678.7307089999958</v>
      </c>
      <c r="AN14" s="13">
        <v>-1.9593457076329732E-2</v>
      </c>
      <c r="AO14" s="9">
        <v>-7461.5750195000001</v>
      </c>
      <c r="AP14" s="13">
        <v>-8.1582065997629197E-2</v>
      </c>
      <c r="AQ14" s="9">
        <v>86922.232939299996</v>
      </c>
      <c r="AR14" s="9">
        <v>101889.96178899999</v>
      </c>
      <c r="AS14" s="9">
        <v>83585.161129600005</v>
      </c>
      <c r="AT14" s="9">
        <v>76252.762625999996</v>
      </c>
      <c r="AU14" s="9">
        <v>79334.615782099994</v>
      </c>
      <c r="AV14" s="9">
        <v>92667.087056400007</v>
      </c>
      <c r="AW14" s="9">
        <v>91460.971578199998</v>
      </c>
      <c r="AX14" s="9">
        <v>90344.362446800005</v>
      </c>
      <c r="AY14" s="9">
        <v>88276.935763200003</v>
      </c>
      <c r="AZ14" s="9">
        <v>85678.127267699994</v>
      </c>
      <c r="BA14" s="9">
        <v>82152.254952799994</v>
      </c>
      <c r="BB14" s="9">
        <v>76263.819288300001</v>
      </c>
      <c r="BC14" s="9">
        <v>80219.506970799994</v>
      </c>
      <c r="BD14" s="9">
        <v>83042.415974400006</v>
      </c>
      <c r="BE14" s="9">
        <v>83585.682459000003</v>
      </c>
      <c r="BF14" s="9">
        <v>83999.396558699998</v>
      </c>
      <c r="BG14" s="11">
        <v>70.5</v>
      </c>
      <c r="BH14" s="13">
        <v>0.46381578947368424</v>
      </c>
      <c r="BI14" s="6">
        <v>66</v>
      </c>
      <c r="BJ14" s="13">
        <v>0.43421052631578949</v>
      </c>
      <c r="BK14" s="6">
        <v>-19</v>
      </c>
      <c r="BL14" s="13">
        <v>-8.7155963302752298E-2</v>
      </c>
      <c r="BM14" s="11">
        <v>23.5</v>
      </c>
      <c r="BN14" s="13">
        <v>0.11809045226130653</v>
      </c>
      <c r="BO14" s="11">
        <v>4.5</v>
      </c>
      <c r="BP14" s="13">
        <v>2.0642201834862386E-2</v>
      </c>
      <c r="BQ14" s="6">
        <v>152</v>
      </c>
      <c r="BR14" s="6">
        <v>178</v>
      </c>
      <c r="BS14" s="6">
        <v>200</v>
      </c>
      <c r="BT14" s="6">
        <v>218</v>
      </c>
      <c r="BU14" s="6">
        <v>210</v>
      </c>
      <c r="BV14" s="6">
        <v>197</v>
      </c>
      <c r="BW14" s="6">
        <v>199</v>
      </c>
      <c r="BX14" s="6">
        <v>203</v>
      </c>
      <c r="BY14" s="6">
        <v>201</v>
      </c>
      <c r="BZ14" s="6">
        <v>198</v>
      </c>
      <c r="CA14" s="6">
        <v>203</v>
      </c>
      <c r="CB14" s="6">
        <v>211</v>
      </c>
      <c r="CC14" s="11">
        <v>222.5</v>
      </c>
      <c r="CD14" s="11">
        <v>545.73299999999995</v>
      </c>
      <c r="CE14" s="11">
        <v>134.14099999999999</v>
      </c>
      <c r="CF14" s="11">
        <v>68.485100000000003</v>
      </c>
      <c r="CG14" s="11">
        <v>202</v>
      </c>
      <c r="CH14" s="20">
        <v>1.1878</v>
      </c>
      <c r="CI14" s="20">
        <v>1.3777299999999999</v>
      </c>
      <c r="CJ14" s="20">
        <v>1.55203</v>
      </c>
      <c r="CK14" s="20">
        <v>1.6906000000000001</v>
      </c>
      <c r="CL14" s="20">
        <v>1.4535400000000001</v>
      </c>
      <c r="CM14" s="20">
        <v>1.3156600000000001</v>
      </c>
      <c r="CN14" s="20">
        <v>1.21366</v>
      </c>
      <c r="CO14" s="20">
        <v>0.96711400000000003</v>
      </c>
      <c r="CP14" s="20">
        <v>0.835175</v>
      </c>
      <c r="CQ14" s="20">
        <v>0.80483899999999997</v>
      </c>
      <c r="CR14" s="20">
        <v>0.92868200000000001</v>
      </c>
      <c r="CS14" s="20">
        <v>0.98531599999999997</v>
      </c>
      <c r="CT14" s="20">
        <v>1.2099899999999999</v>
      </c>
      <c r="CU14" s="20">
        <v>1.1072299999999999</v>
      </c>
      <c r="CV14" s="20">
        <v>1.22031</v>
      </c>
      <c r="CW14" s="20">
        <v>1.1692400000000001</v>
      </c>
      <c r="CX14" s="20">
        <v>1.1653</v>
      </c>
      <c r="CY14" s="6"/>
      <c r="CZ14" s="6"/>
      <c r="DA14" s="6"/>
      <c r="DB14" s="6"/>
      <c r="DC14" s="6"/>
      <c r="DD14" s="6"/>
      <c r="DE14" s="6"/>
      <c r="DF14" s="6"/>
      <c r="DG14" s="6"/>
      <c r="DH14" s="6"/>
      <c r="DI14" s="6"/>
      <c r="DJ14" s="6"/>
      <c r="DK14" s="6"/>
      <c r="DL14" s="6"/>
      <c r="DM14" s="6"/>
      <c r="DN14" s="6"/>
      <c r="DO14" s="6"/>
    </row>
    <row r="15" spans="1:119" hidden="1" x14ac:dyDescent="0.2">
      <c r="A15" s="6" t="s">
        <v>319</v>
      </c>
      <c r="B15" s="6" t="s">
        <v>319</v>
      </c>
      <c r="C15" s="6" t="s">
        <v>188</v>
      </c>
      <c r="D15" s="6" t="s">
        <v>155</v>
      </c>
      <c r="E15" s="6" t="s">
        <v>156</v>
      </c>
      <c r="F15" s="11">
        <v>12766</v>
      </c>
      <c r="G15" s="13">
        <v>1.2824994976899999</v>
      </c>
      <c r="H15" s="11">
        <v>7252.7164169999978</v>
      </c>
      <c r="I15" s="13">
        <v>0.72863983398056242</v>
      </c>
      <c r="J15" s="11">
        <v>4199.5085000000036</v>
      </c>
      <c r="K15" s="13">
        <v>0.24406536935821324</v>
      </c>
      <c r="L15" s="11">
        <v>1313.8484821999991</v>
      </c>
      <c r="M15" s="13">
        <v>6.1377582608965961E-2</v>
      </c>
      <c r="N15" s="11">
        <v>5513.3569822000027</v>
      </c>
      <c r="O15" s="13">
        <v>0.32042309433695071</v>
      </c>
      <c r="P15" s="7">
        <v>9953.7742500000004</v>
      </c>
      <c r="Q15" s="7">
        <v>11978.221673</v>
      </c>
      <c r="R15" s="7">
        <v>12602.832149</v>
      </c>
      <c r="S15" s="7">
        <v>16091.906591000001</v>
      </c>
      <c r="T15" s="7">
        <v>16775.995648</v>
      </c>
      <c r="U15" s="7">
        <v>17966.659384999999</v>
      </c>
      <c r="V15" s="7">
        <v>17206.490666999998</v>
      </c>
      <c r="W15" s="7">
        <v>17550.572801999999</v>
      </c>
      <c r="X15" s="7">
        <v>18751.201830000002</v>
      </c>
      <c r="Y15" s="7">
        <v>21405.999167000002</v>
      </c>
      <c r="Z15" s="7">
        <v>22663.529116000002</v>
      </c>
      <c r="AA15" s="7">
        <v>22117.856189999999</v>
      </c>
      <c r="AB15" s="7">
        <v>23565.765558999999</v>
      </c>
      <c r="AC15" s="7">
        <v>22003.485681999999</v>
      </c>
      <c r="AD15" s="7">
        <v>19766.519776000001</v>
      </c>
      <c r="AE15" s="7">
        <v>22130.059884499999</v>
      </c>
      <c r="AF15" s="7">
        <v>22719.847649200001</v>
      </c>
      <c r="AG15" s="9">
        <v>18721.415944800003</v>
      </c>
      <c r="AH15" s="13">
        <v>0.73015245069769197</v>
      </c>
      <c r="AI15" s="9">
        <v>14368.155526400002</v>
      </c>
      <c r="AJ15" s="13">
        <v>0.56037128818349213</v>
      </c>
      <c r="AK15" s="9">
        <v>595.50918190000084</v>
      </c>
      <c r="AL15" s="13">
        <v>1.4884538252002996E-2</v>
      </c>
      <c r="AM15" s="9">
        <v>3757.7512365000002</v>
      </c>
      <c r="AN15" s="13">
        <v>9.2546136850697333E-2</v>
      </c>
      <c r="AO15" s="9">
        <v>4353.2604184000011</v>
      </c>
      <c r="AP15" s="13">
        <v>0.10880818161672964</v>
      </c>
      <c r="AQ15" s="9">
        <v>25640.420609299999</v>
      </c>
      <c r="AR15" s="9">
        <v>30590.8686753</v>
      </c>
      <c r="AS15" s="9">
        <v>30710.470260599999</v>
      </c>
      <c r="AT15" s="9">
        <v>35109.071060599999</v>
      </c>
      <c r="AU15" s="9">
        <v>36767.523404500003</v>
      </c>
      <c r="AV15" s="9">
        <v>38671.239697500001</v>
      </c>
      <c r="AW15" s="9">
        <v>40008.576135700001</v>
      </c>
      <c r="AX15" s="9">
        <v>41610.745034599997</v>
      </c>
      <c r="AY15" s="9">
        <v>41739.064747500001</v>
      </c>
      <c r="AZ15" s="9">
        <v>40604.085317600002</v>
      </c>
      <c r="BA15" s="9">
        <v>40241.531202400001</v>
      </c>
      <c r="BB15" s="9">
        <v>42590.862194499998</v>
      </c>
      <c r="BC15" s="9">
        <v>43610.385604199997</v>
      </c>
      <c r="BD15" s="9">
        <v>46645.285883099998</v>
      </c>
      <c r="BE15" s="9">
        <v>43828.165305199997</v>
      </c>
      <c r="BF15" s="9">
        <v>44361.836554100002</v>
      </c>
      <c r="BG15" s="11">
        <v>1562.75</v>
      </c>
      <c r="BH15" s="13">
        <v>1.7402561247216035</v>
      </c>
      <c r="BI15" s="6">
        <v>370</v>
      </c>
      <c r="BJ15" s="13">
        <v>0.41202672605790647</v>
      </c>
      <c r="BK15" s="6">
        <v>295</v>
      </c>
      <c r="BL15" s="13">
        <v>0.23264984227129337</v>
      </c>
      <c r="BM15" s="11">
        <v>897.75</v>
      </c>
      <c r="BN15" s="13">
        <v>0.57437619961612285</v>
      </c>
      <c r="BO15" s="11">
        <v>1192.75</v>
      </c>
      <c r="BP15" s="13">
        <v>0.94065457413249209</v>
      </c>
      <c r="BQ15" s="6">
        <v>898</v>
      </c>
      <c r="BR15" s="6">
        <v>973</v>
      </c>
      <c r="BS15" s="6">
        <v>1060</v>
      </c>
      <c r="BT15" s="6">
        <v>1268</v>
      </c>
      <c r="BU15" s="6">
        <v>1410</v>
      </c>
      <c r="BV15" s="6">
        <v>1447</v>
      </c>
      <c r="BW15" s="6">
        <v>1563</v>
      </c>
      <c r="BX15" s="6">
        <v>1781</v>
      </c>
      <c r="BY15" s="6">
        <v>2039</v>
      </c>
      <c r="BZ15" s="6">
        <v>2181</v>
      </c>
      <c r="CA15" s="6">
        <v>2382</v>
      </c>
      <c r="CB15" s="6">
        <v>2485</v>
      </c>
      <c r="CC15" s="11">
        <v>2460.75</v>
      </c>
      <c r="CD15" s="11">
        <v>10782.4</v>
      </c>
      <c r="CE15" s="11">
        <v>895.56600000000003</v>
      </c>
      <c r="CF15" s="11">
        <v>1088.07</v>
      </c>
      <c r="CG15" s="11">
        <v>1984</v>
      </c>
      <c r="CH15" s="20">
        <v>3.8472</v>
      </c>
      <c r="CI15" s="20">
        <v>4.56982</v>
      </c>
      <c r="CJ15" s="20">
        <v>4.5021399999999998</v>
      </c>
      <c r="CK15" s="20">
        <v>4.9649000000000001</v>
      </c>
      <c r="CL15" s="20">
        <v>4.9428900000000002</v>
      </c>
      <c r="CM15" s="20">
        <v>4.9419000000000004</v>
      </c>
      <c r="CN15" s="20">
        <v>4.5965699999999998</v>
      </c>
      <c r="CO15" s="20">
        <v>4.57958</v>
      </c>
      <c r="CP15" s="20">
        <v>4.8802899999999996</v>
      </c>
      <c r="CQ15" s="20">
        <v>5.3140900000000002</v>
      </c>
      <c r="CR15" s="20">
        <v>5.3170500000000001</v>
      </c>
      <c r="CS15" s="20">
        <v>5.2410199999999998</v>
      </c>
      <c r="CT15" s="20">
        <v>5.0970800000000001</v>
      </c>
      <c r="CU15" s="20">
        <v>4.6101400000000003</v>
      </c>
      <c r="CV15" s="20">
        <v>4.1789899999999998</v>
      </c>
      <c r="CW15" s="20">
        <v>4.43825</v>
      </c>
      <c r="CX15" s="20">
        <v>4.3320999999999996</v>
      </c>
      <c r="CY15" s="6"/>
      <c r="CZ15" s="6"/>
      <c r="DA15" s="6"/>
      <c r="DB15" s="6"/>
      <c r="DC15" s="6"/>
      <c r="DD15" s="6"/>
      <c r="DE15" s="6"/>
      <c r="DF15" s="6"/>
      <c r="DG15" s="6"/>
      <c r="DH15" s="6"/>
      <c r="DI15" s="6"/>
      <c r="DJ15" s="6"/>
      <c r="DK15" s="6"/>
      <c r="DL15" s="6"/>
      <c r="DM15" s="6"/>
      <c r="DN15" s="6"/>
      <c r="DO15" s="6"/>
    </row>
    <row r="16" spans="1:119" hidden="1" x14ac:dyDescent="0.2">
      <c r="A16" s="6" t="s">
        <v>320</v>
      </c>
      <c r="B16" s="6" t="s">
        <v>320</v>
      </c>
      <c r="C16" s="6" t="s">
        <v>189</v>
      </c>
      <c r="D16" s="6" t="s">
        <v>155</v>
      </c>
      <c r="E16" s="6" t="s">
        <v>156</v>
      </c>
      <c r="F16" s="11">
        <v>1028</v>
      </c>
      <c r="G16" s="13">
        <v>4.7155963302800004</v>
      </c>
      <c r="H16" s="11">
        <v>319.48140199999995</v>
      </c>
      <c r="I16" s="13">
        <v>1.468682854559519</v>
      </c>
      <c r="J16" s="11">
        <v>265.56933600000002</v>
      </c>
      <c r="K16" s="13">
        <v>0.49453276433376325</v>
      </c>
      <c r="L16" s="11">
        <v>443.57176096000012</v>
      </c>
      <c r="M16" s="13">
        <v>0.55268234554107076</v>
      </c>
      <c r="N16" s="11">
        <v>709.14109696000014</v>
      </c>
      <c r="O16" s="13">
        <v>1.3205346380137279</v>
      </c>
      <c r="P16" s="7">
        <v>217.52919700000001</v>
      </c>
      <c r="Q16" s="7">
        <v>237.78965500000001</v>
      </c>
      <c r="R16" s="7">
        <v>310.52874400000002</v>
      </c>
      <c r="S16" s="7">
        <v>359.53282300000001</v>
      </c>
      <c r="T16" s="7">
        <v>512.73756000000003</v>
      </c>
      <c r="U16" s="7">
        <v>735.22114299999998</v>
      </c>
      <c r="V16" s="7">
        <v>537.01059899999996</v>
      </c>
      <c r="W16" s="7">
        <v>666.31063500000005</v>
      </c>
      <c r="X16" s="7">
        <v>675.70176200000003</v>
      </c>
      <c r="Y16" s="7">
        <v>802.57993499999998</v>
      </c>
      <c r="Z16" s="7">
        <v>895.94617100000005</v>
      </c>
      <c r="AA16" s="7">
        <v>944.41872799999999</v>
      </c>
      <c r="AB16" s="7">
        <v>945.95998399999996</v>
      </c>
      <c r="AC16" s="7">
        <v>1125.955395</v>
      </c>
      <c r="AD16" s="7">
        <v>1119.775535</v>
      </c>
      <c r="AE16" s="7">
        <v>1166.941842</v>
      </c>
      <c r="AF16" s="7">
        <v>1246.1516959600001</v>
      </c>
      <c r="AG16" s="9">
        <v>14128.884347699997</v>
      </c>
      <c r="AH16" s="13">
        <v>0.35434602303274843</v>
      </c>
      <c r="AI16" s="9">
        <v>5900.933970099999</v>
      </c>
      <c r="AJ16" s="13">
        <v>0.14799275250803265</v>
      </c>
      <c r="AK16" s="9">
        <v>124.63943980000477</v>
      </c>
      <c r="AL16" s="13">
        <v>2.7229272282186402E-3</v>
      </c>
      <c r="AM16" s="9">
        <v>8103.3109377999936</v>
      </c>
      <c r="AN16" s="13">
        <v>0.17654771663249164</v>
      </c>
      <c r="AO16" s="9">
        <v>8227.9503775999983</v>
      </c>
      <c r="AP16" s="13">
        <v>0.17975137044540873</v>
      </c>
      <c r="AQ16" s="9">
        <v>39873.1280424</v>
      </c>
      <c r="AR16" s="9">
        <v>40745.6355769</v>
      </c>
      <c r="AS16" s="9">
        <v>40035.072100600002</v>
      </c>
      <c r="AT16" s="9">
        <v>47991.947805600001</v>
      </c>
      <c r="AU16" s="9">
        <v>41989.0045427</v>
      </c>
      <c r="AV16" s="9">
        <v>32837.981035199999</v>
      </c>
      <c r="AW16" s="9">
        <v>45774.062012499999</v>
      </c>
      <c r="AX16" s="9">
        <v>49713.116525999998</v>
      </c>
      <c r="AY16" s="9">
        <v>46491.467054300003</v>
      </c>
      <c r="AZ16" s="9">
        <v>45898.701452300003</v>
      </c>
      <c r="BA16" s="9">
        <v>47322.218580399996</v>
      </c>
      <c r="BB16" s="9">
        <v>47469.848230700001</v>
      </c>
      <c r="BC16" s="9">
        <v>50780.337366400003</v>
      </c>
      <c r="BD16" s="9">
        <v>54949.4012573</v>
      </c>
      <c r="BE16" s="9">
        <v>58182.286678900004</v>
      </c>
      <c r="BF16" s="9">
        <v>54002.012390099997</v>
      </c>
      <c r="BG16" s="11">
        <v>177.5</v>
      </c>
      <c r="BH16" s="13">
        <v>1.6435185185185186</v>
      </c>
      <c r="BI16" s="6">
        <v>71</v>
      </c>
      <c r="BJ16" s="13">
        <v>0.65740740740740744</v>
      </c>
      <c r="BK16" s="6">
        <v>14</v>
      </c>
      <c r="BL16" s="13">
        <v>7.8212290502793297E-2</v>
      </c>
      <c r="BM16" s="11">
        <v>92.5</v>
      </c>
      <c r="BN16" s="13">
        <v>0.47927461139896371</v>
      </c>
      <c r="BO16" s="11">
        <v>106.5</v>
      </c>
      <c r="BP16" s="13">
        <v>0.5949720670391061</v>
      </c>
      <c r="BQ16" s="6">
        <v>108</v>
      </c>
      <c r="BR16" s="6">
        <v>130</v>
      </c>
      <c r="BS16" s="6">
        <v>143</v>
      </c>
      <c r="BT16" s="6">
        <v>179</v>
      </c>
      <c r="BU16" s="6">
        <v>189</v>
      </c>
      <c r="BV16" s="6">
        <v>185</v>
      </c>
      <c r="BW16" s="6">
        <v>193</v>
      </c>
      <c r="BX16" s="6">
        <v>209</v>
      </c>
      <c r="BY16" s="6">
        <v>248</v>
      </c>
      <c r="BZ16" s="6">
        <v>250</v>
      </c>
      <c r="CA16" s="6">
        <v>260</v>
      </c>
      <c r="CB16" s="6">
        <v>282</v>
      </c>
      <c r="CC16" s="11">
        <v>285.5</v>
      </c>
      <c r="CD16" s="11">
        <v>926.07600000000002</v>
      </c>
      <c r="CE16" s="11">
        <v>78.7684</v>
      </c>
      <c r="CF16" s="11">
        <v>23.778600000000001</v>
      </c>
      <c r="CG16" s="11">
        <v>103</v>
      </c>
      <c r="CH16" s="20">
        <v>0.25200600000000001</v>
      </c>
      <c r="CI16" s="20">
        <v>0.25985000000000003</v>
      </c>
      <c r="CJ16" s="20">
        <v>0.30857200000000001</v>
      </c>
      <c r="CK16" s="20">
        <v>0.30738599999999999</v>
      </c>
      <c r="CL16" s="20">
        <v>0.428004</v>
      </c>
      <c r="CM16" s="20">
        <v>0.57574400000000003</v>
      </c>
      <c r="CN16" s="20">
        <v>0.40205099999999999</v>
      </c>
      <c r="CO16" s="20">
        <v>0.452878</v>
      </c>
      <c r="CP16" s="20">
        <v>0.40554099999999998</v>
      </c>
      <c r="CQ16" s="20">
        <v>0.46290399999999998</v>
      </c>
      <c r="CR16" s="20">
        <v>0.49192999999999998</v>
      </c>
      <c r="CS16" s="20">
        <v>0.52879299999999996</v>
      </c>
      <c r="CT16" s="20">
        <v>0.48977599999999999</v>
      </c>
      <c r="CU16" s="20">
        <v>0.57148299999999996</v>
      </c>
      <c r="CV16" s="20">
        <v>0.57969700000000002</v>
      </c>
      <c r="CW16" s="20">
        <v>0.57381599999999999</v>
      </c>
      <c r="CX16" s="20">
        <v>0.58048100000000002</v>
      </c>
      <c r="CY16" s="6"/>
      <c r="CZ16" s="6"/>
      <c r="DA16" s="6"/>
      <c r="DB16" s="6"/>
      <c r="DC16" s="6"/>
      <c r="DD16" s="6"/>
      <c r="DE16" s="6"/>
      <c r="DF16" s="6"/>
      <c r="DG16" s="6"/>
      <c r="DH16" s="6"/>
      <c r="DI16" s="6"/>
      <c r="DJ16" s="6"/>
      <c r="DK16" s="6"/>
      <c r="DL16" s="6"/>
      <c r="DM16" s="6"/>
      <c r="DN16" s="6"/>
      <c r="DO16" s="6"/>
    </row>
    <row r="17" spans="1:119" hidden="1" x14ac:dyDescent="0.2">
      <c r="A17" s="6" t="s">
        <v>321</v>
      </c>
      <c r="B17" s="6" t="s">
        <v>321</v>
      </c>
      <c r="C17" s="6" t="s">
        <v>190</v>
      </c>
      <c r="D17" s="6" t="s">
        <v>155</v>
      </c>
      <c r="E17" s="6" t="s">
        <v>156</v>
      </c>
      <c r="F17" s="11">
        <v>1959</v>
      </c>
      <c r="G17" s="13">
        <v>1.2517571885000001</v>
      </c>
      <c r="H17" s="11">
        <v>692.16528999999991</v>
      </c>
      <c r="I17" s="13">
        <v>0.44214416241826016</v>
      </c>
      <c r="J17" s="11">
        <v>1761.8328110000002</v>
      </c>
      <c r="K17" s="13">
        <v>0.78038712526698517</v>
      </c>
      <c r="L17" s="11">
        <v>-495.67463863000012</v>
      </c>
      <c r="M17" s="13">
        <v>-0.12331833594766242</v>
      </c>
      <c r="N17" s="11">
        <v>1266.1581723700001</v>
      </c>
      <c r="O17" s="13">
        <v>0.56083274763641799</v>
      </c>
      <c r="P17" s="7">
        <v>1565.4742249999999</v>
      </c>
      <c r="Q17" s="7">
        <v>1761.203338</v>
      </c>
      <c r="R17" s="7">
        <v>1909.4875480000001</v>
      </c>
      <c r="S17" s="7">
        <v>1921.6090770000001</v>
      </c>
      <c r="T17" s="7">
        <v>2554.6530109999999</v>
      </c>
      <c r="U17" s="7">
        <v>2112.3715080000002</v>
      </c>
      <c r="V17" s="7">
        <v>2257.6395149999998</v>
      </c>
      <c r="W17" s="7">
        <v>3260.834664</v>
      </c>
      <c r="X17" s="7">
        <v>3734.8697459999999</v>
      </c>
      <c r="Y17" s="7">
        <v>4019.4723260000001</v>
      </c>
      <c r="Z17" s="7">
        <v>3431.2680460000001</v>
      </c>
      <c r="AA17" s="7">
        <v>2689.3720779999999</v>
      </c>
      <c r="AB17" s="7">
        <v>2506.1432850000001</v>
      </c>
      <c r="AC17" s="7">
        <v>2971.0486030000002</v>
      </c>
      <c r="AD17" s="7">
        <v>3212.5747719999999</v>
      </c>
      <c r="AE17" s="7">
        <v>3304.4216230000002</v>
      </c>
      <c r="AF17" s="7">
        <v>3523.7976873699999</v>
      </c>
      <c r="AG17" s="9">
        <v>22463.011415499997</v>
      </c>
      <c r="AH17" s="13">
        <v>0.59118349726972697</v>
      </c>
      <c r="AI17" s="9">
        <v>8883.8216510999991</v>
      </c>
      <c r="AJ17" s="13">
        <v>0.23380519448936565</v>
      </c>
      <c r="AK17" s="9">
        <v>8146.2543118999965</v>
      </c>
      <c r="AL17" s="13">
        <v>0.17376635611895297</v>
      </c>
      <c r="AM17" s="9">
        <v>5432.9354525000017</v>
      </c>
      <c r="AN17" s="13">
        <v>9.8732610144228433E-2</v>
      </c>
      <c r="AO17" s="9">
        <v>13579.189764399998</v>
      </c>
      <c r="AP17" s="13">
        <v>0.28965537215805714</v>
      </c>
      <c r="AQ17" s="9">
        <v>37996.682111800001</v>
      </c>
      <c r="AR17" s="9">
        <v>43153.324685899999</v>
      </c>
      <c r="AS17" s="9">
        <v>46190.532539</v>
      </c>
      <c r="AT17" s="9">
        <v>44175.879318899999</v>
      </c>
      <c r="AU17" s="9">
        <v>46568.941889299997</v>
      </c>
      <c r="AV17" s="9">
        <v>45463.765261400004</v>
      </c>
      <c r="AW17" s="9">
        <v>46880.5037629</v>
      </c>
      <c r="AX17" s="9">
        <v>51273.792985100001</v>
      </c>
      <c r="AY17" s="9">
        <v>52001.711862700002</v>
      </c>
      <c r="AZ17" s="9">
        <v>55026.758074799996</v>
      </c>
      <c r="BA17" s="9">
        <v>53422.881838200003</v>
      </c>
      <c r="BB17" s="9">
        <v>53756.966593999998</v>
      </c>
      <c r="BC17" s="9">
        <v>63237.343608299998</v>
      </c>
      <c r="BD17" s="9">
        <v>61355.036937800003</v>
      </c>
      <c r="BE17" s="9">
        <v>60890.868310999998</v>
      </c>
      <c r="BF17" s="9">
        <v>60459.693527299998</v>
      </c>
      <c r="BG17" s="11">
        <v>227.75</v>
      </c>
      <c r="BH17" s="13">
        <v>1.6503623188405796</v>
      </c>
      <c r="BI17" s="6">
        <v>53</v>
      </c>
      <c r="BJ17" s="13">
        <v>0.38405797101449274</v>
      </c>
      <c r="BK17" s="6">
        <v>41</v>
      </c>
      <c r="BL17" s="13">
        <v>0.21465968586387435</v>
      </c>
      <c r="BM17" s="11">
        <v>133.75</v>
      </c>
      <c r="BN17" s="13">
        <v>0.57650862068965514</v>
      </c>
      <c r="BO17" s="11">
        <v>174.75</v>
      </c>
      <c r="BP17" s="13">
        <v>0.91492146596858637</v>
      </c>
      <c r="BQ17" s="6">
        <v>138</v>
      </c>
      <c r="BR17" s="6">
        <v>162</v>
      </c>
      <c r="BS17" s="6">
        <v>176</v>
      </c>
      <c r="BT17" s="6">
        <v>191</v>
      </c>
      <c r="BU17" s="6">
        <v>190</v>
      </c>
      <c r="BV17" s="6">
        <v>216</v>
      </c>
      <c r="BW17" s="6">
        <v>232</v>
      </c>
      <c r="BX17" s="6">
        <v>253</v>
      </c>
      <c r="BY17" s="6">
        <v>276</v>
      </c>
      <c r="BZ17" s="6">
        <v>285</v>
      </c>
      <c r="CA17" s="6">
        <v>301</v>
      </c>
      <c r="CB17" s="6">
        <v>334</v>
      </c>
      <c r="CC17" s="11">
        <v>365.75</v>
      </c>
      <c r="CD17" s="11">
        <v>1217.0999999999999</v>
      </c>
      <c r="CE17" s="11">
        <v>570.09299999999996</v>
      </c>
      <c r="CF17" s="11">
        <v>171.125</v>
      </c>
      <c r="CG17" s="11">
        <v>741</v>
      </c>
      <c r="CH17" s="20">
        <v>0.36721999999999999</v>
      </c>
      <c r="CI17" s="20">
        <v>0.39252900000000002</v>
      </c>
      <c r="CJ17" s="20">
        <v>0.386322</v>
      </c>
      <c r="CK17" s="20">
        <v>0.33992600000000001</v>
      </c>
      <c r="CL17" s="20">
        <v>0.43644899999999998</v>
      </c>
      <c r="CM17" s="20">
        <v>0.33748299999999998</v>
      </c>
      <c r="CN17" s="20">
        <v>0.34408300000000003</v>
      </c>
      <c r="CO17" s="20">
        <v>0.45269300000000001</v>
      </c>
      <c r="CP17" s="20">
        <v>0.46137</v>
      </c>
      <c r="CQ17" s="20">
        <v>0.48016500000000001</v>
      </c>
      <c r="CR17" s="20">
        <v>0.397171</v>
      </c>
      <c r="CS17" s="20">
        <v>0.312222</v>
      </c>
      <c r="CT17" s="20">
        <v>0.26762799999999998</v>
      </c>
      <c r="CU17" s="20">
        <v>0.31165999999999999</v>
      </c>
      <c r="CV17" s="20">
        <v>0.34029999999999999</v>
      </c>
      <c r="CW17" s="20">
        <v>0.33047500000000002</v>
      </c>
      <c r="CX17" s="20">
        <v>0.331899</v>
      </c>
      <c r="CY17" s="6"/>
      <c r="CZ17" s="6"/>
      <c r="DA17" s="6"/>
      <c r="DB17" s="6"/>
      <c r="DC17" s="6"/>
      <c r="DD17" s="6"/>
      <c r="DE17" s="6"/>
      <c r="DF17" s="6"/>
      <c r="DG17" s="6"/>
      <c r="DH17" s="6"/>
      <c r="DI17" s="6"/>
      <c r="DJ17" s="6"/>
      <c r="DK17" s="6"/>
      <c r="DL17" s="6"/>
      <c r="DM17" s="6"/>
      <c r="DN17" s="6"/>
      <c r="DO17" s="6"/>
    </row>
    <row r="18" spans="1:119" hidden="1" x14ac:dyDescent="0.2">
      <c r="A18" s="6" t="s">
        <v>322</v>
      </c>
      <c r="B18" s="6" t="s">
        <v>322</v>
      </c>
      <c r="C18" s="6" t="s">
        <v>191</v>
      </c>
      <c r="D18" s="6" t="s">
        <v>155</v>
      </c>
      <c r="E18" s="6" t="s">
        <v>156</v>
      </c>
      <c r="F18" s="11">
        <v>7</v>
      </c>
      <c r="G18" s="13">
        <v>0.02</v>
      </c>
      <c r="H18" s="11">
        <v>138</v>
      </c>
      <c r="I18" s="13">
        <v>0.44660194174757278</v>
      </c>
      <c r="J18" s="11">
        <v>-151</v>
      </c>
      <c r="K18" s="13">
        <v>-0.3378076062639821</v>
      </c>
      <c r="L18" s="11">
        <v>20</v>
      </c>
      <c r="M18" s="13">
        <v>6.7567567567567571E-2</v>
      </c>
      <c r="N18" s="11">
        <v>-131</v>
      </c>
      <c r="O18" s="13">
        <v>-0.29306487695749439</v>
      </c>
      <c r="P18" s="7">
        <v>309</v>
      </c>
      <c r="Q18" s="7">
        <v>307</v>
      </c>
      <c r="R18" s="7">
        <v>296</v>
      </c>
      <c r="S18" s="7">
        <v>287</v>
      </c>
      <c r="T18" s="7">
        <v>362</v>
      </c>
      <c r="U18" s="7">
        <v>424</v>
      </c>
      <c r="V18" s="7">
        <v>447</v>
      </c>
      <c r="W18" s="7">
        <v>393</v>
      </c>
      <c r="X18" s="7">
        <v>334</v>
      </c>
      <c r="Y18" s="7">
        <v>296</v>
      </c>
      <c r="Z18" s="7">
        <v>322</v>
      </c>
      <c r="AA18" s="7">
        <v>320</v>
      </c>
      <c r="AB18" s="7">
        <v>559</v>
      </c>
      <c r="AC18" s="7">
        <v>656</v>
      </c>
      <c r="AD18" s="7">
        <v>497</v>
      </c>
      <c r="AE18" s="7">
        <v>310</v>
      </c>
      <c r="AF18" s="7">
        <v>316</v>
      </c>
      <c r="AG18" s="9">
        <v>9573</v>
      </c>
      <c r="AH18" s="13">
        <v>0.28537785064838278</v>
      </c>
      <c r="AI18" s="9">
        <v>4542</v>
      </c>
      <c r="AJ18" s="13">
        <v>0.13540020867491429</v>
      </c>
      <c r="AK18" s="9">
        <v>34760</v>
      </c>
      <c r="AL18" s="13">
        <v>0.91264735999159829</v>
      </c>
      <c r="AM18" s="9">
        <v>-29729</v>
      </c>
      <c r="AN18" s="13">
        <v>-0.40810191222699632</v>
      </c>
      <c r="AO18" s="9">
        <v>5031</v>
      </c>
      <c r="AP18" s="13">
        <v>0.13209231496311075</v>
      </c>
      <c r="AQ18" s="9">
        <v>33545</v>
      </c>
      <c r="AR18" s="9">
        <v>26211</v>
      </c>
      <c r="AS18" s="9">
        <v>28664</v>
      </c>
      <c r="AT18" s="9">
        <v>32990</v>
      </c>
      <c r="AU18" s="9">
        <v>30072</v>
      </c>
      <c r="AV18" s="9">
        <v>29045</v>
      </c>
      <c r="AW18" s="9">
        <v>38087</v>
      </c>
      <c r="AX18" s="9">
        <v>40881</v>
      </c>
      <c r="AY18" s="9">
        <v>45861</v>
      </c>
      <c r="AZ18" s="9">
        <v>72847</v>
      </c>
      <c r="BA18" s="9">
        <v>31990</v>
      </c>
      <c r="BB18" s="9">
        <v>30698</v>
      </c>
      <c r="BC18" s="9">
        <v>23528</v>
      </c>
      <c r="BD18" s="9">
        <v>18655</v>
      </c>
      <c r="BE18" s="9">
        <v>28264</v>
      </c>
      <c r="BF18" s="9">
        <v>43118</v>
      </c>
      <c r="BG18" s="11">
        <v>33</v>
      </c>
      <c r="BH18" s="13">
        <v>0.36666666666666664</v>
      </c>
      <c r="BI18" s="6">
        <v>20</v>
      </c>
      <c r="BJ18" s="13">
        <v>0.22222222222222221</v>
      </c>
      <c r="BK18" s="6">
        <v>-1</v>
      </c>
      <c r="BL18" s="13">
        <v>-9.0909090909090905E-3</v>
      </c>
      <c r="BM18" s="11">
        <v>14</v>
      </c>
      <c r="BN18" s="13">
        <v>0.12844036697247707</v>
      </c>
      <c r="BO18" s="11">
        <v>13</v>
      </c>
      <c r="BP18" s="13">
        <v>0.11818181818181818</v>
      </c>
      <c r="BQ18" s="6">
        <v>90</v>
      </c>
      <c r="BR18" s="6">
        <v>95</v>
      </c>
      <c r="BS18" s="6">
        <v>101</v>
      </c>
      <c r="BT18" s="6">
        <v>110</v>
      </c>
      <c r="BU18" s="6">
        <v>111</v>
      </c>
      <c r="BV18" s="6">
        <v>117</v>
      </c>
      <c r="BW18" s="6">
        <v>109</v>
      </c>
      <c r="BX18" s="6">
        <v>95</v>
      </c>
      <c r="BY18" s="6">
        <v>106</v>
      </c>
      <c r="BZ18" s="6">
        <v>108</v>
      </c>
      <c r="CA18" s="6">
        <v>117</v>
      </c>
      <c r="CB18" s="6">
        <v>125</v>
      </c>
      <c r="CC18" s="11">
        <v>123</v>
      </c>
      <c r="CD18" s="11">
        <v>-83</v>
      </c>
      <c r="CE18" s="11">
        <v>56</v>
      </c>
      <c r="CF18" s="11">
        <v>34</v>
      </c>
      <c r="CG18" s="11">
        <v>90</v>
      </c>
      <c r="CH18" s="20">
        <v>0.47</v>
      </c>
      <c r="CI18" s="20">
        <v>0.45</v>
      </c>
      <c r="CJ18" s="20">
        <v>0.4</v>
      </c>
      <c r="CK18" s="20">
        <v>0.34</v>
      </c>
      <c r="CL18" s="20">
        <v>0.42</v>
      </c>
      <c r="CM18" s="20">
        <v>0.46</v>
      </c>
      <c r="CN18" s="20">
        <v>0.47</v>
      </c>
      <c r="CO18" s="20">
        <v>0.38</v>
      </c>
      <c r="CP18" s="20">
        <v>0.3</v>
      </c>
      <c r="CQ18" s="20">
        <v>0.26</v>
      </c>
      <c r="CR18" s="20">
        <v>0.28000000000000003</v>
      </c>
      <c r="CS18" s="20">
        <v>0.28000000000000003</v>
      </c>
      <c r="CT18" s="20">
        <v>0.45</v>
      </c>
      <c r="CU18" s="20">
        <v>0.51</v>
      </c>
      <c r="CV18" s="20">
        <v>0.39</v>
      </c>
      <c r="CW18" s="20">
        <v>0.23</v>
      </c>
      <c r="CX18" s="20">
        <v>0.22</v>
      </c>
      <c r="CY18" s="6"/>
      <c r="CZ18" s="6"/>
      <c r="DA18" s="6"/>
      <c r="DB18" s="6"/>
      <c r="DC18" s="6"/>
      <c r="DD18" s="6"/>
      <c r="DE18" s="6"/>
      <c r="DF18" s="6"/>
      <c r="DG18" s="6"/>
      <c r="DH18" s="6"/>
      <c r="DI18" s="6"/>
      <c r="DJ18" s="6"/>
      <c r="DK18" s="6"/>
      <c r="DL18" s="6"/>
      <c r="DM18" s="6"/>
      <c r="DN18" s="6"/>
      <c r="DO18" s="6"/>
    </row>
    <row r="19" spans="1:119" hidden="1" x14ac:dyDescent="0.2">
      <c r="A19" s="6" t="s">
        <v>323</v>
      </c>
      <c r="B19" s="6" t="s">
        <v>323</v>
      </c>
      <c r="C19" s="6" t="s">
        <v>192</v>
      </c>
      <c r="D19" s="6" t="s">
        <v>155</v>
      </c>
      <c r="E19" s="6" t="s">
        <v>156</v>
      </c>
      <c r="F19" s="11">
        <v>-137</v>
      </c>
      <c r="G19" s="13">
        <v>-0.12815715622099999</v>
      </c>
      <c r="H19" s="11">
        <v>580.59945599999992</v>
      </c>
      <c r="I19" s="13">
        <v>0.54316805905674437</v>
      </c>
      <c r="J19" s="11">
        <v>27.018708000000061</v>
      </c>
      <c r="K19" s="13">
        <v>1.6379813440159596E-2</v>
      </c>
      <c r="L19" s="11">
        <v>-744.20675272999995</v>
      </c>
      <c r="M19" s="13">
        <v>-0.4438967330551451</v>
      </c>
      <c r="N19" s="11">
        <v>-717.18804472999989</v>
      </c>
      <c r="O19" s="13">
        <v>-0.43478786528912511</v>
      </c>
      <c r="P19" s="7">
        <v>1068.913104</v>
      </c>
      <c r="Q19" s="7">
        <v>1208.511808</v>
      </c>
      <c r="R19" s="7">
        <v>1299.5089230000001</v>
      </c>
      <c r="S19" s="7">
        <v>2105.468155</v>
      </c>
      <c r="T19" s="7">
        <v>1794.1741480000001</v>
      </c>
      <c r="U19" s="7">
        <v>1892.9966039999999</v>
      </c>
      <c r="V19" s="7">
        <v>1649.5125599999999</v>
      </c>
      <c r="W19" s="7">
        <v>1384.5591460000001</v>
      </c>
      <c r="X19" s="7">
        <v>1562.503993</v>
      </c>
      <c r="Y19" s="7">
        <v>1676.531268</v>
      </c>
      <c r="Z19" s="7">
        <v>1996.492483</v>
      </c>
      <c r="AA19" s="7">
        <v>1116.8346300000001</v>
      </c>
      <c r="AB19" s="7">
        <v>1202.9607940000001</v>
      </c>
      <c r="AC19" s="7">
        <v>1490.9830010000001</v>
      </c>
      <c r="AD19" s="7">
        <v>897.42534999999998</v>
      </c>
      <c r="AE19" s="7">
        <v>966.01263825000001</v>
      </c>
      <c r="AF19" s="7">
        <v>932.32451527000001</v>
      </c>
      <c r="AG19" s="9">
        <v>4015.8072719000047</v>
      </c>
      <c r="AH19" s="13">
        <v>0.13335470253748891</v>
      </c>
      <c r="AI19" s="9">
        <v>-2673.6041988999968</v>
      </c>
      <c r="AJ19" s="13">
        <v>-8.8783566667182512E-2</v>
      </c>
      <c r="AK19" s="9">
        <v>5114.2133366999988</v>
      </c>
      <c r="AL19" s="13">
        <v>0.1863771945351356</v>
      </c>
      <c r="AM19" s="9">
        <v>1575.1981341000028</v>
      </c>
      <c r="AN19" s="13">
        <v>4.8386736174704771E-2</v>
      </c>
      <c r="AO19" s="9">
        <v>6689.4114708000016</v>
      </c>
      <c r="AP19" s="13">
        <v>0.2437821148507936</v>
      </c>
      <c r="AQ19" s="9">
        <v>30113.728241199999</v>
      </c>
      <c r="AR19" s="9">
        <v>28299.887559899998</v>
      </c>
      <c r="AS19" s="9">
        <v>25056.617803100002</v>
      </c>
      <c r="AT19" s="9">
        <v>24114.954664600002</v>
      </c>
      <c r="AU19" s="9">
        <v>25170.959759699999</v>
      </c>
      <c r="AV19" s="9">
        <v>25191.011402700002</v>
      </c>
      <c r="AW19" s="9">
        <v>27440.124042300002</v>
      </c>
      <c r="AX19" s="9">
        <v>29011.0152844</v>
      </c>
      <c r="AY19" s="9">
        <v>27698.4758501</v>
      </c>
      <c r="AZ19" s="9">
        <v>32554.337379000001</v>
      </c>
      <c r="BA19" s="9">
        <v>38354.610464099998</v>
      </c>
      <c r="BB19" s="9">
        <v>32423.899099999999</v>
      </c>
      <c r="BC19" s="9">
        <v>30047.725089700001</v>
      </c>
      <c r="BD19" s="9">
        <v>31862.8288932</v>
      </c>
      <c r="BE19" s="9">
        <v>35956.648603599999</v>
      </c>
      <c r="BF19" s="9">
        <v>34129.535513100003</v>
      </c>
      <c r="BG19" s="11">
        <v>-8.75</v>
      </c>
      <c r="BH19" s="13">
        <v>-0.10294117647058823</v>
      </c>
      <c r="BI19" s="6">
        <v>12</v>
      </c>
      <c r="BJ19" s="13">
        <v>0.14117647058823529</v>
      </c>
      <c r="BK19" s="6">
        <v>-5</v>
      </c>
      <c r="BL19" s="13">
        <v>-5.1546391752577317E-2</v>
      </c>
      <c r="BM19" s="11">
        <v>-15.75</v>
      </c>
      <c r="BN19" s="13">
        <v>-0.17119565217391305</v>
      </c>
      <c r="BO19" s="11">
        <v>-20.75</v>
      </c>
      <c r="BP19" s="13">
        <v>-0.21391752577319587</v>
      </c>
      <c r="BQ19" s="6">
        <v>85</v>
      </c>
      <c r="BR19" s="6">
        <v>90</v>
      </c>
      <c r="BS19" s="6">
        <v>97</v>
      </c>
      <c r="BT19" s="6">
        <v>97</v>
      </c>
      <c r="BU19" s="6">
        <v>97</v>
      </c>
      <c r="BV19" s="6">
        <v>93</v>
      </c>
      <c r="BW19" s="6">
        <v>92</v>
      </c>
      <c r="BX19" s="6">
        <v>91</v>
      </c>
      <c r="BY19" s="6">
        <v>86</v>
      </c>
      <c r="BZ19" s="6">
        <v>87</v>
      </c>
      <c r="CA19" s="6">
        <v>84</v>
      </c>
      <c r="CB19" s="6">
        <v>83</v>
      </c>
      <c r="CC19" s="11">
        <v>76.25</v>
      </c>
      <c r="CD19" s="11">
        <v>-496.51</v>
      </c>
      <c r="CE19" s="11">
        <v>243.077</v>
      </c>
      <c r="CF19" s="11">
        <v>116.845</v>
      </c>
      <c r="CG19" s="11">
        <v>360</v>
      </c>
      <c r="CH19" s="20">
        <v>0.337868</v>
      </c>
      <c r="CI19" s="20">
        <v>0.372172</v>
      </c>
      <c r="CJ19" s="20">
        <v>0.367728</v>
      </c>
      <c r="CK19" s="20">
        <v>0.51821300000000003</v>
      </c>
      <c r="CL19" s="20">
        <v>0.42616700000000002</v>
      </c>
      <c r="CM19" s="20">
        <v>0.42214400000000002</v>
      </c>
      <c r="CN19" s="20">
        <v>0.35287499999999999</v>
      </c>
      <c r="CO19" s="20">
        <v>0.27597899999999997</v>
      </c>
      <c r="CP19" s="20">
        <v>0.29086899999999999</v>
      </c>
      <c r="CQ19" s="20">
        <v>0.305759</v>
      </c>
      <c r="CR19" s="20">
        <v>0.34894399999999998</v>
      </c>
      <c r="CS19" s="20">
        <v>0.196993</v>
      </c>
      <c r="CT19" s="20">
        <v>0.19309399999999999</v>
      </c>
      <c r="CU19" s="20">
        <v>0.23261499999999999</v>
      </c>
      <c r="CV19" s="20">
        <v>0.14002999999999999</v>
      </c>
      <c r="CW19" s="20">
        <v>0.14197599999999999</v>
      </c>
      <c r="CX19" s="20">
        <v>0.13043399999999999</v>
      </c>
      <c r="CY19" s="6"/>
      <c r="CZ19" s="6"/>
      <c r="DA19" s="6"/>
      <c r="DB19" s="6"/>
      <c r="DC19" s="6"/>
      <c r="DD19" s="6"/>
      <c r="DE19" s="6"/>
      <c r="DF19" s="6"/>
      <c r="DG19" s="6"/>
      <c r="DH19" s="6"/>
      <c r="DI19" s="6"/>
      <c r="DJ19" s="6"/>
      <c r="DK19" s="6"/>
      <c r="DL19" s="6"/>
      <c r="DM19" s="6"/>
      <c r="DN19" s="6"/>
      <c r="DO19" s="6"/>
    </row>
    <row r="20" spans="1:119" hidden="1" x14ac:dyDescent="0.2">
      <c r="A20" s="6" t="s">
        <v>325</v>
      </c>
      <c r="B20" s="6" t="s">
        <v>325</v>
      </c>
      <c r="C20" s="6" t="s">
        <v>193</v>
      </c>
      <c r="D20" s="6" t="s">
        <v>155</v>
      </c>
      <c r="E20" s="6" t="s">
        <v>156</v>
      </c>
      <c r="F20" s="11">
        <v>1151</v>
      </c>
      <c r="G20" s="13">
        <v>2.0627240143400001</v>
      </c>
      <c r="H20" s="11">
        <v>425.83451792100004</v>
      </c>
      <c r="I20" s="13">
        <v>0.76269856096351885</v>
      </c>
      <c r="J20" s="11">
        <v>-219.68778499500002</v>
      </c>
      <c r="K20" s="13">
        <v>-0.22322350596003424</v>
      </c>
      <c r="L20" s="11">
        <v>944.51152886600005</v>
      </c>
      <c r="M20" s="13">
        <v>1.2355069797694025</v>
      </c>
      <c r="N20" s="11">
        <v>724.82374387100003</v>
      </c>
      <c r="O20" s="13">
        <v>0.73648927414714915</v>
      </c>
      <c r="P20" s="7">
        <v>558.326106428</v>
      </c>
      <c r="Q20" s="7">
        <v>566.770714</v>
      </c>
      <c r="R20" s="7">
        <v>746.45484788900001</v>
      </c>
      <c r="S20" s="7">
        <v>816.06133171099998</v>
      </c>
      <c r="T20" s="7">
        <v>874.48855917000003</v>
      </c>
      <c r="U20" s="7">
        <v>937.84560156500004</v>
      </c>
      <c r="V20" s="7">
        <v>984.16062434900005</v>
      </c>
      <c r="W20" s="7">
        <v>960.35833025299996</v>
      </c>
      <c r="X20" s="7">
        <v>811.450078158</v>
      </c>
      <c r="Y20" s="7">
        <v>764.47283935400003</v>
      </c>
      <c r="Z20" s="7">
        <v>1108.9234919999999</v>
      </c>
      <c r="AA20" s="7">
        <v>911.70857692599998</v>
      </c>
      <c r="AB20" s="7">
        <v>1012.44822279</v>
      </c>
      <c r="AC20" s="7">
        <v>993.02517362599997</v>
      </c>
      <c r="AD20" s="7">
        <v>1445.4550819900001</v>
      </c>
      <c r="AE20" s="7">
        <v>1593.2114562700001</v>
      </c>
      <c r="AF20" s="7">
        <v>1708.9843682200001</v>
      </c>
      <c r="AG20" s="9">
        <v>7955.8670404000004</v>
      </c>
      <c r="AH20" s="13">
        <v>0.16162731728940027</v>
      </c>
      <c r="AI20" s="9">
        <v>9156.8386450000035</v>
      </c>
      <c r="AJ20" s="13">
        <v>0.18602564089216445</v>
      </c>
      <c r="AK20" s="9">
        <v>1855.2475317999997</v>
      </c>
      <c r="AL20" s="13">
        <v>3.1778619882958235E-2</v>
      </c>
      <c r="AM20" s="9">
        <v>-3056.2191364000028</v>
      </c>
      <c r="AN20" s="13">
        <v>-5.0737742045886401E-2</v>
      </c>
      <c r="AO20" s="9">
        <v>-1200.971604600003</v>
      </c>
      <c r="AP20" s="13">
        <v>-2.0571497581123973E-2</v>
      </c>
      <c r="AQ20" s="9">
        <v>49223.529622499998</v>
      </c>
      <c r="AR20" s="9">
        <v>47683.239595300001</v>
      </c>
      <c r="AS20" s="9">
        <v>42343.2571159</v>
      </c>
      <c r="AT20" s="9">
        <v>41416.907331399998</v>
      </c>
      <c r="AU20" s="9">
        <v>53958.794853200001</v>
      </c>
      <c r="AV20" s="9">
        <v>50714.345700899998</v>
      </c>
      <c r="AW20" s="9">
        <v>58380.368267500002</v>
      </c>
      <c r="AX20" s="9">
        <v>58399.305371199996</v>
      </c>
      <c r="AY20" s="9">
        <v>57999.834765300002</v>
      </c>
      <c r="AZ20" s="9">
        <v>60235.615799300002</v>
      </c>
      <c r="BA20" s="9">
        <v>59760.196385199997</v>
      </c>
      <c r="BB20" s="9">
        <v>62811.085158299997</v>
      </c>
      <c r="BC20" s="9">
        <v>66751.705128500005</v>
      </c>
      <c r="BD20" s="9">
        <v>69431.281318099995</v>
      </c>
      <c r="BE20" s="9">
        <v>58290.9145269</v>
      </c>
      <c r="BF20" s="9">
        <v>57179.396662899999</v>
      </c>
      <c r="BG20" s="11">
        <v>209</v>
      </c>
      <c r="BH20" s="13">
        <v>0.95871559633027525</v>
      </c>
      <c r="BI20" s="6">
        <v>65</v>
      </c>
      <c r="BJ20" s="13">
        <v>0.29816513761467889</v>
      </c>
      <c r="BK20" s="6">
        <v>17</v>
      </c>
      <c r="BL20" s="13">
        <v>6.0070671378091869E-2</v>
      </c>
      <c r="BM20" s="11">
        <v>127</v>
      </c>
      <c r="BN20" s="13">
        <v>0.42333333333333334</v>
      </c>
      <c r="BO20" s="11">
        <v>144</v>
      </c>
      <c r="BP20" s="13">
        <v>0.50883392226148405</v>
      </c>
      <c r="BQ20" s="6">
        <v>218</v>
      </c>
      <c r="BR20" s="6">
        <v>255</v>
      </c>
      <c r="BS20" s="6">
        <v>270</v>
      </c>
      <c r="BT20" s="6">
        <v>283</v>
      </c>
      <c r="BU20" s="6">
        <v>291</v>
      </c>
      <c r="BV20" s="6">
        <v>282</v>
      </c>
      <c r="BW20" s="6">
        <v>300</v>
      </c>
      <c r="BX20" s="6">
        <v>308</v>
      </c>
      <c r="BY20" s="6">
        <v>322</v>
      </c>
      <c r="BZ20" s="6">
        <v>345</v>
      </c>
      <c r="CA20" s="6">
        <v>371</v>
      </c>
      <c r="CB20" s="6">
        <v>412</v>
      </c>
      <c r="CC20" s="11">
        <v>427</v>
      </c>
      <c r="CD20" s="11">
        <v>1094.77</v>
      </c>
      <c r="CE20" s="11">
        <v>-5.1416500000000003</v>
      </c>
      <c r="CF20" s="11">
        <v>61.031799999999997</v>
      </c>
      <c r="CG20" s="11">
        <v>56</v>
      </c>
      <c r="CH20" s="20">
        <v>0.25981199999999999</v>
      </c>
      <c r="CI20" s="20">
        <v>0.25589499999999998</v>
      </c>
      <c r="CJ20" s="20">
        <v>0.31145800000000001</v>
      </c>
      <c r="CK20" s="20">
        <v>0.30152499999999999</v>
      </c>
      <c r="CL20" s="20">
        <v>0.31699500000000003</v>
      </c>
      <c r="CM20" s="20">
        <v>0.322158</v>
      </c>
      <c r="CN20" s="20">
        <v>0.32591300000000001</v>
      </c>
      <c r="CO20" s="20">
        <v>0.29604200000000003</v>
      </c>
      <c r="CP20" s="20">
        <v>0.228849</v>
      </c>
      <c r="CQ20" s="20">
        <v>0.21278900000000001</v>
      </c>
      <c r="CR20" s="20">
        <v>0.300124</v>
      </c>
      <c r="CS20" s="20">
        <v>0.25094300000000003</v>
      </c>
      <c r="CT20" s="20">
        <v>0.27663500000000002</v>
      </c>
      <c r="CU20" s="20">
        <v>0.26652700000000001</v>
      </c>
      <c r="CV20" s="20">
        <v>0.39568900000000001</v>
      </c>
      <c r="CW20" s="20">
        <v>0.41516799999999998</v>
      </c>
      <c r="CX20" s="20">
        <v>0.42769600000000002</v>
      </c>
      <c r="CY20" s="6"/>
      <c r="CZ20" s="6"/>
      <c r="DA20" s="6"/>
      <c r="DB20" s="6"/>
      <c r="DC20" s="6"/>
      <c r="DD20" s="6"/>
      <c r="DE20" s="6"/>
      <c r="DF20" s="6"/>
      <c r="DG20" s="6"/>
      <c r="DH20" s="6"/>
      <c r="DI20" s="6"/>
      <c r="DJ20" s="6"/>
      <c r="DK20" s="6"/>
      <c r="DL20" s="6"/>
      <c r="DM20" s="6"/>
      <c r="DN20" s="6"/>
      <c r="DO20" s="6"/>
    </row>
    <row r="21" spans="1:119" hidden="1" x14ac:dyDescent="0.2">
      <c r="A21" s="6" t="s">
        <v>327</v>
      </c>
      <c r="B21" s="6" t="s">
        <v>327</v>
      </c>
      <c r="C21" s="6" t="s">
        <v>194</v>
      </c>
      <c r="D21" s="6" t="s">
        <v>155</v>
      </c>
      <c r="E21" s="6" t="s">
        <v>156</v>
      </c>
      <c r="F21" s="11">
        <v>912</v>
      </c>
      <c r="G21" s="13">
        <v>6.0397350993399996</v>
      </c>
      <c r="H21" s="11">
        <v>-15.311492999999984</v>
      </c>
      <c r="I21" s="13">
        <v>-0.10139255686445364</v>
      </c>
      <c r="J21" s="11">
        <v>80.004668999999978</v>
      </c>
      <c r="K21" s="13">
        <v>0.5895679359610948</v>
      </c>
      <c r="L21" s="11">
        <v>847.25568305000002</v>
      </c>
      <c r="M21" s="13">
        <v>3.927841190024655</v>
      </c>
      <c r="N21" s="11">
        <v>927.26035204999994</v>
      </c>
      <c r="O21" s="13">
        <v>6.8331383491715556</v>
      </c>
      <c r="P21" s="7">
        <v>151.012002</v>
      </c>
      <c r="Q21" s="7">
        <v>97.026540999999995</v>
      </c>
      <c r="R21" s="7">
        <v>93.157572999999999</v>
      </c>
      <c r="S21" s="7">
        <v>104.78048200000001</v>
      </c>
      <c r="T21" s="7">
        <v>82.469120000000004</v>
      </c>
      <c r="U21" s="7">
        <v>63.169761999999999</v>
      </c>
      <c r="V21" s="7">
        <v>135.70050900000001</v>
      </c>
      <c r="W21" s="7">
        <v>72.179310000000001</v>
      </c>
      <c r="X21" s="7">
        <v>133.83345</v>
      </c>
      <c r="Y21" s="7">
        <v>215.70517799999999</v>
      </c>
      <c r="Z21" s="7">
        <v>311.04424299999999</v>
      </c>
      <c r="AA21" s="7">
        <v>419.01712700000002</v>
      </c>
      <c r="AB21" s="7">
        <v>409.79477500000002</v>
      </c>
      <c r="AC21" s="7">
        <v>659.61831900000004</v>
      </c>
      <c r="AD21" s="7">
        <v>903.74056099999996</v>
      </c>
      <c r="AE21" s="7">
        <v>944.49608024999998</v>
      </c>
      <c r="AF21" s="7">
        <v>1062.9608610499999</v>
      </c>
      <c r="AG21" s="9">
        <v>47399.707668000003</v>
      </c>
      <c r="AH21" s="13">
        <v>0.94967026981152447</v>
      </c>
      <c r="AI21" s="9">
        <v>-20987.3200091</v>
      </c>
      <c r="AJ21" s="13">
        <v>-0.42048853961853511</v>
      </c>
      <c r="AK21" s="9">
        <v>59027.781143500004</v>
      </c>
      <c r="AL21" s="13">
        <v>2.0407584737398574</v>
      </c>
      <c r="AM21" s="9">
        <v>9359.2465336000023</v>
      </c>
      <c r="AN21" s="13">
        <v>0.10641285902800823</v>
      </c>
      <c r="AO21" s="9">
        <v>68387.027677100006</v>
      </c>
      <c r="AP21" s="13">
        <v>2.3643342765441586</v>
      </c>
      <c r="AQ21" s="9">
        <v>49911.752715399998</v>
      </c>
      <c r="AR21" s="9">
        <v>39349.9126044</v>
      </c>
      <c r="AS21" s="9">
        <v>40479.093291999998</v>
      </c>
      <c r="AT21" s="9">
        <v>36171.834107199997</v>
      </c>
      <c r="AU21" s="9">
        <v>25145.269948900001</v>
      </c>
      <c r="AV21" s="9">
        <v>34947.437299600002</v>
      </c>
      <c r="AW21" s="9">
        <v>28924.432706299998</v>
      </c>
      <c r="AX21" s="9">
        <v>47900.971828499998</v>
      </c>
      <c r="AY21" s="9">
        <v>70793.962798599998</v>
      </c>
      <c r="AZ21" s="9">
        <v>87952.213849799999</v>
      </c>
      <c r="BA21" s="9">
        <v>96134.625638500002</v>
      </c>
      <c r="BB21" s="9">
        <v>101444.48895699999</v>
      </c>
      <c r="BC21" s="9">
        <v>104414.598083</v>
      </c>
      <c r="BD21" s="9">
        <v>106633.398411</v>
      </c>
      <c r="BE21" s="9">
        <v>100002.63150600001</v>
      </c>
      <c r="BF21" s="9">
        <v>97311.460383400001</v>
      </c>
      <c r="BG21" s="11">
        <v>36.75</v>
      </c>
      <c r="BH21" s="13">
        <v>3.6749999999999998</v>
      </c>
      <c r="BI21" s="6">
        <v>-3</v>
      </c>
      <c r="BJ21" s="13">
        <v>-0.3</v>
      </c>
      <c r="BK21" s="6">
        <v>1</v>
      </c>
      <c r="BL21" s="13">
        <v>0.14285714285714285</v>
      </c>
      <c r="BM21" s="11">
        <v>38.75</v>
      </c>
      <c r="BN21" s="13">
        <v>4.84375</v>
      </c>
      <c r="BO21" s="11">
        <v>39.75</v>
      </c>
      <c r="BP21" s="13">
        <v>5.6785714285714288</v>
      </c>
      <c r="BQ21" s="6">
        <v>10</v>
      </c>
      <c r="BR21" s="6">
        <v>5</v>
      </c>
      <c r="BS21" s="6">
        <v>8</v>
      </c>
      <c r="BT21" s="6">
        <v>7</v>
      </c>
      <c r="BU21" s="6">
        <v>7</v>
      </c>
      <c r="BV21" s="6">
        <v>7</v>
      </c>
      <c r="BW21" s="6">
        <v>8</v>
      </c>
      <c r="BX21" s="6">
        <v>9</v>
      </c>
      <c r="BY21" s="6">
        <v>16</v>
      </c>
      <c r="BZ21" s="6">
        <v>17</v>
      </c>
      <c r="CA21" s="6">
        <v>43</v>
      </c>
      <c r="CB21" s="6">
        <v>47</v>
      </c>
      <c r="CC21" s="11">
        <v>46.75</v>
      </c>
      <c r="CD21" s="11">
        <v>904.29399999999998</v>
      </c>
      <c r="CE21" s="11">
        <v>-8.8530200000000008</v>
      </c>
      <c r="CF21" s="11">
        <v>16.507400000000001</v>
      </c>
      <c r="CG21" s="11">
        <v>8</v>
      </c>
      <c r="CH21" s="20">
        <v>2.1154900000000001E-2</v>
      </c>
      <c r="CI21" s="20">
        <v>1.31618E-2</v>
      </c>
      <c r="CJ21" s="20">
        <v>1.17646E-2</v>
      </c>
      <c r="CK21" s="20">
        <v>1.18026E-2</v>
      </c>
      <c r="CL21" s="20">
        <v>9.13454E-3</v>
      </c>
      <c r="CM21" s="20">
        <v>6.6742099999999999E-3</v>
      </c>
      <c r="CN21" s="20">
        <v>1.39211E-2</v>
      </c>
      <c r="CO21" s="20">
        <v>6.82375E-3</v>
      </c>
      <c r="CP21" s="20">
        <v>1.1446100000000001E-2</v>
      </c>
      <c r="CQ21" s="20">
        <v>1.8103299999999999E-2</v>
      </c>
      <c r="CR21" s="20">
        <v>2.5978299999999999E-2</v>
      </c>
      <c r="CS21" s="20">
        <v>3.67981E-2</v>
      </c>
      <c r="CT21" s="20">
        <v>3.3932999999999998E-2</v>
      </c>
      <c r="CU21" s="20">
        <v>5.46677E-2</v>
      </c>
      <c r="CV21" s="20">
        <v>7.7048900000000003E-2</v>
      </c>
      <c r="CW21" s="20">
        <v>7.7039300000000005E-2</v>
      </c>
      <c r="CX21" s="20">
        <v>8.3849599999999996E-2</v>
      </c>
      <c r="CY21" s="6"/>
      <c r="CZ21" s="6"/>
      <c r="DA21" s="6"/>
      <c r="DB21" s="6"/>
      <c r="DC21" s="6"/>
      <c r="DD21" s="6"/>
      <c r="DE21" s="6"/>
      <c r="DF21" s="6"/>
      <c r="DG21" s="6"/>
      <c r="DH21" s="6"/>
      <c r="DI21" s="6"/>
      <c r="DJ21" s="6"/>
      <c r="DK21" s="6"/>
      <c r="DL21" s="6"/>
      <c r="DM21" s="6"/>
      <c r="DN21" s="6"/>
      <c r="DO21" s="6"/>
    </row>
    <row r="22" spans="1:119" hidden="1" x14ac:dyDescent="0.2">
      <c r="A22" s="6" t="s">
        <v>785</v>
      </c>
      <c r="B22" s="6" t="s">
        <v>785</v>
      </c>
      <c r="C22" s="6" t="s">
        <v>329</v>
      </c>
      <c r="D22" s="6" t="s">
        <v>335</v>
      </c>
      <c r="E22" s="6" t="s">
        <v>328</v>
      </c>
      <c r="F22" s="11">
        <v>9730</v>
      </c>
      <c r="G22" s="13">
        <v>5.70878730807E-2</v>
      </c>
      <c r="H22" s="11">
        <v>12759</v>
      </c>
      <c r="I22" s="13">
        <v>7.4859627198000461E-2</v>
      </c>
      <c r="J22" s="11">
        <v>-11158</v>
      </c>
      <c r="K22" s="13">
        <v>-6.090677845828011E-2</v>
      </c>
      <c r="L22" s="11">
        <v>8129</v>
      </c>
      <c r="M22" s="13">
        <v>4.7250639386189258E-2</v>
      </c>
      <c r="N22" s="11">
        <v>-3029</v>
      </c>
      <c r="O22" s="13">
        <v>-1.6534023297197567E-2</v>
      </c>
      <c r="P22" s="7">
        <v>170439</v>
      </c>
      <c r="Q22" s="7">
        <v>170363</v>
      </c>
      <c r="R22" s="7">
        <v>172267</v>
      </c>
      <c r="S22" s="7">
        <v>176440</v>
      </c>
      <c r="T22" s="7">
        <v>179128</v>
      </c>
      <c r="U22" s="7">
        <v>182061</v>
      </c>
      <c r="V22" s="7">
        <v>183198</v>
      </c>
      <c r="W22" s="7">
        <v>181436</v>
      </c>
      <c r="X22" s="7">
        <v>174563</v>
      </c>
      <c r="Y22" s="7">
        <v>172040</v>
      </c>
      <c r="Z22" s="7">
        <v>170871</v>
      </c>
      <c r="AA22" s="7">
        <v>172304</v>
      </c>
      <c r="AB22" s="7">
        <v>169676</v>
      </c>
      <c r="AC22" s="7">
        <v>171929</v>
      </c>
      <c r="AD22" s="7">
        <v>174772</v>
      </c>
      <c r="AE22" s="7">
        <v>177109</v>
      </c>
      <c r="AF22" s="7">
        <v>180169</v>
      </c>
      <c r="AG22" s="9">
        <v>13422.663017400002</v>
      </c>
      <c r="AH22" s="13">
        <v>0.47570593112069737</v>
      </c>
      <c r="AI22" s="9">
        <v>5920.0695749000006</v>
      </c>
      <c r="AJ22" s="13">
        <v>0.2098102444929458</v>
      </c>
      <c r="AK22" s="9">
        <v>2710.2208246000009</v>
      </c>
      <c r="AL22" s="13">
        <v>7.9393929868931887E-2</v>
      </c>
      <c r="AM22" s="9">
        <v>4792.3726179000005</v>
      </c>
      <c r="AN22" s="13">
        <v>0.13006283855899059</v>
      </c>
      <c r="AO22" s="9">
        <v>7502.5934425000014</v>
      </c>
      <c r="AP22" s="13">
        <v>0.2197829683110292</v>
      </c>
      <c r="AQ22" s="9">
        <v>28216.303685300001</v>
      </c>
      <c r="AR22" s="9">
        <v>29209.8551252</v>
      </c>
      <c r="AS22" s="9">
        <v>30239.763063099999</v>
      </c>
      <c r="AT22" s="9">
        <v>31330.3947696</v>
      </c>
      <c r="AU22" s="9">
        <v>32406.3629612</v>
      </c>
      <c r="AV22" s="9">
        <v>33343.349260399998</v>
      </c>
      <c r="AW22" s="9">
        <v>34136.373260200002</v>
      </c>
      <c r="AX22" s="9">
        <v>35319.055101799997</v>
      </c>
      <c r="AY22" s="9">
        <v>36051.276079900003</v>
      </c>
      <c r="AZ22" s="9">
        <v>36846.594084800003</v>
      </c>
      <c r="BA22" s="9">
        <v>37421.991064100002</v>
      </c>
      <c r="BB22" s="9">
        <v>38050.348476599997</v>
      </c>
      <c r="BC22" s="9">
        <v>38748.014647299999</v>
      </c>
      <c r="BD22" s="9">
        <v>39461.115645799997</v>
      </c>
      <c r="BE22" s="9">
        <v>40675.430913299999</v>
      </c>
      <c r="BF22" s="9">
        <v>41638.966702700003</v>
      </c>
      <c r="BG22" s="11">
        <v>459</v>
      </c>
      <c r="BH22" s="13">
        <v>3.7883790029712774E-2</v>
      </c>
      <c r="BI22" s="6">
        <v>694</v>
      </c>
      <c r="BJ22" s="13">
        <v>5.7279630241003632E-2</v>
      </c>
      <c r="BK22" s="6">
        <v>-192</v>
      </c>
      <c r="BL22" s="13">
        <v>-1.4988290398126464E-2</v>
      </c>
      <c r="BM22" s="11">
        <v>-43</v>
      </c>
      <c r="BN22" s="13">
        <v>-3.4078300840069743E-3</v>
      </c>
      <c r="BO22" s="11">
        <v>-235</v>
      </c>
      <c r="BP22" s="13">
        <v>-1.8345042935206869E-2</v>
      </c>
      <c r="BQ22" s="6">
        <v>12116</v>
      </c>
      <c r="BR22" s="6">
        <v>12312</v>
      </c>
      <c r="BS22" s="6">
        <v>12500</v>
      </c>
      <c r="BT22" s="6">
        <v>12810</v>
      </c>
      <c r="BU22" s="6">
        <v>12758</v>
      </c>
      <c r="BV22" s="6">
        <v>12562</v>
      </c>
      <c r="BW22" s="6">
        <v>12618</v>
      </c>
      <c r="BX22" s="6">
        <v>12359</v>
      </c>
      <c r="BY22" s="6">
        <v>12372</v>
      </c>
      <c r="BZ22" s="6">
        <v>12457</v>
      </c>
      <c r="CA22" s="6">
        <v>12460</v>
      </c>
      <c r="CB22" s="6">
        <v>12653</v>
      </c>
      <c r="CC22" s="11">
        <v>12575</v>
      </c>
      <c r="CD22" s="11">
        <v>-1722</v>
      </c>
      <c r="CE22" s="11">
        <v>-7180</v>
      </c>
      <c r="CF22" s="11">
        <v>18631</v>
      </c>
      <c r="CG22" s="11">
        <v>11451</v>
      </c>
      <c r="CH22" s="20"/>
      <c r="CI22" s="20"/>
      <c r="CJ22" s="20"/>
      <c r="CK22" s="20"/>
      <c r="CL22" s="20"/>
      <c r="CM22" s="20"/>
      <c r="CN22" s="20"/>
      <c r="CO22" s="20"/>
      <c r="CP22" s="20"/>
      <c r="CQ22" s="20"/>
      <c r="CR22" s="20"/>
      <c r="CS22" s="20"/>
      <c r="CT22" s="20"/>
      <c r="CU22" s="20"/>
      <c r="CV22" s="20"/>
      <c r="CW22" s="20"/>
      <c r="CX22" s="20"/>
      <c r="CY22" s="6"/>
      <c r="CZ22" s="6"/>
      <c r="DA22" s="6"/>
      <c r="DB22" s="6"/>
      <c r="DC22" s="6"/>
      <c r="DD22" s="6"/>
      <c r="DE22" s="6"/>
      <c r="DF22" s="6"/>
      <c r="DG22" s="6"/>
      <c r="DH22" s="6"/>
      <c r="DI22" s="6"/>
      <c r="DJ22" s="6"/>
      <c r="DK22" s="6"/>
      <c r="DL22" s="6"/>
      <c r="DM22" s="6"/>
      <c r="DN22" s="6"/>
      <c r="DO22" s="6"/>
    </row>
    <row r="23" spans="1:119" hidden="1" x14ac:dyDescent="0.2">
      <c r="A23" s="6" t="s">
        <v>1</v>
      </c>
      <c r="B23" s="6" t="s">
        <v>1</v>
      </c>
      <c r="C23" s="6" t="s">
        <v>2</v>
      </c>
      <c r="D23" s="6" t="s">
        <v>335</v>
      </c>
      <c r="E23" s="6" t="s">
        <v>328</v>
      </c>
      <c r="F23" s="11">
        <v>-1409</v>
      </c>
      <c r="G23" s="13">
        <v>-0.21242273481099999</v>
      </c>
      <c r="H23" s="11">
        <v>-1721.2150884100001</v>
      </c>
      <c r="I23" s="13">
        <v>-0.25947438784055693</v>
      </c>
      <c r="J23" s="11">
        <v>169.94640561000051</v>
      </c>
      <c r="K23" s="13">
        <v>3.459642721076283E-2</v>
      </c>
      <c r="L23" s="11">
        <v>141.39663117999953</v>
      </c>
      <c r="M23" s="13">
        <v>2.7821936544001568E-2</v>
      </c>
      <c r="N23" s="11">
        <v>311.34303679000004</v>
      </c>
      <c r="O23" s="13">
        <v>6.3380903357271409E-2</v>
      </c>
      <c r="P23" s="7">
        <v>6633.46815358</v>
      </c>
      <c r="Q23" s="7">
        <v>5990.1346524700002</v>
      </c>
      <c r="R23" s="7">
        <v>5705.6401623499996</v>
      </c>
      <c r="S23" s="7">
        <v>5555.4320361700002</v>
      </c>
      <c r="T23" s="7">
        <v>5389.1223322100004</v>
      </c>
      <c r="U23" s="7">
        <v>5513.0502692500004</v>
      </c>
      <c r="V23" s="7">
        <v>4912.2530651699999</v>
      </c>
      <c r="W23" s="7">
        <v>4610.3219715300002</v>
      </c>
      <c r="X23" s="7">
        <v>4699.2974658900002</v>
      </c>
      <c r="Y23" s="7">
        <v>5082.1994707800004</v>
      </c>
      <c r="Z23" s="7">
        <v>4757.6305375299999</v>
      </c>
      <c r="AA23" s="7">
        <v>4799.3896202699998</v>
      </c>
      <c r="AB23" s="7">
        <v>4507.8229181099996</v>
      </c>
      <c r="AC23" s="7">
        <v>4928.4235488000004</v>
      </c>
      <c r="AD23" s="7">
        <v>5136.3131128300001</v>
      </c>
      <c r="AE23" s="7">
        <v>5164.33690372</v>
      </c>
      <c r="AF23" s="7">
        <v>5223.5961019599999</v>
      </c>
      <c r="AG23" s="9">
        <v>9009.4065611999977</v>
      </c>
      <c r="AH23" s="13">
        <v>0.4474422922053245</v>
      </c>
      <c r="AI23" s="9">
        <v>1270.0021665999993</v>
      </c>
      <c r="AJ23" s="13">
        <v>6.3073264223248049E-2</v>
      </c>
      <c r="AK23" s="9">
        <v>2695.2973325999992</v>
      </c>
      <c r="AL23" s="13">
        <v>0.12591698934318121</v>
      </c>
      <c r="AM23" s="9">
        <v>5044.1070619999991</v>
      </c>
      <c r="AN23" s="13">
        <v>0.20929341931180864</v>
      </c>
      <c r="AO23" s="9">
        <v>7739.4043945999983</v>
      </c>
      <c r="AP23" s="13">
        <v>0.36156400590407278</v>
      </c>
      <c r="AQ23" s="9">
        <v>20135.348665400001</v>
      </c>
      <c r="AR23" s="9">
        <v>20499.964643700001</v>
      </c>
      <c r="AS23" s="9">
        <v>20558.890141399999</v>
      </c>
      <c r="AT23" s="9">
        <v>20932.665233700001</v>
      </c>
      <c r="AU23" s="9">
        <v>21123.816492900001</v>
      </c>
      <c r="AV23" s="9">
        <v>21532.756354199999</v>
      </c>
      <c r="AW23" s="9">
        <v>21405.350832</v>
      </c>
      <c r="AX23" s="9">
        <v>22856.6085771</v>
      </c>
      <c r="AY23" s="9">
        <v>23051.5275487</v>
      </c>
      <c r="AZ23" s="9">
        <v>24100.648164599999</v>
      </c>
      <c r="BA23" s="9">
        <v>24999.608516100001</v>
      </c>
      <c r="BB23" s="9">
        <v>26072.101385499998</v>
      </c>
      <c r="BC23" s="9">
        <v>26989.942876100002</v>
      </c>
      <c r="BD23" s="9">
        <v>27541.3482487</v>
      </c>
      <c r="BE23" s="9">
        <v>28891.914582400001</v>
      </c>
      <c r="BF23" s="9">
        <v>29144.755226599998</v>
      </c>
      <c r="BG23" s="11">
        <v>46.75</v>
      </c>
      <c r="BH23" s="13">
        <v>0.28858024691358025</v>
      </c>
      <c r="BI23" s="6">
        <v>2</v>
      </c>
      <c r="BJ23" s="13">
        <v>1.2345679012345678E-2</v>
      </c>
      <c r="BK23" s="6">
        <v>8</v>
      </c>
      <c r="BL23" s="13">
        <v>4.878048780487805E-2</v>
      </c>
      <c r="BM23" s="11">
        <v>36.75</v>
      </c>
      <c r="BN23" s="13">
        <v>0.21366279069767441</v>
      </c>
      <c r="BO23" s="11">
        <v>44.75</v>
      </c>
      <c r="BP23" s="13">
        <v>0.27286585365853661</v>
      </c>
      <c r="BQ23" s="6">
        <v>162</v>
      </c>
      <c r="BR23" s="6">
        <v>159</v>
      </c>
      <c r="BS23" s="6">
        <v>154</v>
      </c>
      <c r="BT23" s="6">
        <v>164</v>
      </c>
      <c r="BU23" s="6">
        <v>158</v>
      </c>
      <c r="BV23" s="6">
        <v>160</v>
      </c>
      <c r="BW23" s="6">
        <v>172</v>
      </c>
      <c r="BX23" s="6">
        <v>171</v>
      </c>
      <c r="BY23" s="6">
        <v>184</v>
      </c>
      <c r="BZ23" s="6">
        <v>185</v>
      </c>
      <c r="CA23" s="6">
        <v>192</v>
      </c>
      <c r="CB23" s="6">
        <v>200</v>
      </c>
      <c r="CC23" s="11">
        <v>208.75</v>
      </c>
      <c r="CD23" s="11">
        <v>-1530.19</v>
      </c>
      <c r="CE23" s="11">
        <v>-604.798</v>
      </c>
      <c r="CF23" s="11">
        <v>725.11800000000005</v>
      </c>
      <c r="CG23" s="11">
        <v>120</v>
      </c>
      <c r="CH23" s="20">
        <v>2.9201000000000001</v>
      </c>
      <c r="CI23" s="20">
        <v>2.6496900000000001</v>
      </c>
      <c r="CJ23" s="20">
        <v>2.4852699999999999</v>
      </c>
      <c r="CK23" s="20">
        <v>2.3796400000000002</v>
      </c>
      <c r="CL23" s="20">
        <v>2.2986200000000001</v>
      </c>
      <c r="CM23" s="20">
        <v>2.35873</v>
      </c>
      <c r="CN23" s="20">
        <v>2.12588</v>
      </c>
      <c r="CO23" s="20">
        <v>2.0593499999999998</v>
      </c>
      <c r="CP23" s="20">
        <v>2.1124100000000001</v>
      </c>
      <c r="CQ23" s="20">
        <v>2.3129200000000001</v>
      </c>
      <c r="CR23" s="20">
        <v>2.1885699999999999</v>
      </c>
      <c r="CS23" s="20">
        <v>2.20085</v>
      </c>
      <c r="CT23" s="20">
        <v>2.1015700000000002</v>
      </c>
      <c r="CU23" s="20">
        <v>2.27799</v>
      </c>
      <c r="CV23" s="20">
        <v>2.3517199999999998</v>
      </c>
      <c r="CW23" s="20">
        <v>2.36178</v>
      </c>
      <c r="CX23" s="20">
        <v>2.3700800000000002</v>
      </c>
      <c r="CY23" s="6"/>
      <c r="CZ23" s="6"/>
      <c r="DA23" s="6"/>
      <c r="DB23" s="6"/>
      <c r="DC23" s="6"/>
      <c r="DD23" s="6"/>
      <c r="DE23" s="6"/>
      <c r="DF23" s="6"/>
      <c r="DG23" s="6"/>
      <c r="DH23" s="6"/>
      <c r="DI23" s="6"/>
      <c r="DJ23" s="6"/>
      <c r="DK23" s="6"/>
      <c r="DL23" s="6"/>
      <c r="DM23" s="6"/>
      <c r="DN23" s="6"/>
      <c r="DO23" s="6"/>
    </row>
    <row r="24" spans="1:119" hidden="1" x14ac:dyDescent="0.2">
      <c r="A24" s="6" t="s">
        <v>310</v>
      </c>
      <c r="B24" s="6" t="s">
        <v>310</v>
      </c>
      <c r="C24" s="6" t="s">
        <v>173</v>
      </c>
      <c r="D24" s="6" t="s">
        <v>335</v>
      </c>
      <c r="E24" s="6" t="s">
        <v>328</v>
      </c>
      <c r="F24" s="11">
        <v>-2</v>
      </c>
      <c r="G24" s="13">
        <v>-4.9382716049400002E-3</v>
      </c>
      <c r="H24" s="11">
        <v>127.26839233100003</v>
      </c>
      <c r="I24" s="13">
        <v>0.31404561205555875</v>
      </c>
      <c r="J24" s="11">
        <v>-141.70561865500002</v>
      </c>
      <c r="K24" s="13">
        <v>-0.26610240623981035</v>
      </c>
      <c r="L24" s="11">
        <v>11.962950124000031</v>
      </c>
      <c r="M24" s="13">
        <v>3.0610086689365278E-2</v>
      </c>
      <c r="N24" s="11">
        <v>-129.74266853099999</v>
      </c>
      <c r="O24" s="13">
        <v>-0.24363773727369437</v>
      </c>
      <c r="P24" s="7">
        <v>405.25448356999999</v>
      </c>
      <c r="Q24" s="7">
        <v>462.699609334</v>
      </c>
      <c r="R24" s="7">
        <v>501.54458011000003</v>
      </c>
      <c r="S24" s="7">
        <v>568.68227175200002</v>
      </c>
      <c r="T24" s="7">
        <v>602.52451303600003</v>
      </c>
      <c r="U24" s="7">
        <v>589.02090257999998</v>
      </c>
      <c r="V24" s="7">
        <v>532.52287590100002</v>
      </c>
      <c r="W24" s="7">
        <v>465.076106713</v>
      </c>
      <c r="X24" s="7">
        <v>464.83637025799999</v>
      </c>
      <c r="Y24" s="7">
        <v>390.817257246</v>
      </c>
      <c r="Z24" s="7">
        <v>373.66521852099999</v>
      </c>
      <c r="AA24" s="7">
        <v>383.581652561</v>
      </c>
      <c r="AB24" s="7">
        <v>389.39814408699999</v>
      </c>
      <c r="AC24" s="7">
        <v>383.06263366600001</v>
      </c>
      <c r="AD24" s="7">
        <v>400.99572805399998</v>
      </c>
      <c r="AE24" s="7">
        <v>398.14224514599999</v>
      </c>
      <c r="AF24" s="7">
        <v>402.78020737000003</v>
      </c>
      <c r="AG24" s="9">
        <v>12524.583430699997</v>
      </c>
      <c r="AH24" s="13">
        <v>0.28439494765113282</v>
      </c>
      <c r="AI24" s="9">
        <v>4545.4803772000014</v>
      </c>
      <c r="AJ24" s="13">
        <v>0.10321394408650576</v>
      </c>
      <c r="AK24" s="9">
        <v>2464.3025315999985</v>
      </c>
      <c r="AL24" s="13">
        <v>5.0721590961090447E-2</v>
      </c>
      <c r="AM24" s="9">
        <v>5514.800521899997</v>
      </c>
      <c r="AN24" s="13">
        <v>0.10802915913564952</v>
      </c>
      <c r="AO24" s="9">
        <v>7979.1030534999954</v>
      </c>
      <c r="AP24" s="13">
        <v>0.16423016091828893</v>
      </c>
      <c r="AQ24" s="9">
        <v>44039.402015200001</v>
      </c>
      <c r="AR24" s="9">
        <v>40831.653289100002</v>
      </c>
      <c r="AS24" s="9">
        <v>47281.434610199998</v>
      </c>
      <c r="AT24" s="9">
        <v>45988.1961237</v>
      </c>
      <c r="AU24" s="9">
        <v>45505.808751700002</v>
      </c>
      <c r="AV24" s="9">
        <v>51159.7761962</v>
      </c>
      <c r="AW24" s="9">
        <v>48584.882392400003</v>
      </c>
      <c r="AX24" s="9">
        <v>50156.741950900003</v>
      </c>
      <c r="AY24" s="9">
        <v>54043.1970048</v>
      </c>
      <c r="AZ24" s="9">
        <v>51049.184924000001</v>
      </c>
      <c r="BA24" s="9">
        <v>51885.016657100001</v>
      </c>
      <c r="BB24" s="9">
        <v>51988.507924099998</v>
      </c>
      <c r="BC24" s="9">
        <v>53903.776081199998</v>
      </c>
      <c r="BD24" s="9">
        <v>55759.9644931</v>
      </c>
      <c r="BE24" s="9">
        <v>53972.452357299997</v>
      </c>
      <c r="BF24" s="9">
        <v>56563.985445899998</v>
      </c>
      <c r="BG24" s="11">
        <v>-1.75</v>
      </c>
      <c r="BH24" s="13">
        <v>-3.1818181818181815E-2</v>
      </c>
      <c r="BI24" s="6">
        <v>-4</v>
      </c>
      <c r="BJ24" s="13">
        <v>-7.2727272727272724E-2</v>
      </c>
      <c r="BK24" s="6">
        <v>-1</v>
      </c>
      <c r="BL24" s="13">
        <v>-1.9607843137254902E-2</v>
      </c>
      <c r="BM24" s="11">
        <v>3.25</v>
      </c>
      <c r="BN24" s="13">
        <v>6.5000000000000002E-2</v>
      </c>
      <c r="BO24" s="11">
        <v>2.25</v>
      </c>
      <c r="BP24" s="13">
        <v>4.4117647058823532E-2</v>
      </c>
      <c r="BQ24" s="6">
        <v>55</v>
      </c>
      <c r="BR24" s="6">
        <v>58</v>
      </c>
      <c r="BS24" s="6">
        <v>55</v>
      </c>
      <c r="BT24" s="6">
        <v>51</v>
      </c>
      <c r="BU24" s="6">
        <v>51</v>
      </c>
      <c r="BV24" s="6">
        <v>51</v>
      </c>
      <c r="BW24" s="6">
        <v>50</v>
      </c>
      <c r="BX24" s="6">
        <v>48</v>
      </c>
      <c r="BY24" s="6">
        <v>52</v>
      </c>
      <c r="BZ24" s="6">
        <v>54</v>
      </c>
      <c r="CA24" s="6">
        <v>55</v>
      </c>
      <c r="CB24" s="6">
        <v>55</v>
      </c>
      <c r="CC24" s="11">
        <v>53.25</v>
      </c>
      <c r="CD24" s="11">
        <v>-88.817800000000005</v>
      </c>
      <c r="CE24" s="11">
        <v>42.0443</v>
      </c>
      <c r="CF24" s="11">
        <v>44.299199999999999</v>
      </c>
      <c r="CG24" s="11">
        <v>86</v>
      </c>
      <c r="CH24" s="20">
        <v>0.62877099999999997</v>
      </c>
      <c r="CI24" s="20">
        <v>0.75353899999999996</v>
      </c>
      <c r="CJ24" s="20">
        <v>0.81571499999999997</v>
      </c>
      <c r="CK24" s="20">
        <v>0.88008399999999998</v>
      </c>
      <c r="CL24" s="20">
        <v>0.86628400000000005</v>
      </c>
      <c r="CM24" s="20">
        <v>0.77112400000000003</v>
      </c>
      <c r="CN24" s="20">
        <v>0.65439099999999994</v>
      </c>
      <c r="CO24" s="20">
        <v>0.53221200000000002</v>
      </c>
      <c r="CP24" s="20">
        <v>0.58804800000000002</v>
      </c>
      <c r="CQ24" s="20">
        <v>0.49085600000000001</v>
      </c>
      <c r="CR24" s="20">
        <v>0.42703999999999998</v>
      </c>
      <c r="CS24" s="20">
        <v>0.40553099999999997</v>
      </c>
      <c r="CT24" s="20">
        <v>0.41537000000000002</v>
      </c>
      <c r="CU24" s="20">
        <v>0.39756399999999997</v>
      </c>
      <c r="CV24" s="20">
        <v>0.465978</v>
      </c>
      <c r="CW24" s="20">
        <v>0.543956</v>
      </c>
      <c r="CX24" s="20">
        <v>0.54062200000000005</v>
      </c>
      <c r="CY24" s="6"/>
      <c r="CZ24" s="6"/>
      <c r="DA24" s="6"/>
      <c r="DB24" s="6"/>
      <c r="DC24" s="6"/>
      <c r="DD24" s="6"/>
      <c r="DE24" s="6"/>
      <c r="DF24" s="6"/>
      <c r="DG24" s="6"/>
      <c r="DH24" s="6"/>
      <c r="DI24" s="6"/>
      <c r="DJ24" s="6"/>
      <c r="DK24" s="6"/>
      <c r="DL24" s="6"/>
      <c r="DM24" s="6"/>
      <c r="DN24" s="6"/>
      <c r="DO24" s="6"/>
    </row>
    <row r="25" spans="1:119" hidden="1" x14ac:dyDescent="0.2">
      <c r="A25" s="6" t="s">
        <v>311</v>
      </c>
      <c r="B25" s="6" t="s">
        <v>311</v>
      </c>
      <c r="C25" s="6" t="s">
        <v>174</v>
      </c>
      <c r="D25" s="6" t="s">
        <v>335</v>
      </c>
      <c r="E25" s="6" t="s">
        <v>328</v>
      </c>
      <c r="F25" s="11">
        <v>320</v>
      </c>
      <c r="G25" s="13">
        <v>0.16588906169000001</v>
      </c>
      <c r="H25" s="11">
        <v>74.143383999999969</v>
      </c>
      <c r="I25" s="13">
        <v>3.8444067773955669E-2</v>
      </c>
      <c r="J25" s="11">
        <v>161.56405499999983</v>
      </c>
      <c r="K25" s="13">
        <v>8.0671208935921779E-2</v>
      </c>
      <c r="L25" s="11">
        <v>84.539085979999982</v>
      </c>
      <c r="M25" s="13">
        <v>3.9060499022407789E-2</v>
      </c>
      <c r="N25" s="11">
        <v>246.10314097999981</v>
      </c>
      <c r="O25" s="13">
        <v>0.1228827656361076</v>
      </c>
      <c r="P25" s="7">
        <v>1928.6040290000001</v>
      </c>
      <c r="Q25" s="7">
        <v>2041.590312</v>
      </c>
      <c r="R25" s="7">
        <v>2008.0279849999999</v>
      </c>
      <c r="S25" s="7">
        <v>2065.8416670000001</v>
      </c>
      <c r="T25" s="7">
        <v>2018.3296230000001</v>
      </c>
      <c r="U25" s="7">
        <v>2004.1559569999999</v>
      </c>
      <c r="V25" s="7">
        <v>2002.7474130000001</v>
      </c>
      <c r="W25" s="7">
        <v>2030.496394</v>
      </c>
      <c r="X25" s="7">
        <v>2217.0665429999999</v>
      </c>
      <c r="Y25" s="7">
        <v>2164.3114679999999</v>
      </c>
      <c r="Z25" s="7">
        <v>2089.28772342</v>
      </c>
      <c r="AA25" s="7">
        <v>2057.13245551</v>
      </c>
      <c r="AB25" s="7">
        <v>2151.3339388700001</v>
      </c>
      <c r="AC25" s="7">
        <v>2167.2149737700001</v>
      </c>
      <c r="AD25" s="7">
        <v>2255.3124304399998</v>
      </c>
      <c r="AE25" s="7">
        <v>2205.5349808599999</v>
      </c>
      <c r="AF25" s="7">
        <v>2248.8505539799999</v>
      </c>
      <c r="AG25" s="9">
        <v>54289.562437699991</v>
      </c>
      <c r="AH25" s="13">
        <v>0.62014168985779339</v>
      </c>
      <c r="AI25" s="9">
        <v>22639.114813699998</v>
      </c>
      <c r="AJ25" s="13">
        <v>0.25860328002391814</v>
      </c>
      <c r="AK25" s="9">
        <v>13923.837908000001</v>
      </c>
      <c r="AL25" s="13">
        <v>0.1263702040263745</v>
      </c>
      <c r="AM25" s="9">
        <v>17726.609715999992</v>
      </c>
      <c r="AN25" s="13">
        <v>0.14283355886430713</v>
      </c>
      <c r="AO25" s="9">
        <v>31650.447623999993</v>
      </c>
      <c r="AP25" s="13">
        <v>0.28725366886617731</v>
      </c>
      <c r="AQ25" s="9">
        <v>87543.803820300003</v>
      </c>
      <c r="AR25" s="9">
        <v>83697.318543100002</v>
      </c>
      <c r="AS25" s="9">
        <v>93960.407271300006</v>
      </c>
      <c r="AT25" s="9">
        <v>106851.850019</v>
      </c>
      <c r="AU25" s="9">
        <v>108510.394292</v>
      </c>
      <c r="AV25" s="9">
        <v>113083.123603</v>
      </c>
      <c r="AW25" s="9">
        <v>110182.918634</v>
      </c>
      <c r="AX25" s="9">
        <v>115261.275913</v>
      </c>
      <c r="AY25" s="9">
        <v>111366.873352</v>
      </c>
      <c r="AZ25" s="9">
        <v>124106.756542</v>
      </c>
      <c r="BA25" s="9">
        <v>128238.134961</v>
      </c>
      <c r="BB25" s="9">
        <v>122554.67049600001</v>
      </c>
      <c r="BC25" s="9">
        <v>133083.0667</v>
      </c>
      <c r="BD25" s="9">
        <v>135544.737945</v>
      </c>
      <c r="BE25" s="9">
        <v>135839.94847100001</v>
      </c>
      <c r="BF25" s="9">
        <v>141833.36625799999</v>
      </c>
      <c r="BG25" s="11">
        <v>-3</v>
      </c>
      <c r="BH25" s="13">
        <v>-5.7692307692307696E-2</v>
      </c>
      <c r="BI25" s="6">
        <v>5</v>
      </c>
      <c r="BJ25" s="13">
        <v>9.6153846153846159E-2</v>
      </c>
      <c r="BK25" s="6">
        <v>-1</v>
      </c>
      <c r="BL25" s="13">
        <v>-1.7543859649122806E-2</v>
      </c>
      <c r="BM25" s="11">
        <v>-7</v>
      </c>
      <c r="BN25" s="13">
        <v>-0.125</v>
      </c>
      <c r="BO25" s="11">
        <v>-8</v>
      </c>
      <c r="BP25" s="13">
        <v>-0.14035087719298245</v>
      </c>
      <c r="BQ25" s="6">
        <v>52</v>
      </c>
      <c r="BR25" s="6">
        <v>52</v>
      </c>
      <c r="BS25" s="6">
        <v>56</v>
      </c>
      <c r="BT25" s="6">
        <v>57</v>
      </c>
      <c r="BU25" s="6">
        <v>53</v>
      </c>
      <c r="BV25" s="6">
        <v>54</v>
      </c>
      <c r="BW25" s="6">
        <v>56</v>
      </c>
      <c r="BX25" s="6">
        <v>55</v>
      </c>
      <c r="BY25" s="6">
        <v>56</v>
      </c>
      <c r="BZ25" s="6">
        <v>52</v>
      </c>
      <c r="CA25" s="6">
        <v>50</v>
      </c>
      <c r="CB25" s="6">
        <v>48</v>
      </c>
      <c r="CC25" s="11">
        <v>49</v>
      </c>
      <c r="CD25" s="11">
        <v>423.488</v>
      </c>
      <c r="CE25" s="11">
        <v>-314.06099999999998</v>
      </c>
      <c r="CF25" s="11">
        <v>210.82</v>
      </c>
      <c r="CG25" s="11">
        <v>-103</v>
      </c>
      <c r="CH25" s="20">
        <v>2.7311000000000001</v>
      </c>
      <c r="CI25" s="20">
        <v>2.9148000000000001</v>
      </c>
      <c r="CJ25" s="20">
        <v>2.9150700000000001</v>
      </c>
      <c r="CK25" s="20">
        <v>3.02942</v>
      </c>
      <c r="CL25" s="20">
        <v>3.0375899999999998</v>
      </c>
      <c r="CM25" s="20">
        <v>3.04142</v>
      </c>
      <c r="CN25" s="20">
        <v>3.0328300000000001</v>
      </c>
      <c r="CO25" s="20">
        <v>3.0394000000000001</v>
      </c>
      <c r="CP25" s="20">
        <v>3.2938499999999999</v>
      </c>
      <c r="CQ25" s="20">
        <v>3.2896100000000001</v>
      </c>
      <c r="CR25" s="20">
        <v>3.2373799999999999</v>
      </c>
      <c r="CS25" s="20">
        <v>3.2193100000000001</v>
      </c>
      <c r="CT25" s="20">
        <v>3.4651800000000001</v>
      </c>
      <c r="CU25" s="20">
        <v>3.4867900000000001</v>
      </c>
      <c r="CV25" s="20">
        <v>3.59964</v>
      </c>
      <c r="CW25" s="20">
        <v>3.51159</v>
      </c>
      <c r="CX25" s="20">
        <v>3.5309599999999999</v>
      </c>
      <c r="CY25" s="6"/>
      <c r="CZ25" s="6"/>
      <c r="DA25" s="6"/>
      <c r="DB25" s="6"/>
      <c r="DC25" s="6"/>
      <c r="DD25" s="6"/>
      <c r="DE25" s="6"/>
      <c r="DF25" s="6"/>
      <c r="DG25" s="6"/>
      <c r="DH25" s="6"/>
      <c r="DI25" s="6"/>
      <c r="DJ25" s="6"/>
      <c r="DK25" s="6"/>
      <c r="DL25" s="6"/>
      <c r="DM25" s="6"/>
      <c r="DN25" s="6"/>
      <c r="DO25" s="6"/>
    </row>
    <row r="26" spans="1:119" hidden="1" x14ac:dyDescent="0.2">
      <c r="A26" s="6" t="s">
        <v>312</v>
      </c>
      <c r="B26" s="6" t="s">
        <v>312</v>
      </c>
      <c r="C26" s="6" t="s">
        <v>175</v>
      </c>
      <c r="D26" s="6" t="s">
        <v>335</v>
      </c>
      <c r="E26" s="6" t="s">
        <v>328</v>
      </c>
      <c r="F26" s="11">
        <v>1060</v>
      </c>
      <c r="G26" s="13">
        <v>8.0872816052500004E-2</v>
      </c>
      <c r="H26" s="11">
        <v>3106.5808598000003</v>
      </c>
      <c r="I26" s="13">
        <v>0.23702595599303017</v>
      </c>
      <c r="J26" s="11">
        <v>-3177.1157065999996</v>
      </c>
      <c r="K26" s="13">
        <v>-0.19596001497370319</v>
      </c>
      <c r="L26" s="11">
        <v>1131.1247808000007</v>
      </c>
      <c r="M26" s="13">
        <v>8.6769541507731945E-2</v>
      </c>
      <c r="N26" s="11">
        <v>-2045.9909257999989</v>
      </c>
      <c r="O26" s="13">
        <v>-0.12619383411908777</v>
      </c>
      <c r="P26" s="7">
        <v>13106.500706999999</v>
      </c>
      <c r="Q26" s="7">
        <v>13540.6875</v>
      </c>
      <c r="R26" s="7">
        <v>14504.3914864</v>
      </c>
      <c r="S26" s="7">
        <v>15731.9041036</v>
      </c>
      <c r="T26" s="7">
        <v>16744.630267199998</v>
      </c>
      <c r="U26" s="7">
        <v>16992.905016100001</v>
      </c>
      <c r="V26" s="7">
        <v>16213.0815668</v>
      </c>
      <c r="W26" s="7">
        <v>15235.5033738</v>
      </c>
      <c r="X26" s="7">
        <v>14234.329051299999</v>
      </c>
      <c r="Y26" s="7">
        <v>13035.9658602</v>
      </c>
      <c r="Z26" s="7">
        <v>12984.5036375</v>
      </c>
      <c r="AA26" s="7">
        <v>12838.514271100001</v>
      </c>
      <c r="AB26" s="7">
        <v>12869.636232299999</v>
      </c>
      <c r="AC26" s="7">
        <v>12890.435013</v>
      </c>
      <c r="AD26" s="7">
        <v>13601.155241</v>
      </c>
      <c r="AE26" s="7">
        <v>14006.757988900001</v>
      </c>
      <c r="AF26" s="7">
        <v>14167.090641000001</v>
      </c>
      <c r="AG26" s="9">
        <v>10934.303976800002</v>
      </c>
      <c r="AH26" s="13">
        <v>0.36619970842207539</v>
      </c>
      <c r="AI26" s="9">
        <v>4282.6625208999976</v>
      </c>
      <c r="AJ26" s="13">
        <v>0.14343023293950036</v>
      </c>
      <c r="AK26" s="9">
        <v>1029.8756491000022</v>
      </c>
      <c r="AL26" s="13">
        <v>3.016490552751995E-2</v>
      </c>
      <c r="AM26" s="9">
        <v>5621.7658068000019</v>
      </c>
      <c r="AN26" s="13">
        <v>0.15983915642725416</v>
      </c>
      <c r="AO26" s="9">
        <v>6651.6414559000041</v>
      </c>
      <c r="AP26" s="13">
        <v>0.1948255950080007</v>
      </c>
      <c r="AQ26" s="9">
        <v>29858.8549508</v>
      </c>
      <c r="AR26" s="9">
        <v>30389.386414199998</v>
      </c>
      <c r="AS26" s="9">
        <v>31273.9482608</v>
      </c>
      <c r="AT26" s="9">
        <v>31860.2686101</v>
      </c>
      <c r="AU26" s="9">
        <v>33414.836744499997</v>
      </c>
      <c r="AV26" s="9">
        <v>33430.395567</v>
      </c>
      <c r="AW26" s="9">
        <v>34141.517471699997</v>
      </c>
      <c r="AX26" s="9">
        <v>34268.267663799998</v>
      </c>
      <c r="AY26" s="9">
        <v>35577.0701242</v>
      </c>
      <c r="AZ26" s="9">
        <v>35171.393120799999</v>
      </c>
      <c r="BA26" s="9">
        <v>35444.4214221</v>
      </c>
      <c r="BB26" s="9">
        <v>35595.780664400001</v>
      </c>
      <c r="BC26" s="9">
        <v>37059.740928699997</v>
      </c>
      <c r="BD26" s="9">
        <v>38189.896103300001</v>
      </c>
      <c r="BE26" s="9">
        <v>38965.5530765</v>
      </c>
      <c r="BF26" s="9">
        <v>40793.158927600001</v>
      </c>
      <c r="BG26" s="11">
        <v>-256.75</v>
      </c>
      <c r="BH26" s="13">
        <v>-0.14295657015590199</v>
      </c>
      <c r="BI26" s="6">
        <v>207</v>
      </c>
      <c r="BJ26" s="13">
        <v>0.11525612472160357</v>
      </c>
      <c r="BK26" s="6">
        <v>-311</v>
      </c>
      <c r="BL26" s="13">
        <v>-0.15526709935097355</v>
      </c>
      <c r="BM26" s="11">
        <v>-152.75</v>
      </c>
      <c r="BN26" s="13">
        <v>-9.0277777777777776E-2</v>
      </c>
      <c r="BO26" s="11">
        <v>-463.75</v>
      </c>
      <c r="BP26" s="13">
        <v>-0.23152770843734399</v>
      </c>
      <c r="BQ26" s="6">
        <v>1796</v>
      </c>
      <c r="BR26" s="6">
        <v>1902</v>
      </c>
      <c r="BS26" s="6">
        <v>1986</v>
      </c>
      <c r="BT26" s="6">
        <v>2003</v>
      </c>
      <c r="BU26" s="6">
        <v>1941</v>
      </c>
      <c r="BV26" s="6">
        <v>1791</v>
      </c>
      <c r="BW26" s="6">
        <v>1692</v>
      </c>
      <c r="BX26" s="6">
        <v>1594</v>
      </c>
      <c r="BY26" s="6">
        <v>1561</v>
      </c>
      <c r="BZ26" s="6">
        <v>1534</v>
      </c>
      <c r="CA26" s="6">
        <v>1514</v>
      </c>
      <c r="CB26" s="6">
        <v>1558</v>
      </c>
      <c r="CC26" s="11">
        <v>1539.25</v>
      </c>
      <c r="CD26" s="11">
        <v>1215.42</v>
      </c>
      <c r="CE26" s="11">
        <v>-1587.53</v>
      </c>
      <c r="CF26" s="11">
        <v>1432.7</v>
      </c>
      <c r="CG26" s="11">
        <v>-155</v>
      </c>
      <c r="CH26" s="20">
        <v>1.27962</v>
      </c>
      <c r="CI26" s="20">
        <v>1.3236399999999999</v>
      </c>
      <c r="CJ26" s="20">
        <v>1.3776999999999999</v>
      </c>
      <c r="CK26" s="20">
        <v>1.41526</v>
      </c>
      <c r="CL26" s="20">
        <v>1.44133</v>
      </c>
      <c r="CM26" s="20">
        <v>1.40466</v>
      </c>
      <c r="CN26" s="20">
        <v>1.3553599999999999</v>
      </c>
      <c r="CO26" s="20">
        <v>1.3511299999999999</v>
      </c>
      <c r="CP26" s="20">
        <v>1.4452</v>
      </c>
      <c r="CQ26" s="20">
        <v>1.44862</v>
      </c>
      <c r="CR26" s="20">
        <v>1.4864599999999999</v>
      </c>
      <c r="CS26" s="20">
        <v>1.47041</v>
      </c>
      <c r="CT26" s="20">
        <v>1.48034</v>
      </c>
      <c r="CU26" s="20">
        <v>1.4360999999999999</v>
      </c>
      <c r="CV26" s="20">
        <v>1.4615899999999999</v>
      </c>
      <c r="CW26" s="20">
        <v>1.47052</v>
      </c>
      <c r="CX26" s="20">
        <v>1.4688600000000001</v>
      </c>
      <c r="CY26" s="6"/>
      <c r="CZ26" s="6"/>
      <c r="DA26" s="6"/>
      <c r="DB26" s="6"/>
      <c r="DC26" s="6"/>
      <c r="DD26" s="6"/>
      <c r="DE26" s="6"/>
      <c r="DF26" s="6"/>
      <c r="DG26" s="6"/>
      <c r="DH26" s="6"/>
      <c r="DI26" s="6"/>
      <c r="DJ26" s="6"/>
      <c r="DK26" s="6"/>
      <c r="DL26" s="6"/>
      <c r="DM26" s="6"/>
      <c r="DN26" s="6"/>
      <c r="DO26" s="6"/>
    </row>
    <row r="27" spans="1:119" x14ac:dyDescent="0.2">
      <c r="A27" s="6" t="s">
        <v>792</v>
      </c>
      <c r="B27" s="6" t="s">
        <v>176</v>
      </c>
      <c r="C27" s="6" t="s">
        <v>177</v>
      </c>
      <c r="D27" s="6" t="s">
        <v>335</v>
      </c>
      <c r="E27" s="6" t="s">
        <v>328</v>
      </c>
      <c r="F27" s="11">
        <v>-3908</v>
      </c>
      <c r="G27" s="13">
        <v>-0.12654211054600001</v>
      </c>
      <c r="H27" s="11">
        <v>-2982.2319424000016</v>
      </c>
      <c r="I27" s="13">
        <v>-9.6566688099779585E-2</v>
      </c>
      <c r="J27" s="11">
        <v>-4701.7956236999999</v>
      </c>
      <c r="K27" s="13">
        <v>-0.16852082114644326</v>
      </c>
      <c r="L27" s="11">
        <v>3776.0227109000007</v>
      </c>
      <c r="M27" s="13">
        <v>0.16276950338484342</v>
      </c>
      <c r="N27" s="11">
        <v>-925.77291279999918</v>
      </c>
      <c r="O27" s="13">
        <v>-3.3181368129612455E-2</v>
      </c>
      <c r="P27" s="7">
        <v>30882.615952600001</v>
      </c>
      <c r="Q27" s="7">
        <v>29509.011297699999</v>
      </c>
      <c r="R27" s="7">
        <v>29209.411973900002</v>
      </c>
      <c r="S27" s="7">
        <v>29650.983262900001</v>
      </c>
      <c r="T27" s="7">
        <v>28796.402579199999</v>
      </c>
      <c r="U27" s="7">
        <v>28478.227170300001</v>
      </c>
      <c r="V27" s="7">
        <v>27900.384010199999</v>
      </c>
      <c r="W27" s="7">
        <v>27392.553108299999</v>
      </c>
      <c r="X27" s="7">
        <v>23608.1208233</v>
      </c>
      <c r="Y27" s="7">
        <v>23198.5883865</v>
      </c>
      <c r="Z27" s="7">
        <v>23565.275125200002</v>
      </c>
      <c r="AA27" s="7">
        <v>24324.817214300001</v>
      </c>
      <c r="AB27" s="7">
        <v>24499.266712699999</v>
      </c>
      <c r="AC27" s="7">
        <v>25427.3671139</v>
      </c>
      <c r="AD27" s="7">
        <v>25684.882038299998</v>
      </c>
      <c r="AE27" s="7">
        <v>26213.276864200001</v>
      </c>
      <c r="AF27" s="7">
        <v>26974.6110974</v>
      </c>
      <c r="AG27" s="9">
        <v>21853.578266600001</v>
      </c>
      <c r="AH27" s="13">
        <v>0.63321059486737064</v>
      </c>
      <c r="AI27" s="9">
        <v>8306.0232204999993</v>
      </c>
      <c r="AJ27" s="13">
        <v>0.24066822560007561</v>
      </c>
      <c r="AK27" s="9">
        <v>4132.8994468000019</v>
      </c>
      <c r="AL27" s="13">
        <v>9.6521662665885993E-2</v>
      </c>
      <c r="AM27" s="9">
        <v>9414.6555993000002</v>
      </c>
      <c r="AN27" s="13">
        <v>0.20051976038334415</v>
      </c>
      <c r="AO27" s="9">
        <v>13547.555046100002</v>
      </c>
      <c r="AP27" s="13">
        <v>0.3163959237187956</v>
      </c>
      <c r="AQ27" s="9">
        <v>34512.338302199998</v>
      </c>
      <c r="AR27" s="9">
        <v>36259.167161799996</v>
      </c>
      <c r="AS27" s="9">
        <v>37530.4839278</v>
      </c>
      <c r="AT27" s="9">
        <v>39001.663991399997</v>
      </c>
      <c r="AU27" s="9">
        <v>41047.501366600001</v>
      </c>
      <c r="AV27" s="9">
        <v>41818.086734500001</v>
      </c>
      <c r="AW27" s="9">
        <v>42818.361522699997</v>
      </c>
      <c r="AX27" s="9">
        <v>44111.1457935</v>
      </c>
      <c r="AY27" s="9">
        <v>44836.9853621</v>
      </c>
      <c r="AZ27" s="9">
        <v>46951.260969499999</v>
      </c>
      <c r="BA27" s="9">
        <v>47027.464535899999</v>
      </c>
      <c r="BB27" s="9">
        <v>49195.892272999998</v>
      </c>
      <c r="BC27" s="9">
        <v>50475.936513300003</v>
      </c>
      <c r="BD27" s="9">
        <v>52033.215629099999</v>
      </c>
      <c r="BE27" s="9">
        <v>54630.2500946</v>
      </c>
      <c r="BF27" s="9">
        <v>56365.916568799999</v>
      </c>
      <c r="BG27" s="11">
        <v>-74.25</v>
      </c>
      <c r="BH27" s="13">
        <v>-9.5806451612903229E-2</v>
      </c>
      <c r="BI27" s="6">
        <v>29</v>
      </c>
      <c r="BJ27" s="13">
        <v>3.741935483870968E-2</v>
      </c>
      <c r="BK27" s="6">
        <v>-38</v>
      </c>
      <c r="BL27" s="13">
        <v>-4.7263681592039801E-2</v>
      </c>
      <c r="BM27" s="11">
        <v>-65.25</v>
      </c>
      <c r="BN27" s="13">
        <v>-8.5182767624020883E-2</v>
      </c>
      <c r="BO27" s="11">
        <v>-103.25</v>
      </c>
      <c r="BP27" s="13">
        <v>-0.12842039800995025</v>
      </c>
      <c r="BQ27" s="6">
        <v>775</v>
      </c>
      <c r="BR27" s="6">
        <v>803</v>
      </c>
      <c r="BS27" s="6">
        <v>801</v>
      </c>
      <c r="BT27" s="6">
        <v>804</v>
      </c>
      <c r="BU27" s="6">
        <v>792</v>
      </c>
      <c r="BV27" s="6">
        <v>765</v>
      </c>
      <c r="BW27" s="6">
        <v>766</v>
      </c>
      <c r="BX27" s="6">
        <v>752</v>
      </c>
      <c r="BY27" s="6">
        <v>744</v>
      </c>
      <c r="BZ27" s="6">
        <v>722</v>
      </c>
      <c r="CA27" s="6">
        <v>724</v>
      </c>
      <c r="CB27" s="6">
        <v>719</v>
      </c>
      <c r="CC27" s="11">
        <v>700.75</v>
      </c>
      <c r="CD27" s="11">
        <v>3617.03</v>
      </c>
      <c r="CE27" s="11">
        <v>-10900.9</v>
      </c>
      <c r="CF27" s="11">
        <v>3375.84</v>
      </c>
      <c r="CG27" s="11">
        <v>-7525</v>
      </c>
      <c r="CH27" s="20">
        <v>1.57494</v>
      </c>
      <c r="CI27" s="20">
        <v>1.6101700000000001</v>
      </c>
      <c r="CJ27" s="20">
        <v>1.6554899999999999</v>
      </c>
      <c r="CK27" s="20">
        <v>1.68581</v>
      </c>
      <c r="CL27" s="20">
        <v>1.6495899999999999</v>
      </c>
      <c r="CM27" s="20">
        <v>1.6420699999999999</v>
      </c>
      <c r="CN27" s="20">
        <v>1.6471499999999999</v>
      </c>
      <c r="CO27" s="20">
        <v>1.67849</v>
      </c>
      <c r="CP27" s="20">
        <v>1.6316999999999999</v>
      </c>
      <c r="CQ27" s="20">
        <v>1.6601699999999999</v>
      </c>
      <c r="CR27" s="20">
        <v>1.6855899999999999</v>
      </c>
      <c r="CS27" s="20">
        <v>1.72821</v>
      </c>
      <c r="CT27" s="20">
        <v>1.77565</v>
      </c>
      <c r="CU27" s="20">
        <v>1.8287</v>
      </c>
      <c r="CV27" s="20">
        <v>1.83168</v>
      </c>
      <c r="CW27" s="20">
        <v>1.8661700000000001</v>
      </c>
      <c r="CX27" s="20">
        <v>1.90869</v>
      </c>
      <c r="CY27" s="6"/>
      <c r="CZ27" s="6"/>
      <c r="DA27" s="6"/>
      <c r="DB27" s="6"/>
      <c r="DC27" s="6"/>
      <c r="DD27" s="6"/>
      <c r="DE27" s="6"/>
      <c r="DF27" s="6"/>
      <c r="DG27" s="6"/>
      <c r="DH27" s="6"/>
      <c r="DI27" s="6"/>
      <c r="DJ27" s="6"/>
      <c r="DK27" s="6"/>
      <c r="DL27" s="6"/>
      <c r="DM27" s="6"/>
      <c r="DN27" s="6"/>
      <c r="DO27" s="6"/>
    </row>
    <row r="28" spans="1:119" hidden="1" x14ac:dyDescent="0.2">
      <c r="A28" s="6" t="s">
        <v>313</v>
      </c>
      <c r="B28" s="6" t="s">
        <v>313</v>
      </c>
      <c r="C28" s="6" t="s">
        <v>178</v>
      </c>
      <c r="D28" s="6" t="s">
        <v>335</v>
      </c>
      <c r="E28" s="6" t="s">
        <v>328</v>
      </c>
      <c r="F28" s="11">
        <v>1063</v>
      </c>
      <c r="G28" s="13">
        <v>0.24555324555300001</v>
      </c>
      <c r="H28" s="11">
        <v>419.94041688000016</v>
      </c>
      <c r="I28" s="13">
        <v>9.7002952062352599E-2</v>
      </c>
      <c r="J28" s="11">
        <v>42.105693100000281</v>
      </c>
      <c r="K28" s="13">
        <v>8.8660525397199971E-3</v>
      </c>
      <c r="L28" s="11">
        <v>600.33217707999938</v>
      </c>
      <c r="M28" s="13">
        <v>0.12529899652906651</v>
      </c>
      <c r="N28" s="11">
        <v>642.43787017999966</v>
      </c>
      <c r="O28" s="13">
        <v>0.1352759565551874</v>
      </c>
      <c r="P28" s="7">
        <v>4329.1508964599998</v>
      </c>
      <c r="Q28" s="7">
        <v>3996.51897323</v>
      </c>
      <c r="R28" s="7">
        <v>4001.9698547399998</v>
      </c>
      <c r="S28" s="7">
        <v>4044.84013461</v>
      </c>
      <c r="T28" s="7">
        <v>4294.0819694900001</v>
      </c>
      <c r="U28" s="7">
        <v>4550.9459629800003</v>
      </c>
      <c r="V28" s="7">
        <v>4749.0913133399999</v>
      </c>
      <c r="W28" s="7">
        <v>4731.5133217599996</v>
      </c>
      <c r="X28" s="7">
        <v>4584.3160746900003</v>
      </c>
      <c r="Y28" s="7">
        <v>4791.1970064400002</v>
      </c>
      <c r="Z28" s="7">
        <v>5329.5432839499999</v>
      </c>
      <c r="AA28" s="7">
        <v>5315.2702570000001</v>
      </c>
      <c r="AB28" s="7">
        <v>5173.3131440300003</v>
      </c>
      <c r="AC28" s="7">
        <v>5246.0915734099999</v>
      </c>
      <c r="AD28" s="7">
        <v>5181.1411337899999</v>
      </c>
      <c r="AE28" s="7">
        <v>5201.6692395800001</v>
      </c>
      <c r="AF28" s="7">
        <v>5391.5291835199996</v>
      </c>
      <c r="AG28" s="9">
        <v>18807.837591700001</v>
      </c>
      <c r="AH28" s="13">
        <v>0.57140825716141674</v>
      </c>
      <c r="AI28" s="9">
        <v>8670.7657753000021</v>
      </c>
      <c r="AJ28" s="13">
        <v>0.26342992041283375</v>
      </c>
      <c r="AK28" s="9">
        <v>4362.3679013999936</v>
      </c>
      <c r="AL28" s="13">
        <v>0.10490079449900495</v>
      </c>
      <c r="AM28" s="9">
        <v>5774.7039150000055</v>
      </c>
      <c r="AN28" s="13">
        <v>0.1256790601013735</v>
      </c>
      <c r="AO28" s="9">
        <v>10137.071816399999</v>
      </c>
      <c r="AP28" s="13">
        <v>0.24376368785690075</v>
      </c>
      <c r="AQ28" s="9">
        <v>32914.885908600001</v>
      </c>
      <c r="AR28" s="9">
        <v>33283.615143700001</v>
      </c>
      <c r="AS28" s="9">
        <v>35043.404485400002</v>
      </c>
      <c r="AT28" s="9">
        <v>34835.829200599997</v>
      </c>
      <c r="AU28" s="9">
        <v>36705.671338599997</v>
      </c>
      <c r="AV28" s="9">
        <v>38626.829827399997</v>
      </c>
      <c r="AW28" s="9">
        <v>41585.651683900003</v>
      </c>
      <c r="AX28" s="9">
        <v>44352.332893899998</v>
      </c>
      <c r="AY28" s="9">
        <v>45028.981741900003</v>
      </c>
      <c r="AZ28" s="9">
        <v>45948.019585299997</v>
      </c>
      <c r="BA28" s="9">
        <v>45659.098954699999</v>
      </c>
      <c r="BB28" s="9">
        <v>46498.332297200002</v>
      </c>
      <c r="BC28" s="9">
        <v>47154.677994199999</v>
      </c>
      <c r="BD28" s="9">
        <v>46210.909500499998</v>
      </c>
      <c r="BE28" s="9">
        <v>48953.899143000002</v>
      </c>
      <c r="BF28" s="9">
        <v>51722.723500300002</v>
      </c>
      <c r="BG28" s="11">
        <v>17.5</v>
      </c>
      <c r="BH28" s="13">
        <v>3.0701754385964911E-2</v>
      </c>
      <c r="BI28" s="6">
        <v>7</v>
      </c>
      <c r="BJ28" s="13">
        <v>1.2280701754385965E-2</v>
      </c>
      <c r="BK28" s="6">
        <v>7</v>
      </c>
      <c r="BL28" s="13">
        <v>1.2131715771230503E-2</v>
      </c>
      <c r="BM28" s="11">
        <v>3.5</v>
      </c>
      <c r="BN28" s="13">
        <v>5.9931506849315065E-3</v>
      </c>
      <c r="BO28" s="11">
        <v>10.5</v>
      </c>
      <c r="BP28" s="13">
        <v>1.8197573656845753E-2</v>
      </c>
      <c r="BQ28" s="6">
        <v>570</v>
      </c>
      <c r="BR28" s="6">
        <v>566</v>
      </c>
      <c r="BS28" s="6">
        <v>564</v>
      </c>
      <c r="BT28" s="6">
        <v>577</v>
      </c>
      <c r="BU28" s="6">
        <v>566</v>
      </c>
      <c r="BV28" s="6">
        <v>551</v>
      </c>
      <c r="BW28" s="6">
        <v>584</v>
      </c>
      <c r="BX28" s="6">
        <v>579</v>
      </c>
      <c r="BY28" s="6">
        <v>586</v>
      </c>
      <c r="BZ28" s="6">
        <v>598</v>
      </c>
      <c r="CA28" s="6">
        <v>606</v>
      </c>
      <c r="CB28" s="6">
        <v>600</v>
      </c>
      <c r="CC28" s="11">
        <v>587.5</v>
      </c>
      <c r="CD28" s="11">
        <v>943.13400000000001</v>
      </c>
      <c r="CE28" s="11">
        <v>-353.98399999999998</v>
      </c>
      <c r="CF28" s="11">
        <v>473.22800000000001</v>
      </c>
      <c r="CG28" s="11">
        <v>119</v>
      </c>
      <c r="CH28" s="20">
        <v>0.62002199999999996</v>
      </c>
      <c r="CI28" s="20">
        <v>0.58165500000000003</v>
      </c>
      <c r="CJ28" s="20">
        <v>0.57831200000000005</v>
      </c>
      <c r="CK28" s="20">
        <v>0.57247199999999998</v>
      </c>
      <c r="CL28" s="20">
        <v>0.59781700000000004</v>
      </c>
      <c r="CM28" s="20">
        <v>0.62049299999999996</v>
      </c>
      <c r="CN28" s="20">
        <v>0.63949199999999995</v>
      </c>
      <c r="CO28" s="20">
        <v>0.64434100000000005</v>
      </c>
      <c r="CP28" s="20">
        <v>0.66565300000000005</v>
      </c>
      <c r="CQ28" s="20">
        <v>0.71315099999999998</v>
      </c>
      <c r="CR28" s="20">
        <v>0.79637199999999997</v>
      </c>
      <c r="CS28" s="20">
        <v>0.78797300000000003</v>
      </c>
      <c r="CT28" s="20">
        <v>0.77793400000000001</v>
      </c>
      <c r="CU28" s="20">
        <v>0.783771</v>
      </c>
      <c r="CV28" s="20">
        <v>0.76805599999999996</v>
      </c>
      <c r="CW28" s="20">
        <v>0.77176900000000004</v>
      </c>
      <c r="CX28" s="20">
        <v>0.78860399999999997</v>
      </c>
      <c r="CY28" s="6"/>
      <c r="CZ28" s="6"/>
      <c r="DA28" s="6"/>
      <c r="DB28" s="6"/>
      <c r="DC28" s="6"/>
      <c r="DD28" s="6"/>
      <c r="DE28" s="6"/>
      <c r="DF28" s="6"/>
      <c r="DG28" s="6"/>
      <c r="DH28" s="6"/>
      <c r="DI28" s="6"/>
      <c r="DJ28" s="6"/>
      <c r="DK28" s="6"/>
      <c r="DL28" s="6"/>
      <c r="DM28" s="6"/>
      <c r="DN28" s="6"/>
      <c r="DO28" s="6"/>
    </row>
    <row r="29" spans="1:119" hidden="1" x14ac:dyDescent="0.2">
      <c r="A29" s="6" t="s">
        <v>793</v>
      </c>
      <c r="B29" s="6" t="s">
        <v>179</v>
      </c>
      <c r="C29" s="6" t="s">
        <v>180</v>
      </c>
      <c r="D29" s="6" t="s">
        <v>335</v>
      </c>
      <c r="E29" s="6" t="s">
        <v>328</v>
      </c>
      <c r="F29" s="11">
        <v>907</v>
      </c>
      <c r="G29" s="13">
        <v>4.3967230597699997E-2</v>
      </c>
      <c r="H29" s="11">
        <v>1632.1003586999977</v>
      </c>
      <c r="I29" s="13">
        <v>7.9117975518189873E-2</v>
      </c>
      <c r="J29" s="11">
        <v>-1757.5472186999978</v>
      </c>
      <c r="K29" s="13">
        <v>-7.8952589841773793E-2</v>
      </c>
      <c r="L29" s="11">
        <v>1032.3503968999976</v>
      </c>
      <c r="M29" s="13">
        <v>5.035058516060683E-2</v>
      </c>
      <c r="N29" s="11">
        <v>-725.19682180000018</v>
      </c>
      <c r="O29" s="13">
        <v>-3.2577313779645657E-2</v>
      </c>
      <c r="P29" s="7">
        <v>20628.692127300001</v>
      </c>
      <c r="Q29" s="7">
        <v>20973.6383417</v>
      </c>
      <c r="R29" s="7">
        <v>20932.124125099999</v>
      </c>
      <c r="S29" s="7">
        <v>21028.1241544</v>
      </c>
      <c r="T29" s="7">
        <v>21823.689978499999</v>
      </c>
      <c r="U29" s="7">
        <v>21816.823901100001</v>
      </c>
      <c r="V29" s="7">
        <v>22260.792485999998</v>
      </c>
      <c r="W29" s="7">
        <v>22155.201392700001</v>
      </c>
      <c r="X29" s="7">
        <v>21145.276082</v>
      </c>
      <c r="Y29" s="7">
        <v>20503.245267300001</v>
      </c>
      <c r="Z29" s="7">
        <v>20190.2015311</v>
      </c>
      <c r="AA29" s="7">
        <v>19815.045002800001</v>
      </c>
      <c r="AB29" s="7">
        <v>19849.783883799999</v>
      </c>
      <c r="AC29" s="7">
        <v>19784.264193499999</v>
      </c>
      <c r="AD29" s="7">
        <v>20787.489302400001</v>
      </c>
      <c r="AE29" s="7">
        <v>21141.740680700001</v>
      </c>
      <c r="AF29" s="7">
        <v>21535.595664199998</v>
      </c>
      <c r="AG29" s="9">
        <v>8177.6418980000017</v>
      </c>
      <c r="AH29" s="13">
        <v>0.3963158198690479</v>
      </c>
      <c r="AI29" s="9">
        <v>4720.935390300001</v>
      </c>
      <c r="AJ29" s="13">
        <v>0.22879228548918645</v>
      </c>
      <c r="AK29" s="9">
        <v>195.80212160000156</v>
      </c>
      <c r="AL29" s="13">
        <v>7.7223990002475412E-3</v>
      </c>
      <c r="AM29" s="9">
        <v>3260.9043860999991</v>
      </c>
      <c r="AN29" s="13">
        <v>0.12762389554506595</v>
      </c>
      <c r="AO29" s="9">
        <v>3456.7065077000007</v>
      </c>
      <c r="AP29" s="13">
        <v>0.13633185718867841</v>
      </c>
      <c r="AQ29" s="9">
        <v>20634.154600999998</v>
      </c>
      <c r="AR29" s="9">
        <v>21368.264810799999</v>
      </c>
      <c r="AS29" s="9">
        <v>22766.059208999999</v>
      </c>
      <c r="AT29" s="9">
        <v>23206.658372000002</v>
      </c>
      <c r="AU29" s="9">
        <v>23702.970870500001</v>
      </c>
      <c r="AV29" s="9">
        <v>24413.699484699999</v>
      </c>
      <c r="AW29" s="9">
        <v>25355.089991299999</v>
      </c>
      <c r="AX29" s="9">
        <v>25603.685710500002</v>
      </c>
      <c r="AY29" s="9">
        <v>25642.192639000001</v>
      </c>
      <c r="AZ29" s="9">
        <v>25550.892112900001</v>
      </c>
      <c r="BA29" s="9">
        <v>25776.841594000001</v>
      </c>
      <c r="BB29" s="9">
        <v>26171.93907</v>
      </c>
      <c r="BC29" s="9">
        <v>26781.672045899999</v>
      </c>
      <c r="BD29" s="9">
        <v>27291.893810500002</v>
      </c>
      <c r="BE29" s="9">
        <v>28077.971053400001</v>
      </c>
      <c r="BF29" s="9">
        <v>28811.796499</v>
      </c>
      <c r="BG29" s="11">
        <v>-184.75</v>
      </c>
      <c r="BH29" s="13">
        <v>-0.1042019176536943</v>
      </c>
      <c r="BI29" s="6">
        <v>-22</v>
      </c>
      <c r="BJ29" s="13">
        <v>-1.2408347433728144E-2</v>
      </c>
      <c r="BK29" s="6">
        <v>-92</v>
      </c>
      <c r="BL29" s="13">
        <v>-5.2541404911479156E-2</v>
      </c>
      <c r="BM29" s="11">
        <v>-70.75</v>
      </c>
      <c r="BN29" s="13">
        <v>-4.2646172393007838E-2</v>
      </c>
      <c r="BO29" s="11">
        <v>-162.75</v>
      </c>
      <c r="BP29" s="13">
        <v>-9.2946887492861216E-2</v>
      </c>
      <c r="BQ29" s="6">
        <v>1773</v>
      </c>
      <c r="BR29" s="6">
        <v>1743</v>
      </c>
      <c r="BS29" s="6">
        <v>1726</v>
      </c>
      <c r="BT29" s="6">
        <v>1751</v>
      </c>
      <c r="BU29" s="6">
        <v>1744</v>
      </c>
      <c r="BV29" s="6">
        <v>1695</v>
      </c>
      <c r="BW29" s="6">
        <v>1659</v>
      </c>
      <c r="BX29" s="6">
        <v>1611</v>
      </c>
      <c r="BY29" s="6">
        <v>1604</v>
      </c>
      <c r="BZ29" s="6">
        <v>1630</v>
      </c>
      <c r="CA29" s="6">
        <v>1582</v>
      </c>
      <c r="CB29" s="6">
        <v>1612</v>
      </c>
      <c r="CC29" s="11">
        <v>1588.25</v>
      </c>
      <c r="CD29" s="11">
        <v>-25.879300000000001</v>
      </c>
      <c r="CE29" s="11">
        <v>-1322.18</v>
      </c>
      <c r="CF29" s="11">
        <v>2254.96</v>
      </c>
      <c r="CG29" s="11">
        <v>933</v>
      </c>
      <c r="CH29" s="20">
        <v>1.1009800000000001</v>
      </c>
      <c r="CI29" s="20">
        <v>1.1179600000000001</v>
      </c>
      <c r="CJ29" s="20">
        <v>1.1131500000000001</v>
      </c>
      <c r="CK29" s="20">
        <v>1.09693</v>
      </c>
      <c r="CL29" s="20">
        <v>1.1274</v>
      </c>
      <c r="CM29" s="20">
        <v>1.11961</v>
      </c>
      <c r="CN29" s="20">
        <v>1.1378900000000001</v>
      </c>
      <c r="CO29" s="20">
        <v>1.1537299999999999</v>
      </c>
      <c r="CP29" s="20">
        <v>1.1543000000000001</v>
      </c>
      <c r="CQ29" s="20">
        <v>1.13419</v>
      </c>
      <c r="CR29" s="20">
        <v>1.1230500000000001</v>
      </c>
      <c r="CS29" s="20">
        <v>1.09995</v>
      </c>
      <c r="CT29" s="20">
        <v>1.1185099999999999</v>
      </c>
      <c r="CU29" s="20">
        <v>1.10229</v>
      </c>
      <c r="CV29" s="20">
        <v>1.1395599999999999</v>
      </c>
      <c r="CW29" s="20">
        <v>1.1476900000000001</v>
      </c>
      <c r="CX29" s="20">
        <v>1.1539900000000001</v>
      </c>
      <c r="CY29" s="6"/>
      <c r="CZ29" s="6"/>
      <c r="DA29" s="6"/>
      <c r="DB29" s="6"/>
      <c r="DC29" s="6"/>
      <c r="DD29" s="6"/>
      <c r="DE29" s="6"/>
      <c r="DF29" s="6"/>
      <c r="DG29" s="6"/>
      <c r="DH29" s="6"/>
      <c r="DI29" s="6"/>
      <c r="DJ29" s="6"/>
      <c r="DK29" s="6"/>
      <c r="DL29" s="6"/>
      <c r="DM29" s="6"/>
      <c r="DN29" s="6"/>
      <c r="DO29" s="6"/>
    </row>
    <row r="30" spans="1:119" hidden="1" x14ac:dyDescent="0.2">
      <c r="A30" s="6" t="s">
        <v>794</v>
      </c>
      <c r="B30" s="6" t="s">
        <v>181</v>
      </c>
      <c r="C30" s="6" t="s">
        <v>182</v>
      </c>
      <c r="D30" s="6" t="s">
        <v>335</v>
      </c>
      <c r="E30" s="6" t="s">
        <v>328</v>
      </c>
      <c r="F30" s="11">
        <v>414</v>
      </c>
      <c r="G30" s="13">
        <v>6.10349402919E-2</v>
      </c>
      <c r="H30" s="11">
        <v>169.81244933000016</v>
      </c>
      <c r="I30" s="13">
        <v>2.5035078227054915E-2</v>
      </c>
      <c r="J30" s="11">
        <v>-784.84658144000059</v>
      </c>
      <c r="K30" s="13">
        <v>-0.11288220123813716</v>
      </c>
      <c r="L30" s="11">
        <v>1029.3022398500007</v>
      </c>
      <c r="M30" s="13">
        <v>0.16687924404531587</v>
      </c>
      <c r="N30" s="11">
        <v>244.45565841000007</v>
      </c>
      <c r="O30" s="13">
        <v>3.5159346398387144E-2</v>
      </c>
      <c r="P30" s="7">
        <v>6782.9805758900002</v>
      </c>
      <c r="Q30" s="7">
        <v>6933.49128423</v>
      </c>
      <c r="R30" s="7">
        <v>6888.3526762800002</v>
      </c>
      <c r="S30" s="7">
        <v>7055.7760178099998</v>
      </c>
      <c r="T30" s="7">
        <v>6724.3984908700004</v>
      </c>
      <c r="U30" s="7">
        <v>6826.1344938599996</v>
      </c>
      <c r="V30" s="7">
        <v>6952.7930252200003</v>
      </c>
      <c r="W30" s="7">
        <v>6806.1846925199998</v>
      </c>
      <c r="X30" s="7">
        <v>6715.8442951099996</v>
      </c>
      <c r="Y30" s="7">
        <v>6167.9464437799998</v>
      </c>
      <c r="Z30" s="7">
        <v>6248.9351970799999</v>
      </c>
      <c r="AA30" s="7">
        <v>6341.8265780299998</v>
      </c>
      <c r="AB30" s="7">
        <v>6432.4353879199998</v>
      </c>
      <c r="AC30" s="7">
        <v>6450.25456244</v>
      </c>
      <c r="AD30" s="7">
        <v>6907.4200086600003</v>
      </c>
      <c r="AE30" s="7">
        <v>7050.3331839499997</v>
      </c>
      <c r="AF30" s="7">
        <v>7197.2486836300004</v>
      </c>
      <c r="AG30" s="9">
        <v>15746.286435299997</v>
      </c>
      <c r="AH30" s="13">
        <v>0.45196497442073347</v>
      </c>
      <c r="AI30" s="9">
        <v>5043.7183478000006</v>
      </c>
      <c r="AJ30" s="13">
        <v>0.14476962828127168</v>
      </c>
      <c r="AK30" s="9">
        <v>3191.8793368999977</v>
      </c>
      <c r="AL30" s="13">
        <v>8.0030402155008395E-2</v>
      </c>
      <c r="AM30" s="9">
        <v>7510.6887505999985</v>
      </c>
      <c r="AN30" s="13">
        <v>0.17436219114681559</v>
      </c>
      <c r="AO30" s="9">
        <v>10702.568087499996</v>
      </c>
      <c r="AP30" s="13">
        <v>0.26834686957993209</v>
      </c>
      <c r="AQ30" s="9">
        <v>34839.6166218</v>
      </c>
      <c r="AR30" s="9">
        <v>34965.023700199999</v>
      </c>
      <c r="AS30" s="9">
        <v>35814.257921600001</v>
      </c>
      <c r="AT30" s="9">
        <v>36985.209678400002</v>
      </c>
      <c r="AU30" s="9">
        <v>36940.395433700003</v>
      </c>
      <c r="AV30" s="9">
        <v>38564.494309499998</v>
      </c>
      <c r="AW30" s="9">
        <v>39883.3349696</v>
      </c>
      <c r="AX30" s="9">
        <v>42284.161547399999</v>
      </c>
      <c r="AY30" s="9">
        <v>42739.839243299997</v>
      </c>
      <c r="AZ30" s="9">
        <v>43075.214306499998</v>
      </c>
      <c r="BA30" s="9">
        <v>44376.907720299998</v>
      </c>
      <c r="BB30" s="9">
        <v>45102.803395499999</v>
      </c>
      <c r="BC30" s="9">
        <v>46668.181365700002</v>
      </c>
      <c r="BD30" s="9">
        <v>48302.501403200004</v>
      </c>
      <c r="BE30" s="9">
        <v>49875.489600399997</v>
      </c>
      <c r="BF30" s="9">
        <v>50585.903057099997</v>
      </c>
      <c r="BG30" s="11">
        <v>-37.5</v>
      </c>
      <c r="BH30" s="13">
        <v>-7.1022727272727279E-2</v>
      </c>
      <c r="BI30" s="6">
        <v>41</v>
      </c>
      <c r="BJ30" s="13">
        <v>7.7651515151515152E-2</v>
      </c>
      <c r="BK30" s="6">
        <v>-28</v>
      </c>
      <c r="BL30" s="13">
        <v>-4.9209138840070298E-2</v>
      </c>
      <c r="BM30" s="11">
        <v>-50.5</v>
      </c>
      <c r="BN30" s="13">
        <v>-9.3345656192236601E-2</v>
      </c>
      <c r="BO30" s="11">
        <v>-78.5</v>
      </c>
      <c r="BP30" s="13">
        <v>-0.13796133567662566</v>
      </c>
      <c r="BQ30" s="6">
        <v>528</v>
      </c>
      <c r="BR30" s="6">
        <v>540</v>
      </c>
      <c r="BS30" s="6">
        <v>552</v>
      </c>
      <c r="BT30" s="6">
        <v>569</v>
      </c>
      <c r="BU30" s="6">
        <v>564</v>
      </c>
      <c r="BV30" s="6">
        <v>549</v>
      </c>
      <c r="BW30" s="6">
        <v>541</v>
      </c>
      <c r="BX30" s="6">
        <v>510</v>
      </c>
      <c r="BY30" s="6">
        <v>501</v>
      </c>
      <c r="BZ30" s="6">
        <v>486</v>
      </c>
      <c r="CA30" s="6">
        <v>486</v>
      </c>
      <c r="CB30" s="6">
        <v>487</v>
      </c>
      <c r="CC30" s="11">
        <v>490.5</v>
      </c>
      <c r="CD30" s="11">
        <v>-754.72699999999998</v>
      </c>
      <c r="CE30" s="11">
        <v>427.53399999999999</v>
      </c>
      <c r="CF30" s="11">
        <v>741.46100000000001</v>
      </c>
      <c r="CG30" s="11">
        <v>1169</v>
      </c>
      <c r="CH30" s="20">
        <v>1.2272000000000001</v>
      </c>
      <c r="CI30" s="20">
        <v>1.2855700000000001</v>
      </c>
      <c r="CJ30" s="20">
        <v>1.2707999999999999</v>
      </c>
      <c r="CK30" s="20">
        <v>1.26261</v>
      </c>
      <c r="CL30" s="20">
        <v>1.1765600000000001</v>
      </c>
      <c r="CM30" s="20">
        <v>1.1663300000000001</v>
      </c>
      <c r="CN30" s="20">
        <v>1.1707399999999999</v>
      </c>
      <c r="CO30" s="20">
        <v>1.15916</v>
      </c>
      <c r="CP30" s="20">
        <v>1.2159800000000001</v>
      </c>
      <c r="CQ30" s="20">
        <v>1.1378999999999999</v>
      </c>
      <c r="CR30" s="20">
        <v>1.1423300000000001</v>
      </c>
      <c r="CS30" s="20">
        <v>1.14568</v>
      </c>
      <c r="CT30" s="20">
        <v>1.1716500000000001</v>
      </c>
      <c r="CU30" s="20">
        <v>1.1412800000000001</v>
      </c>
      <c r="CV30" s="20">
        <v>1.1711499999999999</v>
      </c>
      <c r="CW30" s="20">
        <v>1.16584</v>
      </c>
      <c r="CX30" s="20">
        <v>1.16561</v>
      </c>
      <c r="CY30" s="6"/>
      <c r="CZ30" s="6"/>
      <c r="DA30" s="6"/>
      <c r="DB30" s="6"/>
      <c r="DC30" s="6"/>
      <c r="DD30" s="6"/>
      <c r="DE30" s="6"/>
      <c r="DF30" s="6"/>
      <c r="DG30" s="6"/>
      <c r="DH30" s="6"/>
      <c r="DI30" s="6"/>
      <c r="DJ30" s="6"/>
      <c r="DK30" s="6"/>
      <c r="DL30" s="6"/>
      <c r="DM30" s="6"/>
      <c r="DN30" s="6"/>
      <c r="DO30" s="6"/>
    </row>
    <row r="31" spans="1:119" hidden="1" x14ac:dyDescent="0.2">
      <c r="A31" s="6" t="s">
        <v>314</v>
      </c>
      <c r="B31" s="6" t="s">
        <v>314</v>
      </c>
      <c r="C31" s="6" t="s">
        <v>183</v>
      </c>
      <c r="D31" s="6" t="s">
        <v>335</v>
      </c>
      <c r="E31" s="6" t="s">
        <v>328</v>
      </c>
      <c r="F31" s="11">
        <v>-709</v>
      </c>
      <c r="G31" s="13">
        <v>-0.34350775193799998</v>
      </c>
      <c r="H31" s="11">
        <v>180.94464325000035</v>
      </c>
      <c r="I31" s="13">
        <v>8.7647546214459707E-2</v>
      </c>
      <c r="J31" s="11">
        <v>-227.79239389000008</v>
      </c>
      <c r="K31" s="13">
        <v>-0.10144836818171687</v>
      </c>
      <c r="L31" s="11">
        <v>-662.46133269999996</v>
      </c>
      <c r="M31" s="13">
        <v>-0.32833965972816581</v>
      </c>
      <c r="N31" s="11">
        <v>-890.25372659000004</v>
      </c>
      <c r="O31" s="13">
        <v>-0.3964785052211201</v>
      </c>
      <c r="P31" s="7">
        <v>2064.4576039499998</v>
      </c>
      <c r="Q31" s="7">
        <v>2081.3021081699999</v>
      </c>
      <c r="R31" s="7">
        <v>1949.0897230400001</v>
      </c>
      <c r="S31" s="7">
        <v>1974.4379066500001</v>
      </c>
      <c r="T31" s="7">
        <v>2040.7908625</v>
      </c>
      <c r="U31" s="7">
        <v>2024.3248318399999</v>
      </c>
      <c r="V31" s="7">
        <v>2245.4022472000001</v>
      </c>
      <c r="W31" s="7">
        <v>2091.6053847200001</v>
      </c>
      <c r="X31" s="7">
        <v>2082.7049529699998</v>
      </c>
      <c r="Y31" s="7">
        <v>2017.6098533100001</v>
      </c>
      <c r="Z31" s="7">
        <v>1828.5841021399999</v>
      </c>
      <c r="AA31" s="7">
        <v>1675.77095313</v>
      </c>
      <c r="AB31" s="7">
        <v>2023.21770984</v>
      </c>
      <c r="AC31" s="7">
        <v>1940.1025952699999</v>
      </c>
      <c r="AD31" s="7">
        <v>1482.61246996</v>
      </c>
      <c r="AE31" s="7">
        <v>1370.42171029</v>
      </c>
      <c r="AF31" s="7">
        <v>1355.1485206100001</v>
      </c>
      <c r="AG31" s="9">
        <v>22063.2342431</v>
      </c>
      <c r="AH31" s="13">
        <v>0.62107413906235809</v>
      </c>
      <c r="AI31" s="9">
        <v>10146.162040200004</v>
      </c>
      <c r="AJ31" s="13">
        <v>0.28561174596943412</v>
      </c>
      <c r="AK31" s="9">
        <v>6180.4306050999949</v>
      </c>
      <c r="AL31" s="13">
        <v>0.13532660072766553</v>
      </c>
      <c r="AM31" s="9">
        <v>5736.6415978000005</v>
      </c>
      <c r="AN31" s="13">
        <v>0.11063724243232539</v>
      </c>
      <c r="AO31" s="9">
        <v>11917.072202899995</v>
      </c>
      <c r="AP31" s="13">
        <v>0.26093600509224019</v>
      </c>
      <c r="AQ31" s="9">
        <v>35524.316430899999</v>
      </c>
      <c r="AR31" s="9">
        <v>37083.0519891</v>
      </c>
      <c r="AS31" s="9">
        <v>38893.344449700002</v>
      </c>
      <c r="AT31" s="9">
        <v>40079.441375499999</v>
      </c>
      <c r="AU31" s="9">
        <v>42111.590940000002</v>
      </c>
      <c r="AV31" s="9">
        <v>43945.971170500001</v>
      </c>
      <c r="AW31" s="9">
        <v>45670.478471100003</v>
      </c>
      <c r="AX31" s="9">
        <v>49309.4596963</v>
      </c>
      <c r="AY31" s="9">
        <v>51648.400113999996</v>
      </c>
      <c r="AZ31" s="9">
        <v>51850.909076199998</v>
      </c>
      <c r="BA31" s="9">
        <v>57719.7127291</v>
      </c>
      <c r="BB31" s="9">
        <v>59523.385955799997</v>
      </c>
      <c r="BC31" s="9">
        <v>56081.109452299999</v>
      </c>
      <c r="BD31" s="9">
        <v>55943.596454999999</v>
      </c>
      <c r="BE31" s="9">
        <v>59634.118525099999</v>
      </c>
      <c r="BF31" s="9">
        <v>57587.550673999998</v>
      </c>
      <c r="BG31" s="11">
        <v>-32.5</v>
      </c>
      <c r="BH31" s="13">
        <v>-0.18895348837209303</v>
      </c>
      <c r="BI31" s="6">
        <v>-4</v>
      </c>
      <c r="BJ31" s="13">
        <v>-2.3255813953488372E-2</v>
      </c>
      <c r="BK31" s="6">
        <v>-13</v>
      </c>
      <c r="BL31" s="13">
        <v>-7.7380952380952384E-2</v>
      </c>
      <c r="BM31" s="11">
        <v>-15.5</v>
      </c>
      <c r="BN31" s="13">
        <v>-0.1</v>
      </c>
      <c r="BO31" s="11">
        <v>-28.5</v>
      </c>
      <c r="BP31" s="13">
        <v>-0.16964285714285715</v>
      </c>
      <c r="BQ31" s="6">
        <v>172</v>
      </c>
      <c r="BR31" s="6">
        <v>166</v>
      </c>
      <c r="BS31" s="6">
        <v>162</v>
      </c>
      <c r="BT31" s="6">
        <v>168</v>
      </c>
      <c r="BU31" s="6">
        <v>168</v>
      </c>
      <c r="BV31" s="6">
        <v>163</v>
      </c>
      <c r="BW31" s="6">
        <v>155</v>
      </c>
      <c r="BX31" s="6">
        <v>152</v>
      </c>
      <c r="BY31" s="6">
        <v>154</v>
      </c>
      <c r="BZ31" s="6">
        <v>148</v>
      </c>
      <c r="CA31" s="6">
        <v>148</v>
      </c>
      <c r="CB31" s="6">
        <v>140</v>
      </c>
      <c r="CC31" s="11">
        <v>139.5</v>
      </c>
      <c r="CD31" s="11">
        <v>-302.65499999999997</v>
      </c>
      <c r="CE31" s="11">
        <v>-632.32399999999996</v>
      </c>
      <c r="CF31" s="11">
        <v>225.67</v>
      </c>
      <c r="CG31" s="11">
        <v>-406</v>
      </c>
      <c r="CH31" s="20">
        <v>0.47430899999999998</v>
      </c>
      <c r="CI31" s="20">
        <v>0.50387400000000004</v>
      </c>
      <c r="CJ31" s="20">
        <v>0.49023699999999998</v>
      </c>
      <c r="CK31" s="20">
        <v>0.50207900000000005</v>
      </c>
      <c r="CL31" s="20">
        <v>0.52665300000000004</v>
      </c>
      <c r="CM31" s="20">
        <v>0.52534599999999998</v>
      </c>
      <c r="CN31" s="20">
        <v>0.58741600000000005</v>
      </c>
      <c r="CO31" s="20">
        <v>0.55825199999999997</v>
      </c>
      <c r="CP31" s="20">
        <v>0.58817299999999995</v>
      </c>
      <c r="CQ31" s="20">
        <v>0.59550199999999998</v>
      </c>
      <c r="CR31" s="20">
        <v>0.554697</v>
      </c>
      <c r="CS31" s="20">
        <v>0.51250899999999999</v>
      </c>
      <c r="CT31" s="20">
        <v>0.630359</v>
      </c>
      <c r="CU31" s="20">
        <v>0.59977199999999997</v>
      </c>
      <c r="CV31" s="20">
        <v>0.45525100000000002</v>
      </c>
      <c r="CW31" s="20">
        <v>0.41487400000000002</v>
      </c>
      <c r="CX31" s="20">
        <v>0.40687299999999998</v>
      </c>
      <c r="CY31" s="6"/>
      <c r="CZ31" s="6"/>
      <c r="DA31" s="6"/>
      <c r="DB31" s="6"/>
      <c r="DC31" s="6"/>
      <c r="DD31" s="6"/>
      <c r="DE31" s="6"/>
      <c r="DF31" s="6"/>
      <c r="DG31" s="6"/>
      <c r="DH31" s="6"/>
      <c r="DI31" s="6"/>
      <c r="DJ31" s="6"/>
      <c r="DK31" s="6"/>
      <c r="DL31" s="6"/>
      <c r="DM31" s="6"/>
      <c r="DN31" s="6"/>
      <c r="DO31" s="6"/>
    </row>
    <row r="32" spans="1:119" hidden="1" x14ac:dyDescent="0.2">
      <c r="A32" s="6" t="s">
        <v>315</v>
      </c>
      <c r="B32" s="6" t="s">
        <v>315</v>
      </c>
      <c r="C32" s="6" t="s">
        <v>184</v>
      </c>
      <c r="D32" s="6" t="s">
        <v>335</v>
      </c>
      <c r="E32" s="6" t="s">
        <v>328</v>
      </c>
      <c r="F32" s="11">
        <v>406</v>
      </c>
      <c r="G32" s="13">
        <v>9.3764434180099998E-2</v>
      </c>
      <c r="H32" s="11">
        <v>833.40408079999997</v>
      </c>
      <c r="I32" s="13">
        <v>0.19245406064102979</v>
      </c>
      <c r="J32" s="11">
        <v>-98.526240240000334</v>
      </c>
      <c r="K32" s="13">
        <v>-1.9080146711855348E-2</v>
      </c>
      <c r="L32" s="11">
        <v>-329.19716522999988</v>
      </c>
      <c r="M32" s="13">
        <v>-6.4990871634461767E-2</v>
      </c>
      <c r="N32" s="11">
        <v>-427.72340547000022</v>
      </c>
      <c r="O32" s="13">
        <v>-8.2830982980600223E-2</v>
      </c>
      <c r="P32" s="7">
        <v>4330.4052823000002</v>
      </c>
      <c r="Q32" s="7">
        <v>4566.3677244500004</v>
      </c>
      <c r="R32" s="7">
        <v>4730.1392353299998</v>
      </c>
      <c r="S32" s="7">
        <v>4860.85369369</v>
      </c>
      <c r="T32" s="7">
        <v>5001.82589173</v>
      </c>
      <c r="U32" s="7">
        <v>5135.0527159100002</v>
      </c>
      <c r="V32" s="7">
        <v>5163.8093631000002</v>
      </c>
      <c r="W32" s="7">
        <v>5082.0330114199996</v>
      </c>
      <c r="X32" s="7">
        <v>5084.7717681399999</v>
      </c>
      <c r="Y32" s="7">
        <v>5065.2831228599998</v>
      </c>
      <c r="Z32" s="7">
        <v>4964.0987529100003</v>
      </c>
      <c r="AA32" s="7">
        <v>4836.4195182000003</v>
      </c>
      <c r="AB32" s="7">
        <v>4755.4332283499998</v>
      </c>
      <c r="AC32" s="7">
        <v>4746.00987093</v>
      </c>
      <c r="AD32" s="7">
        <v>4698.5226495099996</v>
      </c>
      <c r="AE32" s="7">
        <v>4721.1257929399999</v>
      </c>
      <c r="AF32" s="7">
        <v>4736.0859576299999</v>
      </c>
      <c r="AG32" s="9">
        <v>14834.192478899997</v>
      </c>
      <c r="AH32" s="13">
        <v>0.41324543994174184</v>
      </c>
      <c r="AI32" s="9">
        <v>5662.2831236999991</v>
      </c>
      <c r="AJ32" s="13">
        <v>0.15773778612191897</v>
      </c>
      <c r="AK32" s="9">
        <v>2699.1903272999989</v>
      </c>
      <c r="AL32" s="13">
        <v>6.4948251098791224E-2</v>
      </c>
      <c r="AM32" s="9">
        <v>6472.7190278999988</v>
      </c>
      <c r="AN32" s="13">
        <v>0.14624876344287349</v>
      </c>
      <c r="AO32" s="9">
        <v>9171.9093551999977</v>
      </c>
      <c r="AP32" s="13">
        <v>0.22069561595264017</v>
      </c>
      <c r="AQ32" s="9">
        <v>35896.808639900002</v>
      </c>
      <c r="AR32" s="9">
        <v>36413.098002699997</v>
      </c>
      <c r="AS32" s="9">
        <v>36110.948021199998</v>
      </c>
      <c r="AT32" s="9">
        <v>37413.389775600001</v>
      </c>
      <c r="AU32" s="9">
        <v>39447.031206300002</v>
      </c>
      <c r="AV32" s="9">
        <v>40583.352176400003</v>
      </c>
      <c r="AW32" s="9">
        <v>41559.091763600001</v>
      </c>
      <c r="AX32" s="9">
        <v>43596.534149500003</v>
      </c>
      <c r="AY32" s="9">
        <v>42658.343521299998</v>
      </c>
      <c r="AZ32" s="9">
        <v>44258.2820909</v>
      </c>
      <c r="BA32" s="9">
        <v>46350.513346400003</v>
      </c>
      <c r="BB32" s="9">
        <v>46758.931451999997</v>
      </c>
      <c r="BC32" s="9">
        <v>47486.654631400001</v>
      </c>
      <c r="BD32" s="9">
        <v>48920.591265800002</v>
      </c>
      <c r="BE32" s="9">
        <v>49382.541527100002</v>
      </c>
      <c r="BF32" s="9">
        <v>50731.001118799999</v>
      </c>
      <c r="BG32" s="11">
        <v>63.5</v>
      </c>
      <c r="BH32" s="13">
        <v>9.9218749999999994E-2</v>
      </c>
      <c r="BI32" s="6">
        <v>58</v>
      </c>
      <c r="BJ32" s="13">
        <v>9.0624999999999997E-2</v>
      </c>
      <c r="BK32" s="6">
        <v>27</v>
      </c>
      <c r="BL32" s="13">
        <v>3.8681948424068767E-2</v>
      </c>
      <c r="BM32" s="11">
        <v>-21.5</v>
      </c>
      <c r="BN32" s="13">
        <v>-2.9655172413793104E-2</v>
      </c>
      <c r="BO32" s="11">
        <v>5.5</v>
      </c>
      <c r="BP32" s="13">
        <v>7.8796561604584526E-3</v>
      </c>
      <c r="BQ32" s="6">
        <v>640</v>
      </c>
      <c r="BR32" s="6">
        <v>648</v>
      </c>
      <c r="BS32" s="6">
        <v>678</v>
      </c>
      <c r="BT32" s="6">
        <v>698</v>
      </c>
      <c r="BU32" s="6">
        <v>695</v>
      </c>
      <c r="BV32" s="6">
        <v>706</v>
      </c>
      <c r="BW32" s="6">
        <v>725</v>
      </c>
      <c r="BX32" s="6">
        <v>711</v>
      </c>
      <c r="BY32" s="6">
        <v>717</v>
      </c>
      <c r="BZ32" s="6">
        <v>714</v>
      </c>
      <c r="CA32" s="6">
        <v>722</v>
      </c>
      <c r="CB32" s="6">
        <v>722</v>
      </c>
      <c r="CC32" s="11">
        <v>703.5</v>
      </c>
      <c r="CD32" s="11">
        <v>276.75700000000001</v>
      </c>
      <c r="CE32" s="11">
        <v>-344.44099999999997</v>
      </c>
      <c r="CF32" s="11">
        <v>473.36500000000001</v>
      </c>
      <c r="CG32" s="11">
        <v>129</v>
      </c>
      <c r="CH32" s="20">
        <v>0.60993299999999995</v>
      </c>
      <c r="CI32" s="20">
        <v>0.642262</v>
      </c>
      <c r="CJ32" s="20">
        <v>0.64485800000000004</v>
      </c>
      <c r="CK32" s="20">
        <v>0.65135399999999999</v>
      </c>
      <c r="CL32" s="20">
        <v>0.66028799999999999</v>
      </c>
      <c r="CM32" s="20">
        <v>0.66664500000000004</v>
      </c>
      <c r="CN32" s="20">
        <v>0.67519099999999999</v>
      </c>
      <c r="CO32" s="20">
        <v>0.68393099999999996</v>
      </c>
      <c r="CP32" s="20">
        <v>0.71098600000000001</v>
      </c>
      <c r="CQ32" s="20">
        <v>0.72895600000000005</v>
      </c>
      <c r="CR32" s="20">
        <v>0.72307100000000002</v>
      </c>
      <c r="CS32" s="20">
        <v>0.70518199999999998</v>
      </c>
      <c r="CT32" s="20">
        <v>0.70888200000000001</v>
      </c>
      <c r="CU32" s="20">
        <v>0.70874999999999999</v>
      </c>
      <c r="CV32" s="20">
        <v>0.69140100000000004</v>
      </c>
      <c r="CW32" s="20">
        <v>0.68712700000000004</v>
      </c>
      <c r="CX32" s="20">
        <v>0.67979199999999995</v>
      </c>
      <c r="CY32" s="6"/>
      <c r="CZ32" s="6"/>
      <c r="DA32" s="6"/>
      <c r="DB32" s="6"/>
      <c r="DC32" s="6"/>
      <c r="DD32" s="6"/>
      <c r="DE32" s="6"/>
      <c r="DF32" s="6"/>
      <c r="DG32" s="6"/>
      <c r="DH32" s="6"/>
      <c r="DI32" s="6"/>
      <c r="DJ32" s="6"/>
      <c r="DK32" s="6"/>
      <c r="DL32" s="6"/>
      <c r="DM32" s="6"/>
      <c r="DN32" s="6"/>
      <c r="DO32" s="6"/>
    </row>
    <row r="33" spans="1:119" hidden="1" x14ac:dyDescent="0.2">
      <c r="A33" s="6" t="s">
        <v>316</v>
      </c>
      <c r="B33" s="6" t="s">
        <v>316</v>
      </c>
      <c r="C33" s="6" t="s">
        <v>185</v>
      </c>
      <c r="D33" s="6" t="s">
        <v>335</v>
      </c>
      <c r="E33" s="6" t="s">
        <v>328</v>
      </c>
      <c r="F33" s="11">
        <v>78</v>
      </c>
      <c r="G33" s="13">
        <v>4.4217687074799998E-2</v>
      </c>
      <c r="H33" s="11">
        <v>326.75877140999978</v>
      </c>
      <c r="I33" s="13">
        <v>0.18527445473231799</v>
      </c>
      <c r="J33" s="11">
        <v>-133.27709940999989</v>
      </c>
      <c r="K33" s="13">
        <v>-6.3756563026574842E-2</v>
      </c>
      <c r="L33" s="11">
        <v>-114.7192774199998</v>
      </c>
      <c r="M33" s="13">
        <v>-5.8616108354223838E-2</v>
      </c>
      <c r="N33" s="11">
        <v>-247.99637682999969</v>
      </c>
      <c r="O33" s="13">
        <v>-0.11863550977414009</v>
      </c>
      <c r="P33" s="7">
        <v>1763.64718969</v>
      </c>
      <c r="Q33" s="7">
        <v>1733.8519162099999</v>
      </c>
      <c r="R33" s="7">
        <v>1794.9140162000001</v>
      </c>
      <c r="S33" s="7">
        <v>1903.12663625</v>
      </c>
      <c r="T33" s="7">
        <v>1935.0592857900001</v>
      </c>
      <c r="U33" s="7">
        <v>2065.8205178100002</v>
      </c>
      <c r="V33" s="7">
        <v>2090.4059610999998</v>
      </c>
      <c r="W33" s="7">
        <v>1997.68949144</v>
      </c>
      <c r="X33" s="7">
        <v>1851.5915373</v>
      </c>
      <c r="Y33" s="7">
        <v>1957.1288616899999</v>
      </c>
      <c r="Z33" s="7">
        <v>1566.8049538400001</v>
      </c>
      <c r="AA33" s="7">
        <v>1503.0012065200001</v>
      </c>
      <c r="AB33" s="7">
        <v>1488.9810858000001</v>
      </c>
      <c r="AC33" s="7">
        <v>1524.89616572</v>
      </c>
      <c r="AD33" s="7">
        <v>1509.1390282100001</v>
      </c>
      <c r="AE33" s="7">
        <v>1800.6463227900001</v>
      </c>
      <c r="AF33" s="7">
        <v>1842.4095842700001</v>
      </c>
      <c r="AG33" s="9">
        <v>8733.9135655999999</v>
      </c>
      <c r="AH33" s="13">
        <v>0.4229699250840453</v>
      </c>
      <c r="AI33" s="9">
        <v>2506.709356899999</v>
      </c>
      <c r="AJ33" s="13">
        <v>0.12139605698314808</v>
      </c>
      <c r="AK33" s="9">
        <v>994.60321739999927</v>
      </c>
      <c r="AL33" s="13">
        <v>4.2952795444945263E-2</v>
      </c>
      <c r="AM33" s="9">
        <v>5232.6009913000016</v>
      </c>
      <c r="AN33" s="13">
        <v>0.21666788332524065</v>
      </c>
      <c r="AO33" s="9">
        <v>6227.2042087000009</v>
      </c>
      <c r="AP33" s="13">
        <v>0.26892717004214423</v>
      </c>
      <c r="AQ33" s="9">
        <v>20649.0179269</v>
      </c>
      <c r="AR33" s="9">
        <v>21865.749667200002</v>
      </c>
      <c r="AS33" s="9">
        <v>22053.0305821</v>
      </c>
      <c r="AT33" s="9">
        <v>22240.432028300002</v>
      </c>
      <c r="AU33" s="9">
        <v>23083.138115099999</v>
      </c>
      <c r="AV33" s="9">
        <v>23172.722607899999</v>
      </c>
      <c r="AW33" s="9">
        <v>23155.727283799999</v>
      </c>
      <c r="AX33" s="9">
        <v>23816.894099699999</v>
      </c>
      <c r="AY33" s="9">
        <v>24136.310118599999</v>
      </c>
      <c r="AZ33" s="9">
        <v>24150.330501199998</v>
      </c>
      <c r="BA33" s="9">
        <v>26213.885236499998</v>
      </c>
      <c r="BB33" s="9">
        <v>27515.003635199999</v>
      </c>
      <c r="BC33" s="9">
        <v>28648.654771900001</v>
      </c>
      <c r="BD33" s="9">
        <v>29563.592485599998</v>
      </c>
      <c r="BE33" s="9">
        <v>30617.507753599999</v>
      </c>
      <c r="BF33" s="9">
        <v>29382.9314925</v>
      </c>
      <c r="BG33" s="11">
        <v>-97</v>
      </c>
      <c r="BH33" s="13">
        <v>-0.24189526184538654</v>
      </c>
      <c r="BI33" s="6">
        <v>2</v>
      </c>
      <c r="BJ33" s="13">
        <v>4.9875311720698253E-3</v>
      </c>
      <c r="BK33" s="6">
        <v>-47</v>
      </c>
      <c r="BL33" s="13">
        <v>-0.11662531017369727</v>
      </c>
      <c r="BM33" s="11">
        <v>-52</v>
      </c>
      <c r="BN33" s="13">
        <v>-0.14606741573033707</v>
      </c>
      <c r="BO33" s="11">
        <v>-99</v>
      </c>
      <c r="BP33" s="13">
        <v>-0.24565756823821339</v>
      </c>
      <c r="BQ33" s="6">
        <v>401</v>
      </c>
      <c r="BR33" s="6">
        <v>400</v>
      </c>
      <c r="BS33" s="6">
        <v>408</v>
      </c>
      <c r="BT33" s="6">
        <v>403</v>
      </c>
      <c r="BU33" s="6">
        <v>387</v>
      </c>
      <c r="BV33" s="6">
        <v>365</v>
      </c>
      <c r="BW33" s="6">
        <v>356</v>
      </c>
      <c r="BX33" s="6">
        <v>316</v>
      </c>
      <c r="BY33" s="6">
        <v>305</v>
      </c>
      <c r="BZ33" s="6">
        <v>302</v>
      </c>
      <c r="CA33" s="6">
        <v>300</v>
      </c>
      <c r="CB33" s="6">
        <v>308</v>
      </c>
      <c r="CC33" s="11">
        <v>304</v>
      </c>
      <c r="CD33" s="11">
        <v>-24.5717</v>
      </c>
      <c r="CE33" s="11">
        <v>-89.453800000000001</v>
      </c>
      <c r="CF33" s="11">
        <v>192.78800000000001</v>
      </c>
      <c r="CG33" s="11">
        <v>104</v>
      </c>
      <c r="CH33" s="20">
        <v>0.60368299999999997</v>
      </c>
      <c r="CI33" s="20">
        <v>0.58761099999999999</v>
      </c>
      <c r="CJ33" s="20">
        <v>0.587951</v>
      </c>
      <c r="CK33" s="20">
        <v>0.59940800000000005</v>
      </c>
      <c r="CL33" s="20">
        <v>0.589453</v>
      </c>
      <c r="CM33" s="20">
        <v>0.62107299999999999</v>
      </c>
      <c r="CN33" s="20">
        <v>0.63548199999999999</v>
      </c>
      <c r="CO33" s="20">
        <v>0.62695800000000002</v>
      </c>
      <c r="CP33" s="20">
        <v>0.61472499999999997</v>
      </c>
      <c r="CQ33" s="20">
        <v>0.68227700000000002</v>
      </c>
      <c r="CR33" s="20">
        <v>0.56037700000000001</v>
      </c>
      <c r="CS33" s="20">
        <v>0.53677399999999997</v>
      </c>
      <c r="CT33" s="20">
        <v>0.53855600000000003</v>
      </c>
      <c r="CU33" s="20">
        <v>0.54001900000000003</v>
      </c>
      <c r="CV33" s="20">
        <v>0.52355099999999999</v>
      </c>
      <c r="CW33" s="20">
        <v>0.61874200000000001</v>
      </c>
      <c r="CX33" s="20">
        <v>0.62517199999999995</v>
      </c>
      <c r="CY33" s="6"/>
      <c r="CZ33" s="6"/>
      <c r="DA33" s="6"/>
      <c r="DB33" s="6"/>
      <c r="DC33" s="6"/>
      <c r="DD33" s="6"/>
      <c r="DE33" s="6"/>
      <c r="DF33" s="6"/>
      <c r="DG33" s="6"/>
      <c r="DH33" s="6"/>
      <c r="DI33" s="6"/>
      <c r="DJ33" s="6"/>
      <c r="DK33" s="6"/>
      <c r="DL33" s="6"/>
      <c r="DM33" s="6"/>
      <c r="DN33" s="6"/>
      <c r="DO33" s="6"/>
    </row>
    <row r="34" spans="1:119" hidden="1" x14ac:dyDescent="0.2">
      <c r="A34" s="6" t="s">
        <v>317</v>
      </c>
      <c r="B34" s="6" t="s">
        <v>317</v>
      </c>
      <c r="C34" s="6" t="s">
        <v>186</v>
      </c>
      <c r="D34" s="6" t="s">
        <v>335</v>
      </c>
      <c r="E34" s="6" t="s">
        <v>328</v>
      </c>
      <c r="F34" s="11">
        <v>1816</v>
      </c>
      <c r="G34" s="13">
        <v>0.67035806570699996</v>
      </c>
      <c r="H34" s="11">
        <v>719.95723279000003</v>
      </c>
      <c r="I34" s="13">
        <v>0.2657955634680137</v>
      </c>
      <c r="J34" s="11">
        <v>-178.54557350000005</v>
      </c>
      <c r="K34" s="13">
        <v>-5.2074672466818926E-2</v>
      </c>
      <c r="L34" s="11">
        <v>1275.3314706299998</v>
      </c>
      <c r="M34" s="13">
        <v>0.39239765991307674</v>
      </c>
      <c r="N34" s="11">
        <v>1096.7858971299997</v>
      </c>
      <c r="O34" s="13">
        <v>0.31988900782953816</v>
      </c>
      <c r="P34" s="7">
        <v>2708.6879231399998</v>
      </c>
      <c r="Q34" s="7">
        <v>2946.3784643700001</v>
      </c>
      <c r="R34" s="7">
        <v>3031.2970188300001</v>
      </c>
      <c r="S34" s="7">
        <v>3175.7270429700002</v>
      </c>
      <c r="T34" s="7">
        <v>3340.42985318</v>
      </c>
      <c r="U34" s="7">
        <v>3374.0728504799999</v>
      </c>
      <c r="V34" s="7">
        <v>3428.6451559299999</v>
      </c>
      <c r="W34" s="7">
        <v>3453.1669887399999</v>
      </c>
      <c r="X34" s="7">
        <v>3364.1245668900001</v>
      </c>
      <c r="Y34" s="7">
        <v>3250.0995824299998</v>
      </c>
      <c r="Z34" s="7">
        <v>3286.30394961</v>
      </c>
      <c r="AA34" s="7">
        <v>3638.3635698500002</v>
      </c>
      <c r="AB34" s="7">
        <v>3875.2383620700002</v>
      </c>
      <c r="AC34" s="7">
        <v>4052.2167661499998</v>
      </c>
      <c r="AD34" s="7">
        <v>4171.2119887700001</v>
      </c>
      <c r="AE34" s="7">
        <v>4346.2086014099996</v>
      </c>
      <c r="AF34" s="7">
        <v>4525.4310530599996</v>
      </c>
      <c r="AG34" s="9">
        <v>14377.222573300001</v>
      </c>
      <c r="AH34" s="13">
        <v>0.46445187613695632</v>
      </c>
      <c r="AI34" s="9">
        <v>6037.0380134000006</v>
      </c>
      <c r="AJ34" s="13">
        <v>0.19502470782089121</v>
      </c>
      <c r="AK34" s="9">
        <v>1359.4784843999951</v>
      </c>
      <c r="AL34" s="13">
        <v>3.6750324606942261E-2</v>
      </c>
      <c r="AM34" s="9">
        <v>6980.7060755000057</v>
      </c>
      <c r="AN34" s="13">
        <v>0.18201786379339177</v>
      </c>
      <c r="AO34" s="9">
        <v>8340.1845599000007</v>
      </c>
      <c r="AP34" s="13">
        <v>0.22545740397900335</v>
      </c>
      <c r="AQ34" s="9">
        <v>30955.247060000002</v>
      </c>
      <c r="AR34" s="9">
        <v>32966.342919199997</v>
      </c>
      <c r="AS34" s="9">
        <v>34271.314812999997</v>
      </c>
      <c r="AT34" s="9">
        <v>33713.578332899997</v>
      </c>
      <c r="AU34" s="9">
        <v>34840.646835799998</v>
      </c>
      <c r="AV34" s="9">
        <v>36922.605314300003</v>
      </c>
      <c r="AW34" s="9">
        <v>36992.285073400002</v>
      </c>
      <c r="AX34" s="9">
        <v>38014.953543199998</v>
      </c>
      <c r="AY34" s="9">
        <v>37398.414093599997</v>
      </c>
      <c r="AZ34" s="9">
        <v>38351.763557799997</v>
      </c>
      <c r="BA34" s="9">
        <v>40871.670748800003</v>
      </c>
      <c r="BB34" s="9">
        <v>41279.305620799998</v>
      </c>
      <c r="BC34" s="9">
        <v>42611.907554799996</v>
      </c>
      <c r="BD34" s="9">
        <v>43351.503226499997</v>
      </c>
      <c r="BE34" s="9">
        <v>44097.796167599998</v>
      </c>
      <c r="BF34" s="9">
        <v>45332.469633300003</v>
      </c>
      <c r="BG34" s="11">
        <v>82.75</v>
      </c>
      <c r="BH34" s="13">
        <v>0.13677685950413224</v>
      </c>
      <c r="BI34" s="6">
        <v>37</v>
      </c>
      <c r="BJ34" s="13">
        <v>6.1157024793388429E-2</v>
      </c>
      <c r="BK34" s="6">
        <v>25</v>
      </c>
      <c r="BL34" s="13">
        <v>3.8940809968847349E-2</v>
      </c>
      <c r="BM34" s="11">
        <v>20.75</v>
      </c>
      <c r="BN34" s="13">
        <v>3.1109445277361321E-2</v>
      </c>
      <c r="BO34" s="11">
        <v>45.75</v>
      </c>
      <c r="BP34" s="13">
        <v>7.1261682242990648E-2</v>
      </c>
      <c r="BQ34" s="6">
        <v>605</v>
      </c>
      <c r="BR34" s="6">
        <v>626</v>
      </c>
      <c r="BS34" s="6">
        <v>635</v>
      </c>
      <c r="BT34" s="6">
        <v>642</v>
      </c>
      <c r="BU34" s="6">
        <v>670</v>
      </c>
      <c r="BV34" s="6">
        <v>664</v>
      </c>
      <c r="BW34" s="6">
        <v>667</v>
      </c>
      <c r="BX34" s="6">
        <v>647</v>
      </c>
      <c r="BY34" s="6">
        <v>650</v>
      </c>
      <c r="BZ34" s="6">
        <v>674</v>
      </c>
      <c r="CA34" s="6">
        <v>670</v>
      </c>
      <c r="CB34" s="6">
        <v>695</v>
      </c>
      <c r="CC34" s="11">
        <v>687.75</v>
      </c>
      <c r="CD34" s="11">
        <v>978.63699999999994</v>
      </c>
      <c r="CE34" s="11">
        <v>542.01400000000001</v>
      </c>
      <c r="CF34" s="11">
        <v>296.09199999999998</v>
      </c>
      <c r="CG34" s="11">
        <v>838</v>
      </c>
      <c r="CH34" s="20">
        <v>0.29139199999999998</v>
      </c>
      <c r="CI34" s="20">
        <v>0.32183299999999998</v>
      </c>
      <c r="CJ34" s="20">
        <v>0.32636199999999999</v>
      </c>
      <c r="CK34" s="20">
        <v>0.331399</v>
      </c>
      <c r="CL34" s="20">
        <v>0.33524199999999998</v>
      </c>
      <c r="CM34" s="20">
        <v>0.32508500000000001</v>
      </c>
      <c r="CN34" s="20">
        <v>0.32169300000000001</v>
      </c>
      <c r="CO34" s="20">
        <v>0.31982300000000002</v>
      </c>
      <c r="CP34" s="20">
        <v>0.32225300000000001</v>
      </c>
      <c r="CQ34" s="20">
        <v>0.31529099999999999</v>
      </c>
      <c r="CR34" s="20">
        <v>0.31627699999999997</v>
      </c>
      <c r="CS34" s="20">
        <v>0.34386699999999998</v>
      </c>
      <c r="CT34" s="20">
        <v>0.36731999999999998</v>
      </c>
      <c r="CU34" s="20">
        <v>0.37596099999999999</v>
      </c>
      <c r="CV34" s="20">
        <v>0.37619999999999998</v>
      </c>
      <c r="CW34" s="20">
        <v>0.384465</v>
      </c>
      <c r="CX34" s="20">
        <v>0.39016200000000001</v>
      </c>
      <c r="CY34" s="6"/>
      <c r="CZ34" s="6"/>
      <c r="DA34" s="6"/>
      <c r="DB34" s="6"/>
      <c r="DC34" s="6"/>
      <c r="DD34" s="6"/>
      <c r="DE34" s="6"/>
      <c r="DF34" s="6"/>
      <c r="DG34" s="6"/>
      <c r="DH34" s="6"/>
      <c r="DI34" s="6"/>
      <c r="DJ34" s="6"/>
      <c r="DK34" s="6"/>
      <c r="DL34" s="6"/>
      <c r="DM34" s="6"/>
      <c r="DN34" s="6"/>
      <c r="DO34" s="6"/>
    </row>
    <row r="35" spans="1:119" hidden="1" x14ac:dyDescent="0.2">
      <c r="A35" s="6" t="s">
        <v>318</v>
      </c>
      <c r="B35" s="6" t="s">
        <v>318</v>
      </c>
      <c r="C35" s="6" t="s">
        <v>187</v>
      </c>
      <c r="D35" s="6" t="s">
        <v>335</v>
      </c>
      <c r="E35" s="6" t="s">
        <v>328</v>
      </c>
      <c r="F35" s="11">
        <v>-320</v>
      </c>
      <c r="G35" s="13">
        <v>-0.316518298714</v>
      </c>
      <c r="H35" s="11">
        <v>58.62960099999998</v>
      </c>
      <c r="I35" s="13">
        <v>5.7980956100031969E-2</v>
      </c>
      <c r="J35" s="11">
        <v>145.87237200000004</v>
      </c>
      <c r="K35" s="13">
        <v>0.13635266434919643</v>
      </c>
      <c r="L35" s="11">
        <v>-524.19530880899993</v>
      </c>
      <c r="M35" s="13">
        <v>-0.43119188511671358</v>
      </c>
      <c r="N35" s="11">
        <v>-378.32293680899988</v>
      </c>
      <c r="O35" s="13">
        <v>-0.35363338314893378</v>
      </c>
      <c r="P35" s="7">
        <v>1011.1872059999999</v>
      </c>
      <c r="Q35" s="7">
        <v>915.34716400000002</v>
      </c>
      <c r="R35" s="7">
        <v>776.648281</v>
      </c>
      <c r="S35" s="7">
        <v>699.54544699999997</v>
      </c>
      <c r="T35" s="7">
        <v>772.31092999999998</v>
      </c>
      <c r="U35" s="7">
        <v>1115.188543</v>
      </c>
      <c r="V35" s="7">
        <v>1069.8168069999999</v>
      </c>
      <c r="W35" s="7">
        <v>1058.197128</v>
      </c>
      <c r="X35" s="7">
        <v>1087.1754579999999</v>
      </c>
      <c r="Y35" s="7">
        <v>1215.689179</v>
      </c>
      <c r="Z35" s="7">
        <v>1193.832971</v>
      </c>
      <c r="AA35" s="7">
        <v>1135.371748</v>
      </c>
      <c r="AB35" s="7">
        <v>1105.400312</v>
      </c>
      <c r="AC35" s="7">
        <v>1079.977895</v>
      </c>
      <c r="AD35" s="7">
        <v>744.47530800000004</v>
      </c>
      <c r="AE35" s="7">
        <v>738.00752450000005</v>
      </c>
      <c r="AF35" s="7">
        <v>691.49387019100004</v>
      </c>
      <c r="AG35" s="9">
        <v>33124.9572874</v>
      </c>
      <c r="AH35" s="13">
        <v>0.71514453112600851</v>
      </c>
      <c r="AI35" s="9">
        <v>11651.036098800003</v>
      </c>
      <c r="AJ35" s="13">
        <v>0.25153767522525688</v>
      </c>
      <c r="AK35" s="9">
        <v>832.17955109999457</v>
      </c>
      <c r="AL35" s="13">
        <v>1.4355277986324732E-2</v>
      </c>
      <c r="AM35" s="9">
        <v>20641.741637500003</v>
      </c>
      <c r="AN35" s="13">
        <v>0.35103531659551879</v>
      </c>
      <c r="AO35" s="9">
        <v>21473.921188599998</v>
      </c>
      <c r="AP35" s="13">
        <v>0.3704298041345897</v>
      </c>
      <c r="AQ35" s="9">
        <v>46319.2485514</v>
      </c>
      <c r="AR35" s="9">
        <v>50352.8948915</v>
      </c>
      <c r="AS35" s="9">
        <v>57656.942493499999</v>
      </c>
      <c r="AT35" s="9">
        <v>59932.863215600002</v>
      </c>
      <c r="AU35" s="9">
        <v>56034.204209000003</v>
      </c>
      <c r="AV35" s="9">
        <v>58210.484103700001</v>
      </c>
      <c r="AW35" s="9">
        <v>57970.284650200003</v>
      </c>
      <c r="AX35" s="9">
        <v>57226.858628499998</v>
      </c>
      <c r="AY35" s="9">
        <v>56257.698286799998</v>
      </c>
      <c r="AZ35" s="9">
        <v>58802.464201299998</v>
      </c>
      <c r="BA35" s="9">
        <v>57787.129419500001</v>
      </c>
      <c r="BB35" s="9">
        <v>61264.294930999997</v>
      </c>
      <c r="BC35" s="9">
        <v>66884.772817300007</v>
      </c>
      <c r="BD35" s="9">
        <v>68020.897932599997</v>
      </c>
      <c r="BE35" s="9">
        <v>76007.389837099996</v>
      </c>
      <c r="BF35" s="9">
        <v>79444.2058388</v>
      </c>
      <c r="BG35" s="11">
        <v>5.75</v>
      </c>
      <c r="BH35" s="13">
        <v>0.115</v>
      </c>
      <c r="BI35" s="6">
        <v>5</v>
      </c>
      <c r="BJ35" s="13">
        <v>0.1</v>
      </c>
      <c r="BK35" s="6">
        <v>3</v>
      </c>
      <c r="BL35" s="13">
        <v>5.4545454545454543E-2</v>
      </c>
      <c r="BM35" s="11">
        <v>-2.25</v>
      </c>
      <c r="BN35" s="13">
        <v>-3.8793103448275863E-2</v>
      </c>
      <c r="BO35" s="11">
        <v>0.75</v>
      </c>
      <c r="BP35" s="13">
        <v>1.3636363636363636E-2</v>
      </c>
      <c r="BQ35" s="6">
        <v>50</v>
      </c>
      <c r="BR35" s="6">
        <v>52</v>
      </c>
      <c r="BS35" s="6">
        <v>54</v>
      </c>
      <c r="BT35" s="6">
        <v>55</v>
      </c>
      <c r="BU35" s="6">
        <v>53</v>
      </c>
      <c r="BV35" s="6">
        <v>55</v>
      </c>
      <c r="BW35" s="6">
        <v>58</v>
      </c>
      <c r="BX35" s="6">
        <v>55</v>
      </c>
      <c r="BY35" s="6">
        <v>55</v>
      </c>
      <c r="BZ35" s="6">
        <v>55</v>
      </c>
      <c r="CA35" s="6">
        <v>57</v>
      </c>
      <c r="CB35" s="6">
        <v>60</v>
      </c>
      <c r="CC35" s="11">
        <v>55.75</v>
      </c>
      <c r="CD35" s="11">
        <v>-646.73199999999997</v>
      </c>
      <c r="CE35" s="11">
        <v>216.50299999999999</v>
      </c>
      <c r="CF35" s="11">
        <v>110.535</v>
      </c>
      <c r="CG35" s="11">
        <v>328</v>
      </c>
      <c r="CH35" s="20">
        <v>0.50055700000000003</v>
      </c>
      <c r="CI35" s="20">
        <v>0.45640199999999997</v>
      </c>
      <c r="CJ35" s="20">
        <v>0.39110200000000001</v>
      </c>
      <c r="CK35" s="20">
        <v>0.34098899999999999</v>
      </c>
      <c r="CL35" s="20">
        <v>0.36712099999999998</v>
      </c>
      <c r="CM35" s="20">
        <v>0.51808399999999999</v>
      </c>
      <c r="CN35" s="20">
        <v>0.48395199999999999</v>
      </c>
      <c r="CO35" s="20">
        <v>0.46630300000000002</v>
      </c>
      <c r="CP35" s="20">
        <v>0.48819000000000001</v>
      </c>
      <c r="CQ35" s="20">
        <v>0.54939499999999997</v>
      </c>
      <c r="CR35" s="20">
        <v>0.53171100000000004</v>
      </c>
      <c r="CS35" s="20">
        <v>0.488286</v>
      </c>
      <c r="CT35" s="20">
        <v>0.46883200000000003</v>
      </c>
      <c r="CU35" s="20">
        <v>0.44637399999999999</v>
      </c>
      <c r="CV35" s="20">
        <v>0.302263</v>
      </c>
      <c r="CW35" s="20">
        <v>0.29614099999999999</v>
      </c>
      <c r="CX35" s="20">
        <v>0.27142899999999998</v>
      </c>
      <c r="CY35" s="6"/>
      <c r="CZ35" s="6"/>
      <c r="DA35" s="6"/>
      <c r="DB35" s="6"/>
      <c r="DC35" s="6"/>
      <c r="DD35" s="6"/>
      <c r="DE35" s="6"/>
      <c r="DF35" s="6"/>
      <c r="DG35" s="6"/>
      <c r="DH35" s="6"/>
      <c r="DI35" s="6"/>
      <c r="DJ35" s="6"/>
      <c r="DK35" s="6"/>
      <c r="DL35" s="6"/>
      <c r="DM35" s="6"/>
      <c r="DN35" s="6"/>
      <c r="DO35" s="6"/>
    </row>
    <row r="36" spans="1:119" hidden="1" x14ac:dyDescent="0.2">
      <c r="A36" s="6" t="s">
        <v>319</v>
      </c>
      <c r="B36" s="6" t="s">
        <v>319</v>
      </c>
      <c r="C36" s="6" t="s">
        <v>188</v>
      </c>
      <c r="D36" s="6" t="s">
        <v>335</v>
      </c>
      <c r="E36" s="6" t="s">
        <v>328</v>
      </c>
      <c r="F36" s="11">
        <v>3555</v>
      </c>
      <c r="G36" s="13">
        <v>0.87153714145600003</v>
      </c>
      <c r="H36" s="11">
        <v>1693.4484549500003</v>
      </c>
      <c r="I36" s="13">
        <v>0.41514456399545546</v>
      </c>
      <c r="J36" s="11">
        <v>-117.49784994000038</v>
      </c>
      <c r="K36" s="13">
        <v>-2.0354314731620277E-2</v>
      </c>
      <c r="L36" s="11">
        <v>1978.6312360100001</v>
      </c>
      <c r="M36" s="13">
        <v>0.34988264159614735</v>
      </c>
      <c r="N36" s="11">
        <v>1861.1333860699997</v>
      </c>
      <c r="O36" s="13">
        <v>0.32240670545834843</v>
      </c>
      <c r="P36" s="7">
        <v>4079.1777173999999</v>
      </c>
      <c r="Q36" s="7">
        <v>4298.0298796099996</v>
      </c>
      <c r="R36" s="7">
        <v>4291.5495362299998</v>
      </c>
      <c r="S36" s="7">
        <v>5018.5811989599997</v>
      </c>
      <c r="T36" s="7">
        <v>5488.1173552700002</v>
      </c>
      <c r="U36" s="7">
        <v>5560.64026646</v>
      </c>
      <c r="V36" s="7">
        <v>5772.6261723500002</v>
      </c>
      <c r="W36" s="7">
        <v>5872.4435338000003</v>
      </c>
      <c r="X36" s="7">
        <v>5318.2998761700001</v>
      </c>
      <c r="Y36" s="7">
        <v>5655.1283224099998</v>
      </c>
      <c r="Z36" s="7">
        <v>5691.1453379599998</v>
      </c>
      <c r="AA36" s="7">
        <v>5660.9757036700003</v>
      </c>
      <c r="AB36" s="7">
        <v>5676.3749331700001</v>
      </c>
      <c r="AC36" s="7">
        <v>6466.0806054699997</v>
      </c>
      <c r="AD36" s="7">
        <v>6905.9665867000003</v>
      </c>
      <c r="AE36" s="7">
        <v>7240.10648408</v>
      </c>
      <c r="AF36" s="7">
        <v>7633.7595584199998</v>
      </c>
      <c r="AG36" s="9">
        <v>11651.407600400002</v>
      </c>
      <c r="AH36" s="13">
        <v>0.60524960121908888</v>
      </c>
      <c r="AI36" s="9">
        <v>1848.3842925999998</v>
      </c>
      <c r="AJ36" s="13">
        <v>9.6017055995652467E-2</v>
      </c>
      <c r="AK36" s="9">
        <v>3842.533710300002</v>
      </c>
      <c r="AL36" s="13">
        <v>0.18211951713856592</v>
      </c>
      <c r="AM36" s="9">
        <v>5960.4895974999999</v>
      </c>
      <c r="AN36" s="13">
        <v>0.23897878599246825</v>
      </c>
      <c r="AO36" s="9">
        <v>9803.0233078000019</v>
      </c>
      <c r="AP36" s="13">
        <v>0.46462100424234309</v>
      </c>
      <c r="AQ36" s="9">
        <v>19250.582861899999</v>
      </c>
      <c r="AR36" s="9">
        <v>19633.841830099998</v>
      </c>
      <c r="AS36" s="9">
        <v>20008.384609600002</v>
      </c>
      <c r="AT36" s="9">
        <v>19329.768029399998</v>
      </c>
      <c r="AU36" s="9">
        <v>20298.573234700001</v>
      </c>
      <c r="AV36" s="9">
        <v>20506.8563574</v>
      </c>
      <c r="AW36" s="9">
        <v>21098.967154499998</v>
      </c>
      <c r="AX36" s="9">
        <v>22656.8247844</v>
      </c>
      <c r="AY36" s="9">
        <v>25294.713202499999</v>
      </c>
      <c r="AZ36" s="9">
        <v>24941.5008648</v>
      </c>
      <c r="BA36" s="9">
        <v>24813.7620231</v>
      </c>
      <c r="BB36" s="9">
        <v>25024.963716900002</v>
      </c>
      <c r="BC36" s="9">
        <v>25946.3610415</v>
      </c>
      <c r="BD36" s="9">
        <v>27154.434472500001</v>
      </c>
      <c r="BE36" s="9">
        <v>30047.9696755</v>
      </c>
      <c r="BF36" s="9">
        <v>30901.9904623</v>
      </c>
      <c r="BG36" s="11">
        <v>125.5</v>
      </c>
      <c r="BH36" s="13">
        <v>0.31218905472636815</v>
      </c>
      <c r="BI36" s="6">
        <v>57</v>
      </c>
      <c r="BJ36" s="13">
        <v>0.1417910447761194</v>
      </c>
      <c r="BK36" s="6">
        <v>22</v>
      </c>
      <c r="BL36" s="13">
        <v>4.793028322440087E-2</v>
      </c>
      <c r="BM36" s="11">
        <v>46.5</v>
      </c>
      <c r="BN36" s="13">
        <v>9.6673596673596679E-2</v>
      </c>
      <c r="BO36" s="11">
        <v>68.5</v>
      </c>
      <c r="BP36" s="13">
        <v>0.14923747276688454</v>
      </c>
      <c r="BQ36" s="6">
        <v>402</v>
      </c>
      <c r="BR36" s="6">
        <v>427</v>
      </c>
      <c r="BS36" s="6">
        <v>429</v>
      </c>
      <c r="BT36" s="6">
        <v>459</v>
      </c>
      <c r="BU36" s="6">
        <v>471</v>
      </c>
      <c r="BV36" s="6">
        <v>486</v>
      </c>
      <c r="BW36" s="6">
        <v>481</v>
      </c>
      <c r="BX36" s="6">
        <v>472</v>
      </c>
      <c r="BY36" s="6">
        <v>477</v>
      </c>
      <c r="BZ36" s="6">
        <v>500</v>
      </c>
      <c r="CA36" s="6">
        <v>522</v>
      </c>
      <c r="CB36" s="6">
        <v>523</v>
      </c>
      <c r="CC36" s="11">
        <v>527.5</v>
      </c>
      <c r="CD36" s="11">
        <v>2741.66</v>
      </c>
      <c r="CE36" s="11">
        <v>367.01400000000001</v>
      </c>
      <c r="CF36" s="11">
        <v>445.90300000000002</v>
      </c>
      <c r="CG36" s="11">
        <v>813</v>
      </c>
      <c r="CH36" s="20">
        <v>0.411657</v>
      </c>
      <c r="CI36" s="20">
        <v>0.43262699999999998</v>
      </c>
      <c r="CJ36" s="20">
        <v>0.42852499999999999</v>
      </c>
      <c r="CK36" s="20">
        <v>0.47939700000000002</v>
      </c>
      <c r="CL36" s="20">
        <v>0.50764100000000001</v>
      </c>
      <c r="CM36" s="20">
        <v>0.50038899999999997</v>
      </c>
      <c r="CN36" s="20">
        <v>0.51644299999999999</v>
      </c>
      <c r="CO36" s="20">
        <v>0.55145999999999995</v>
      </c>
      <c r="CP36" s="20">
        <v>0.547871</v>
      </c>
      <c r="CQ36" s="20">
        <v>0.56989699999999999</v>
      </c>
      <c r="CR36" s="20">
        <v>0.56213900000000006</v>
      </c>
      <c r="CS36" s="20">
        <v>0.54687200000000002</v>
      </c>
      <c r="CT36" s="20">
        <v>0.54695300000000002</v>
      </c>
      <c r="CU36" s="20">
        <v>0.60639399999999999</v>
      </c>
      <c r="CV36" s="20">
        <v>0.63446000000000002</v>
      </c>
      <c r="CW36" s="20">
        <v>0.65443600000000002</v>
      </c>
      <c r="CX36" s="20">
        <v>0.67409699999999995</v>
      </c>
      <c r="CY36" s="6"/>
      <c r="CZ36" s="6"/>
      <c r="DA36" s="6"/>
      <c r="DB36" s="6"/>
      <c r="DC36" s="6"/>
      <c r="DD36" s="6"/>
      <c r="DE36" s="6"/>
      <c r="DF36" s="6"/>
      <c r="DG36" s="6"/>
      <c r="DH36" s="6"/>
      <c r="DI36" s="6"/>
      <c r="DJ36" s="6"/>
      <c r="DK36" s="6"/>
      <c r="DL36" s="6"/>
      <c r="DM36" s="6"/>
      <c r="DN36" s="6"/>
      <c r="DO36" s="6"/>
    </row>
    <row r="37" spans="1:119" hidden="1" x14ac:dyDescent="0.2">
      <c r="A37" s="6" t="s">
        <v>320</v>
      </c>
      <c r="B37" s="6" t="s">
        <v>320</v>
      </c>
      <c r="C37" s="6" t="s">
        <v>189</v>
      </c>
      <c r="D37" s="6" t="s">
        <v>335</v>
      </c>
      <c r="E37" s="6" t="s">
        <v>328</v>
      </c>
      <c r="F37" s="11">
        <v>414</v>
      </c>
      <c r="G37" s="13">
        <v>0.17483108108100001</v>
      </c>
      <c r="H37" s="11">
        <v>204.55817124999976</v>
      </c>
      <c r="I37" s="13">
        <v>8.637829033564752E-2</v>
      </c>
      <c r="J37" s="11">
        <v>-364.11231796999982</v>
      </c>
      <c r="K37" s="13">
        <v>-0.1415279006439083</v>
      </c>
      <c r="L37" s="11">
        <v>573.14595297999995</v>
      </c>
      <c r="M37" s="13">
        <v>0.25950500498148932</v>
      </c>
      <c r="N37" s="11">
        <v>209.03363501000013</v>
      </c>
      <c r="O37" s="13">
        <v>8.1249905775963888E-2</v>
      </c>
      <c r="P37" s="7">
        <v>2368.1664739500002</v>
      </c>
      <c r="Q37" s="7">
        <v>2519.0085538200001</v>
      </c>
      <c r="R37" s="7">
        <v>2673.5788170800001</v>
      </c>
      <c r="S37" s="7">
        <v>2780.6236046499998</v>
      </c>
      <c r="T37" s="7">
        <v>2656.1937786600001</v>
      </c>
      <c r="U37" s="7">
        <v>2667.5994200800001</v>
      </c>
      <c r="V37" s="7">
        <v>2572.7246451999999</v>
      </c>
      <c r="W37" s="7">
        <v>2298.2017615300001</v>
      </c>
      <c r="X37" s="7">
        <v>2176.0918326699998</v>
      </c>
      <c r="Y37" s="7">
        <v>2208.6123272300001</v>
      </c>
      <c r="Z37" s="7">
        <v>2373.9594704400001</v>
      </c>
      <c r="AA37" s="7">
        <v>2140.7945897300001</v>
      </c>
      <c r="AB37" s="7">
        <v>2789.4775309699999</v>
      </c>
      <c r="AC37" s="7">
        <v>2487.5929873199998</v>
      </c>
      <c r="AD37" s="7">
        <v>2638.1197796500001</v>
      </c>
      <c r="AE37" s="7">
        <v>2659.4960804100001</v>
      </c>
      <c r="AF37" s="7">
        <v>2781.7582802100001</v>
      </c>
      <c r="AG37" s="9">
        <v>10352.510489699998</v>
      </c>
      <c r="AH37" s="13">
        <v>0.54126465701337445</v>
      </c>
      <c r="AI37" s="9">
        <v>3202.0362190999986</v>
      </c>
      <c r="AJ37" s="13">
        <v>0.16741340543435543</v>
      </c>
      <c r="AK37" s="9">
        <v>7192.1138777999986</v>
      </c>
      <c r="AL37" s="13">
        <v>0.32210381593412929</v>
      </c>
      <c r="AM37" s="9">
        <v>-41.639607199998864</v>
      </c>
      <c r="AN37" s="13">
        <v>-1.4105236747955971E-3</v>
      </c>
      <c r="AO37" s="9">
        <v>7150.4742705999997</v>
      </c>
      <c r="AP37" s="13">
        <v>0.32023895720121659</v>
      </c>
      <c r="AQ37" s="9">
        <v>19126.522220800001</v>
      </c>
      <c r="AR37" s="9">
        <v>21388.349670700001</v>
      </c>
      <c r="AS37" s="9">
        <v>20219.901081299999</v>
      </c>
      <c r="AT37" s="9">
        <v>21820.687775800001</v>
      </c>
      <c r="AU37" s="9">
        <v>21762.012874200002</v>
      </c>
      <c r="AV37" s="9">
        <v>22745.159381199999</v>
      </c>
      <c r="AW37" s="9">
        <v>22328.5584399</v>
      </c>
      <c r="AX37" s="9">
        <v>24552.829474099999</v>
      </c>
      <c r="AY37" s="9">
        <v>23680.5955908</v>
      </c>
      <c r="AZ37" s="9">
        <v>29520.672317699999</v>
      </c>
      <c r="BA37" s="9">
        <v>30251.307035900001</v>
      </c>
      <c r="BB37" s="9">
        <v>30054.117104500001</v>
      </c>
      <c r="BC37" s="9">
        <v>32558.974268099999</v>
      </c>
      <c r="BD37" s="9">
        <v>29334.5100078</v>
      </c>
      <c r="BE37" s="9">
        <v>29684.0069516</v>
      </c>
      <c r="BF37" s="9">
        <v>29479.0327105</v>
      </c>
      <c r="BG37" s="11">
        <v>5</v>
      </c>
      <c r="BH37" s="13">
        <v>9.8039215686274508E-2</v>
      </c>
      <c r="BI37" s="6">
        <v>13</v>
      </c>
      <c r="BJ37" s="13">
        <v>0.25490196078431371</v>
      </c>
      <c r="BK37" s="6">
        <v>2</v>
      </c>
      <c r="BL37" s="13">
        <v>3.125E-2</v>
      </c>
      <c r="BM37" s="11">
        <v>-10</v>
      </c>
      <c r="BN37" s="13">
        <v>-0.15151515151515152</v>
      </c>
      <c r="BO37" s="11">
        <v>-8</v>
      </c>
      <c r="BP37" s="13">
        <v>-0.125</v>
      </c>
      <c r="BQ37" s="6">
        <v>51</v>
      </c>
      <c r="BR37" s="6">
        <v>53</v>
      </c>
      <c r="BS37" s="6">
        <v>61</v>
      </c>
      <c r="BT37" s="6">
        <v>64</v>
      </c>
      <c r="BU37" s="6">
        <v>65</v>
      </c>
      <c r="BV37" s="6">
        <v>61</v>
      </c>
      <c r="BW37" s="6">
        <v>66</v>
      </c>
      <c r="BX37" s="6">
        <v>60</v>
      </c>
      <c r="BY37" s="6">
        <v>58</v>
      </c>
      <c r="BZ37" s="6">
        <v>56</v>
      </c>
      <c r="CA37" s="6">
        <v>47</v>
      </c>
      <c r="CB37" s="6">
        <v>53</v>
      </c>
      <c r="CC37" s="11">
        <v>56</v>
      </c>
      <c r="CD37" s="11">
        <v>-702.80200000000002</v>
      </c>
      <c r="CE37" s="11">
        <v>857.52499999999998</v>
      </c>
      <c r="CF37" s="11">
        <v>258.86900000000003</v>
      </c>
      <c r="CG37" s="11">
        <v>1117</v>
      </c>
      <c r="CH37" s="20">
        <v>0.71632799999999996</v>
      </c>
      <c r="CI37" s="20">
        <v>0.72626800000000002</v>
      </c>
      <c r="CJ37" s="20">
        <v>0.74260800000000005</v>
      </c>
      <c r="CK37" s="20">
        <v>0.73603700000000005</v>
      </c>
      <c r="CL37" s="20">
        <v>0.696071</v>
      </c>
      <c r="CM37" s="20">
        <v>0.68342199999999997</v>
      </c>
      <c r="CN37" s="20">
        <v>0.64505900000000005</v>
      </c>
      <c r="CO37" s="20">
        <v>0.56215099999999996</v>
      </c>
      <c r="CP37" s="20">
        <v>0.51694700000000005</v>
      </c>
      <c r="CQ37" s="20">
        <v>0.51710999999999996</v>
      </c>
      <c r="CR37" s="20">
        <v>0.54877600000000004</v>
      </c>
      <c r="CS37" s="20">
        <v>0.48867100000000002</v>
      </c>
      <c r="CT37" s="20">
        <v>0.64340900000000001</v>
      </c>
      <c r="CU37" s="20">
        <v>0.56513500000000005</v>
      </c>
      <c r="CV37" s="20">
        <v>0.593476</v>
      </c>
      <c r="CW37" s="20">
        <v>0.58940800000000004</v>
      </c>
      <c r="CX37" s="20">
        <v>0.600105</v>
      </c>
      <c r="CY37" s="6"/>
      <c r="CZ37" s="6"/>
      <c r="DA37" s="6"/>
      <c r="DB37" s="6"/>
      <c r="DC37" s="6"/>
      <c r="DD37" s="6"/>
      <c r="DE37" s="6"/>
      <c r="DF37" s="6"/>
      <c r="DG37" s="6"/>
      <c r="DH37" s="6"/>
      <c r="DI37" s="6"/>
      <c r="DJ37" s="6"/>
      <c r="DK37" s="6"/>
      <c r="DL37" s="6"/>
      <c r="DM37" s="6"/>
      <c r="DN37" s="6"/>
      <c r="DO37" s="6"/>
    </row>
    <row r="38" spans="1:119" hidden="1" x14ac:dyDescent="0.2">
      <c r="A38" s="6" t="s">
        <v>321</v>
      </c>
      <c r="B38" s="6" t="s">
        <v>321</v>
      </c>
      <c r="C38" s="6" t="s">
        <v>190</v>
      </c>
      <c r="D38" s="6" t="s">
        <v>335</v>
      </c>
      <c r="E38" s="6" t="s">
        <v>328</v>
      </c>
      <c r="F38" s="11">
        <v>2696</v>
      </c>
      <c r="G38" s="13">
        <v>0.174081487699</v>
      </c>
      <c r="H38" s="11">
        <v>2021.7739600000004</v>
      </c>
      <c r="I38" s="13">
        <v>0.13054381196199888</v>
      </c>
      <c r="J38" s="11">
        <v>944.86059720000048</v>
      </c>
      <c r="K38" s="13">
        <v>5.3963987458899437E-2</v>
      </c>
      <c r="L38" s="11">
        <v>-270.55391320000126</v>
      </c>
      <c r="M38" s="13">
        <v>-1.4661025269957313E-2</v>
      </c>
      <c r="N38" s="11">
        <v>674.30668399999922</v>
      </c>
      <c r="O38" s="13">
        <v>3.8511794805139547E-2</v>
      </c>
      <c r="P38" s="7">
        <v>15487.3213032</v>
      </c>
      <c r="Q38" s="7">
        <v>15770.9498783</v>
      </c>
      <c r="R38" s="7">
        <v>16171.1689336</v>
      </c>
      <c r="S38" s="7">
        <v>16493.978432899999</v>
      </c>
      <c r="T38" s="7">
        <v>16877.3654384</v>
      </c>
      <c r="U38" s="7">
        <v>17538.548336899999</v>
      </c>
      <c r="V38" s="7">
        <v>17509.095263200001</v>
      </c>
      <c r="W38" s="7">
        <v>17732.5855218</v>
      </c>
      <c r="X38" s="7">
        <v>18125.854509000001</v>
      </c>
      <c r="Y38" s="7">
        <v>18453.955860400001</v>
      </c>
      <c r="Z38" s="7">
        <v>18260.3627858</v>
      </c>
      <c r="AA38" s="7">
        <v>19524.547845500001</v>
      </c>
      <c r="AB38" s="7">
        <v>17193.737944299999</v>
      </c>
      <c r="AC38" s="7">
        <v>17344.528929100001</v>
      </c>
      <c r="AD38" s="7">
        <v>17637.1227191</v>
      </c>
      <c r="AE38" s="7">
        <v>17725.9664496</v>
      </c>
      <c r="AF38" s="7">
        <v>18183.4019472</v>
      </c>
      <c r="AG38" s="9">
        <v>13501.8089755</v>
      </c>
      <c r="AH38" s="13">
        <v>0.48623795362355826</v>
      </c>
      <c r="AI38" s="9">
        <v>7978.0406805999992</v>
      </c>
      <c r="AJ38" s="13">
        <v>0.28731158776572657</v>
      </c>
      <c r="AK38" s="9">
        <v>4082.604147799997</v>
      </c>
      <c r="AL38" s="13">
        <v>0.11421167204105442</v>
      </c>
      <c r="AM38" s="9">
        <v>1441.1641471000039</v>
      </c>
      <c r="AN38" s="13">
        <v>3.6184198965975661E-2</v>
      </c>
      <c r="AO38" s="9">
        <v>5523.7682949000009</v>
      </c>
      <c r="AP38" s="13">
        <v>0.15452852887240037</v>
      </c>
      <c r="AQ38" s="9">
        <v>27767.904325200001</v>
      </c>
      <c r="AR38" s="9">
        <v>29668.574507000001</v>
      </c>
      <c r="AS38" s="9">
        <v>30571.2180864</v>
      </c>
      <c r="AT38" s="9">
        <v>32178.691351900001</v>
      </c>
      <c r="AU38" s="9">
        <v>33646.708090300002</v>
      </c>
      <c r="AV38" s="9">
        <v>35606.473745800002</v>
      </c>
      <c r="AW38" s="9">
        <v>35745.9450058</v>
      </c>
      <c r="AX38" s="9">
        <v>38043.380022899997</v>
      </c>
      <c r="AY38" s="9">
        <v>39659.346926300001</v>
      </c>
      <c r="AZ38" s="9">
        <v>39828.549153599997</v>
      </c>
      <c r="BA38" s="9">
        <v>41541.924095100003</v>
      </c>
      <c r="BB38" s="9">
        <v>42093.215690899997</v>
      </c>
      <c r="BC38" s="9">
        <v>37470.425884600001</v>
      </c>
      <c r="BD38" s="9">
        <v>38751.1408581</v>
      </c>
      <c r="BE38" s="9">
        <v>40406.031154900003</v>
      </c>
      <c r="BF38" s="9">
        <v>41269.713300700001</v>
      </c>
      <c r="BG38" s="11">
        <v>1125.5</v>
      </c>
      <c r="BH38" s="13">
        <v>1.4157232704402516</v>
      </c>
      <c r="BI38" s="6">
        <v>38</v>
      </c>
      <c r="BJ38" s="13">
        <v>4.7798742138364783E-2</v>
      </c>
      <c r="BK38" s="6">
        <v>73</v>
      </c>
      <c r="BL38" s="13">
        <v>8.7635054021608649E-2</v>
      </c>
      <c r="BM38" s="11">
        <v>1014.5</v>
      </c>
      <c r="BN38" s="13">
        <v>1.119757174392936</v>
      </c>
      <c r="BO38" s="11">
        <v>1087.5</v>
      </c>
      <c r="BP38" s="13">
        <v>1.3055222088835534</v>
      </c>
      <c r="BQ38" s="6">
        <v>795</v>
      </c>
      <c r="BR38" s="6">
        <v>790</v>
      </c>
      <c r="BS38" s="6">
        <v>802</v>
      </c>
      <c r="BT38" s="6">
        <v>833</v>
      </c>
      <c r="BU38" s="6">
        <v>845</v>
      </c>
      <c r="BV38" s="6">
        <v>869</v>
      </c>
      <c r="BW38" s="6">
        <v>906</v>
      </c>
      <c r="BX38" s="6">
        <v>912</v>
      </c>
      <c r="BY38" s="6">
        <v>981</v>
      </c>
      <c r="BZ38" s="6">
        <v>1795</v>
      </c>
      <c r="CA38" s="6">
        <v>1815</v>
      </c>
      <c r="CB38" s="6">
        <v>1886</v>
      </c>
      <c r="CC38" s="11">
        <v>1920.5</v>
      </c>
      <c r="CD38" s="11">
        <v>-4636.83</v>
      </c>
      <c r="CE38" s="11">
        <v>5639.96</v>
      </c>
      <c r="CF38" s="11">
        <v>1692.95</v>
      </c>
      <c r="CG38" s="11">
        <v>7333</v>
      </c>
      <c r="CH38" s="20">
        <v>0.94855400000000001</v>
      </c>
      <c r="CI38" s="20">
        <v>0.92737899999999995</v>
      </c>
      <c r="CJ38" s="20">
        <v>0.91450600000000004</v>
      </c>
      <c r="CK38" s="20">
        <v>0.90335100000000002</v>
      </c>
      <c r="CL38" s="20">
        <v>0.90520500000000004</v>
      </c>
      <c r="CM38" s="20">
        <v>0.91671199999999997</v>
      </c>
      <c r="CN38" s="20">
        <v>0.893675</v>
      </c>
      <c r="CO38" s="20">
        <v>0.88594600000000001</v>
      </c>
      <c r="CP38" s="20">
        <v>0.88626099999999997</v>
      </c>
      <c r="CQ38" s="20">
        <v>0.89489300000000005</v>
      </c>
      <c r="CR38" s="20">
        <v>0.88988199999999995</v>
      </c>
      <c r="CS38" s="20">
        <v>0.92408999999999997</v>
      </c>
      <c r="CT38" s="20">
        <v>0.81796500000000005</v>
      </c>
      <c r="CU38" s="20">
        <v>0.81437700000000002</v>
      </c>
      <c r="CV38" s="20">
        <v>0.81184800000000001</v>
      </c>
      <c r="CW38" s="20">
        <v>0.79899799999999999</v>
      </c>
      <c r="CX38" s="20">
        <v>0.79315999999999998</v>
      </c>
      <c r="CY38" s="6"/>
      <c r="CZ38" s="6"/>
      <c r="DA38" s="6"/>
      <c r="DB38" s="6"/>
      <c r="DC38" s="6"/>
      <c r="DD38" s="6"/>
      <c r="DE38" s="6"/>
      <c r="DF38" s="6"/>
      <c r="DG38" s="6"/>
      <c r="DH38" s="6"/>
      <c r="DI38" s="6"/>
      <c r="DJ38" s="6"/>
      <c r="DK38" s="6"/>
      <c r="DL38" s="6"/>
      <c r="DM38" s="6"/>
      <c r="DN38" s="6"/>
      <c r="DO38" s="6"/>
    </row>
    <row r="39" spans="1:119" hidden="1" x14ac:dyDescent="0.2">
      <c r="A39" s="6" t="s">
        <v>322</v>
      </c>
      <c r="B39" s="6" t="s">
        <v>322</v>
      </c>
      <c r="C39" s="6" t="s">
        <v>191</v>
      </c>
      <c r="D39" s="6" t="s">
        <v>335</v>
      </c>
      <c r="E39" s="6" t="s">
        <v>328</v>
      </c>
      <c r="F39" s="11">
        <v>-119</v>
      </c>
      <c r="G39" s="13">
        <v>-7.7122488658499994E-2</v>
      </c>
      <c r="H39" s="11">
        <v>81.770998870000085</v>
      </c>
      <c r="I39" s="13">
        <v>5.299237699425003E-2</v>
      </c>
      <c r="J39" s="11">
        <v>-65.707325809999929</v>
      </c>
      <c r="K39" s="13">
        <v>-4.043920999136863E-2</v>
      </c>
      <c r="L39" s="11">
        <v>-134.70694404000005</v>
      </c>
      <c r="M39" s="13">
        <v>-8.639853148816759E-2</v>
      </c>
      <c r="N39" s="11">
        <v>-200.41426984999998</v>
      </c>
      <c r="O39" s="13">
        <v>-0.12334385312174032</v>
      </c>
      <c r="P39" s="7">
        <v>1543.0709756399999</v>
      </c>
      <c r="Q39" s="7">
        <v>1681.8605595900001</v>
      </c>
      <c r="R39" s="7">
        <v>1678.7899049</v>
      </c>
      <c r="S39" s="7">
        <v>1622.3415978800001</v>
      </c>
      <c r="T39" s="7">
        <v>1619.91034182</v>
      </c>
      <c r="U39" s="7">
        <v>1756.21333278</v>
      </c>
      <c r="V39" s="7">
        <v>1624.84197451</v>
      </c>
      <c r="W39" s="7">
        <v>1684.6599999800001</v>
      </c>
      <c r="X39" s="7">
        <v>1623.68532529</v>
      </c>
      <c r="Y39" s="7">
        <v>1559.1346487000001</v>
      </c>
      <c r="Z39" s="7">
        <v>1488.2911897700001</v>
      </c>
      <c r="AA39" s="7">
        <v>1485.8643819700001</v>
      </c>
      <c r="AB39" s="7">
        <v>1414.25752317</v>
      </c>
      <c r="AC39" s="7">
        <v>1416.3883264799999</v>
      </c>
      <c r="AD39" s="7">
        <v>1418.4016741999999</v>
      </c>
      <c r="AE39" s="7">
        <v>1416.62526761</v>
      </c>
      <c r="AF39" s="7">
        <v>1424.42770466</v>
      </c>
      <c r="AG39" s="9">
        <v>3220.6815699999988</v>
      </c>
      <c r="AH39" s="13">
        <v>0.21769869329617669</v>
      </c>
      <c r="AI39" s="9">
        <v>2197.6738142000013</v>
      </c>
      <c r="AJ39" s="13">
        <v>0.14854952507539113</v>
      </c>
      <c r="AK39" s="9">
        <v>557.51372260000062</v>
      </c>
      <c r="AL39" s="13">
        <v>3.2810577097148921E-2</v>
      </c>
      <c r="AM39" s="9">
        <v>465.49403319999692</v>
      </c>
      <c r="AN39" s="13">
        <v>2.6524777475448395E-2</v>
      </c>
      <c r="AO39" s="9">
        <v>1023.0077557999975</v>
      </c>
      <c r="AP39" s="13">
        <v>6.0205647828940237E-2</v>
      </c>
      <c r="AQ39" s="9">
        <v>14794.2163604</v>
      </c>
      <c r="AR39" s="9">
        <v>14792.9845737</v>
      </c>
      <c r="AS39" s="9">
        <v>14315.5151553</v>
      </c>
      <c r="AT39" s="9">
        <v>15504.4791802</v>
      </c>
      <c r="AU39" s="9">
        <v>15779.103149500001</v>
      </c>
      <c r="AV39" s="9">
        <v>16331.006275899999</v>
      </c>
      <c r="AW39" s="9">
        <v>16991.890174600001</v>
      </c>
      <c r="AX39" s="9">
        <v>17235.3769373</v>
      </c>
      <c r="AY39" s="9">
        <v>17223.1357221</v>
      </c>
      <c r="AZ39" s="9">
        <v>17549.403897200002</v>
      </c>
      <c r="BA39" s="9">
        <v>16877.4245796</v>
      </c>
      <c r="BB39" s="9">
        <v>17394.934499399998</v>
      </c>
      <c r="BC39" s="9">
        <v>17452.087640500002</v>
      </c>
      <c r="BD39" s="9">
        <v>18085.432838000001</v>
      </c>
      <c r="BE39" s="9">
        <v>17713.4355297</v>
      </c>
      <c r="BF39" s="9">
        <v>18014.897930399999</v>
      </c>
      <c r="BG39" s="11">
        <v>-10.5</v>
      </c>
      <c r="BH39" s="13">
        <v>-7.2916666666666671E-2</v>
      </c>
      <c r="BI39" s="6">
        <v>15</v>
      </c>
      <c r="BJ39" s="13">
        <v>0.10416666666666667</v>
      </c>
      <c r="BK39" s="6">
        <v>-4</v>
      </c>
      <c r="BL39" s="13">
        <v>-2.5157232704402517E-2</v>
      </c>
      <c r="BM39" s="11">
        <v>-21.5</v>
      </c>
      <c r="BN39" s="13">
        <v>-0.13870967741935483</v>
      </c>
      <c r="BO39" s="11">
        <v>-25.5</v>
      </c>
      <c r="BP39" s="13">
        <v>-0.16037735849056603</v>
      </c>
      <c r="BQ39" s="6">
        <v>144</v>
      </c>
      <c r="BR39" s="6">
        <v>153</v>
      </c>
      <c r="BS39" s="6">
        <v>156</v>
      </c>
      <c r="BT39" s="6">
        <v>159</v>
      </c>
      <c r="BU39" s="6">
        <v>154</v>
      </c>
      <c r="BV39" s="6">
        <v>155</v>
      </c>
      <c r="BW39" s="6">
        <v>155</v>
      </c>
      <c r="BX39" s="6">
        <v>147</v>
      </c>
      <c r="BY39" s="6">
        <v>135</v>
      </c>
      <c r="BZ39" s="6">
        <v>132</v>
      </c>
      <c r="CA39" s="6">
        <v>130</v>
      </c>
      <c r="CB39" s="6">
        <v>133</v>
      </c>
      <c r="CC39" s="11">
        <v>133.5</v>
      </c>
      <c r="CD39" s="11">
        <v>-568.03</v>
      </c>
      <c r="CE39" s="11">
        <v>280.70999999999998</v>
      </c>
      <c r="CF39" s="11">
        <v>168.67599999999999</v>
      </c>
      <c r="CG39" s="11">
        <v>450</v>
      </c>
      <c r="CH39" s="20">
        <v>0.61700500000000003</v>
      </c>
      <c r="CI39" s="20">
        <v>0.65742</v>
      </c>
      <c r="CJ39" s="20">
        <v>0.64058700000000002</v>
      </c>
      <c r="CK39" s="20">
        <v>0.59834100000000001</v>
      </c>
      <c r="CL39" s="20">
        <v>0.58940499999999996</v>
      </c>
      <c r="CM39" s="20">
        <v>0.62844500000000003</v>
      </c>
      <c r="CN39" s="20">
        <v>0.56921699999999997</v>
      </c>
      <c r="CO39" s="20">
        <v>0.58853200000000006</v>
      </c>
      <c r="CP39" s="20">
        <v>0.57802299999999995</v>
      </c>
      <c r="CQ39" s="20">
        <v>0.56377600000000005</v>
      </c>
      <c r="CR39" s="20">
        <v>0.54141700000000004</v>
      </c>
      <c r="CS39" s="20">
        <v>0.53202099999999997</v>
      </c>
      <c r="CT39" s="20">
        <v>0.50958400000000004</v>
      </c>
      <c r="CU39" s="20">
        <v>0.49716100000000002</v>
      </c>
      <c r="CV39" s="20">
        <v>0.48407</v>
      </c>
      <c r="CW39" s="20">
        <v>0.471049</v>
      </c>
      <c r="CX39" s="20">
        <v>0.462897</v>
      </c>
      <c r="CY39" s="6"/>
      <c r="CZ39" s="6"/>
      <c r="DA39" s="6"/>
      <c r="DB39" s="6"/>
      <c r="DC39" s="6"/>
      <c r="DD39" s="6"/>
      <c r="DE39" s="6"/>
      <c r="DF39" s="6"/>
      <c r="DG39" s="6"/>
      <c r="DH39" s="6"/>
      <c r="DI39" s="6"/>
      <c r="DJ39" s="6"/>
      <c r="DK39" s="6"/>
      <c r="DL39" s="6"/>
      <c r="DM39" s="6"/>
      <c r="DN39" s="6"/>
      <c r="DO39" s="6"/>
    </row>
    <row r="40" spans="1:119" hidden="1" x14ac:dyDescent="0.2">
      <c r="A40" s="6" t="s">
        <v>323</v>
      </c>
      <c r="B40" s="6" t="s">
        <v>323</v>
      </c>
      <c r="C40" s="6" t="s">
        <v>324</v>
      </c>
      <c r="D40" s="6" t="s">
        <v>335</v>
      </c>
      <c r="E40" s="6" t="s">
        <v>328</v>
      </c>
      <c r="F40" s="11">
        <v>1729</v>
      </c>
      <c r="G40" s="13">
        <v>0.15604693140799999</v>
      </c>
      <c r="H40" s="11">
        <v>1991.7981166999998</v>
      </c>
      <c r="I40" s="13">
        <v>0.17976964116828573</v>
      </c>
      <c r="J40" s="11">
        <v>-602.64320090000001</v>
      </c>
      <c r="K40" s="13">
        <v>-4.6103519358477597E-2</v>
      </c>
      <c r="L40" s="11">
        <v>340.16021730000102</v>
      </c>
      <c r="M40" s="13">
        <v>2.728073654892766E-2</v>
      </c>
      <c r="N40" s="11">
        <v>-262.48298359999899</v>
      </c>
      <c r="O40" s="13">
        <v>-2.0080520775146962E-2</v>
      </c>
      <c r="P40" s="7">
        <v>11079.724606199999</v>
      </c>
      <c r="Q40" s="7">
        <v>10951.3944553</v>
      </c>
      <c r="R40" s="7">
        <v>11030.651843199999</v>
      </c>
      <c r="S40" s="7">
        <v>11351.575849299999</v>
      </c>
      <c r="T40" s="7">
        <v>11599.9627052</v>
      </c>
      <c r="U40" s="7">
        <v>11968.3647549</v>
      </c>
      <c r="V40" s="7">
        <v>13071.522722899999</v>
      </c>
      <c r="W40" s="7">
        <v>12893.5561679</v>
      </c>
      <c r="X40" s="7">
        <v>12399.6332286</v>
      </c>
      <c r="Y40" s="7">
        <v>12468.879521999999</v>
      </c>
      <c r="Z40" s="7">
        <v>12603.948548099999</v>
      </c>
      <c r="AA40" s="7">
        <v>12479.115813799999</v>
      </c>
      <c r="AB40" s="7">
        <v>12275.350294399999</v>
      </c>
      <c r="AC40" s="7">
        <v>12259.722604099999</v>
      </c>
      <c r="AD40" s="7">
        <v>12515.348041499999</v>
      </c>
      <c r="AE40" s="7">
        <v>12724.5905217</v>
      </c>
      <c r="AF40" s="7">
        <v>12809.0397393</v>
      </c>
      <c r="AG40" s="9">
        <v>4984.3686318999989</v>
      </c>
      <c r="AH40" s="13">
        <v>0.48416783662803742</v>
      </c>
      <c r="AI40" s="9">
        <v>2692.3080171999991</v>
      </c>
      <c r="AJ40" s="13">
        <v>0.26152338329902985</v>
      </c>
      <c r="AK40" s="9">
        <v>864.59591850000106</v>
      </c>
      <c r="AL40" s="13">
        <v>6.6573847630851266E-2</v>
      </c>
      <c r="AM40" s="9">
        <v>1427.4646961999988</v>
      </c>
      <c r="AN40" s="13">
        <v>0.1030540163329471</v>
      </c>
      <c r="AO40" s="9">
        <v>2292.0606146999999</v>
      </c>
      <c r="AP40" s="13">
        <v>0.17648856634489524</v>
      </c>
      <c r="AQ40" s="9">
        <v>10294.712401000001</v>
      </c>
      <c r="AR40" s="9">
        <v>10861.557273099999</v>
      </c>
      <c r="AS40" s="9">
        <v>11257.403728900001</v>
      </c>
      <c r="AT40" s="9">
        <v>11656.194244599999</v>
      </c>
      <c r="AU40" s="9">
        <v>11872.9403306</v>
      </c>
      <c r="AV40" s="9">
        <v>12070.8504921</v>
      </c>
      <c r="AW40" s="9">
        <v>12987.0204182</v>
      </c>
      <c r="AX40" s="9">
        <v>13117.4891193</v>
      </c>
      <c r="AY40" s="9">
        <v>13490.0445698</v>
      </c>
      <c r="AZ40" s="9">
        <v>13851.616336700001</v>
      </c>
      <c r="BA40" s="9">
        <v>13660.7651188</v>
      </c>
      <c r="BB40" s="9">
        <v>13811.908505400001</v>
      </c>
      <c r="BC40" s="9">
        <v>14014.9493478</v>
      </c>
      <c r="BD40" s="9">
        <v>14318.7643023</v>
      </c>
      <c r="BE40" s="9">
        <v>14979.1933689</v>
      </c>
      <c r="BF40" s="9">
        <v>15279.0810329</v>
      </c>
      <c r="BG40" s="11">
        <v>-4.25</v>
      </c>
      <c r="BH40" s="13">
        <v>-5.4209183673469387E-3</v>
      </c>
      <c r="BI40" s="6">
        <v>31</v>
      </c>
      <c r="BJ40" s="13">
        <v>3.9540816326530615E-2</v>
      </c>
      <c r="BK40" s="6">
        <v>-11</v>
      </c>
      <c r="BL40" s="13">
        <v>-1.3496932515337423E-2</v>
      </c>
      <c r="BM40" s="11">
        <v>-24.25</v>
      </c>
      <c r="BN40" s="13">
        <v>-3.0161691542288559E-2</v>
      </c>
      <c r="BO40" s="11">
        <v>-35.25</v>
      </c>
      <c r="BP40" s="13">
        <v>-4.3251533742331288E-2</v>
      </c>
      <c r="BQ40" s="6">
        <v>784</v>
      </c>
      <c r="BR40" s="6">
        <v>789</v>
      </c>
      <c r="BS40" s="6">
        <v>784</v>
      </c>
      <c r="BT40" s="6">
        <v>815</v>
      </c>
      <c r="BU40" s="6">
        <v>820</v>
      </c>
      <c r="BV40" s="6">
        <v>808</v>
      </c>
      <c r="BW40" s="6">
        <v>804</v>
      </c>
      <c r="BX40" s="6">
        <v>795</v>
      </c>
      <c r="BY40" s="6">
        <v>777</v>
      </c>
      <c r="BZ40" s="6">
        <v>779</v>
      </c>
      <c r="CA40" s="6">
        <v>785</v>
      </c>
      <c r="CB40" s="6">
        <v>793</v>
      </c>
      <c r="CC40" s="11">
        <v>779.75</v>
      </c>
      <c r="CD40" s="11">
        <v>-2001.42</v>
      </c>
      <c r="CE40" s="11">
        <v>2519.59</v>
      </c>
      <c r="CF40" s="11">
        <v>1211.1500000000001</v>
      </c>
      <c r="CG40" s="11">
        <v>3731</v>
      </c>
      <c r="CH40" s="20">
        <v>0.91440600000000005</v>
      </c>
      <c r="CI40" s="20">
        <v>0.88981399999999999</v>
      </c>
      <c r="CJ40" s="20">
        <v>0.87248999999999999</v>
      </c>
      <c r="CK40" s="20">
        <v>0.86502299999999999</v>
      </c>
      <c r="CL40" s="20">
        <v>0.86499400000000004</v>
      </c>
      <c r="CM40" s="20">
        <v>0.87317800000000001</v>
      </c>
      <c r="CN40" s="20">
        <v>0.93648200000000004</v>
      </c>
      <c r="CO40" s="20">
        <v>0.92490600000000001</v>
      </c>
      <c r="CP40" s="20">
        <v>0.913636</v>
      </c>
      <c r="CQ40" s="20">
        <v>0.92311500000000002</v>
      </c>
      <c r="CR40" s="20">
        <v>0.92746099999999998</v>
      </c>
      <c r="CS40" s="20">
        <v>0.89736099999999996</v>
      </c>
      <c r="CT40" s="20">
        <v>0.87778699999999998</v>
      </c>
      <c r="CU40" s="20">
        <v>0.856124</v>
      </c>
      <c r="CV40" s="20">
        <v>0.84860000000000002</v>
      </c>
      <c r="CW40" s="20">
        <v>0.842889</v>
      </c>
      <c r="CX40" s="20">
        <v>0.82991000000000004</v>
      </c>
      <c r="CY40" s="6"/>
      <c r="CZ40" s="6"/>
      <c r="DA40" s="6"/>
      <c r="DB40" s="6"/>
      <c r="DC40" s="6"/>
      <c r="DD40" s="6"/>
      <c r="DE40" s="6"/>
      <c r="DF40" s="6"/>
      <c r="DG40" s="6"/>
      <c r="DH40" s="6"/>
      <c r="DI40" s="6"/>
      <c r="DJ40" s="6"/>
      <c r="DK40" s="6"/>
      <c r="DL40" s="6"/>
      <c r="DM40" s="6"/>
      <c r="DN40" s="6"/>
      <c r="DO40" s="6"/>
    </row>
    <row r="41" spans="1:119" hidden="1" x14ac:dyDescent="0.2">
      <c r="A41" s="6" t="s">
        <v>325</v>
      </c>
      <c r="B41" s="6" t="s">
        <v>325</v>
      </c>
      <c r="C41" s="6" t="s">
        <v>326</v>
      </c>
      <c r="D41" s="6" t="s">
        <v>335</v>
      </c>
      <c r="E41" s="6" t="s">
        <v>328</v>
      </c>
      <c r="F41" s="11">
        <v>493</v>
      </c>
      <c r="G41" s="13">
        <v>6.3868376732700002E-2</v>
      </c>
      <c r="H41" s="11">
        <v>1396.4026087800003</v>
      </c>
      <c r="I41" s="13">
        <v>0.18090804152596365</v>
      </c>
      <c r="J41" s="11">
        <v>-322.08765348999987</v>
      </c>
      <c r="K41" s="13">
        <v>-3.5335009955641435E-2</v>
      </c>
      <c r="L41" s="11">
        <v>-580.91864884999995</v>
      </c>
      <c r="M41" s="13">
        <v>-6.6064772212849093E-2</v>
      </c>
      <c r="N41" s="11">
        <v>-903.00630233999982</v>
      </c>
      <c r="O41" s="13">
        <v>-9.9065382784632325E-2</v>
      </c>
      <c r="P41" s="7">
        <v>7718.8531642999997</v>
      </c>
      <c r="Q41" s="7">
        <v>7869.9602693200004</v>
      </c>
      <c r="R41" s="7">
        <v>8119.7061004500001</v>
      </c>
      <c r="S41" s="7">
        <v>8422.88679701</v>
      </c>
      <c r="T41" s="7">
        <v>8863.6869482599996</v>
      </c>
      <c r="U41" s="7">
        <v>8941.3997588700004</v>
      </c>
      <c r="V41" s="7">
        <v>9115.2557730799999</v>
      </c>
      <c r="W41" s="7">
        <v>8887.2047098900002</v>
      </c>
      <c r="X41" s="7">
        <v>8779.5047600199996</v>
      </c>
      <c r="Y41" s="7">
        <v>8793.1681195900001</v>
      </c>
      <c r="Z41" s="7">
        <v>8674.3070168100003</v>
      </c>
      <c r="AA41" s="7">
        <v>8956.4553079300003</v>
      </c>
      <c r="AB41" s="7">
        <v>8080.3066891199996</v>
      </c>
      <c r="AC41" s="7">
        <v>8046.0286924299999</v>
      </c>
      <c r="AD41" s="7">
        <v>8118.1063100900001</v>
      </c>
      <c r="AE41" s="7">
        <v>8156.6224414899998</v>
      </c>
      <c r="AF41" s="7">
        <v>8212.2494707400001</v>
      </c>
      <c r="AG41" s="9">
        <v>6021.0322844999992</v>
      </c>
      <c r="AH41" s="13">
        <v>0.36783521161124239</v>
      </c>
      <c r="AI41" s="9">
        <v>2135.9222255000004</v>
      </c>
      <c r="AJ41" s="13">
        <v>0.13048716012111403</v>
      </c>
      <c r="AK41" s="9">
        <v>-364.29283620000206</v>
      </c>
      <c r="AL41" s="13">
        <v>-1.968644697552626E-2</v>
      </c>
      <c r="AM41" s="9">
        <v>4249.4028952000008</v>
      </c>
      <c r="AN41" s="13">
        <v>0.234250007272747</v>
      </c>
      <c r="AO41" s="9">
        <v>3885.1100589999987</v>
      </c>
      <c r="AP41" s="13">
        <v>0.20995200995002916</v>
      </c>
      <c r="AQ41" s="9">
        <v>16368.830646</v>
      </c>
      <c r="AR41" s="9">
        <v>16439.120018599999</v>
      </c>
      <c r="AS41" s="9">
        <v>16586.052980299999</v>
      </c>
      <c r="AT41" s="9">
        <v>16865.7853995</v>
      </c>
      <c r="AU41" s="9">
        <v>16783.395953899999</v>
      </c>
      <c r="AV41" s="9">
        <v>17172.571153199999</v>
      </c>
      <c r="AW41" s="9">
        <v>18504.752871500001</v>
      </c>
      <c r="AX41" s="9">
        <v>18710.2171567</v>
      </c>
      <c r="AY41" s="9">
        <v>18054.4287109</v>
      </c>
      <c r="AZ41" s="9">
        <v>18140.460035299999</v>
      </c>
      <c r="BA41" s="9">
        <v>18453.4605701</v>
      </c>
      <c r="BB41" s="9">
        <v>18857.387740900002</v>
      </c>
      <c r="BC41" s="9">
        <v>20463.316470400001</v>
      </c>
      <c r="BD41" s="9">
        <v>21332.3960142</v>
      </c>
      <c r="BE41" s="9">
        <v>22007.6370646</v>
      </c>
      <c r="BF41" s="9">
        <v>22389.862930499999</v>
      </c>
      <c r="BG41" s="11">
        <v>-371</v>
      </c>
      <c r="BH41" s="13">
        <v>-0.3086522462562396</v>
      </c>
      <c r="BI41" s="6">
        <v>120</v>
      </c>
      <c r="BJ41" s="13">
        <v>9.9833610648918464E-2</v>
      </c>
      <c r="BK41" s="6">
        <v>154</v>
      </c>
      <c r="BL41" s="13">
        <v>0.11649016641452345</v>
      </c>
      <c r="BM41" s="11">
        <v>-645</v>
      </c>
      <c r="BN41" s="13">
        <v>-0.43699186991869921</v>
      </c>
      <c r="BO41" s="11">
        <v>-491</v>
      </c>
      <c r="BP41" s="13">
        <v>-0.37140695915279881</v>
      </c>
      <c r="BQ41" s="6">
        <v>1202</v>
      </c>
      <c r="BR41" s="6">
        <v>1237</v>
      </c>
      <c r="BS41" s="6">
        <v>1278</v>
      </c>
      <c r="BT41" s="6">
        <v>1322</v>
      </c>
      <c r="BU41" s="6">
        <v>1347</v>
      </c>
      <c r="BV41" s="6">
        <v>1371</v>
      </c>
      <c r="BW41" s="6">
        <v>1476</v>
      </c>
      <c r="BX41" s="6">
        <v>1528</v>
      </c>
      <c r="BY41" s="6">
        <v>1547</v>
      </c>
      <c r="BZ41" s="6">
        <v>825</v>
      </c>
      <c r="CA41" s="6">
        <v>840</v>
      </c>
      <c r="CB41" s="6">
        <v>846</v>
      </c>
      <c r="CC41" s="11">
        <v>831</v>
      </c>
      <c r="CD41" s="11">
        <v>-279.28399999999999</v>
      </c>
      <c r="CE41" s="11">
        <v>-71.083299999999994</v>
      </c>
      <c r="CF41" s="11">
        <v>843.76400000000001</v>
      </c>
      <c r="CG41" s="11">
        <v>773</v>
      </c>
      <c r="CH41" s="20">
        <v>0.93784299999999998</v>
      </c>
      <c r="CI41" s="20">
        <v>0.93748500000000001</v>
      </c>
      <c r="CJ41" s="20">
        <v>0.94699699999999998</v>
      </c>
      <c r="CK41" s="20">
        <v>0.96354799999999996</v>
      </c>
      <c r="CL41" s="20">
        <v>1.00868</v>
      </c>
      <c r="CM41" s="20">
        <v>1.00485</v>
      </c>
      <c r="CN41" s="20">
        <v>1.01091</v>
      </c>
      <c r="CO41" s="20">
        <v>0.98592800000000003</v>
      </c>
      <c r="CP41" s="20">
        <v>0.98004599999999997</v>
      </c>
      <c r="CQ41" s="20">
        <v>0.99355499999999997</v>
      </c>
      <c r="CR41" s="20">
        <v>0.98840499999999998</v>
      </c>
      <c r="CS41" s="20">
        <v>1.00502</v>
      </c>
      <c r="CT41" s="20">
        <v>0.98356100000000002</v>
      </c>
      <c r="CU41" s="20">
        <v>0.96661600000000003</v>
      </c>
      <c r="CV41" s="20">
        <v>0.9657</v>
      </c>
      <c r="CW41" s="20">
        <v>0.95797399999999999</v>
      </c>
      <c r="CX41" s="20">
        <v>0.95180900000000002</v>
      </c>
      <c r="CY41" s="6"/>
      <c r="CZ41" s="6"/>
      <c r="DA41" s="6"/>
      <c r="DB41" s="6"/>
      <c r="DC41" s="6"/>
      <c r="DD41" s="6"/>
      <c r="DE41" s="6"/>
      <c r="DF41" s="6"/>
      <c r="DG41" s="6"/>
      <c r="DH41" s="6"/>
      <c r="DI41" s="6"/>
      <c r="DJ41" s="6"/>
      <c r="DK41" s="6"/>
      <c r="DL41" s="6"/>
      <c r="DM41" s="6"/>
      <c r="DN41" s="6"/>
      <c r="DO41" s="6"/>
    </row>
    <row r="42" spans="1:119" hidden="1" x14ac:dyDescent="0.2">
      <c r="A42" s="6" t="s">
        <v>327</v>
      </c>
      <c r="B42" s="6" t="s">
        <v>327</v>
      </c>
      <c r="C42" s="6" t="s">
        <v>194</v>
      </c>
      <c r="D42" s="6" t="s">
        <v>335</v>
      </c>
      <c r="E42" s="6" t="s">
        <v>328</v>
      </c>
      <c r="F42" s="11">
        <v>1245</v>
      </c>
      <c r="G42" s="13">
        <v>3.9414949188000002E-2</v>
      </c>
      <c r="H42" s="11">
        <v>2422.842772</v>
      </c>
      <c r="I42" s="13">
        <v>7.6702631846318717E-2</v>
      </c>
      <c r="J42" s="11">
        <v>50.25798599999689</v>
      </c>
      <c r="K42" s="13">
        <v>1.4777274484557453E-3</v>
      </c>
      <c r="L42" s="11">
        <v>-1228.086452399999</v>
      </c>
      <c r="M42" s="13">
        <v>-3.6055946829150934E-2</v>
      </c>
      <c r="N42" s="11">
        <v>-1177.8284664000021</v>
      </c>
      <c r="O42" s="13">
        <v>-3.4631500243004688E-2</v>
      </c>
      <c r="P42" s="7">
        <v>31587.478991</v>
      </c>
      <c r="Q42" s="7">
        <v>31580.48172</v>
      </c>
      <c r="R42" s="7">
        <v>32268.019544999999</v>
      </c>
      <c r="S42" s="7">
        <v>32434.43936</v>
      </c>
      <c r="T42" s="7">
        <v>32538.970336999999</v>
      </c>
      <c r="U42" s="7">
        <v>33142.210977000002</v>
      </c>
      <c r="V42" s="7">
        <v>34010.321763</v>
      </c>
      <c r="W42" s="7">
        <v>34957.470916999999</v>
      </c>
      <c r="X42" s="7">
        <v>35000.083067</v>
      </c>
      <c r="Y42" s="7">
        <v>34060.579748999997</v>
      </c>
      <c r="Z42" s="7">
        <v>33400.647966999997</v>
      </c>
      <c r="AA42" s="7">
        <v>33391.692770000001</v>
      </c>
      <c r="AB42" s="7">
        <v>33124.910121000001</v>
      </c>
      <c r="AC42" s="7">
        <v>33288.655587000001</v>
      </c>
      <c r="AD42" s="7">
        <v>32977.779687000002</v>
      </c>
      <c r="AE42" s="7">
        <v>32827.184691000002</v>
      </c>
      <c r="AF42" s="7">
        <v>32832.493296599998</v>
      </c>
      <c r="AG42" s="9">
        <v>14857.135001599996</v>
      </c>
      <c r="AH42" s="13">
        <v>0.4626936999349619</v>
      </c>
      <c r="AI42" s="9">
        <v>8731.9237146999985</v>
      </c>
      <c r="AJ42" s="13">
        <v>0.27193709222331769</v>
      </c>
      <c r="AK42" s="9">
        <v>3126.8030280000021</v>
      </c>
      <c r="AL42" s="13">
        <v>7.6558498621359244E-2</v>
      </c>
      <c r="AM42" s="9">
        <v>2998.4082588999954</v>
      </c>
      <c r="AN42" s="13">
        <v>6.8193976535427053E-2</v>
      </c>
      <c r="AO42" s="9">
        <v>6125.2112868999975</v>
      </c>
      <c r="AP42" s="13">
        <v>0.14997330361535879</v>
      </c>
      <c r="AQ42" s="9">
        <v>32110.087091500001</v>
      </c>
      <c r="AR42" s="9">
        <v>33395.934812500003</v>
      </c>
      <c r="AS42" s="9">
        <v>34530.692777199998</v>
      </c>
      <c r="AT42" s="9">
        <v>36286.969132500002</v>
      </c>
      <c r="AU42" s="9">
        <v>38202.587463999997</v>
      </c>
      <c r="AV42" s="9">
        <v>39338.671332799997</v>
      </c>
      <c r="AW42" s="9">
        <v>40842.0108062</v>
      </c>
      <c r="AX42" s="9">
        <v>41691.946172600001</v>
      </c>
      <c r="AY42" s="9">
        <v>42783.9483196</v>
      </c>
      <c r="AZ42" s="9">
        <v>43968.813834200002</v>
      </c>
      <c r="BA42" s="9">
        <v>43998.376757400001</v>
      </c>
      <c r="BB42" s="9">
        <v>44071.638742800002</v>
      </c>
      <c r="BC42" s="9">
        <v>45007.846765900002</v>
      </c>
      <c r="BD42" s="9">
        <v>44939.580363599998</v>
      </c>
      <c r="BE42" s="9">
        <v>46111.181825500003</v>
      </c>
      <c r="BF42" s="9">
        <v>46967.222093099997</v>
      </c>
      <c r="BG42" s="11">
        <v>60.25</v>
      </c>
      <c r="BH42" s="13">
        <v>5.1984469370146676E-2</v>
      </c>
      <c r="BI42" s="6">
        <v>57</v>
      </c>
      <c r="BJ42" s="13">
        <v>4.9180327868852458E-2</v>
      </c>
      <c r="BK42" s="6">
        <v>33</v>
      </c>
      <c r="BL42" s="13">
        <v>2.7138157894736843E-2</v>
      </c>
      <c r="BM42" s="11">
        <v>-29.75</v>
      </c>
      <c r="BN42" s="13">
        <v>-2.3819055244195357E-2</v>
      </c>
      <c r="BO42" s="11">
        <v>3.25</v>
      </c>
      <c r="BP42" s="13">
        <v>2.6726973684210527E-3</v>
      </c>
      <c r="BQ42" s="6">
        <v>1159</v>
      </c>
      <c r="BR42" s="6">
        <v>1148</v>
      </c>
      <c r="BS42" s="6">
        <v>1159</v>
      </c>
      <c r="BT42" s="6">
        <v>1216</v>
      </c>
      <c r="BU42" s="6">
        <v>1214</v>
      </c>
      <c r="BV42" s="6">
        <v>1243</v>
      </c>
      <c r="BW42" s="6">
        <v>1249</v>
      </c>
      <c r="BX42" s="6">
        <v>1244</v>
      </c>
      <c r="BY42" s="6">
        <v>1228</v>
      </c>
      <c r="BZ42" s="6">
        <v>1216</v>
      </c>
      <c r="CA42" s="6">
        <v>1215</v>
      </c>
      <c r="CB42" s="6">
        <v>1215</v>
      </c>
      <c r="CC42" s="11">
        <v>1219.25</v>
      </c>
      <c r="CD42" s="11">
        <v>-356.07299999999998</v>
      </c>
      <c r="CE42" s="11">
        <v>-1851.8</v>
      </c>
      <c r="CF42" s="11">
        <v>3452.89</v>
      </c>
      <c r="CG42" s="11">
        <v>1601</v>
      </c>
      <c r="CH42" s="20">
        <v>1.15537</v>
      </c>
      <c r="CI42" s="20">
        <v>1.1302700000000001</v>
      </c>
      <c r="CJ42" s="20">
        <v>1.1390499999999999</v>
      </c>
      <c r="CK42" s="20">
        <v>1.13114</v>
      </c>
      <c r="CL42" s="20">
        <v>1.1314599999999999</v>
      </c>
      <c r="CM42" s="20">
        <v>1.1455900000000001</v>
      </c>
      <c r="CN42" s="20">
        <v>1.16845</v>
      </c>
      <c r="CO42" s="20">
        <v>1.1893499999999999</v>
      </c>
      <c r="CP42" s="20">
        <v>1.18482</v>
      </c>
      <c r="CQ42" s="20">
        <v>1.1604099999999999</v>
      </c>
      <c r="CR42" s="20">
        <v>1.17448</v>
      </c>
      <c r="CS42" s="20">
        <v>1.1955100000000001</v>
      </c>
      <c r="CT42" s="20">
        <v>1.22194</v>
      </c>
      <c r="CU42" s="20">
        <v>1.23488</v>
      </c>
      <c r="CV42" s="20">
        <v>1.2217499999999999</v>
      </c>
      <c r="CW42" s="20">
        <v>1.2068099999999999</v>
      </c>
      <c r="CX42" s="20">
        <v>1.1994400000000001</v>
      </c>
      <c r="CY42" s="6"/>
      <c r="CZ42" s="6"/>
      <c r="DA42" s="6"/>
      <c r="DB42" s="6"/>
      <c r="DC42" s="6"/>
      <c r="DD42" s="6"/>
      <c r="DE42" s="6"/>
      <c r="DF42" s="6"/>
      <c r="DG42" s="6"/>
      <c r="DH42" s="6"/>
      <c r="DI42" s="6"/>
      <c r="DJ42" s="6"/>
      <c r="DK42" s="6"/>
      <c r="DL42" s="6"/>
      <c r="DM42" s="6"/>
      <c r="DN42" s="6"/>
      <c r="DO42" s="6"/>
    </row>
    <row r="43" spans="1:119" hidden="1" x14ac:dyDescent="0.2">
      <c r="A43" s="6" t="s">
        <v>785</v>
      </c>
      <c r="B43" s="6" t="s">
        <v>785</v>
      </c>
      <c r="C43" s="6" t="s">
        <v>329</v>
      </c>
      <c r="D43" s="6" t="s">
        <v>337</v>
      </c>
      <c r="E43" s="6" t="s">
        <v>331</v>
      </c>
      <c r="F43" s="11">
        <v>79292</v>
      </c>
      <c r="G43" s="13">
        <v>3.6578727393199999E-2</v>
      </c>
      <c r="H43" s="11">
        <v>34804</v>
      </c>
      <c r="I43" s="13">
        <v>1.6055668014326653E-2</v>
      </c>
      <c r="J43" s="11">
        <v>-119627</v>
      </c>
      <c r="K43" s="13">
        <v>-5.4313892500926213E-2</v>
      </c>
      <c r="L43" s="11">
        <v>164115</v>
      </c>
      <c r="M43" s="13">
        <v>7.8792156071986683E-2</v>
      </c>
      <c r="N43" s="11">
        <v>44488</v>
      </c>
      <c r="O43" s="13">
        <v>2.0198754876250391E-2</v>
      </c>
      <c r="P43" s="7">
        <v>2167708</v>
      </c>
      <c r="Q43" s="7">
        <v>2150860</v>
      </c>
      <c r="R43" s="7">
        <v>2144084</v>
      </c>
      <c r="S43" s="7">
        <v>2143921</v>
      </c>
      <c r="T43" s="7">
        <v>2168500</v>
      </c>
      <c r="U43" s="7">
        <v>2191633</v>
      </c>
      <c r="V43" s="7">
        <v>2202512</v>
      </c>
      <c r="W43" s="7">
        <v>2195190</v>
      </c>
      <c r="X43" s="7">
        <v>2111360</v>
      </c>
      <c r="Y43" s="7">
        <v>2082885</v>
      </c>
      <c r="Z43" s="7">
        <v>2090497</v>
      </c>
      <c r="AA43" s="7">
        <v>2123334</v>
      </c>
      <c r="AB43" s="7">
        <v>2135760</v>
      </c>
      <c r="AC43" s="7">
        <v>2158157</v>
      </c>
      <c r="AD43" s="7">
        <v>2200431</v>
      </c>
      <c r="AE43" s="7">
        <v>2226183</v>
      </c>
      <c r="AF43" s="7">
        <v>2247000</v>
      </c>
      <c r="AG43" s="9">
        <v>17300.523514400003</v>
      </c>
      <c r="AH43" s="13">
        <v>0.41998744289280526</v>
      </c>
      <c r="AI43" s="9">
        <v>8232.193310900002</v>
      </c>
      <c r="AJ43" s="13">
        <v>0.19984469343753583</v>
      </c>
      <c r="AK43" s="9">
        <v>2856.311761500001</v>
      </c>
      <c r="AL43" s="13">
        <v>5.7790657252800928E-2</v>
      </c>
      <c r="AM43" s="9">
        <v>6212.0184420000005</v>
      </c>
      <c r="AN43" s="13">
        <v>0.11881876528088534</v>
      </c>
      <c r="AO43" s="9">
        <v>9068.3302035000015</v>
      </c>
      <c r="AP43" s="13">
        <v>0.1834760370732349</v>
      </c>
      <c r="AQ43" s="9">
        <v>41192.954235099998</v>
      </c>
      <c r="AR43" s="9">
        <v>42307.302845600003</v>
      </c>
      <c r="AS43" s="9">
        <v>43313.5910104</v>
      </c>
      <c r="AT43" s="9">
        <v>44799.393392099999</v>
      </c>
      <c r="AU43" s="9">
        <v>46269.531307800004</v>
      </c>
      <c r="AV43" s="9">
        <v>47885.155362999998</v>
      </c>
      <c r="AW43" s="9">
        <v>49425.147546</v>
      </c>
      <c r="AX43" s="9">
        <v>51600.0497474</v>
      </c>
      <c r="AY43" s="9">
        <v>51241.033007700004</v>
      </c>
      <c r="AZ43" s="9">
        <v>52281.459307500001</v>
      </c>
      <c r="BA43" s="9">
        <v>52915.298702300002</v>
      </c>
      <c r="BB43" s="9">
        <v>54064.457518000003</v>
      </c>
      <c r="BC43" s="9">
        <v>54918.731434000001</v>
      </c>
      <c r="BD43" s="9">
        <v>55991.749512399998</v>
      </c>
      <c r="BE43" s="9">
        <v>57659.4482728</v>
      </c>
      <c r="BF43" s="9">
        <v>58493.477749500002</v>
      </c>
      <c r="BG43" s="11">
        <v>14060</v>
      </c>
      <c r="BH43" s="13">
        <v>0.13308470661731994</v>
      </c>
      <c r="BI43" s="6">
        <v>2536</v>
      </c>
      <c r="BJ43" s="13">
        <v>2.400446770850095E-2</v>
      </c>
      <c r="BK43" s="6">
        <v>-2853</v>
      </c>
      <c r="BL43" s="13">
        <v>-2.6371980810293669E-2</v>
      </c>
      <c r="BM43" s="11">
        <v>14377</v>
      </c>
      <c r="BN43" s="13">
        <v>0.13649482578562613</v>
      </c>
      <c r="BO43" s="11">
        <v>11524</v>
      </c>
      <c r="BP43" s="13">
        <v>0.10652320604900954</v>
      </c>
      <c r="BQ43" s="6">
        <v>105647</v>
      </c>
      <c r="BR43" s="6">
        <v>106309</v>
      </c>
      <c r="BS43" s="6">
        <v>106967</v>
      </c>
      <c r="BT43" s="6">
        <v>108183</v>
      </c>
      <c r="BU43" s="6">
        <v>107800</v>
      </c>
      <c r="BV43" s="6">
        <v>106038</v>
      </c>
      <c r="BW43" s="6">
        <v>105330</v>
      </c>
      <c r="BX43" s="6">
        <v>105664</v>
      </c>
      <c r="BY43" s="6">
        <v>107421</v>
      </c>
      <c r="BZ43" s="6">
        <v>109858</v>
      </c>
      <c r="CA43" s="6">
        <v>113073</v>
      </c>
      <c r="CB43" s="6">
        <v>118218</v>
      </c>
      <c r="CC43" s="11">
        <v>119707</v>
      </c>
      <c r="CD43" s="11">
        <v>-192183</v>
      </c>
      <c r="CE43" s="11">
        <v>34518</v>
      </c>
      <c r="CF43" s="11">
        <v>236957</v>
      </c>
      <c r="CG43" s="11">
        <v>271475</v>
      </c>
      <c r="CH43" s="20"/>
      <c r="CI43" s="20"/>
      <c r="CJ43" s="20"/>
      <c r="CK43" s="20"/>
      <c r="CL43" s="20"/>
      <c r="CM43" s="20"/>
      <c r="CN43" s="20"/>
      <c r="CO43" s="20"/>
      <c r="CP43" s="20"/>
      <c r="CQ43" s="20"/>
      <c r="CR43" s="20"/>
      <c r="CS43" s="20"/>
      <c r="CT43" s="20"/>
      <c r="CU43" s="20"/>
      <c r="CV43" s="20"/>
      <c r="CW43" s="20"/>
      <c r="CX43" s="20"/>
      <c r="CY43" s="6"/>
      <c r="CZ43" s="6"/>
      <c r="DA43" s="6"/>
      <c r="DB43" s="6"/>
      <c r="DC43" s="6"/>
      <c r="DD43" s="6"/>
      <c r="DE43" s="6"/>
      <c r="DF43" s="6"/>
      <c r="DG43" s="6"/>
      <c r="DH43" s="6"/>
      <c r="DI43" s="6"/>
      <c r="DJ43" s="6"/>
      <c r="DK43" s="6"/>
      <c r="DL43" s="6"/>
      <c r="DM43" s="6"/>
      <c r="DN43" s="6"/>
      <c r="DO43" s="6"/>
    </row>
    <row r="44" spans="1:119" hidden="1" x14ac:dyDescent="0.2">
      <c r="A44" s="6" t="s">
        <v>1</v>
      </c>
      <c r="B44" s="6" t="s">
        <v>1</v>
      </c>
      <c r="C44" s="6" t="s">
        <v>2</v>
      </c>
      <c r="D44" s="6" t="s">
        <v>337</v>
      </c>
      <c r="E44" s="6" t="s">
        <v>331</v>
      </c>
      <c r="F44" s="11">
        <v>-1647</v>
      </c>
      <c r="G44" s="13">
        <v>-0.19215960798000001</v>
      </c>
      <c r="H44" s="11">
        <v>-383.23167966000074</v>
      </c>
      <c r="I44" s="13">
        <v>-4.4710379026968304E-2</v>
      </c>
      <c r="J44" s="11">
        <v>-1883.8704937000002</v>
      </c>
      <c r="K44" s="13">
        <v>-0.23007155811649704</v>
      </c>
      <c r="L44" s="11">
        <v>620.11353292000058</v>
      </c>
      <c r="M44" s="13">
        <v>9.8363219640362959E-2</v>
      </c>
      <c r="N44" s="11">
        <v>-1263.7569607799996</v>
      </c>
      <c r="O44" s="13">
        <v>-0.1543389176801476</v>
      </c>
      <c r="P44" s="7">
        <v>8571.4254273900006</v>
      </c>
      <c r="Q44" s="7">
        <v>8235.4484864700007</v>
      </c>
      <c r="R44" s="7">
        <v>8026.7553237399998</v>
      </c>
      <c r="S44" s="7">
        <v>7273.3700233299996</v>
      </c>
      <c r="T44" s="7">
        <v>8212.2593434900009</v>
      </c>
      <c r="U44" s="7">
        <v>8194.3645251899998</v>
      </c>
      <c r="V44" s="7">
        <v>8188.1937477299998</v>
      </c>
      <c r="W44" s="7">
        <v>7074.0105032499996</v>
      </c>
      <c r="X44" s="7">
        <v>6424.9738453299997</v>
      </c>
      <c r="Y44" s="7">
        <v>6304.3232540299996</v>
      </c>
      <c r="Z44" s="7">
        <v>6145.6412606100002</v>
      </c>
      <c r="AA44" s="7">
        <v>5918.0504120100004</v>
      </c>
      <c r="AB44" s="7">
        <v>5803.66296332</v>
      </c>
      <c r="AC44" s="7">
        <v>6680.3078158600001</v>
      </c>
      <c r="AD44" s="7">
        <v>7043.5384655300004</v>
      </c>
      <c r="AE44" s="7">
        <v>6909.3804029000003</v>
      </c>
      <c r="AF44" s="7">
        <v>6924.4367869500002</v>
      </c>
      <c r="AG44" s="9">
        <v>9824.9712696999995</v>
      </c>
      <c r="AH44" s="13">
        <v>0.44076444378847274</v>
      </c>
      <c r="AI44" s="9">
        <v>2890.5984181999993</v>
      </c>
      <c r="AJ44" s="13">
        <v>0.12967702083190569</v>
      </c>
      <c r="AK44" s="9">
        <v>2196.4290118000026</v>
      </c>
      <c r="AL44" s="13">
        <v>8.7224430125005914E-2</v>
      </c>
      <c r="AM44" s="9">
        <v>4737.9438396999976</v>
      </c>
      <c r="AN44" s="13">
        <v>0.1730579979786169</v>
      </c>
      <c r="AO44" s="9">
        <v>6934.3728515000003</v>
      </c>
      <c r="AP44" s="13">
        <v>0.27537731335588211</v>
      </c>
      <c r="AQ44" s="9">
        <v>22290.7528231</v>
      </c>
      <c r="AR44" s="9">
        <v>23099.706165899999</v>
      </c>
      <c r="AS44" s="9">
        <v>27079.270320799998</v>
      </c>
      <c r="AT44" s="9">
        <v>22226.856275499998</v>
      </c>
      <c r="AU44" s="9">
        <v>23908.236884900001</v>
      </c>
      <c r="AV44" s="9">
        <v>24011.9533084</v>
      </c>
      <c r="AW44" s="9">
        <v>25181.351241299999</v>
      </c>
      <c r="AX44" s="9">
        <v>27848.502779400002</v>
      </c>
      <c r="AY44" s="9">
        <v>28871.3992244</v>
      </c>
      <c r="AZ44" s="9">
        <v>27377.780253100002</v>
      </c>
      <c r="BA44" s="9">
        <v>26743.904619699999</v>
      </c>
      <c r="BB44" s="9">
        <v>28917.8452425</v>
      </c>
      <c r="BC44" s="9">
        <v>29506.665736700001</v>
      </c>
      <c r="BD44" s="9">
        <v>29846.792003400002</v>
      </c>
      <c r="BE44" s="9">
        <v>31794.9474261</v>
      </c>
      <c r="BF44" s="9">
        <v>32115.724092799999</v>
      </c>
      <c r="BG44" s="11">
        <v>14.75</v>
      </c>
      <c r="BH44" s="13">
        <v>5.673076923076923E-2</v>
      </c>
      <c r="BI44" s="6">
        <v>2</v>
      </c>
      <c r="BJ44" s="13">
        <v>7.6923076923076927E-3</v>
      </c>
      <c r="BK44" s="6">
        <v>3</v>
      </c>
      <c r="BL44" s="13">
        <v>1.1450381679389313E-2</v>
      </c>
      <c r="BM44" s="11">
        <v>9.75</v>
      </c>
      <c r="BN44" s="13">
        <v>3.6792452830188678E-2</v>
      </c>
      <c r="BO44" s="11">
        <v>12.75</v>
      </c>
      <c r="BP44" s="13">
        <v>4.8664122137404578E-2</v>
      </c>
      <c r="BQ44" s="6">
        <v>260</v>
      </c>
      <c r="BR44" s="6">
        <v>266</v>
      </c>
      <c r="BS44" s="6">
        <v>262</v>
      </c>
      <c r="BT44" s="6">
        <v>262</v>
      </c>
      <c r="BU44" s="6">
        <v>268</v>
      </c>
      <c r="BV44" s="6">
        <v>264</v>
      </c>
      <c r="BW44" s="6">
        <v>265</v>
      </c>
      <c r="BX44" s="6">
        <v>268</v>
      </c>
      <c r="BY44" s="6">
        <v>266</v>
      </c>
      <c r="BZ44" s="6">
        <v>261</v>
      </c>
      <c r="CA44" s="6">
        <v>261</v>
      </c>
      <c r="CB44" s="6">
        <v>277</v>
      </c>
      <c r="CC44" s="11">
        <v>274.75</v>
      </c>
      <c r="CD44" s="11">
        <v>-1802.46</v>
      </c>
      <c r="CE44" s="11">
        <v>-781.48900000000003</v>
      </c>
      <c r="CF44" s="11">
        <v>936.96</v>
      </c>
      <c r="CG44" s="11">
        <v>156</v>
      </c>
      <c r="CH44" s="20">
        <v>0.29667399999999999</v>
      </c>
      <c r="CI44" s="20">
        <v>0.28854099999999999</v>
      </c>
      <c r="CJ44" s="20">
        <v>0.280912</v>
      </c>
      <c r="CK44" s="20">
        <v>0.25640000000000002</v>
      </c>
      <c r="CL44" s="20">
        <v>0.28934500000000002</v>
      </c>
      <c r="CM44" s="20">
        <v>0.29124</v>
      </c>
      <c r="CN44" s="20">
        <v>0.29474699999999998</v>
      </c>
      <c r="CO44" s="20">
        <v>0.26116499999999998</v>
      </c>
      <c r="CP44" s="20">
        <v>0.238784</v>
      </c>
      <c r="CQ44" s="20">
        <v>0.236979</v>
      </c>
      <c r="CR44" s="20">
        <v>0.231077</v>
      </c>
      <c r="CS44" s="20">
        <v>0.220222</v>
      </c>
      <c r="CT44" s="20">
        <v>0.21495400000000001</v>
      </c>
      <c r="CU44" s="20">
        <v>0.24598400000000001</v>
      </c>
      <c r="CV44" s="20">
        <v>0.25614599999999998</v>
      </c>
      <c r="CW44" s="20">
        <v>0.25138700000000003</v>
      </c>
      <c r="CX44" s="20">
        <v>0.25191599999999997</v>
      </c>
      <c r="CY44" s="6"/>
      <c r="CZ44" s="6"/>
      <c r="DA44" s="6"/>
      <c r="DB44" s="6"/>
      <c r="DC44" s="6"/>
      <c r="DD44" s="6"/>
      <c r="DE44" s="6"/>
      <c r="DF44" s="6"/>
      <c r="DG44" s="6"/>
      <c r="DH44" s="6"/>
      <c r="DI44" s="6"/>
      <c r="DJ44" s="6"/>
      <c r="DK44" s="6"/>
      <c r="DL44" s="6"/>
      <c r="DM44" s="6"/>
      <c r="DN44" s="6"/>
      <c r="DO44" s="6"/>
    </row>
    <row r="45" spans="1:119" hidden="1" x14ac:dyDescent="0.2">
      <c r="A45" s="6" t="s">
        <v>310</v>
      </c>
      <c r="B45" s="6" t="s">
        <v>310</v>
      </c>
      <c r="C45" s="6" t="s">
        <v>173</v>
      </c>
      <c r="D45" s="6" t="s">
        <v>337</v>
      </c>
      <c r="E45" s="6" t="s">
        <v>331</v>
      </c>
      <c r="F45" s="11">
        <v>-309</v>
      </c>
      <c r="G45" s="13">
        <v>-0.20156555773000001</v>
      </c>
      <c r="H45" s="11">
        <v>181.60942734999981</v>
      </c>
      <c r="I45" s="13">
        <v>0.11844104630509648</v>
      </c>
      <c r="J45" s="11">
        <v>-465.55700210999998</v>
      </c>
      <c r="K45" s="13">
        <v>-0.27147110588066725</v>
      </c>
      <c r="L45" s="11">
        <v>-25.484318779999967</v>
      </c>
      <c r="M45" s="13">
        <v>-2.0397502600596779E-2</v>
      </c>
      <c r="N45" s="11">
        <v>-491.04132088999995</v>
      </c>
      <c r="O45" s="13">
        <v>-0.28633127589307628</v>
      </c>
      <c r="P45" s="7">
        <v>1533.3318390500001</v>
      </c>
      <c r="Q45" s="7">
        <v>1480.2219877800001</v>
      </c>
      <c r="R45" s="7">
        <v>1570.24755903</v>
      </c>
      <c r="S45" s="7">
        <v>1495.10318979</v>
      </c>
      <c r="T45" s="7">
        <v>1867.1494093900001</v>
      </c>
      <c r="U45" s="7">
        <v>1807.1827496599999</v>
      </c>
      <c r="V45" s="7">
        <v>1714.9412663999999</v>
      </c>
      <c r="W45" s="7">
        <v>1283.4155470999999</v>
      </c>
      <c r="X45" s="7">
        <v>1303.1034016000001</v>
      </c>
      <c r="Y45" s="7">
        <v>1249.3842642899999</v>
      </c>
      <c r="Z45" s="7">
        <v>1172.6056943399999</v>
      </c>
      <c r="AA45" s="7">
        <v>1125.15532136</v>
      </c>
      <c r="AB45" s="7">
        <v>1134.20289626</v>
      </c>
      <c r="AC45" s="7">
        <v>1129.41253886</v>
      </c>
      <c r="AD45" s="7">
        <v>1204.7143904300001</v>
      </c>
      <c r="AE45" s="7">
        <v>1216.6813780699999</v>
      </c>
      <c r="AF45" s="7">
        <v>1223.89994551</v>
      </c>
      <c r="AG45" s="9">
        <v>26542.520452500001</v>
      </c>
      <c r="AH45" s="13">
        <v>0.36310333112522847</v>
      </c>
      <c r="AI45" s="9">
        <v>75242.877817600005</v>
      </c>
      <c r="AJ45" s="13">
        <v>1.029327249758069</v>
      </c>
      <c r="AK45" s="9">
        <v>-65082.2134486</v>
      </c>
      <c r="AL45" s="13">
        <v>-0.43873097803894118</v>
      </c>
      <c r="AM45" s="9">
        <v>16381.856083499995</v>
      </c>
      <c r="AN45" s="13">
        <v>0.19675601534124007</v>
      </c>
      <c r="AO45" s="9">
        <v>-48700.357365100004</v>
      </c>
      <c r="AP45" s="13">
        <v>-0.32829792174340833</v>
      </c>
      <c r="AQ45" s="9">
        <v>73099.082760399993</v>
      </c>
      <c r="AR45" s="9">
        <v>78664.540612299999</v>
      </c>
      <c r="AS45" s="9">
        <v>92790.815662599998</v>
      </c>
      <c r="AT45" s="9">
        <v>79398.167822000003</v>
      </c>
      <c r="AU45" s="9">
        <v>138403.02600899999</v>
      </c>
      <c r="AV45" s="9">
        <v>158546.135251</v>
      </c>
      <c r="AW45" s="9">
        <v>148341.960578</v>
      </c>
      <c r="AX45" s="9">
        <v>118733.66364899999</v>
      </c>
      <c r="AY45" s="9">
        <v>91807.589009899995</v>
      </c>
      <c r="AZ45" s="9">
        <v>83259.747129399999</v>
      </c>
      <c r="BA45" s="9">
        <v>98664.147955099994</v>
      </c>
      <c r="BB45" s="9">
        <v>96570.757922399993</v>
      </c>
      <c r="BC45" s="9">
        <v>91473.691942100006</v>
      </c>
      <c r="BD45" s="9">
        <v>102076.467602</v>
      </c>
      <c r="BE45" s="9">
        <v>101312.84465299999</v>
      </c>
      <c r="BF45" s="9">
        <v>99641.603212899994</v>
      </c>
      <c r="BG45" s="11">
        <v>2.25</v>
      </c>
      <c r="BH45" s="13">
        <v>2.9605263157894735E-2</v>
      </c>
      <c r="BI45" s="6">
        <v>10</v>
      </c>
      <c r="BJ45" s="13">
        <v>0.13157894736842105</v>
      </c>
      <c r="BK45" s="6">
        <v>1</v>
      </c>
      <c r="BL45" s="13">
        <v>1.1627906976744186E-2</v>
      </c>
      <c r="BM45" s="11">
        <v>-8.75</v>
      </c>
      <c r="BN45" s="13">
        <v>-0.10057471264367816</v>
      </c>
      <c r="BO45" s="11">
        <v>-7.75</v>
      </c>
      <c r="BP45" s="13">
        <v>-9.0116279069767435E-2</v>
      </c>
      <c r="BQ45" s="6">
        <v>76</v>
      </c>
      <c r="BR45" s="6">
        <v>82</v>
      </c>
      <c r="BS45" s="6">
        <v>79</v>
      </c>
      <c r="BT45" s="6">
        <v>86</v>
      </c>
      <c r="BU45" s="6">
        <v>87</v>
      </c>
      <c r="BV45" s="6">
        <v>88</v>
      </c>
      <c r="BW45" s="6">
        <v>87</v>
      </c>
      <c r="BX45" s="6">
        <v>81</v>
      </c>
      <c r="BY45" s="6">
        <v>80</v>
      </c>
      <c r="BZ45" s="6">
        <v>77</v>
      </c>
      <c r="CA45" s="6">
        <v>77</v>
      </c>
      <c r="CB45" s="6">
        <v>79</v>
      </c>
      <c r="CC45" s="11">
        <v>78.25</v>
      </c>
      <c r="CD45" s="11">
        <v>-636.12300000000005</v>
      </c>
      <c r="CE45" s="11">
        <v>159.08000000000001</v>
      </c>
      <c r="CF45" s="11">
        <v>167.61199999999999</v>
      </c>
      <c r="CG45" s="11">
        <v>327</v>
      </c>
      <c r="CH45" s="20">
        <v>0.187055</v>
      </c>
      <c r="CI45" s="20">
        <v>0.19094</v>
      </c>
      <c r="CJ45" s="20">
        <v>0.20519000000000001</v>
      </c>
      <c r="CK45" s="20">
        <v>0.19042000000000001</v>
      </c>
      <c r="CL45" s="20">
        <v>0.221752</v>
      </c>
      <c r="CM45" s="20">
        <v>0.19653699999999999</v>
      </c>
      <c r="CN45" s="20">
        <v>0.175287</v>
      </c>
      <c r="CO45" s="20">
        <v>0.121389</v>
      </c>
      <c r="CP45" s="20">
        <v>0.136295</v>
      </c>
      <c r="CQ45" s="20">
        <v>0.12961</v>
      </c>
      <c r="CR45" s="20">
        <v>0.10953599999999999</v>
      </c>
      <c r="CS45" s="20">
        <v>9.6528500000000003E-2</v>
      </c>
      <c r="CT45" s="20">
        <v>9.6116800000000002E-2</v>
      </c>
      <c r="CU45" s="20">
        <v>9.3380699999999997E-2</v>
      </c>
      <c r="CV45" s="20">
        <v>0.111192</v>
      </c>
      <c r="CW45" s="20">
        <v>0.132246</v>
      </c>
      <c r="CX45" s="20">
        <v>0.131719</v>
      </c>
      <c r="CY45" s="6"/>
      <c r="CZ45" s="6"/>
      <c r="DA45" s="6"/>
      <c r="DB45" s="6"/>
      <c r="DC45" s="6"/>
      <c r="DD45" s="6"/>
      <c r="DE45" s="6"/>
      <c r="DF45" s="6"/>
      <c r="DG45" s="6"/>
      <c r="DH45" s="6"/>
      <c r="DI45" s="6"/>
      <c r="DJ45" s="6"/>
      <c r="DK45" s="6"/>
      <c r="DL45" s="6"/>
      <c r="DM45" s="6"/>
      <c r="DN45" s="6"/>
      <c r="DO45" s="6"/>
    </row>
    <row r="46" spans="1:119" hidden="1" x14ac:dyDescent="0.2">
      <c r="A46" s="6" t="s">
        <v>311</v>
      </c>
      <c r="B46" s="6" t="s">
        <v>311</v>
      </c>
      <c r="C46" s="6" t="s">
        <v>174</v>
      </c>
      <c r="D46" s="6" t="s">
        <v>337</v>
      </c>
      <c r="E46" s="6" t="s">
        <v>331</v>
      </c>
      <c r="F46" s="11">
        <v>-949</v>
      </c>
      <c r="G46" s="13">
        <v>-0.12866052060700001</v>
      </c>
      <c r="H46" s="11">
        <v>-609.09310300000016</v>
      </c>
      <c r="I46" s="13">
        <v>-8.2572109033657484E-2</v>
      </c>
      <c r="J46" s="11">
        <v>161.7812814200006</v>
      </c>
      <c r="K46" s="13">
        <v>2.390595113413254E-2</v>
      </c>
      <c r="L46" s="11">
        <v>-501.80802293000033</v>
      </c>
      <c r="M46" s="13">
        <v>-7.2419461271088795E-2</v>
      </c>
      <c r="N46" s="11">
        <v>-340.02674150999974</v>
      </c>
      <c r="O46" s="13">
        <v>-5.0244766239263113E-2</v>
      </c>
      <c r="P46" s="7">
        <v>7376.4992819999998</v>
      </c>
      <c r="Q46" s="7">
        <v>7292.0426040000002</v>
      </c>
      <c r="R46" s="7">
        <v>6752.72397</v>
      </c>
      <c r="S46" s="7">
        <v>6403.5162819999996</v>
      </c>
      <c r="T46" s="7">
        <v>6406.8046599999998</v>
      </c>
      <c r="U46" s="7">
        <v>6533.7445079999998</v>
      </c>
      <c r="V46" s="7">
        <v>6767.4061789999996</v>
      </c>
      <c r="W46" s="7">
        <v>6876.5130390000004</v>
      </c>
      <c r="X46" s="7">
        <v>6869.9667710000003</v>
      </c>
      <c r="Y46" s="7">
        <v>6929.1874604200002</v>
      </c>
      <c r="Z46" s="7">
        <v>6867.7090300299997</v>
      </c>
      <c r="AA46" s="7">
        <v>6757.2563580599999</v>
      </c>
      <c r="AB46" s="7">
        <v>6664.75411824</v>
      </c>
      <c r="AC46" s="7">
        <v>6594.1138838999996</v>
      </c>
      <c r="AD46" s="7">
        <v>6533.35331606</v>
      </c>
      <c r="AE46" s="7">
        <v>6472.65090358</v>
      </c>
      <c r="AF46" s="7">
        <v>6427.3794374899999</v>
      </c>
      <c r="AG46" s="9">
        <v>27001.794839499998</v>
      </c>
      <c r="AH46" s="13">
        <v>0.28008081503116306</v>
      </c>
      <c r="AI46" s="9">
        <v>1476.4530767999968</v>
      </c>
      <c r="AJ46" s="13">
        <v>1.5314766428062713E-2</v>
      </c>
      <c r="AK46" s="9">
        <v>13300.865602700011</v>
      </c>
      <c r="AL46" s="13">
        <v>0.13588450326094031</v>
      </c>
      <c r="AM46" s="9">
        <v>12224.476159999991</v>
      </c>
      <c r="AN46" s="13">
        <v>0.10994769000308272</v>
      </c>
      <c r="AO46" s="9">
        <v>25525.341762700002</v>
      </c>
      <c r="AP46" s="13">
        <v>0.26077238050477974</v>
      </c>
      <c r="AQ46" s="9">
        <v>96407.156043499999</v>
      </c>
      <c r="AR46" s="9">
        <v>109549.732022</v>
      </c>
      <c r="AS46" s="9">
        <v>80247.714087800006</v>
      </c>
      <c r="AT46" s="9">
        <v>87300.006338399995</v>
      </c>
      <c r="AU46" s="9">
        <v>88138.157269899995</v>
      </c>
      <c r="AV46" s="9">
        <v>97711.162846399995</v>
      </c>
      <c r="AW46" s="9">
        <v>97883.609120299996</v>
      </c>
      <c r="AX46" s="9">
        <v>106809.258821</v>
      </c>
      <c r="AY46" s="9">
        <v>104535.69098699999</v>
      </c>
      <c r="AZ46" s="9">
        <v>111184.47472300001</v>
      </c>
      <c r="BA46" s="9">
        <v>113756.64676</v>
      </c>
      <c r="BB46" s="9">
        <v>108368.426184</v>
      </c>
      <c r="BC46" s="9">
        <v>113946.00515300001</v>
      </c>
      <c r="BD46" s="9">
        <v>118810.408578</v>
      </c>
      <c r="BE46" s="9">
        <v>118065.450213</v>
      </c>
      <c r="BF46" s="9">
        <v>123408.950883</v>
      </c>
      <c r="BG46" s="11">
        <v>11.25</v>
      </c>
      <c r="BH46" s="13">
        <v>9.375E-2</v>
      </c>
      <c r="BI46" s="6">
        <v>-1</v>
      </c>
      <c r="BJ46" s="13">
        <v>-8.3333333333333332E-3</v>
      </c>
      <c r="BK46" s="6">
        <v>6</v>
      </c>
      <c r="BL46" s="13">
        <v>5.0420168067226892E-2</v>
      </c>
      <c r="BM46" s="11">
        <v>6.25</v>
      </c>
      <c r="BN46" s="13">
        <v>0.05</v>
      </c>
      <c r="BO46" s="11">
        <v>12.25</v>
      </c>
      <c r="BP46" s="13">
        <v>0.10294117647058823</v>
      </c>
      <c r="BQ46" s="6">
        <v>120</v>
      </c>
      <c r="BR46" s="6">
        <v>120</v>
      </c>
      <c r="BS46" s="6">
        <v>124</v>
      </c>
      <c r="BT46" s="6">
        <v>119</v>
      </c>
      <c r="BU46" s="6">
        <v>123</v>
      </c>
      <c r="BV46" s="6">
        <v>125</v>
      </c>
      <c r="BW46" s="6">
        <v>125</v>
      </c>
      <c r="BX46" s="6">
        <v>126</v>
      </c>
      <c r="BY46" s="6">
        <v>134</v>
      </c>
      <c r="BZ46" s="6">
        <v>131</v>
      </c>
      <c r="CA46" s="6">
        <v>136</v>
      </c>
      <c r="CB46" s="6">
        <v>134</v>
      </c>
      <c r="CC46" s="11">
        <v>131.25</v>
      </c>
      <c r="CD46" s="11">
        <v>-554.24300000000005</v>
      </c>
      <c r="CE46" s="11">
        <v>-1201.22</v>
      </c>
      <c r="CF46" s="11">
        <v>806.34</v>
      </c>
      <c r="CG46" s="11">
        <v>-395</v>
      </c>
      <c r="CH46" s="20">
        <v>0.821322</v>
      </c>
      <c r="CI46" s="20">
        <v>0.82461600000000002</v>
      </c>
      <c r="CJ46" s="20">
        <v>0.78762399999999999</v>
      </c>
      <c r="CK46" s="20">
        <v>0.77280300000000002</v>
      </c>
      <c r="CL46" s="20">
        <v>0.79649400000000004</v>
      </c>
      <c r="CM46" s="20">
        <v>0.82367400000000002</v>
      </c>
      <c r="CN46" s="20">
        <v>0.852406</v>
      </c>
      <c r="CO46" s="20">
        <v>0.85075500000000004</v>
      </c>
      <c r="CP46" s="20">
        <v>0.84385600000000005</v>
      </c>
      <c r="CQ46" s="20">
        <v>0.86990100000000004</v>
      </c>
      <c r="CR46" s="20">
        <v>0.86981699999999995</v>
      </c>
      <c r="CS46" s="20">
        <v>0.85811999999999999</v>
      </c>
      <c r="CT46" s="20">
        <v>0.85284300000000002</v>
      </c>
      <c r="CU46" s="20">
        <v>0.84517500000000001</v>
      </c>
      <c r="CV46" s="20">
        <v>0.82823100000000005</v>
      </c>
      <c r="CW46" s="20">
        <v>0.81988099999999997</v>
      </c>
      <c r="CX46" s="20">
        <v>0.80917499999999998</v>
      </c>
      <c r="CY46" s="6"/>
      <c r="CZ46" s="6"/>
      <c r="DA46" s="6"/>
      <c r="DB46" s="6"/>
      <c r="DC46" s="6"/>
      <c r="DD46" s="6"/>
      <c r="DE46" s="6"/>
      <c r="DF46" s="6"/>
      <c r="DG46" s="6"/>
      <c r="DH46" s="6"/>
      <c r="DI46" s="6"/>
      <c r="DJ46" s="6"/>
      <c r="DK46" s="6"/>
      <c r="DL46" s="6"/>
      <c r="DM46" s="6"/>
      <c r="DN46" s="6"/>
      <c r="DO46" s="6"/>
    </row>
    <row r="47" spans="1:119" hidden="1" x14ac:dyDescent="0.2">
      <c r="A47" s="6" t="s">
        <v>312</v>
      </c>
      <c r="B47" s="6" t="s">
        <v>312</v>
      </c>
      <c r="C47" s="6" t="s">
        <v>175</v>
      </c>
      <c r="D47" s="6" t="s">
        <v>337</v>
      </c>
      <c r="E47" s="6" t="s">
        <v>331</v>
      </c>
      <c r="F47" s="11">
        <v>-17312</v>
      </c>
      <c r="G47" s="13">
        <v>-0.13576229051800001</v>
      </c>
      <c r="H47" s="11">
        <v>7458.3794320000015</v>
      </c>
      <c r="I47" s="13">
        <v>5.8489187118756496E-2</v>
      </c>
      <c r="J47" s="11">
        <v>-34350.112252999999</v>
      </c>
      <c r="K47" s="13">
        <v>-0.25449124525223316</v>
      </c>
      <c r="L47" s="11">
        <v>9579.8306829999929</v>
      </c>
      <c r="M47" s="13">
        <v>9.5202810957831091E-2</v>
      </c>
      <c r="N47" s="11">
        <v>-24770.281570000006</v>
      </c>
      <c r="O47" s="13">
        <v>-0.18351671620657348</v>
      </c>
      <c r="P47" s="7">
        <v>127517.235226</v>
      </c>
      <c r="Q47" s="7">
        <v>126291.51257599999</v>
      </c>
      <c r="R47" s="7">
        <v>128551.429713</v>
      </c>
      <c r="S47" s="7">
        <v>131844.28415799999</v>
      </c>
      <c r="T47" s="7">
        <v>134740.34302199999</v>
      </c>
      <c r="U47" s="7">
        <v>136158.29881000001</v>
      </c>
      <c r="V47" s="7">
        <v>134975.61465800001</v>
      </c>
      <c r="W47" s="7">
        <v>129090.80715199999</v>
      </c>
      <c r="X47" s="7">
        <v>112143.04790799999</v>
      </c>
      <c r="Y47" s="7">
        <v>100625.50240500001</v>
      </c>
      <c r="Z47" s="7">
        <v>97475.610025400005</v>
      </c>
      <c r="AA47" s="7">
        <v>98225.680437400006</v>
      </c>
      <c r="AB47" s="7">
        <v>99644.052330899998</v>
      </c>
      <c r="AC47" s="7">
        <v>101147.013129</v>
      </c>
      <c r="AD47" s="7">
        <v>106303.46467299999</v>
      </c>
      <c r="AE47" s="7">
        <v>110407.847633</v>
      </c>
      <c r="AF47" s="7">
        <v>110205.333088</v>
      </c>
      <c r="AG47" s="9">
        <v>17520.391070699996</v>
      </c>
      <c r="AH47" s="13">
        <v>0.37848330621131232</v>
      </c>
      <c r="AI47" s="9">
        <v>6601.465426499999</v>
      </c>
      <c r="AJ47" s="13">
        <v>0.14260780198221715</v>
      </c>
      <c r="AK47" s="9">
        <v>2698.142947100001</v>
      </c>
      <c r="AL47" s="13">
        <v>5.1011806379991774E-2</v>
      </c>
      <c r="AM47" s="9">
        <v>8220.7826970999959</v>
      </c>
      <c r="AN47" s="13">
        <v>0.14788064008049692</v>
      </c>
      <c r="AO47" s="9">
        <v>10918.925644199997</v>
      </c>
      <c r="AP47" s="13">
        <v>0.20643610503962423</v>
      </c>
      <c r="AQ47" s="9">
        <v>46291.053748400001</v>
      </c>
      <c r="AR47" s="9">
        <v>46901.953538200003</v>
      </c>
      <c r="AS47" s="9">
        <v>46776.8756708</v>
      </c>
      <c r="AT47" s="9">
        <v>47400.302368299999</v>
      </c>
      <c r="AU47" s="9">
        <v>48974.818672399997</v>
      </c>
      <c r="AV47" s="9">
        <v>50428.8246315</v>
      </c>
      <c r="AW47" s="9">
        <v>52892.519174900001</v>
      </c>
      <c r="AX47" s="9">
        <v>55218.156353400002</v>
      </c>
      <c r="AY47" s="9">
        <v>55340.044977500002</v>
      </c>
      <c r="AZ47" s="9">
        <v>55590.662122000002</v>
      </c>
      <c r="BA47" s="9">
        <v>55424.841896999998</v>
      </c>
      <c r="BB47" s="9">
        <v>56994.108937700003</v>
      </c>
      <c r="BC47" s="9">
        <v>57691.362201700002</v>
      </c>
      <c r="BD47" s="9">
        <v>59958.866022900002</v>
      </c>
      <c r="BE47" s="9">
        <v>62008.320309499999</v>
      </c>
      <c r="BF47" s="9">
        <v>63811.444819099997</v>
      </c>
      <c r="BG47" s="11">
        <v>-2226.75</v>
      </c>
      <c r="BH47" s="13">
        <v>-0.1992439155332856</v>
      </c>
      <c r="BI47" s="6">
        <v>437</v>
      </c>
      <c r="BJ47" s="13">
        <v>3.9101646385110954E-2</v>
      </c>
      <c r="BK47" s="6">
        <v>-1687</v>
      </c>
      <c r="BL47" s="13">
        <v>-0.14526823387582882</v>
      </c>
      <c r="BM47" s="11">
        <v>-976.75</v>
      </c>
      <c r="BN47" s="13">
        <v>-9.840318355833165E-2</v>
      </c>
      <c r="BO47" s="11">
        <v>-2663.75</v>
      </c>
      <c r="BP47" s="13">
        <v>-0.22937656075088264</v>
      </c>
      <c r="BQ47" s="6">
        <v>11176</v>
      </c>
      <c r="BR47" s="6">
        <v>11438</v>
      </c>
      <c r="BS47" s="6">
        <v>11591</v>
      </c>
      <c r="BT47" s="6">
        <v>11613</v>
      </c>
      <c r="BU47" s="6">
        <v>11257</v>
      </c>
      <c r="BV47" s="6">
        <v>10506</v>
      </c>
      <c r="BW47" s="6">
        <v>9926</v>
      </c>
      <c r="BX47" s="6">
        <v>9440</v>
      </c>
      <c r="BY47" s="6">
        <v>9199</v>
      </c>
      <c r="BZ47" s="6">
        <v>9022</v>
      </c>
      <c r="CA47" s="6">
        <v>8977</v>
      </c>
      <c r="CB47" s="6">
        <v>9028</v>
      </c>
      <c r="CC47" s="11">
        <v>8949.25</v>
      </c>
      <c r="CD47" s="11">
        <v>-15805.5</v>
      </c>
      <c r="CE47" s="11">
        <v>-15445.6</v>
      </c>
      <c r="CF47" s="11">
        <v>13939.2</v>
      </c>
      <c r="CG47" s="11">
        <v>-1507</v>
      </c>
      <c r="CH47" s="20">
        <v>0.97888900000000001</v>
      </c>
      <c r="CI47" s="20">
        <v>0.97783500000000001</v>
      </c>
      <c r="CJ47" s="20">
        <v>0.98105200000000004</v>
      </c>
      <c r="CK47" s="20">
        <v>0.97612399999999999</v>
      </c>
      <c r="CL47" s="20">
        <v>0.95805499999999999</v>
      </c>
      <c r="CM47" s="20">
        <v>0.93496500000000005</v>
      </c>
      <c r="CN47" s="20">
        <v>0.93852800000000003</v>
      </c>
      <c r="CO47" s="20">
        <v>0.94620499999999996</v>
      </c>
      <c r="CP47" s="20">
        <v>0.94135100000000005</v>
      </c>
      <c r="CQ47" s="20">
        <v>0.92359500000000005</v>
      </c>
      <c r="CR47" s="20">
        <v>0.912103</v>
      </c>
      <c r="CS47" s="20">
        <v>0.912906</v>
      </c>
      <c r="CT47" s="20">
        <v>0.91057399999999999</v>
      </c>
      <c r="CU47" s="20">
        <v>0.89771100000000004</v>
      </c>
      <c r="CV47" s="20">
        <v>0.90731799999999996</v>
      </c>
      <c r="CW47" s="20">
        <v>0.92217499999999997</v>
      </c>
      <c r="CX47" s="20">
        <v>0.91617800000000005</v>
      </c>
      <c r="CY47" s="6"/>
      <c r="CZ47" s="6"/>
      <c r="DA47" s="6"/>
      <c r="DB47" s="6"/>
      <c r="DC47" s="6"/>
      <c r="DD47" s="6"/>
      <c r="DE47" s="6"/>
      <c r="DF47" s="6"/>
      <c r="DG47" s="6"/>
      <c r="DH47" s="6"/>
      <c r="DI47" s="6"/>
      <c r="DJ47" s="6"/>
      <c r="DK47" s="6"/>
      <c r="DL47" s="6"/>
      <c r="DM47" s="6"/>
      <c r="DN47" s="6"/>
      <c r="DO47" s="6"/>
    </row>
    <row r="48" spans="1:119" x14ac:dyDescent="0.2">
      <c r="A48" s="6" t="s">
        <v>792</v>
      </c>
      <c r="B48" s="6" t="s">
        <v>176</v>
      </c>
      <c r="C48" s="6" t="s">
        <v>177</v>
      </c>
      <c r="D48" s="6" t="s">
        <v>337</v>
      </c>
      <c r="E48" s="6" t="s">
        <v>331</v>
      </c>
      <c r="F48" s="11">
        <v>-46511</v>
      </c>
      <c r="G48" s="13">
        <v>-0.210941893583</v>
      </c>
      <c r="H48" s="11">
        <v>-27435.948462</v>
      </c>
      <c r="I48" s="13">
        <v>-0.12443057287719976</v>
      </c>
      <c r="J48" s="11">
        <v>-38475.950397999986</v>
      </c>
      <c r="K48" s="13">
        <v>-0.1992993534657185</v>
      </c>
      <c r="L48" s="11">
        <v>19400.54697299999</v>
      </c>
      <c r="M48" s="13">
        <v>0.12550479796835917</v>
      </c>
      <c r="N48" s="11">
        <v>-19075.403424999997</v>
      </c>
      <c r="O48" s="13">
        <v>-9.8807580589298921E-2</v>
      </c>
      <c r="P48" s="7">
        <v>220492.020792</v>
      </c>
      <c r="Q48" s="7">
        <v>208393.67670800001</v>
      </c>
      <c r="R48" s="7">
        <v>202058.879189</v>
      </c>
      <c r="S48" s="7">
        <v>201231.73158399999</v>
      </c>
      <c r="T48" s="7">
        <v>195708.37187800001</v>
      </c>
      <c r="U48" s="7">
        <v>195172.65104900001</v>
      </c>
      <c r="V48" s="7">
        <v>193056.07233</v>
      </c>
      <c r="W48" s="7">
        <v>186055.18597600001</v>
      </c>
      <c r="X48" s="7">
        <v>166114.65459600001</v>
      </c>
      <c r="Y48" s="7">
        <v>154580.12193200001</v>
      </c>
      <c r="Z48" s="7">
        <v>156059.61069199999</v>
      </c>
      <c r="AA48" s="7">
        <v>156860.15395800001</v>
      </c>
      <c r="AB48" s="7">
        <v>162121.738641</v>
      </c>
      <c r="AC48" s="7">
        <v>164801.38305</v>
      </c>
      <c r="AD48" s="7">
        <v>170009.16568199999</v>
      </c>
      <c r="AE48" s="7">
        <v>171539.48305400001</v>
      </c>
      <c r="AF48" s="7">
        <v>173980.668905</v>
      </c>
      <c r="AG48" s="9">
        <v>25231.878951199993</v>
      </c>
      <c r="AH48" s="13">
        <v>0.45162740813210395</v>
      </c>
      <c r="AI48" s="9">
        <v>12522.942905999997</v>
      </c>
      <c r="AJ48" s="13">
        <v>0.22414915107042072</v>
      </c>
      <c r="AK48" s="9">
        <v>3504.4745744999964</v>
      </c>
      <c r="AL48" s="13">
        <v>5.1241198082716634E-2</v>
      </c>
      <c r="AM48" s="9">
        <v>9204.4614707000001</v>
      </c>
      <c r="AN48" s="13">
        <v>0.12802428931955592</v>
      </c>
      <c r="AO48" s="9">
        <v>12708.936045199996</v>
      </c>
      <c r="AP48" s="13">
        <v>0.18582560537069492</v>
      </c>
      <c r="AQ48" s="9">
        <v>55868.794711900002</v>
      </c>
      <c r="AR48" s="9">
        <v>57766.112022000001</v>
      </c>
      <c r="AS48" s="9">
        <v>59839.091567800002</v>
      </c>
      <c r="AT48" s="9">
        <v>61962.477420700001</v>
      </c>
      <c r="AU48" s="9">
        <v>64169.578364300003</v>
      </c>
      <c r="AV48" s="9">
        <v>66825.237698900004</v>
      </c>
      <c r="AW48" s="9">
        <v>68391.737617899998</v>
      </c>
      <c r="AX48" s="9">
        <v>72865.827497699996</v>
      </c>
      <c r="AY48" s="9">
        <v>71718.212285100002</v>
      </c>
      <c r="AZ48" s="9">
        <v>71896.212192399995</v>
      </c>
      <c r="BA48" s="9">
        <v>72825.644594400001</v>
      </c>
      <c r="BB48" s="9">
        <v>75952.857667799995</v>
      </c>
      <c r="BC48" s="9">
        <v>76596.788180899995</v>
      </c>
      <c r="BD48" s="9">
        <v>79381.225021200007</v>
      </c>
      <c r="BE48" s="9">
        <v>80717.964859900007</v>
      </c>
      <c r="BF48" s="9">
        <v>81100.673663099995</v>
      </c>
      <c r="BG48" s="11">
        <v>-832</v>
      </c>
      <c r="BH48" s="13">
        <v>-0.17501051745898191</v>
      </c>
      <c r="BI48" s="6">
        <v>-176</v>
      </c>
      <c r="BJ48" s="13">
        <v>-3.7021455616323098E-2</v>
      </c>
      <c r="BK48" s="6">
        <v>-375</v>
      </c>
      <c r="BL48" s="13">
        <v>-8.1913499344692012E-2</v>
      </c>
      <c r="BM48" s="11">
        <v>-281</v>
      </c>
      <c r="BN48" s="13">
        <v>-6.6857006899833454E-2</v>
      </c>
      <c r="BO48" s="11">
        <v>-656</v>
      </c>
      <c r="BP48" s="13">
        <v>-0.14329401485364787</v>
      </c>
      <c r="BQ48" s="6">
        <v>4754</v>
      </c>
      <c r="BR48" s="6">
        <v>4651</v>
      </c>
      <c r="BS48" s="6">
        <v>4595</v>
      </c>
      <c r="BT48" s="6">
        <v>4578</v>
      </c>
      <c r="BU48" s="6">
        <v>4500</v>
      </c>
      <c r="BV48" s="6">
        <v>4336</v>
      </c>
      <c r="BW48" s="6">
        <v>4203</v>
      </c>
      <c r="BX48" s="6">
        <v>4083</v>
      </c>
      <c r="BY48" s="6">
        <v>4016</v>
      </c>
      <c r="BZ48" s="6">
        <v>4021</v>
      </c>
      <c r="CA48" s="6">
        <v>4004</v>
      </c>
      <c r="CB48" s="6">
        <v>3993</v>
      </c>
      <c r="CC48" s="11">
        <v>3922</v>
      </c>
      <c r="CD48" s="11">
        <v>7214.98</v>
      </c>
      <c r="CE48" s="11">
        <v>-77828.800000000003</v>
      </c>
      <c r="CF48" s="11">
        <v>24102.400000000001</v>
      </c>
      <c r="CG48" s="11">
        <v>-53727</v>
      </c>
      <c r="CH48" s="20">
        <v>0.88412299999999999</v>
      </c>
      <c r="CI48" s="20">
        <v>0.900667</v>
      </c>
      <c r="CJ48" s="20">
        <v>0.92011299999999996</v>
      </c>
      <c r="CK48" s="20">
        <v>0.94157400000000002</v>
      </c>
      <c r="CL48" s="20">
        <v>0.92608699999999999</v>
      </c>
      <c r="CM48" s="20">
        <v>0.934859</v>
      </c>
      <c r="CN48" s="20">
        <v>0.94800099999999998</v>
      </c>
      <c r="CO48" s="20">
        <v>0.94227700000000003</v>
      </c>
      <c r="CP48" s="20">
        <v>0.949241</v>
      </c>
      <c r="CQ48" s="20">
        <v>0.91370799999999996</v>
      </c>
      <c r="CR48" s="20">
        <v>0.91240699999999997</v>
      </c>
      <c r="CS48" s="20">
        <v>0.90434899999999996</v>
      </c>
      <c r="CT48" s="20">
        <v>0.93349700000000002</v>
      </c>
      <c r="CU48" s="20">
        <v>0.94420899999999996</v>
      </c>
      <c r="CV48" s="20">
        <v>0.96295799999999998</v>
      </c>
      <c r="CW48" s="20">
        <v>0.97156600000000004</v>
      </c>
      <c r="CX48" s="20">
        <v>0.98709400000000003</v>
      </c>
      <c r="CY48" s="6"/>
      <c r="CZ48" s="6"/>
      <c r="DA48" s="6"/>
      <c r="DB48" s="6"/>
      <c r="DC48" s="6"/>
      <c r="DD48" s="6"/>
      <c r="DE48" s="6"/>
      <c r="DF48" s="6"/>
      <c r="DG48" s="6"/>
      <c r="DH48" s="6"/>
      <c r="DI48" s="6"/>
      <c r="DJ48" s="6"/>
      <c r="DK48" s="6"/>
      <c r="DL48" s="6"/>
      <c r="DM48" s="6"/>
      <c r="DN48" s="6"/>
      <c r="DO48" s="6"/>
    </row>
    <row r="49" spans="1:119" hidden="1" x14ac:dyDescent="0.2">
      <c r="A49" s="6" t="s">
        <v>313</v>
      </c>
      <c r="B49" s="6" t="s">
        <v>313</v>
      </c>
      <c r="C49" s="6" t="s">
        <v>178</v>
      </c>
      <c r="D49" s="6" t="s">
        <v>337</v>
      </c>
      <c r="E49" s="6" t="s">
        <v>331</v>
      </c>
      <c r="F49" s="11">
        <v>-7027</v>
      </c>
      <c r="G49" s="13">
        <v>-7.4553074107500006E-2</v>
      </c>
      <c r="H49" s="11">
        <v>-723.74135140000726</v>
      </c>
      <c r="I49" s="13">
        <v>-7.678559277408614E-3</v>
      </c>
      <c r="J49" s="11">
        <v>-8691.5186677999882</v>
      </c>
      <c r="K49" s="13">
        <v>-9.2926514203044527E-2</v>
      </c>
      <c r="L49" s="11">
        <v>2388.0570613000018</v>
      </c>
      <c r="M49" s="13">
        <v>2.8147913420461045E-2</v>
      </c>
      <c r="N49" s="11">
        <v>-6303.4616064999864</v>
      </c>
      <c r="O49" s="13">
        <v>-6.7394288258836019E-2</v>
      </c>
      <c r="P49" s="7">
        <v>94254.8367803</v>
      </c>
      <c r="Q49" s="7">
        <v>92813.346817099999</v>
      </c>
      <c r="R49" s="7">
        <v>91143.425216699994</v>
      </c>
      <c r="S49" s="7">
        <v>91386.710272199998</v>
      </c>
      <c r="T49" s="7">
        <v>92583.714275399994</v>
      </c>
      <c r="U49" s="7">
        <v>92562.123597900005</v>
      </c>
      <c r="V49" s="7">
        <v>93531.095428899993</v>
      </c>
      <c r="W49" s="7">
        <v>93535.550674800004</v>
      </c>
      <c r="X49" s="7">
        <v>87241.197365600005</v>
      </c>
      <c r="Y49" s="7">
        <v>84839.576761100005</v>
      </c>
      <c r="Z49" s="7">
        <v>83382.285794700001</v>
      </c>
      <c r="AA49" s="7">
        <v>84483.679881599994</v>
      </c>
      <c r="AB49" s="7">
        <v>84191.212259699998</v>
      </c>
      <c r="AC49" s="7">
        <v>85677.556024699996</v>
      </c>
      <c r="AD49" s="7">
        <v>86285.625849300006</v>
      </c>
      <c r="AE49" s="7">
        <v>86841.065378400002</v>
      </c>
      <c r="AF49" s="7">
        <v>87227.633822400006</v>
      </c>
      <c r="AG49" s="9">
        <v>23249.674937600001</v>
      </c>
      <c r="AH49" s="13">
        <v>0.4435627895260375</v>
      </c>
      <c r="AI49" s="9">
        <v>10756.797461599999</v>
      </c>
      <c r="AJ49" s="13">
        <v>0.20522072249352591</v>
      </c>
      <c r="AK49" s="9">
        <v>2097.230724400004</v>
      </c>
      <c r="AL49" s="13">
        <v>3.3198452643189734E-2</v>
      </c>
      <c r="AM49" s="9">
        <v>10395.646751599998</v>
      </c>
      <c r="AN49" s="13">
        <v>0.15927198658202538</v>
      </c>
      <c r="AO49" s="9">
        <v>12492.877476000001</v>
      </c>
      <c r="AP49" s="13">
        <v>0.19775802272914525</v>
      </c>
      <c r="AQ49" s="9">
        <v>52415.746962099998</v>
      </c>
      <c r="AR49" s="9">
        <v>53028.358402099999</v>
      </c>
      <c r="AS49" s="9">
        <v>53794.123432799999</v>
      </c>
      <c r="AT49" s="9">
        <v>56041.068366699998</v>
      </c>
      <c r="AU49" s="9">
        <v>58306.373979399999</v>
      </c>
      <c r="AV49" s="9">
        <v>60600.198357699999</v>
      </c>
      <c r="AW49" s="9">
        <v>63172.544423699997</v>
      </c>
      <c r="AX49" s="9">
        <v>64914.6944343</v>
      </c>
      <c r="AY49" s="9">
        <v>64256.074032700002</v>
      </c>
      <c r="AZ49" s="9">
        <v>65269.775148100001</v>
      </c>
      <c r="BA49" s="9">
        <v>66946.543424400006</v>
      </c>
      <c r="BB49" s="9">
        <v>69538.369606599997</v>
      </c>
      <c r="BC49" s="9">
        <v>69562.606045299995</v>
      </c>
      <c r="BD49" s="9">
        <v>72513.674558500003</v>
      </c>
      <c r="BE49" s="9">
        <v>74632.4022214</v>
      </c>
      <c r="BF49" s="9">
        <v>75665.421899699999</v>
      </c>
      <c r="BG49" s="11">
        <v>-1055.25</v>
      </c>
      <c r="BH49" s="13">
        <v>-0.13535787583376091</v>
      </c>
      <c r="BI49" s="6">
        <v>-446</v>
      </c>
      <c r="BJ49" s="13">
        <v>-5.7208825038481272E-2</v>
      </c>
      <c r="BK49" s="6">
        <v>-493</v>
      </c>
      <c r="BL49" s="13">
        <v>-6.7074829931972793E-2</v>
      </c>
      <c r="BM49" s="11">
        <v>-116.25</v>
      </c>
      <c r="BN49" s="13">
        <v>-1.6953478197462447E-2</v>
      </c>
      <c r="BO49" s="11">
        <v>-609.25</v>
      </c>
      <c r="BP49" s="13">
        <v>-8.2891156462585033E-2</v>
      </c>
      <c r="BQ49" s="6">
        <v>7796</v>
      </c>
      <c r="BR49" s="6">
        <v>7568</v>
      </c>
      <c r="BS49" s="6">
        <v>7427</v>
      </c>
      <c r="BT49" s="6">
        <v>7350</v>
      </c>
      <c r="BU49" s="6">
        <v>7287</v>
      </c>
      <c r="BV49" s="6">
        <v>7018</v>
      </c>
      <c r="BW49" s="6">
        <v>6857</v>
      </c>
      <c r="BX49" s="6">
        <v>6767</v>
      </c>
      <c r="BY49" s="6">
        <v>6847</v>
      </c>
      <c r="BZ49" s="6">
        <v>6847</v>
      </c>
      <c r="CA49" s="6">
        <v>6794</v>
      </c>
      <c r="CB49" s="6">
        <v>6852</v>
      </c>
      <c r="CC49" s="11">
        <v>6740.75</v>
      </c>
      <c r="CD49" s="11">
        <v>-9623.41</v>
      </c>
      <c r="CE49" s="11">
        <v>-7706.98</v>
      </c>
      <c r="CF49" s="11">
        <v>10303.200000000001</v>
      </c>
      <c r="CG49" s="11">
        <v>2596</v>
      </c>
      <c r="CH49" s="20">
        <v>1.0613900000000001</v>
      </c>
      <c r="CI49" s="20">
        <v>1.06993</v>
      </c>
      <c r="CJ49" s="20">
        <v>1.0582100000000001</v>
      </c>
      <c r="CK49" s="20">
        <v>1.0644499999999999</v>
      </c>
      <c r="CL49" s="20">
        <v>1.0647200000000001</v>
      </c>
      <c r="CM49" s="20">
        <v>1.04837</v>
      </c>
      <c r="CN49" s="20">
        <v>1.0475699999999999</v>
      </c>
      <c r="CO49" s="20">
        <v>1.0527899999999999</v>
      </c>
      <c r="CP49" s="20">
        <v>1.0473300000000001</v>
      </c>
      <c r="CQ49" s="20">
        <v>1.0430299999999999</v>
      </c>
      <c r="CR49" s="20">
        <v>1.0184</v>
      </c>
      <c r="CS49" s="20">
        <v>1.01633</v>
      </c>
      <c r="CT49" s="20">
        <v>1.00579</v>
      </c>
      <c r="CU49" s="20">
        <v>1.0197400000000001</v>
      </c>
      <c r="CV49" s="20">
        <v>1.0159400000000001</v>
      </c>
      <c r="CW49" s="20">
        <v>1.0250600000000001</v>
      </c>
      <c r="CX49" s="20">
        <v>1.02301</v>
      </c>
      <c r="CY49" s="6"/>
      <c r="CZ49" s="6"/>
      <c r="DA49" s="6"/>
      <c r="DB49" s="6"/>
      <c r="DC49" s="6"/>
      <c r="DD49" s="6"/>
      <c r="DE49" s="6"/>
      <c r="DF49" s="6"/>
      <c r="DG49" s="6"/>
      <c r="DH49" s="6"/>
      <c r="DI49" s="6"/>
      <c r="DJ49" s="6"/>
      <c r="DK49" s="6"/>
      <c r="DL49" s="6"/>
      <c r="DM49" s="6"/>
      <c r="DN49" s="6"/>
      <c r="DO49" s="6"/>
    </row>
    <row r="50" spans="1:119" hidden="1" x14ac:dyDescent="0.2">
      <c r="A50" s="6" t="s">
        <v>793</v>
      </c>
      <c r="B50" s="6" t="s">
        <v>179</v>
      </c>
      <c r="C50" s="6" t="s">
        <v>180</v>
      </c>
      <c r="D50" s="6" t="s">
        <v>337</v>
      </c>
      <c r="E50" s="6" t="s">
        <v>331</v>
      </c>
      <c r="F50" s="11">
        <v>3867</v>
      </c>
      <c r="G50" s="13">
        <v>1.6938387546100001E-2</v>
      </c>
      <c r="H50" s="11">
        <v>3442.4566329999943</v>
      </c>
      <c r="I50" s="13">
        <v>1.5078768404184848E-2</v>
      </c>
      <c r="J50" s="11">
        <v>-14200.991783999983</v>
      </c>
      <c r="K50" s="13">
        <v>-6.1279656911513075E-2</v>
      </c>
      <c r="L50" s="11">
        <v>14625.140310999996</v>
      </c>
      <c r="M50" s="13">
        <v>6.7229744487962886E-2</v>
      </c>
      <c r="N50" s="11">
        <v>424.14852700001211</v>
      </c>
      <c r="O50" s="13">
        <v>1.830271899978758E-3</v>
      </c>
      <c r="P50" s="7">
        <v>228298.262877</v>
      </c>
      <c r="Q50" s="7">
        <v>230572.31681600001</v>
      </c>
      <c r="R50" s="7">
        <v>229800.31538700001</v>
      </c>
      <c r="S50" s="7">
        <v>229209.016539</v>
      </c>
      <c r="T50" s="7">
        <v>231317.37413700001</v>
      </c>
      <c r="U50" s="7">
        <v>230482.16699600001</v>
      </c>
      <c r="V50" s="7">
        <v>231740.71951</v>
      </c>
      <c r="W50" s="7">
        <v>227182.50334299999</v>
      </c>
      <c r="X50" s="7">
        <v>219274.16612499999</v>
      </c>
      <c r="Y50" s="7">
        <v>217539.72772600001</v>
      </c>
      <c r="Z50" s="7">
        <v>220542.08126000001</v>
      </c>
      <c r="AA50" s="7">
        <v>221812.464748</v>
      </c>
      <c r="AB50" s="7">
        <v>220894.78683600001</v>
      </c>
      <c r="AC50" s="7">
        <v>224142.72314700001</v>
      </c>
      <c r="AD50" s="7">
        <v>228019.753559</v>
      </c>
      <c r="AE50" s="7">
        <v>230543.952655</v>
      </c>
      <c r="AF50" s="7">
        <v>232164.86803700001</v>
      </c>
      <c r="AG50" s="9">
        <v>8623.189364599999</v>
      </c>
      <c r="AH50" s="13">
        <v>0.34413391553756417</v>
      </c>
      <c r="AI50" s="9">
        <v>4011.9754763000019</v>
      </c>
      <c r="AJ50" s="13">
        <v>0.1601097658098162</v>
      </c>
      <c r="AK50" s="9">
        <v>1375.4113563999999</v>
      </c>
      <c r="AL50" s="13">
        <v>4.7314371528669186E-2</v>
      </c>
      <c r="AM50" s="9">
        <v>3235.8025318999971</v>
      </c>
      <c r="AN50" s="13">
        <v>0.10628339469047116</v>
      </c>
      <c r="AO50" s="9">
        <v>4611.2138882999971</v>
      </c>
      <c r="AP50" s="13">
        <v>0.15862649824285346</v>
      </c>
      <c r="AQ50" s="9">
        <v>25057.6562648</v>
      </c>
      <c r="AR50" s="9">
        <v>26093.7594422</v>
      </c>
      <c r="AS50" s="9">
        <v>26958.101050699999</v>
      </c>
      <c r="AT50" s="9">
        <v>27329.307442400001</v>
      </c>
      <c r="AU50" s="9">
        <v>27885.546105900001</v>
      </c>
      <c r="AV50" s="9">
        <v>28568.912014900001</v>
      </c>
      <c r="AW50" s="9">
        <v>29069.631741100002</v>
      </c>
      <c r="AX50" s="9">
        <v>29985.385985100002</v>
      </c>
      <c r="AY50" s="9">
        <v>30237.689504400001</v>
      </c>
      <c r="AZ50" s="9">
        <v>30445.043097500002</v>
      </c>
      <c r="BA50" s="9">
        <v>30639.9883424</v>
      </c>
      <c r="BB50" s="9">
        <v>31075.765648600001</v>
      </c>
      <c r="BC50" s="9">
        <v>31613.650587399999</v>
      </c>
      <c r="BD50" s="9">
        <v>31921.517649500001</v>
      </c>
      <c r="BE50" s="9">
        <v>32950.492816099999</v>
      </c>
      <c r="BF50" s="9">
        <v>33680.845629399999</v>
      </c>
      <c r="BG50" s="11">
        <v>-724.25</v>
      </c>
      <c r="BH50" s="13">
        <v>-5.4336409333033235E-2</v>
      </c>
      <c r="BI50" s="6">
        <v>-214</v>
      </c>
      <c r="BJ50" s="13">
        <v>-1.6055217945832395E-2</v>
      </c>
      <c r="BK50" s="6">
        <v>-471</v>
      </c>
      <c r="BL50" s="13">
        <v>-3.591307662981319E-2</v>
      </c>
      <c r="BM50" s="11">
        <v>-39.25</v>
      </c>
      <c r="BN50" s="13">
        <v>-3.104239164821259E-3</v>
      </c>
      <c r="BO50" s="11">
        <v>-510.25</v>
      </c>
      <c r="BP50" s="13">
        <v>-3.8905833015630956E-2</v>
      </c>
      <c r="BQ50" s="6">
        <v>13329</v>
      </c>
      <c r="BR50" s="6">
        <v>13252</v>
      </c>
      <c r="BS50" s="6">
        <v>13162</v>
      </c>
      <c r="BT50" s="6">
        <v>13115</v>
      </c>
      <c r="BU50" s="6">
        <v>13123</v>
      </c>
      <c r="BV50" s="6">
        <v>12860</v>
      </c>
      <c r="BW50" s="6">
        <v>12644</v>
      </c>
      <c r="BX50" s="6">
        <v>12444</v>
      </c>
      <c r="BY50" s="6">
        <v>12422</v>
      </c>
      <c r="BZ50" s="6">
        <v>12419</v>
      </c>
      <c r="CA50" s="6">
        <v>12578</v>
      </c>
      <c r="CB50" s="6">
        <v>12691</v>
      </c>
      <c r="CC50" s="11">
        <v>12604.75</v>
      </c>
      <c r="CD50" s="11">
        <v>-6456.53</v>
      </c>
      <c r="CE50" s="11">
        <v>-14632.6</v>
      </c>
      <c r="CF50" s="11">
        <v>24955.7</v>
      </c>
      <c r="CG50" s="11">
        <v>10323</v>
      </c>
      <c r="CH50" s="20">
        <v>0.95803099999999997</v>
      </c>
      <c r="CI50" s="20">
        <v>0.97346699999999997</v>
      </c>
      <c r="CJ50" s="20">
        <v>0.98186700000000005</v>
      </c>
      <c r="CK50" s="20">
        <v>0.98400200000000004</v>
      </c>
      <c r="CL50" s="20">
        <v>0.98709899999999995</v>
      </c>
      <c r="CM50" s="20">
        <v>0.98256299999999996</v>
      </c>
      <c r="CN50" s="20">
        <v>0.98529500000000003</v>
      </c>
      <c r="CO50" s="20">
        <v>0.97781200000000001</v>
      </c>
      <c r="CP50" s="20">
        <v>0.989653</v>
      </c>
      <c r="CQ50" s="20">
        <v>0.993954</v>
      </c>
      <c r="CR50" s="20">
        <v>1.0026999999999999</v>
      </c>
      <c r="CS50" s="20">
        <v>0.99917199999999995</v>
      </c>
      <c r="CT50" s="20">
        <v>0.98886799999999997</v>
      </c>
      <c r="CU50" s="20">
        <v>0.99487300000000001</v>
      </c>
      <c r="CV50" s="20">
        <v>0.99281699999999995</v>
      </c>
      <c r="CW50" s="20">
        <v>0.99567700000000003</v>
      </c>
      <c r="CX50" s="20">
        <v>0.99751199999999995</v>
      </c>
      <c r="CY50" s="6"/>
      <c r="CZ50" s="6"/>
      <c r="DA50" s="6"/>
      <c r="DB50" s="6"/>
      <c r="DC50" s="6"/>
      <c r="DD50" s="6"/>
      <c r="DE50" s="6"/>
      <c r="DF50" s="6"/>
      <c r="DG50" s="6"/>
      <c r="DH50" s="6"/>
      <c r="DI50" s="6"/>
      <c r="DJ50" s="6"/>
      <c r="DK50" s="6"/>
      <c r="DL50" s="6"/>
      <c r="DM50" s="6"/>
      <c r="DN50" s="6"/>
      <c r="DO50" s="6"/>
    </row>
    <row r="51" spans="1:119" hidden="1" x14ac:dyDescent="0.2">
      <c r="A51" s="6" t="s">
        <v>794</v>
      </c>
      <c r="B51" s="6" t="s">
        <v>181</v>
      </c>
      <c r="C51" s="6" t="s">
        <v>182</v>
      </c>
      <c r="D51" s="6" t="s">
        <v>337</v>
      </c>
      <c r="E51" s="6" t="s">
        <v>331</v>
      </c>
      <c r="F51" s="11">
        <v>-5819</v>
      </c>
      <c r="G51" s="13">
        <v>-7.0127866758300003E-2</v>
      </c>
      <c r="H51" s="11">
        <v>-5572.2492090000014</v>
      </c>
      <c r="I51" s="13">
        <v>-6.7154034675057928E-2</v>
      </c>
      <c r="J51" s="11">
        <v>-10771.812856600009</v>
      </c>
      <c r="K51" s="13">
        <v>-0.13916192943709507</v>
      </c>
      <c r="L51" s="11">
        <v>10525.055912000011</v>
      </c>
      <c r="M51" s="13">
        <v>0.15795544014659912</v>
      </c>
      <c r="N51" s="11">
        <v>-246.75694459999795</v>
      </c>
      <c r="O51" s="13">
        <v>-3.187873106382284E-3</v>
      </c>
      <c r="P51" s="7">
        <v>82977.132140500005</v>
      </c>
      <c r="Q51" s="7">
        <v>80451.331188600001</v>
      </c>
      <c r="R51" s="7">
        <v>76522.428744100005</v>
      </c>
      <c r="S51" s="7">
        <v>75127.690910300007</v>
      </c>
      <c r="T51" s="7">
        <v>74838.261394200003</v>
      </c>
      <c r="U51" s="7">
        <v>76505.310403399999</v>
      </c>
      <c r="V51" s="7">
        <v>77404.882931500004</v>
      </c>
      <c r="W51" s="7">
        <v>75854.727315800003</v>
      </c>
      <c r="X51" s="7">
        <v>70792.371669999993</v>
      </c>
      <c r="Y51" s="7">
        <v>66633.070074899995</v>
      </c>
      <c r="Z51" s="7">
        <v>66796.881758999996</v>
      </c>
      <c r="AA51" s="7">
        <v>69210.1209905</v>
      </c>
      <c r="AB51" s="7">
        <v>71506.572097600001</v>
      </c>
      <c r="AC51" s="7">
        <v>73183.596476999999</v>
      </c>
      <c r="AD51" s="7">
        <v>75758.865082699995</v>
      </c>
      <c r="AE51" s="7">
        <v>76547.236832499999</v>
      </c>
      <c r="AF51" s="7">
        <v>77158.125986900006</v>
      </c>
      <c r="AG51" s="9">
        <v>13990.364397799996</v>
      </c>
      <c r="AH51" s="13">
        <v>0.32359527441669766</v>
      </c>
      <c r="AI51" s="9">
        <v>7680.8560472999961</v>
      </c>
      <c r="AJ51" s="13">
        <v>0.17765718245137635</v>
      </c>
      <c r="AK51" s="9">
        <v>1512.5212284000008</v>
      </c>
      <c r="AL51" s="13">
        <v>2.9706790808002172E-2</v>
      </c>
      <c r="AM51" s="9">
        <v>4796.9871220999994</v>
      </c>
      <c r="AN51" s="13">
        <v>9.1497501474805926E-2</v>
      </c>
      <c r="AO51" s="9">
        <v>6309.5083505000002</v>
      </c>
      <c r="AP51" s="13">
        <v>0.12392238941857502</v>
      </c>
      <c r="AQ51" s="9">
        <v>43234.1430913</v>
      </c>
      <c r="AR51" s="9">
        <v>47146.898969000002</v>
      </c>
      <c r="AS51" s="9">
        <v>47670.6430798</v>
      </c>
      <c r="AT51" s="9">
        <v>47182.380277700002</v>
      </c>
      <c r="AU51" s="9">
        <v>48291.147885099999</v>
      </c>
      <c r="AV51" s="9">
        <v>49361.204373</v>
      </c>
      <c r="AW51" s="9">
        <v>50914.999138599997</v>
      </c>
      <c r="AX51" s="9">
        <v>51607.967791499999</v>
      </c>
      <c r="AY51" s="9">
        <v>51085.969982199997</v>
      </c>
      <c r="AZ51" s="9">
        <v>52427.520366999997</v>
      </c>
      <c r="BA51" s="9">
        <v>52671.053702600002</v>
      </c>
      <c r="BB51" s="9">
        <v>53719.839932700001</v>
      </c>
      <c r="BC51" s="9">
        <v>54422.778783399997</v>
      </c>
      <c r="BD51" s="9">
        <v>54335.808803200001</v>
      </c>
      <c r="BE51" s="9">
        <v>55991.879555</v>
      </c>
      <c r="BF51" s="9">
        <v>57224.507489099997</v>
      </c>
      <c r="BG51" s="11">
        <v>-239.75</v>
      </c>
      <c r="BH51" s="13">
        <v>-7.7388637830858614E-2</v>
      </c>
      <c r="BI51" s="6">
        <v>-35</v>
      </c>
      <c r="BJ51" s="13">
        <v>-1.1297611362169141E-2</v>
      </c>
      <c r="BK51" s="6">
        <v>-231</v>
      </c>
      <c r="BL51" s="13">
        <v>-7.5416258570029385E-2</v>
      </c>
      <c r="BM51" s="11">
        <v>26.25</v>
      </c>
      <c r="BN51" s="13">
        <v>9.2690677966101691E-3</v>
      </c>
      <c r="BO51" s="11">
        <v>-204.75</v>
      </c>
      <c r="BP51" s="13">
        <v>-6.6846229187071504E-2</v>
      </c>
      <c r="BQ51" s="6">
        <v>3098</v>
      </c>
      <c r="BR51" s="6">
        <v>3053</v>
      </c>
      <c r="BS51" s="6">
        <v>3059</v>
      </c>
      <c r="BT51" s="6">
        <v>3063</v>
      </c>
      <c r="BU51" s="6">
        <v>3022</v>
      </c>
      <c r="BV51" s="6">
        <v>2918</v>
      </c>
      <c r="BW51" s="6">
        <v>2832</v>
      </c>
      <c r="BX51" s="6">
        <v>2753</v>
      </c>
      <c r="BY51" s="6">
        <v>2748</v>
      </c>
      <c r="BZ51" s="6">
        <v>2735</v>
      </c>
      <c r="CA51" s="6">
        <v>2771</v>
      </c>
      <c r="CB51" s="6">
        <v>2878</v>
      </c>
      <c r="CC51" s="11">
        <v>2858.25</v>
      </c>
      <c r="CD51" s="11">
        <v>-20119.5</v>
      </c>
      <c r="CE51" s="11">
        <v>5230.08</v>
      </c>
      <c r="CF51" s="11">
        <v>9070.4</v>
      </c>
      <c r="CG51" s="11">
        <v>14300</v>
      </c>
      <c r="CH51" s="20">
        <v>1.18038</v>
      </c>
      <c r="CI51" s="20">
        <v>1.1815199999999999</v>
      </c>
      <c r="CJ51" s="20">
        <v>1.13426</v>
      </c>
      <c r="CK51" s="20">
        <v>1.1064000000000001</v>
      </c>
      <c r="CL51" s="20">
        <v>1.08165</v>
      </c>
      <c r="CM51" s="20">
        <v>1.08589</v>
      </c>
      <c r="CN51" s="20">
        <v>1.0841000000000001</v>
      </c>
      <c r="CO51" s="20">
        <v>1.06776</v>
      </c>
      <c r="CP51" s="20">
        <v>1.05975</v>
      </c>
      <c r="CQ51" s="20">
        <v>1.01535</v>
      </c>
      <c r="CR51" s="20">
        <v>0.99807299999999999</v>
      </c>
      <c r="CS51" s="20">
        <v>1.0145999999999999</v>
      </c>
      <c r="CT51" s="20">
        <v>1.0347500000000001</v>
      </c>
      <c r="CU51" s="20">
        <v>1.03156</v>
      </c>
      <c r="CV51" s="20">
        <v>1.0202199999999999</v>
      </c>
      <c r="CW51" s="20">
        <v>1.00702</v>
      </c>
      <c r="CX51" s="20">
        <v>1.0019400000000001</v>
      </c>
      <c r="CY51" s="6"/>
      <c r="CZ51" s="6"/>
      <c r="DA51" s="6"/>
      <c r="DB51" s="6"/>
      <c r="DC51" s="6"/>
      <c r="DD51" s="6"/>
      <c r="DE51" s="6"/>
      <c r="DF51" s="6"/>
      <c r="DG51" s="6"/>
      <c r="DH51" s="6"/>
      <c r="DI51" s="6"/>
      <c r="DJ51" s="6"/>
      <c r="DK51" s="6"/>
      <c r="DL51" s="6"/>
      <c r="DM51" s="6"/>
      <c r="DN51" s="6"/>
      <c r="DO51" s="6"/>
    </row>
    <row r="52" spans="1:119" hidden="1" x14ac:dyDescent="0.2">
      <c r="A52" s="6" t="s">
        <v>314</v>
      </c>
      <c r="B52" s="6" t="s">
        <v>314</v>
      </c>
      <c r="C52" s="6" t="s">
        <v>183</v>
      </c>
      <c r="D52" s="6" t="s">
        <v>337</v>
      </c>
      <c r="E52" s="6" t="s">
        <v>331</v>
      </c>
      <c r="F52" s="11">
        <v>-23334</v>
      </c>
      <c r="G52" s="13">
        <v>-0.357335375191</v>
      </c>
      <c r="H52" s="11">
        <v>-9564.7608144999977</v>
      </c>
      <c r="I52" s="13">
        <v>-0.14647383625313282</v>
      </c>
      <c r="J52" s="11">
        <v>-5532.4045131000021</v>
      </c>
      <c r="K52" s="13">
        <v>-9.9262002099868837E-2</v>
      </c>
      <c r="L52" s="11">
        <v>-8237.4228072999977</v>
      </c>
      <c r="M52" s="13">
        <v>-0.16408239161881386</v>
      </c>
      <c r="N52" s="11">
        <v>-13769.8273204</v>
      </c>
      <c r="O52" s="13">
        <v>-0.24705724701726448</v>
      </c>
      <c r="P52" s="7">
        <v>65300.131813100001</v>
      </c>
      <c r="Q52" s="7">
        <v>61642.0594136</v>
      </c>
      <c r="R52" s="7">
        <v>59048.686300699999</v>
      </c>
      <c r="S52" s="7">
        <v>56904.367038299999</v>
      </c>
      <c r="T52" s="7">
        <v>55391.093230300001</v>
      </c>
      <c r="U52" s="7">
        <v>55076.216828800003</v>
      </c>
      <c r="V52" s="7">
        <v>55735.370998600003</v>
      </c>
      <c r="W52" s="7">
        <v>56963.1228605</v>
      </c>
      <c r="X52" s="7">
        <v>53212.662864899998</v>
      </c>
      <c r="Y52" s="7">
        <v>50202.966485500001</v>
      </c>
      <c r="Z52" s="7">
        <v>47716.480637599998</v>
      </c>
      <c r="AA52" s="7">
        <v>45360.791893100002</v>
      </c>
      <c r="AB52" s="7">
        <v>44937.154537399998</v>
      </c>
      <c r="AC52" s="7">
        <v>44889.171894599996</v>
      </c>
      <c r="AD52" s="7">
        <v>43097.197237100001</v>
      </c>
      <c r="AE52" s="7">
        <v>42735.848675399997</v>
      </c>
      <c r="AF52" s="7">
        <v>41965.543678200003</v>
      </c>
      <c r="AG52" s="9">
        <v>39588.556738500003</v>
      </c>
      <c r="AH52" s="13">
        <v>0.71117893829093715</v>
      </c>
      <c r="AI52" s="9">
        <v>17224.937823500004</v>
      </c>
      <c r="AJ52" s="13">
        <v>0.30943317975345541</v>
      </c>
      <c r="AK52" s="9">
        <v>12673.877924999993</v>
      </c>
      <c r="AL52" s="13">
        <v>0.17387430041643637</v>
      </c>
      <c r="AM52" s="9">
        <v>9689.7409900000057</v>
      </c>
      <c r="AN52" s="13">
        <v>0.11324432554719024</v>
      </c>
      <c r="AO52" s="9">
        <v>22363.618914999999</v>
      </c>
      <c r="AP52" s="13">
        <v>0.3068089038442755</v>
      </c>
      <c r="AQ52" s="9">
        <v>55666.098371300002</v>
      </c>
      <c r="AR52" s="9">
        <v>56434.169931999997</v>
      </c>
      <c r="AS52" s="9">
        <v>60110.348681099997</v>
      </c>
      <c r="AT52" s="9">
        <v>63800.855023900003</v>
      </c>
      <c r="AU52" s="9">
        <v>65552.802240899997</v>
      </c>
      <c r="AV52" s="9">
        <v>69938.856356499993</v>
      </c>
      <c r="AW52" s="9">
        <v>72891.036194800006</v>
      </c>
      <c r="AX52" s="9">
        <v>74393.688749499997</v>
      </c>
      <c r="AY52" s="9">
        <v>80572.207212599998</v>
      </c>
      <c r="AZ52" s="9">
        <v>85564.9141198</v>
      </c>
      <c r="BA52" s="9">
        <v>88879.077170499993</v>
      </c>
      <c r="BB52" s="9">
        <v>91819.627499199996</v>
      </c>
      <c r="BC52" s="9">
        <v>89301.707544000004</v>
      </c>
      <c r="BD52" s="9">
        <v>90614.782332000002</v>
      </c>
      <c r="BE52" s="9">
        <v>93751.077660199997</v>
      </c>
      <c r="BF52" s="9">
        <v>95254.655109800005</v>
      </c>
      <c r="BG52" s="11">
        <v>-351</v>
      </c>
      <c r="BH52" s="13">
        <v>-0.19201312910284463</v>
      </c>
      <c r="BI52" s="6">
        <v>-64</v>
      </c>
      <c r="BJ52" s="13">
        <v>-3.5010940919037198E-2</v>
      </c>
      <c r="BK52" s="6">
        <v>-160</v>
      </c>
      <c r="BL52" s="13">
        <v>-9.0702947845804988E-2</v>
      </c>
      <c r="BM52" s="11">
        <v>-127</v>
      </c>
      <c r="BN52" s="13">
        <v>-7.9177057356608474E-2</v>
      </c>
      <c r="BO52" s="11">
        <v>-287</v>
      </c>
      <c r="BP52" s="13">
        <v>-0.1626984126984127</v>
      </c>
      <c r="BQ52" s="6">
        <v>1828</v>
      </c>
      <c r="BR52" s="6">
        <v>1731</v>
      </c>
      <c r="BS52" s="6">
        <v>1727</v>
      </c>
      <c r="BT52" s="6">
        <v>1764</v>
      </c>
      <c r="BU52" s="6">
        <v>1714</v>
      </c>
      <c r="BV52" s="6">
        <v>1655</v>
      </c>
      <c r="BW52" s="6">
        <v>1604</v>
      </c>
      <c r="BX52" s="6">
        <v>1524</v>
      </c>
      <c r="BY52" s="6">
        <v>1514</v>
      </c>
      <c r="BZ52" s="6">
        <v>1513</v>
      </c>
      <c r="CA52" s="6">
        <v>1558</v>
      </c>
      <c r="CB52" s="6">
        <v>1477</v>
      </c>
      <c r="CC52" s="11">
        <v>1477</v>
      </c>
      <c r="CD52" s="11">
        <v>-10471.9</v>
      </c>
      <c r="CE52" s="11">
        <v>-20000.8</v>
      </c>
      <c r="CF52" s="11">
        <v>7138.09</v>
      </c>
      <c r="CG52" s="11">
        <v>-12863</v>
      </c>
      <c r="CH52" s="20">
        <v>1.17961</v>
      </c>
      <c r="CI52" s="20">
        <v>1.1820200000000001</v>
      </c>
      <c r="CJ52" s="20">
        <v>1.19329</v>
      </c>
      <c r="CK52" s="20">
        <v>1.19086</v>
      </c>
      <c r="CL52" s="20">
        <v>1.1807799999999999</v>
      </c>
      <c r="CM52" s="20">
        <v>1.1873499999999999</v>
      </c>
      <c r="CN52" s="20">
        <v>1.21279</v>
      </c>
      <c r="CO52" s="20">
        <v>1.2565900000000001</v>
      </c>
      <c r="CP52" s="20">
        <v>1.2424599999999999</v>
      </c>
      <c r="CQ52" s="20">
        <v>1.2238800000000001</v>
      </c>
      <c r="CR52" s="20">
        <v>1.1831199999999999</v>
      </c>
      <c r="CS52" s="20">
        <v>1.1257600000000001</v>
      </c>
      <c r="CT52" s="20">
        <v>1.11229</v>
      </c>
      <c r="CU52" s="20">
        <v>1.1055299999999999</v>
      </c>
      <c r="CV52" s="20">
        <v>1.05108</v>
      </c>
      <c r="CW52" s="20">
        <v>1.02928</v>
      </c>
      <c r="CX52" s="20">
        <v>1.0102800000000001</v>
      </c>
      <c r="CY52" s="6"/>
      <c r="CZ52" s="6"/>
      <c r="DA52" s="6"/>
      <c r="DB52" s="6"/>
      <c r="DC52" s="6"/>
      <c r="DD52" s="6"/>
      <c r="DE52" s="6"/>
      <c r="DF52" s="6"/>
      <c r="DG52" s="6"/>
      <c r="DH52" s="6"/>
      <c r="DI52" s="6"/>
      <c r="DJ52" s="6"/>
      <c r="DK52" s="6"/>
      <c r="DL52" s="6"/>
      <c r="DM52" s="6"/>
      <c r="DN52" s="6"/>
      <c r="DO52" s="6"/>
    </row>
    <row r="53" spans="1:119" hidden="1" x14ac:dyDescent="0.2">
      <c r="A53" s="6" t="s">
        <v>315</v>
      </c>
      <c r="B53" s="6" t="s">
        <v>315</v>
      </c>
      <c r="C53" s="6" t="s">
        <v>184</v>
      </c>
      <c r="D53" s="6" t="s">
        <v>337</v>
      </c>
      <c r="E53" s="6" t="s">
        <v>331</v>
      </c>
      <c r="F53" s="11">
        <v>2414</v>
      </c>
      <c r="G53" s="13">
        <v>2.3949838284000002E-2</v>
      </c>
      <c r="H53" s="11">
        <v>689.79899599999771</v>
      </c>
      <c r="I53" s="13">
        <v>6.8436397094928589E-3</v>
      </c>
      <c r="J53" s="11">
        <v>-2674.8966739999887</v>
      </c>
      <c r="K53" s="13">
        <v>-2.6357824347937559E-2</v>
      </c>
      <c r="L53" s="11">
        <v>4398.4516929999954</v>
      </c>
      <c r="M53" s="13">
        <v>4.4514653498073736E-2</v>
      </c>
      <c r="N53" s="11">
        <v>1723.5550190000067</v>
      </c>
      <c r="O53" s="13">
        <v>1.6983519732324641E-2</v>
      </c>
      <c r="P53" s="7">
        <v>100794.17171</v>
      </c>
      <c r="Q53" s="7">
        <v>99808.663496399997</v>
      </c>
      <c r="R53" s="7">
        <v>100874.614736</v>
      </c>
      <c r="S53" s="7">
        <v>99447.322306999995</v>
      </c>
      <c r="T53" s="7">
        <v>99461.1106402</v>
      </c>
      <c r="U53" s="7">
        <v>100957.534185</v>
      </c>
      <c r="V53" s="7">
        <v>101483.97070599999</v>
      </c>
      <c r="W53" s="7">
        <v>100096.958383</v>
      </c>
      <c r="X53" s="7">
        <v>97743.490252000003</v>
      </c>
      <c r="Y53" s="7">
        <v>98809.074032000004</v>
      </c>
      <c r="Z53" s="7">
        <v>99668.189865099994</v>
      </c>
      <c r="AA53" s="7">
        <v>102712.815105</v>
      </c>
      <c r="AB53" s="7">
        <v>101865.606329</v>
      </c>
      <c r="AC53" s="7">
        <v>100981.518314</v>
      </c>
      <c r="AD53" s="7">
        <v>101454.24413599999</v>
      </c>
      <c r="AE53" s="7">
        <v>102164.390015</v>
      </c>
      <c r="AF53" s="7">
        <v>103207.525725</v>
      </c>
      <c r="AG53" s="9">
        <v>37025.615917100004</v>
      </c>
      <c r="AH53" s="13">
        <v>0.65236419781667809</v>
      </c>
      <c r="AI53" s="9">
        <v>13709.0708438</v>
      </c>
      <c r="AJ53" s="13">
        <v>0.24154377401449784</v>
      </c>
      <c r="AK53" s="9">
        <v>4354.0982676999993</v>
      </c>
      <c r="AL53" s="13">
        <v>6.1790828306093809E-2</v>
      </c>
      <c r="AM53" s="9">
        <v>18962.446805600004</v>
      </c>
      <c r="AN53" s="13">
        <v>0.25344352274655252</v>
      </c>
      <c r="AO53" s="9">
        <v>23316.545073300003</v>
      </c>
      <c r="AP53" s="13">
        <v>0.33089483625197014</v>
      </c>
      <c r="AQ53" s="9">
        <v>56756.051360600002</v>
      </c>
      <c r="AR53" s="9">
        <v>58056.385007600002</v>
      </c>
      <c r="AS53" s="9">
        <v>59701.800420300002</v>
      </c>
      <c r="AT53" s="9">
        <v>61429.007357499999</v>
      </c>
      <c r="AU53" s="9">
        <v>64993.615086999998</v>
      </c>
      <c r="AV53" s="9">
        <v>67585.507651099993</v>
      </c>
      <c r="AW53" s="9">
        <v>70465.122204400002</v>
      </c>
      <c r="AX53" s="9">
        <v>72685.938144800006</v>
      </c>
      <c r="AY53" s="9">
        <v>71344.846997100001</v>
      </c>
      <c r="AZ53" s="9">
        <v>74819.220472100002</v>
      </c>
      <c r="BA53" s="9">
        <v>79032.784749300001</v>
      </c>
      <c r="BB53" s="9">
        <v>83274.050593799999</v>
      </c>
      <c r="BC53" s="9">
        <v>84288.561102299995</v>
      </c>
      <c r="BD53" s="9">
        <v>86929.207569799997</v>
      </c>
      <c r="BE53" s="9">
        <v>91561.968954900003</v>
      </c>
      <c r="BF53" s="9">
        <v>93781.667277700006</v>
      </c>
      <c r="BG53" s="11">
        <v>162.5</v>
      </c>
      <c r="BH53" s="13">
        <v>2.2714565278166062E-2</v>
      </c>
      <c r="BI53" s="6">
        <v>336</v>
      </c>
      <c r="BJ53" s="13">
        <v>4.6966731898238745E-2</v>
      </c>
      <c r="BK53" s="6">
        <v>-385</v>
      </c>
      <c r="BL53" s="13">
        <v>-5.1401869158878503E-2</v>
      </c>
      <c r="BM53" s="11">
        <v>211.5</v>
      </c>
      <c r="BN53" s="13">
        <v>2.976776917663617E-2</v>
      </c>
      <c r="BO53" s="11">
        <v>-173.5</v>
      </c>
      <c r="BP53" s="13">
        <v>-2.3164218958611482E-2</v>
      </c>
      <c r="BQ53" s="6">
        <v>7154</v>
      </c>
      <c r="BR53" s="6">
        <v>7240</v>
      </c>
      <c r="BS53" s="6">
        <v>7305</v>
      </c>
      <c r="BT53" s="6">
        <v>7490</v>
      </c>
      <c r="BU53" s="6">
        <v>7331</v>
      </c>
      <c r="BV53" s="6">
        <v>7221</v>
      </c>
      <c r="BW53" s="6">
        <v>7105</v>
      </c>
      <c r="BX53" s="6">
        <v>7085</v>
      </c>
      <c r="BY53" s="6">
        <v>7131</v>
      </c>
      <c r="BZ53" s="6">
        <v>7135</v>
      </c>
      <c r="CA53" s="6">
        <v>7193</v>
      </c>
      <c r="CB53" s="6">
        <v>7345</v>
      </c>
      <c r="CC53" s="11">
        <v>7316.5</v>
      </c>
      <c r="CD53" s="11">
        <v>-587.47500000000002</v>
      </c>
      <c r="CE53" s="11">
        <v>-8017.19</v>
      </c>
      <c r="CF53" s="11">
        <v>11018</v>
      </c>
      <c r="CG53" s="11">
        <v>3001</v>
      </c>
      <c r="CH53" s="20">
        <v>1.1162399999999999</v>
      </c>
      <c r="CI53" s="20">
        <v>1.11192</v>
      </c>
      <c r="CJ53" s="20">
        <v>1.1049199999999999</v>
      </c>
      <c r="CK53" s="20">
        <v>1.0966899999999999</v>
      </c>
      <c r="CL53" s="20">
        <v>1.0845800000000001</v>
      </c>
      <c r="CM53" s="20">
        <v>1.08877</v>
      </c>
      <c r="CN53" s="20">
        <v>1.10371</v>
      </c>
      <c r="CO53" s="20">
        <v>1.1133900000000001</v>
      </c>
      <c r="CP53" s="20">
        <v>1.1299699999999999</v>
      </c>
      <c r="CQ53" s="20">
        <v>1.1745099999999999</v>
      </c>
      <c r="CR53" s="20">
        <v>1.1866300000000001</v>
      </c>
      <c r="CS53" s="20">
        <v>1.21529</v>
      </c>
      <c r="CT53" s="20">
        <v>1.2063600000000001</v>
      </c>
      <c r="CU53" s="20">
        <v>1.20136</v>
      </c>
      <c r="CV53" s="20">
        <v>1.18577</v>
      </c>
      <c r="CW53" s="20">
        <v>1.18296</v>
      </c>
      <c r="CX53" s="20">
        <v>1.1878</v>
      </c>
      <c r="CY53" s="6"/>
      <c r="CZ53" s="6"/>
      <c r="DA53" s="6"/>
      <c r="DB53" s="6"/>
      <c r="DC53" s="6"/>
      <c r="DD53" s="6"/>
      <c r="DE53" s="6"/>
      <c r="DF53" s="6"/>
      <c r="DG53" s="6"/>
      <c r="DH53" s="6"/>
      <c r="DI53" s="6"/>
      <c r="DJ53" s="6"/>
      <c r="DK53" s="6"/>
      <c r="DL53" s="6"/>
      <c r="DM53" s="6"/>
      <c r="DN53" s="6"/>
      <c r="DO53" s="6"/>
    </row>
    <row r="54" spans="1:119" hidden="1" x14ac:dyDescent="0.2">
      <c r="A54" s="6" t="s">
        <v>316</v>
      </c>
      <c r="B54" s="6" t="s">
        <v>316</v>
      </c>
      <c r="C54" s="6" t="s">
        <v>185</v>
      </c>
      <c r="D54" s="6" t="s">
        <v>337</v>
      </c>
      <c r="E54" s="6" t="s">
        <v>331</v>
      </c>
      <c r="F54" s="11">
        <v>-1258</v>
      </c>
      <c r="G54" s="13">
        <v>-3.4527240290899999E-2</v>
      </c>
      <c r="H54" s="11">
        <v>2793.6159925999964</v>
      </c>
      <c r="I54" s="13">
        <v>7.6673181790281764E-2</v>
      </c>
      <c r="J54" s="11">
        <v>-3580.9052473999982</v>
      </c>
      <c r="K54" s="13">
        <v>-9.1282118696663028E-2</v>
      </c>
      <c r="L54" s="11">
        <v>-470.81219640000199</v>
      </c>
      <c r="M54" s="13">
        <v>-1.3207223063821097E-2</v>
      </c>
      <c r="N54" s="11">
        <v>-4051.7174438000002</v>
      </c>
      <c r="O54" s="13">
        <v>-0.1032837584571191</v>
      </c>
      <c r="P54" s="7">
        <v>36435.373195300002</v>
      </c>
      <c r="Q54" s="7">
        <v>37935.149442100002</v>
      </c>
      <c r="R54" s="7">
        <v>38745.528011100003</v>
      </c>
      <c r="S54" s="7">
        <v>39086.191915900003</v>
      </c>
      <c r="T54" s="7">
        <v>39810.578824900003</v>
      </c>
      <c r="U54" s="7">
        <v>39159.120227200001</v>
      </c>
      <c r="V54" s="7">
        <v>39228.989187899999</v>
      </c>
      <c r="W54" s="7">
        <v>38963.274719499997</v>
      </c>
      <c r="X54" s="7">
        <v>37002.648741700003</v>
      </c>
      <c r="Y54" s="7">
        <v>35648.083940500001</v>
      </c>
      <c r="Z54" s="7">
        <v>34382.317530400003</v>
      </c>
      <c r="AA54" s="7">
        <v>34224.399544100001</v>
      </c>
      <c r="AB54" s="7">
        <v>33564.3318487</v>
      </c>
      <c r="AC54" s="7">
        <v>34653.982159200001</v>
      </c>
      <c r="AD54" s="7">
        <v>35047.942544099998</v>
      </c>
      <c r="AE54" s="7">
        <v>35244.677105100003</v>
      </c>
      <c r="AF54" s="7">
        <v>35177.271744099999</v>
      </c>
      <c r="AG54" s="9">
        <v>16633.519218199999</v>
      </c>
      <c r="AH54" s="13">
        <v>0.50898587789670846</v>
      </c>
      <c r="AI54" s="9">
        <v>5368.134128200003</v>
      </c>
      <c r="AJ54" s="13">
        <v>0.164264965583443</v>
      </c>
      <c r="AK54" s="9">
        <v>1958.6069308000006</v>
      </c>
      <c r="AL54" s="13">
        <v>5.1477452474781429E-2</v>
      </c>
      <c r="AM54" s="9">
        <v>9306.7781591999956</v>
      </c>
      <c r="AN54" s="13">
        <v>0.23263184070542467</v>
      </c>
      <c r="AO54" s="9">
        <v>11265.385089999996</v>
      </c>
      <c r="AP54" s="13">
        <v>0.29608458770424051</v>
      </c>
      <c r="AQ54" s="9">
        <v>32679.726374599999</v>
      </c>
      <c r="AR54" s="9">
        <v>34372.471552199997</v>
      </c>
      <c r="AS54" s="9">
        <v>34232.547725199998</v>
      </c>
      <c r="AT54" s="9">
        <v>35473.876302500001</v>
      </c>
      <c r="AU54" s="9">
        <v>36111.792258399997</v>
      </c>
      <c r="AV54" s="9">
        <v>36568.585116000002</v>
      </c>
      <c r="AW54" s="9">
        <v>38047.860502800002</v>
      </c>
      <c r="AX54" s="9">
        <v>38507.843507700003</v>
      </c>
      <c r="AY54" s="9">
        <v>39698.102970799999</v>
      </c>
      <c r="AZ54" s="9">
        <v>40006.467433600003</v>
      </c>
      <c r="BA54" s="9">
        <v>40654.178181800002</v>
      </c>
      <c r="BB54" s="9">
        <v>43503.339280200002</v>
      </c>
      <c r="BC54" s="9">
        <v>44303.880209199997</v>
      </c>
      <c r="BD54" s="9">
        <v>45518.9759156</v>
      </c>
      <c r="BE54" s="9">
        <v>48957.938590600002</v>
      </c>
      <c r="BF54" s="9">
        <v>49313.245592799998</v>
      </c>
      <c r="BG54" s="11">
        <v>-208</v>
      </c>
      <c r="BH54" s="13">
        <v>-4.4721565254783914E-2</v>
      </c>
      <c r="BI54" s="6">
        <v>86</v>
      </c>
      <c r="BJ54" s="13">
        <v>1.8490647172651042E-2</v>
      </c>
      <c r="BK54" s="6">
        <v>-371</v>
      </c>
      <c r="BL54" s="13">
        <v>-7.831961156850327E-2</v>
      </c>
      <c r="BM54" s="11">
        <v>77</v>
      </c>
      <c r="BN54" s="13">
        <v>1.7636280348144753E-2</v>
      </c>
      <c r="BO54" s="11">
        <v>-294</v>
      </c>
      <c r="BP54" s="13">
        <v>-6.2064597846738442E-2</v>
      </c>
      <c r="BQ54" s="6">
        <v>4651</v>
      </c>
      <c r="BR54" s="6">
        <v>4658</v>
      </c>
      <c r="BS54" s="6">
        <v>4718</v>
      </c>
      <c r="BT54" s="6">
        <v>4737</v>
      </c>
      <c r="BU54" s="6">
        <v>4597</v>
      </c>
      <c r="BV54" s="6">
        <v>4517</v>
      </c>
      <c r="BW54" s="6">
        <v>4366</v>
      </c>
      <c r="BX54" s="6">
        <v>4267</v>
      </c>
      <c r="BY54" s="6">
        <v>4271</v>
      </c>
      <c r="BZ54" s="6">
        <v>4310</v>
      </c>
      <c r="CA54" s="6">
        <v>4368</v>
      </c>
      <c r="CB54" s="6">
        <v>4406</v>
      </c>
      <c r="CC54" s="11">
        <v>4443</v>
      </c>
      <c r="CD54" s="11">
        <v>-3392.89</v>
      </c>
      <c r="CE54" s="11">
        <v>-1848.04</v>
      </c>
      <c r="CF54" s="11">
        <v>3982.83</v>
      </c>
      <c r="CG54" s="11">
        <v>2135</v>
      </c>
      <c r="CH54" s="20">
        <v>0.98059600000000002</v>
      </c>
      <c r="CI54" s="20">
        <v>1.01831</v>
      </c>
      <c r="CJ54" s="20">
        <v>1.01972</v>
      </c>
      <c r="CK54" s="20">
        <v>1.0131300000000001</v>
      </c>
      <c r="CL54" s="20">
        <v>1.0017400000000001</v>
      </c>
      <c r="CM54" s="20">
        <v>0.97798300000000005</v>
      </c>
      <c r="CN54" s="20">
        <v>0.99193299999999995</v>
      </c>
      <c r="CO54" s="20">
        <v>1.0106900000000001</v>
      </c>
      <c r="CP54" s="20">
        <v>1.0156799999999999</v>
      </c>
      <c r="CQ54" s="20">
        <v>1.0264599999999999</v>
      </c>
      <c r="CR54" s="20">
        <v>1.0051300000000001</v>
      </c>
      <c r="CS54" s="20">
        <v>0.99184799999999995</v>
      </c>
      <c r="CT54" s="20">
        <v>0.96446600000000005</v>
      </c>
      <c r="CU54" s="20">
        <v>0.97766200000000003</v>
      </c>
      <c r="CV54" s="20">
        <v>0.96572800000000003</v>
      </c>
      <c r="CW54" s="20">
        <v>0.96350499999999994</v>
      </c>
      <c r="CX54" s="20">
        <v>0.95708899999999997</v>
      </c>
      <c r="CY54" s="6"/>
      <c r="CZ54" s="6"/>
      <c r="DA54" s="6"/>
      <c r="DB54" s="6"/>
      <c r="DC54" s="6"/>
      <c r="DD54" s="6"/>
      <c r="DE54" s="6"/>
      <c r="DF54" s="6"/>
      <c r="DG54" s="6"/>
      <c r="DH54" s="6"/>
      <c r="DI54" s="6"/>
      <c r="DJ54" s="6"/>
      <c r="DK54" s="6"/>
      <c r="DL54" s="6"/>
      <c r="DM54" s="6"/>
      <c r="DN54" s="6"/>
      <c r="DO54" s="6"/>
    </row>
    <row r="55" spans="1:119" hidden="1" x14ac:dyDescent="0.2">
      <c r="A55" s="6" t="s">
        <v>317</v>
      </c>
      <c r="B55" s="6" t="s">
        <v>317</v>
      </c>
      <c r="C55" s="6" t="s">
        <v>186</v>
      </c>
      <c r="D55" s="6" t="s">
        <v>337</v>
      </c>
      <c r="E55" s="6" t="s">
        <v>331</v>
      </c>
      <c r="F55" s="11">
        <v>28955</v>
      </c>
      <c r="G55" s="13">
        <v>0.255680062165</v>
      </c>
      <c r="H55" s="11">
        <v>8487.6810779999942</v>
      </c>
      <c r="I55" s="13">
        <v>7.4948644083298502E-2</v>
      </c>
      <c r="J55" s="11">
        <v>-6714.5400479999953</v>
      </c>
      <c r="K55" s="13">
        <v>-5.5157335677377455E-2</v>
      </c>
      <c r="L55" s="11">
        <v>27181.848937999996</v>
      </c>
      <c r="M55" s="13">
        <v>0.23632328252024087</v>
      </c>
      <c r="N55" s="11">
        <v>20467.30889</v>
      </c>
      <c r="O55" s="13">
        <v>0.16813098422051478</v>
      </c>
      <c r="P55" s="7">
        <v>113246.626164</v>
      </c>
      <c r="Q55" s="7">
        <v>110997.593121</v>
      </c>
      <c r="R55" s="7">
        <v>110892.37390000001</v>
      </c>
      <c r="S55" s="7">
        <v>111677.096745</v>
      </c>
      <c r="T55" s="7">
        <v>116319.464098</v>
      </c>
      <c r="U55" s="7">
        <v>119616.358997</v>
      </c>
      <c r="V55" s="7">
        <v>121734.307242</v>
      </c>
      <c r="W55" s="7">
        <v>123313.808519</v>
      </c>
      <c r="X55" s="7">
        <v>117898.733389</v>
      </c>
      <c r="Y55" s="7">
        <v>115019.767194</v>
      </c>
      <c r="Z55" s="7">
        <v>117299.77832500001</v>
      </c>
      <c r="AA55" s="7">
        <v>122019.595829</v>
      </c>
      <c r="AB55" s="7">
        <v>123453.815227</v>
      </c>
      <c r="AC55" s="7">
        <v>126383.628541</v>
      </c>
      <c r="AD55" s="7">
        <v>134342.76190099999</v>
      </c>
      <c r="AE55" s="7">
        <v>139129.578637</v>
      </c>
      <c r="AF55" s="7">
        <v>142201.616132</v>
      </c>
      <c r="AG55" s="9">
        <v>26055.415790899999</v>
      </c>
      <c r="AH55" s="13">
        <v>0.43873862699550087</v>
      </c>
      <c r="AI55" s="9">
        <v>14241.230364700001</v>
      </c>
      <c r="AJ55" s="13">
        <v>0.23980342156417728</v>
      </c>
      <c r="AK55" s="9">
        <v>3002.407927399996</v>
      </c>
      <c r="AL55" s="13">
        <v>4.0777888246998829E-2</v>
      </c>
      <c r="AM55" s="9">
        <v>8811.7774988000019</v>
      </c>
      <c r="AN55" s="13">
        <v>0.11499011249624312</v>
      </c>
      <c r="AO55" s="9">
        <v>11814.185426199998</v>
      </c>
      <c r="AP55" s="13">
        <v>0.16045705470012361</v>
      </c>
      <c r="AQ55" s="9">
        <v>59387.102451699997</v>
      </c>
      <c r="AR55" s="9">
        <v>60489.914267200002</v>
      </c>
      <c r="AS55" s="9">
        <v>62484.410069799997</v>
      </c>
      <c r="AT55" s="9">
        <v>64193.016331300001</v>
      </c>
      <c r="AU55" s="9">
        <v>66872.499887600003</v>
      </c>
      <c r="AV55" s="9">
        <v>70416.646551500002</v>
      </c>
      <c r="AW55" s="9">
        <v>73628.332816399998</v>
      </c>
      <c r="AX55" s="9">
        <v>76839.744798300002</v>
      </c>
      <c r="AY55" s="9">
        <v>77634.209476300006</v>
      </c>
      <c r="AZ55" s="9">
        <v>76630.740743799994</v>
      </c>
      <c r="BA55" s="9">
        <v>77003.394756399997</v>
      </c>
      <c r="BB55" s="9">
        <v>79322.370762999999</v>
      </c>
      <c r="BC55" s="9">
        <v>79372.522826200002</v>
      </c>
      <c r="BD55" s="9">
        <v>80257.324715499999</v>
      </c>
      <c r="BE55" s="9">
        <v>85108.502870800003</v>
      </c>
      <c r="BF55" s="9">
        <v>85442.518242599996</v>
      </c>
      <c r="BG55" s="11">
        <v>1677</v>
      </c>
      <c r="BH55" s="13">
        <v>0.15915345923887256</v>
      </c>
      <c r="BI55" s="6">
        <v>730</v>
      </c>
      <c r="BJ55" s="13">
        <v>6.9279681123659481E-2</v>
      </c>
      <c r="BK55" s="6">
        <v>-207</v>
      </c>
      <c r="BL55" s="13">
        <v>-1.8372237507766044E-2</v>
      </c>
      <c r="BM55" s="11">
        <v>1154</v>
      </c>
      <c r="BN55" s="13">
        <v>0.10433996383363472</v>
      </c>
      <c r="BO55" s="11">
        <v>947</v>
      </c>
      <c r="BP55" s="13">
        <v>8.4050767728765421E-2</v>
      </c>
      <c r="BQ55" s="6">
        <v>10537</v>
      </c>
      <c r="BR55" s="6">
        <v>10835</v>
      </c>
      <c r="BS55" s="6">
        <v>11096</v>
      </c>
      <c r="BT55" s="6">
        <v>11267</v>
      </c>
      <c r="BU55" s="6">
        <v>11371</v>
      </c>
      <c r="BV55" s="6">
        <v>11256</v>
      </c>
      <c r="BW55" s="6">
        <v>11060</v>
      </c>
      <c r="BX55" s="6">
        <v>10953</v>
      </c>
      <c r="BY55" s="6">
        <v>11121</v>
      </c>
      <c r="BZ55" s="6">
        <v>11384</v>
      </c>
      <c r="CA55" s="6">
        <v>11411</v>
      </c>
      <c r="CB55" s="6">
        <v>12186</v>
      </c>
      <c r="CC55" s="11">
        <v>12214</v>
      </c>
      <c r="CD55" s="11">
        <v>-6085.1</v>
      </c>
      <c r="CE55" s="11">
        <v>22660.9</v>
      </c>
      <c r="CF55" s="11">
        <v>12379.2</v>
      </c>
      <c r="CG55" s="11">
        <v>35040</v>
      </c>
      <c r="CH55" s="20">
        <v>0.95788499999999999</v>
      </c>
      <c r="CI55" s="20">
        <v>0.96032399999999996</v>
      </c>
      <c r="CJ55" s="20">
        <v>0.95925400000000005</v>
      </c>
      <c r="CK55" s="20">
        <v>0.95909100000000003</v>
      </c>
      <c r="CL55" s="20">
        <v>0.96430000000000005</v>
      </c>
      <c r="CM55" s="20">
        <v>0.957372</v>
      </c>
      <c r="CN55" s="20">
        <v>0.95002500000000001</v>
      </c>
      <c r="CO55" s="20">
        <v>0.943963</v>
      </c>
      <c r="CP55" s="20">
        <v>0.93373399999999995</v>
      </c>
      <c r="CQ55" s="20">
        <v>0.92161599999999999</v>
      </c>
      <c r="CR55" s="20">
        <v>0.92273400000000005</v>
      </c>
      <c r="CS55" s="20">
        <v>0.93581599999999998</v>
      </c>
      <c r="CT55" s="20">
        <v>0.92964599999999997</v>
      </c>
      <c r="CU55" s="20">
        <v>0.93413000000000002</v>
      </c>
      <c r="CV55" s="20">
        <v>0.96235000000000004</v>
      </c>
      <c r="CW55" s="20">
        <v>0.97914000000000001</v>
      </c>
      <c r="CX55" s="20">
        <v>0.98303099999999999</v>
      </c>
      <c r="CY55" s="6"/>
      <c r="CZ55" s="6"/>
      <c r="DA55" s="6"/>
      <c r="DB55" s="6"/>
      <c r="DC55" s="6"/>
      <c r="DD55" s="6"/>
      <c r="DE55" s="6"/>
      <c r="DF55" s="6"/>
      <c r="DG55" s="6"/>
      <c r="DH55" s="6"/>
      <c r="DI55" s="6"/>
      <c r="DJ55" s="6"/>
      <c r="DK55" s="6"/>
      <c r="DL55" s="6"/>
      <c r="DM55" s="6"/>
      <c r="DN55" s="6"/>
      <c r="DO55" s="6"/>
    </row>
    <row r="56" spans="1:119" hidden="1" x14ac:dyDescent="0.2">
      <c r="A56" s="6" t="s">
        <v>318</v>
      </c>
      <c r="B56" s="6" t="s">
        <v>318</v>
      </c>
      <c r="C56" s="6" t="s">
        <v>187</v>
      </c>
      <c r="D56" s="6" t="s">
        <v>337</v>
      </c>
      <c r="E56" s="6" t="s">
        <v>331</v>
      </c>
      <c r="F56" s="11">
        <v>-6894</v>
      </c>
      <c r="G56" s="13">
        <v>-0.10304932735400001</v>
      </c>
      <c r="H56" s="11">
        <v>-5912.2402080000029</v>
      </c>
      <c r="I56" s="13">
        <v>-8.8374809605963126E-2</v>
      </c>
      <c r="J56" s="11">
        <v>-7421.4468520000009</v>
      </c>
      <c r="K56" s="13">
        <v>-0.12168826101406092</v>
      </c>
      <c r="L56" s="11">
        <v>6440.160068600002</v>
      </c>
      <c r="M56" s="13">
        <v>0.12022867964326184</v>
      </c>
      <c r="N56" s="11">
        <v>-981.28678339999897</v>
      </c>
      <c r="O56" s="13">
        <v>-1.6090000320604238E-2</v>
      </c>
      <c r="P56" s="7">
        <v>66899.608999000004</v>
      </c>
      <c r="Q56" s="7">
        <v>63150.022353</v>
      </c>
      <c r="R56" s="7">
        <v>61019.521845000003</v>
      </c>
      <c r="S56" s="7">
        <v>58868.210212999998</v>
      </c>
      <c r="T56" s="7">
        <v>62830.706379000003</v>
      </c>
      <c r="U56" s="7">
        <v>62809.219111999999</v>
      </c>
      <c r="V56" s="7">
        <v>60987.368791000001</v>
      </c>
      <c r="W56" s="7">
        <v>60380.318127999999</v>
      </c>
      <c r="X56" s="7">
        <v>54017.090959000001</v>
      </c>
      <c r="Y56" s="7">
        <v>53565.921939</v>
      </c>
      <c r="Z56" s="7">
        <v>54997.116090000003</v>
      </c>
      <c r="AA56" s="7">
        <v>55976.425066999996</v>
      </c>
      <c r="AB56" s="7">
        <v>58580.622670999997</v>
      </c>
      <c r="AC56" s="7">
        <v>60879.110886000002</v>
      </c>
      <c r="AD56" s="7">
        <v>60439.423132999997</v>
      </c>
      <c r="AE56" s="7">
        <v>60103.462640700003</v>
      </c>
      <c r="AF56" s="7">
        <v>60006.082007600002</v>
      </c>
      <c r="AG56" s="9">
        <v>38999.937189699995</v>
      </c>
      <c r="AH56" s="13">
        <v>0.48830782310016085</v>
      </c>
      <c r="AI56" s="9">
        <v>21331.124689699995</v>
      </c>
      <c r="AJ56" s="13">
        <v>0.26708132915292071</v>
      </c>
      <c r="AK56" s="9">
        <v>6345.4796709999937</v>
      </c>
      <c r="AL56" s="13">
        <v>6.2703205039381552E-2</v>
      </c>
      <c r="AM56" s="9">
        <v>11323.332829000006</v>
      </c>
      <c r="AN56" s="13">
        <v>0.10529010661430496</v>
      </c>
      <c r="AO56" s="9">
        <v>17668.8125</v>
      </c>
      <c r="AP56" s="13">
        <v>0.17459533879734165</v>
      </c>
      <c r="AQ56" s="9">
        <v>79867.524837300007</v>
      </c>
      <c r="AR56" s="9">
        <v>82002.142859800006</v>
      </c>
      <c r="AS56" s="9">
        <v>83948.313292899998</v>
      </c>
      <c r="AT56" s="9">
        <v>90730.633299099994</v>
      </c>
      <c r="AU56" s="9">
        <v>94665.823927599995</v>
      </c>
      <c r="AV56" s="9">
        <v>96374.661413399997</v>
      </c>
      <c r="AW56" s="9">
        <v>101198.649527</v>
      </c>
      <c r="AX56" s="9">
        <v>122028.229596</v>
      </c>
      <c r="AY56" s="9">
        <v>95844.270465099995</v>
      </c>
      <c r="AZ56" s="9">
        <v>107544.129198</v>
      </c>
      <c r="BA56" s="9">
        <v>107729.718016</v>
      </c>
      <c r="BB56" s="9">
        <v>114205.18565499999</v>
      </c>
      <c r="BC56" s="9">
        <v>118221.305055</v>
      </c>
      <c r="BD56" s="9">
        <v>121219.011562</v>
      </c>
      <c r="BE56" s="9">
        <v>118274.300671</v>
      </c>
      <c r="BF56" s="9">
        <v>118867.462027</v>
      </c>
      <c r="BG56" s="11">
        <v>-30.25</v>
      </c>
      <c r="BH56" s="13">
        <v>-2.7777777777777776E-2</v>
      </c>
      <c r="BI56" s="6">
        <v>26</v>
      </c>
      <c r="BJ56" s="13">
        <v>2.3875114784205693E-2</v>
      </c>
      <c r="BK56" s="6">
        <v>-69</v>
      </c>
      <c r="BL56" s="13">
        <v>-6.1883408071748879E-2</v>
      </c>
      <c r="BM56" s="11">
        <v>12.75</v>
      </c>
      <c r="BN56" s="13">
        <v>1.2189292543021032E-2</v>
      </c>
      <c r="BO56" s="11">
        <v>-56.25</v>
      </c>
      <c r="BP56" s="13">
        <v>-5.0448430493273543E-2</v>
      </c>
      <c r="BQ56" s="6">
        <v>1089</v>
      </c>
      <c r="BR56" s="6">
        <v>1125</v>
      </c>
      <c r="BS56" s="6">
        <v>1113</v>
      </c>
      <c r="BT56" s="6">
        <v>1115</v>
      </c>
      <c r="BU56" s="6">
        <v>1095</v>
      </c>
      <c r="BV56" s="6">
        <v>1056</v>
      </c>
      <c r="BW56" s="6">
        <v>1046</v>
      </c>
      <c r="BX56" s="6">
        <v>1052</v>
      </c>
      <c r="BY56" s="6">
        <v>1072</v>
      </c>
      <c r="BZ56" s="6">
        <v>1061</v>
      </c>
      <c r="CA56" s="6">
        <v>1090</v>
      </c>
      <c r="CB56" s="6">
        <v>1082</v>
      </c>
      <c r="CC56" s="11">
        <v>1058.75</v>
      </c>
      <c r="CD56" s="11">
        <v>-28530.2</v>
      </c>
      <c r="CE56" s="11">
        <v>14323.7</v>
      </c>
      <c r="CF56" s="11">
        <v>7312.93</v>
      </c>
      <c r="CG56" s="11">
        <v>21637</v>
      </c>
      <c r="CH56" s="20">
        <v>2.60385</v>
      </c>
      <c r="CI56" s="20">
        <v>2.4940099999999998</v>
      </c>
      <c r="CJ56" s="20">
        <v>2.4688500000000002</v>
      </c>
      <c r="CK56" s="20">
        <v>2.3615300000000001</v>
      </c>
      <c r="CL56" s="20">
        <v>2.46713</v>
      </c>
      <c r="CM56" s="20">
        <v>2.42395</v>
      </c>
      <c r="CN56" s="20">
        <v>2.2947500000000001</v>
      </c>
      <c r="CO56" s="20">
        <v>2.1991200000000002</v>
      </c>
      <c r="CP56" s="20">
        <v>2.0054400000000001</v>
      </c>
      <c r="CQ56" s="20">
        <v>1.99946</v>
      </c>
      <c r="CR56" s="20">
        <v>2.0021300000000002</v>
      </c>
      <c r="CS56" s="20">
        <v>1.9535199999999999</v>
      </c>
      <c r="CT56" s="20">
        <v>1.97387</v>
      </c>
      <c r="CU56" s="20">
        <v>2.0045600000000001</v>
      </c>
      <c r="CV56" s="20">
        <v>1.94902</v>
      </c>
      <c r="CW56" s="20">
        <v>1.9187399999999999</v>
      </c>
      <c r="CX56" s="20">
        <v>1.8886000000000001</v>
      </c>
      <c r="CY56" s="6"/>
      <c r="CZ56" s="6"/>
      <c r="DA56" s="6"/>
      <c r="DB56" s="6"/>
      <c r="DC56" s="6"/>
      <c r="DD56" s="6"/>
      <c r="DE56" s="6"/>
      <c r="DF56" s="6"/>
      <c r="DG56" s="6"/>
      <c r="DH56" s="6"/>
      <c r="DI56" s="6"/>
      <c r="DJ56" s="6"/>
      <c r="DK56" s="6"/>
      <c r="DL56" s="6"/>
      <c r="DM56" s="6"/>
      <c r="DN56" s="6"/>
      <c r="DO56" s="6"/>
    </row>
    <row r="57" spans="1:119" hidden="1" x14ac:dyDescent="0.2">
      <c r="A57" s="6" t="s">
        <v>319</v>
      </c>
      <c r="B57" s="6" t="s">
        <v>319</v>
      </c>
      <c r="C57" s="6" t="s">
        <v>188</v>
      </c>
      <c r="D57" s="6" t="s">
        <v>337</v>
      </c>
      <c r="E57" s="6" t="s">
        <v>331</v>
      </c>
      <c r="F57" s="11">
        <v>14345</v>
      </c>
      <c r="G57" s="13">
        <v>0.125030505875</v>
      </c>
      <c r="H57" s="11">
        <v>3577.9973440000031</v>
      </c>
      <c r="I57" s="13">
        <v>3.1185699546499305E-2</v>
      </c>
      <c r="J57" s="11">
        <v>-4995.5451109999995</v>
      </c>
      <c r="K57" s="13">
        <v>-4.2224204873449085E-2</v>
      </c>
      <c r="L57" s="11">
        <v>15762.698198999991</v>
      </c>
      <c r="M57" s="13">
        <v>0.13910581914991479</v>
      </c>
      <c r="N57" s="11">
        <v>10767.153087999992</v>
      </c>
      <c r="O57" s="13">
        <v>9.1007981669590746E-2</v>
      </c>
      <c r="P57" s="7">
        <v>114731.989214</v>
      </c>
      <c r="Q57" s="7">
        <v>109031.051288</v>
      </c>
      <c r="R57" s="7">
        <v>107085.467504</v>
      </c>
      <c r="S57" s="7">
        <v>105743.305417</v>
      </c>
      <c r="T57" s="7">
        <v>109868.232452</v>
      </c>
      <c r="U57" s="7">
        <v>113928.509693</v>
      </c>
      <c r="V57" s="7">
        <v>118309.986558</v>
      </c>
      <c r="W57" s="7">
        <v>121028.309633</v>
      </c>
      <c r="X57" s="7">
        <v>110080.16156199999</v>
      </c>
      <c r="Y57" s="7">
        <v>113314.441447</v>
      </c>
      <c r="Z57" s="7">
        <v>117371.06782</v>
      </c>
      <c r="AA57" s="7">
        <v>117443.132732</v>
      </c>
      <c r="AB57" s="7">
        <v>119440.32666599999</v>
      </c>
      <c r="AC57" s="7">
        <v>122486.749089</v>
      </c>
      <c r="AD57" s="7">
        <v>127143.49505100001</v>
      </c>
      <c r="AE57" s="7">
        <v>126908.859942</v>
      </c>
      <c r="AF57" s="7">
        <v>129077.139646</v>
      </c>
      <c r="AG57" s="9">
        <v>13919.536930099999</v>
      </c>
      <c r="AH57" s="13">
        <v>0.54678516948152156</v>
      </c>
      <c r="AI57" s="9">
        <v>5040.4355778999998</v>
      </c>
      <c r="AJ57" s="13">
        <v>0.19799763710264051</v>
      </c>
      <c r="AK57" s="9">
        <v>3514.4671292999992</v>
      </c>
      <c r="AL57" s="13">
        <v>0.11523793393043494</v>
      </c>
      <c r="AM57" s="9">
        <v>5364.6342229000002</v>
      </c>
      <c r="AN57" s="13">
        <v>0.15772791419155874</v>
      </c>
      <c r="AO57" s="9">
        <v>8879.1013521999994</v>
      </c>
      <c r="AP57" s="13">
        <v>0.29114208707658584</v>
      </c>
      <c r="AQ57" s="9">
        <v>25457.049142899999</v>
      </c>
      <c r="AR57" s="9">
        <v>26395.0386115</v>
      </c>
      <c r="AS57" s="9">
        <v>27051.046258999999</v>
      </c>
      <c r="AT57" s="9">
        <v>28315.998312399999</v>
      </c>
      <c r="AU57" s="9">
        <v>29077.7708733</v>
      </c>
      <c r="AV57" s="9">
        <v>29231.117907100001</v>
      </c>
      <c r="AW57" s="9">
        <v>30497.484720799999</v>
      </c>
      <c r="AX57" s="9">
        <v>32249.324121900001</v>
      </c>
      <c r="AY57" s="9">
        <v>33215.661295799997</v>
      </c>
      <c r="AZ57" s="9">
        <v>34011.951850099998</v>
      </c>
      <c r="BA57" s="9">
        <v>35030.805364699998</v>
      </c>
      <c r="BB57" s="9">
        <v>35310.6254357</v>
      </c>
      <c r="BC57" s="9">
        <v>36018.711301299998</v>
      </c>
      <c r="BD57" s="9">
        <v>37066.990803100001</v>
      </c>
      <c r="BE57" s="9">
        <v>38205.5051093</v>
      </c>
      <c r="BF57" s="9">
        <v>39376.586072999999</v>
      </c>
      <c r="BG57" s="11">
        <v>981.5</v>
      </c>
      <c r="BH57" s="13">
        <v>0.1727384723688842</v>
      </c>
      <c r="BI57" s="6">
        <v>338</v>
      </c>
      <c r="BJ57" s="13">
        <v>5.9486096444913761E-2</v>
      </c>
      <c r="BK57" s="6">
        <v>28</v>
      </c>
      <c r="BL57" s="13">
        <v>4.6511627906976744E-3</v>
      </c>
      <c r="BM57" s="11">
        <v>615.5</v>
      </c>
      <c r="BN57" s="13">
        <v>0.1017691798941799</v>
      </c>
      <c r="BO57" s="11">
        <v>643.5</v>
      </c>
      <c r="BP57" s="13">
        <v>0.1068936877076412</v>
      </c>
      <c r="BQ57" s="6">
        <v>5682</v>
      </c>
      <c r="BR57" s="6">
        <v>5754</v>
      </c>
      <c r="BS57" s="6">
        <v>5796</v>
      </c>
      <c r="BT57" s="6">
        <v>6020</v>
      </c>
      <c r="BU57" s="6">
        <v>6141</v>
      </c>
      <c r="BV57" s="6">
        <v>6061</v>
      </c>
      <c r="BW57" s="6">
        <v>6048</v>
      </c>
      <c r="BX57" s="6">
        <v>6117</v>
      </c>
      <c r="BY57" s="6">
        <v>6268</v>
      </c>
      <c r="BZ57" s="6">
        <v>6390</v>
      </c>
      <c r="CA57" s="6">
        <v>6475</v>
      </c>
      <c r="CB57" s="6">
        <v>6722</v>
      </c>
      <c r="CC57" s="11">
        <v>6663.5</v>
      </c>
      <c r="CD57" s="11">
        <v>-8519.17</v>
      </c>
      <c r="CE57" s="11">
        <v>10322.700000000001</v>
      </c>
      <c r="CF57" s="11">
        <v>12541.6</v>
      </c>
      <c r="CG57" s="11">
        <v>22865</v>
      </c>
      <c r="CH57" s="20">
        <v>0.91036700000000004</v>
      </c>
      <c r="CI57" s="20">
        <v>0.86927399999999999</v>
      </c>
      <c r="CJ57" s="20">
        <v>0.85911899999999997</v>
      </c>
      <c r="CK57" s="20">
        <v>0.83129500000000001</v>
      </c>
      <c r="CL57" s="20">
        <v>0.83947700000000003</v>
      </c>
      <c r="CM57" s="20">
        <v>0.85165599999999997</v>
      </c>
      <c r="CN57" s="20">
        <v>0.88038700000000003</v>
      </c>
      <c r="CO57" s="20">
        <v>0.939361</v>
      </c>
      <c r="CP57" s="20">
        <v>0.93756899999999999</v>
      </c>
      <c r="CQ57" s="20">
        <v>0.94319699999999995</v>
      </c>
      <c r="CR57" s="20">
        <v>0.94759899999999997</v>
      </c>
      <c r="CS57" s="20">
        <v>0.92065900000000001</v>
      </c>
      <c r="CT57" s="20">
        <v>0.91431700000000005</v>
      </c>
      <c r="CU57" s="20">
        <v>0.915103</v>
      </c>
      <c r="CV57" s="20">
        <v>0.92776199999999998</v>
      </c>
      <c r="CW57" s="20">
        <v>0.91262699999999997</v>
      </c>
      <c r="CX57" s="20">
        <v>0.91392499999999999</v>
      </c>
      <c r="CY57" s="6"/>
      <c r="CZ57" s="6"/>
      <c r="DA57" s="6"/>
      <c r="DB57" s="6"/>
      <c r="DC57" s="6"/>
      <c r="DD57" s="6"/>
      <c r="DE57" s="6"/>
      <c r="DF57" s="6"/>
      <c r="DG57" s="6"/>
      <c r="DH57" s="6"/>
      <c r="DI57" s="6"/>
      <c r="DJ57" s="6"/>
      <c r="DK57" s="6"/>
      <c r="DL57" s="6"/>
      <c r="DM57" s="6"/>
      <c r="DN57" s="6"/>
      <c r="DO57" s="6"/>
    </row>
    <row r="58" spans="1:119" hidden="1" x14ac:dyDescent="0.2">
      <c r="A58" s="6" t="s">
        <v>320</v>
      </c>
      <c r="B58" s="6" t="s">
        <v>320</v>
      </c>
      <c r="C58" s="6" t="s">
        <v>189</v>
      </c>
      <c r="D58" s="6" t="s">
        <v>337</v>
      </c>
      <c r="E58" s="6" t="s">
        <v>331</v>
      </c>
      <c r="F58" s="11">
        <v>6549</v>
      </c>
      <c r="G58" s="13">
        <v>0.104706935695</v>
      </c>
      <c r="H58" s="11">
        <v>536.62114320000546</v>
      </c>
      <c r="I58" s="13">
        <v>8.5796559761547805E-3</v>
      </c>
      <c r="J58" s="11">
        <v>4486.8914500000028</v>
      </c>
      <c r="K58" s="13">
        <v>7.1127485046073996E-2</v>
      </c>
      <c r="L58" s="11">
        <v>1525.2307569999975</v>
      </c>
      <c r="M58" s="13">
        <v>2.2572844048649662E-2</v>
      </c>
      <c r="N58" s="11">
        <v>6012.1222070000003</v>
      </c>
      <c r="O58" s="13">
        <v>9.5305878722241347E-2</v>
      </c>
      <c r="P58" s="7">
        <v>62545.764619399997</v>
      </c>
      <c r="Q58" s="7">
        <v>66541.361733099999</v>
      </c>
      <c r="R58" s="7">
        <v>68498.917700899998</v>
      </c>
      <c r="S58" s="7">
        <v>68733.234740900007</v>
      </c>
      <c r="T58" s="7">
        <v>69806.621673799993</v>
      </c>
      <c r="U58" s="7">
        <v>68854.049129799998</v>
      </c>
      <c r="V58" s="7">
        <v>63082.385762600003</v>
      </c>
      <c r="W58" s="7">
        <v>63758.188607900003</v>
      </c>
      <c r="X58" s="7">
        <v>65735.354444500001</v>
      </c>
      <c r="Y58" s="7">
        <v>67569.277212600005</v>
      </c>
      <c r="Z58" s="7">
        <v>70124.004000700006</v>
      </c>
      <c r="AA58" s="7">
        <v>71713.788547200005</v>
      </c>
      <c r="AB58" s="7">
        <v>70683.420503600006</v>
      </c>
      <c r="AC58" s="7">
        <v>68569.673808499996</v>
      </c>
      <c r="AD58" s="7">
        <v>68746.766411899996</v>
      </c>
      <c r="AE58" s="7">
        <v>68866.457389300005</v>
      </c>
      <c r="AF58" s="7">
        <v>69094.507969600003</v>
      </c>
      <c r="AG58" s="9">
        <v>14147.177261799996</v>
      </c>
      <c r="AH58" s="13">
        <v>0.40588734546757754</v>
      </c>
      <c r="AI58" s="9">
        <v>8952.9791025000013</v>
      </c>
      <c r="AJ58" s="13">
        <v>0.25686402698527194</v>
      </c>
      <c r="AK58" s="9">
        <v>1059.9095234999986</v>
      </c>
      <c r="AL58" s="13">
        <v>2.4194475637737845E-2</v>
      </c>
      <c r="AM58" s="9">
        <v>4134.288635799996</v>
      </c>
      <c r="AN58" s="13">
        <v>9.2143729117001125E-2</v>
      </c>
      <c r="AO58" s="9">
        <v>5194.1981592999946</v>
      </c>
      <c r="AP58" s="13">
        <v>0.11856757396403056</v>
      </c>
      <c r="AQ58" s="9">
        <v>34854.935537600002</v>
      </c>
      <c r="AR58" s="9">
        <v>35358.0912045</v>
      </c>
      <c r="AS58" s="9">
        <v>36548.188962799999</v>
      </c>
      <c r="AT58" s="9">
        <v>39015.177922299998</v>
      </c>
      <c r="AU58" s="9">
        <v>40391.842072799998</v>
      </c>
      <c r="AV58" s="9">
        <v>43878.491059100001</v>
      </c>
      <c r="AW58" s="9">
        <v>43807.914640100003</v>
      </c>
      <c r="AX58" s="9">
        <v>44215.714855899998</v>
      </c>
      <c r="AY58" s="9">
        <v>46634.926338800004</v>
      </c>
      <c r="AZ58" s="9">
        <v>44867.824163600002</v>
      </c>
      <c r="BA58" s="9">
        <v>46648.253650600003</v>
      </c>
      <c r="BB58" s="9">
        <v>46535.259470600002</v>
      </c>
      <c r="BC58" s="9">
        <v>44629.348136799999</v>
      </c>
      <c r="BD58" s="9">
        <v>47688.269870399999</v>
      </c>
      <c r="BE58" s="9">
        <v>48527.168399499998</v>
      </c>
      <c r="BF58" s="9">
        <v>49002.112799399998</v>
      </c>
      <c r="BG58" s="11">
        <v>316.75</v>
      </c>
      <c r="BH58" s="13">
        <v>0.33447729672650472</v>
      </c>
      <c r="BI58" s="6">
        <v>100</v>
      </c>
      <c r="BJ58" s="13">
        <v>0.10559662090813093</v>
      </c>
      <c r="BK58" s="6">
        <v>35</v>
      </c>
      <c r="BL58" s="13">
        <v>3.3428844317096466E-2</v>
      </c>
      <c r="BM58" s="11">
        <v>181.75</v>
      </c>
      <c r="BN58" s="13">
        <v>0.16797597042513862</v>
      </c>
      <c r="BO58" s="11">
        <v>216.75</v>
      </c>
      <c r="BP58" s="13">
        <v>0.20702005730659026</v>
      </c>
      <c r="BQ58" s="6">
        <v>947</v>
      </c>
      <c r="BR58" s="6">
        <v>978</v>
      </c>
      <c r="BS58" s="6">
        <v>1009</v>
      </c>
      <c r="BT58" s="6">
        <v>1047</v>
      </c>
      <c r="BU58" s="6">
        <v>1072</v>
      </c>
      <c r="BV58" s="6">
        <v>1072</v>
      </c>
      <c r="BW58" s="6">
        <v>1082</v>
      </c>
      <c r="BX58" s="6">
        <v>1101</v>
      </c>
      <c r="BY58" s="6">
        <v>1165</v>
      </c>
      <c r="BZ58" s="6">
        <v>1190</v>
      </c>
      <c r="CA58" s="6">
        <v>1219</v>
      </c>
      <c r="CB58" s="6">
        <v>1268</v>
      </c>
      <c r="CC58" s="11">
        <v>1263.75</v>
      </c>
      <c r="CD58" s="11">
        <v>-22936.400000000001</v>
      </c>
      <c r="CE58" s="11">
        <v>22648.1</v>
      </c>
      <c r="CF58" s="11">
        <v>6837.01</v>
      </c>
      <c r="CG58" s="11">
        <v>29485</v>
      </c>
      <c r="CH58" s="20">
        <v>1.48753</v>
      </c>
      <c r="CI58" s="20">
        <v>1.5195700000000001</v>
      </c>
      <c r="CJ58" s="20">
        <v>1.5286599999999999</v>
      </c>
      <c r="CK58" s="20">
        <v>1.4973099999999999</v>
      </c>
      <c r="CL58" s="20">
        <v>1.5111000000000001</v>
      </c>
      <c r="CM58" s="20">
        <v>1.4653700000000001</v>
      </c>
      <c r="CN58" s="20">
        <v>1.31558</v>
      </c>
      <c r="CO58" s="20">
        <v>1.2889999999999999</v>
      </c>
      <c r="CP58" s="20">
        <v>1.2910900000000001</v>
      </c>
      <c r="CQ58" s="20">
        <v>1.3067</v>
      </c>
      <c r="CR58" s="20">
        <v>1.32498</v>
      </c>
      <c r="CS58" s="20">
        <v>1.3283799999999999</v>
      </c>
      <c r="CT58" s="20">
        <v>1.2952399999999999</v>
      </c>
      <c r="CU58" s="20">
        <v>1.2410000000000001</v>
      </c>
      <c r="CV58" s="20">
        <v>1.2283599999999999</v>
      </c>
      <c r="CW58" s="20">
        <v>1.21424</v>
      </c>
      <c r="CX58" s="20">
        <v>1.1951700000000001</v>
      </c>
      <c r="CY58" s="6"/>
      <c r="CZ58" s="6"/>
      <c r="DA58" s="6"/>
      <c r="DB58" s="6"/>
      <c r="DC58" s="6"/>
      <c r="DD58" s="6"/>
      <c r="DE58" s="6"/>
      <c r="DF58" s="6"/>
      <c r="DG58" s="6"/>
      <c r="DH58" s="6"/>
      <c r="DI58" s="6"/>
      <c r="DJ58" s="6"/>
      <c r="DK58" s="6"/>
      <c r="DL58" s="6"/>
      <c r="DM58" s="6"/>
      <c r="DN58" s="6"/>
      <c r="DO58" s="6"/>
    </row>
    <row r="59" spans="1:119" hidden="1" x14ac:dyDescent="0.2">
      <c r="A59" s="6" t="s">
        <v>321</v>
      </c>
      <c r="B59" s="6" t="s">
        <v>321</v>
      </c>
      <c r="C59" s="6" t="s">
        <v>190</v>
      </c>
      <c r="D59" s="6" t="s">
        <v>337</v>
      </c>
      <c r="E59" s="6" t="s">
        <v>331</v>
      </c>
      <c r="F59" s="11">
        <v>98760</v>
      </c>
      <c r="G59" s="13">
        <v>0.43619018174599999</v>
      </c>
      <c r="H59" s="11">
        <v>27530.303607999987</v>
      </c>
      <c r="I59" s="13">
        <v>0.12159220026565661</v>
      </c>
      <c r="J59" s="11">
        <v>22832.392869000003</v>
      </c>
      <c r="K59" s="13">
        <v>8.991065562117527E-2</v>
      </c>
      <c r="L59" s="11">
        <v>48397.179476000019</v>
      </c>
      <c r="M59" s="13">
        <v>0.17485936208214822</v>
      </c>
      <c r="N59" s="11">
        <v>71229.572345000022</v>
      </c>
      <c r="O59" s="13">
        <v>0.28049173758962986</v>
      </c>
      <c r="P59" s="7">
        <v>226415.045931</v>
      </c>
      <c r="Q59" s="7">
        <v>231905.370261</v>
      </c>
      <c r="R59" s="7">
        <v>234910.09996200001</v>
      </c>
      <c r="S59" s="7">
        <v>236817.57236699999</v>
      </c>
      <c r="T59" s="7">
        <v>241588.94753400001</v>
      </c>
      <c r="U59" s="7">
        <v>249306.88871500001</v>
      </c>
      <c r="V59" s="7">
        <v>253945.34953899999</v>
      </c>
      <c r="W59" s="7">
        <v>259042.51590100001</v>
      </c>
      <c r="X59" s="7">
        <v>264718.08599599998</v>
      </c>
      <c r="Y59" s="7">
        <v>276777.74240799999</v>
      </c>
      <c r="Z59" s="7">
        <v>281655.179076</v>
      </c>
      <c r="AA59" s="7">
        <v>297277.12288500002</v>
      </c>
      <c r="AB59" s="7">
        <v>301744.93900800002</v>
      </c>
      <c r="AC59" s="7">
        <v>302956.17629799998</v>
      </c>
      <c r="AD59" s="7">
        <v>311632.26053199999</v>
      </c>
      <c r="AE59" s="7">
        <v>316645.51607299998</v>
      </c>
      <c r="AF59" s="7">
        <v>325174.92188400001</v>
      </c>
      <c r="AG59" s="9">
        <v>17539.445758599999</v>
      </c>
      <c r="AH59" s="13">
        <v>0.44576443935398857</v>
      </c>
      <c r="AI59" s="9">
        <v>8630.0655264000015</v>
      </c>
      <c r="AJ59" s="13">
        <v>0.2193328326282841</v>
      </c>
      <c r="AK59" s="9">
        <v>5020.0993718000027</v>
      </c>
      <c r="AL59" s="13">
        <v>0.10463563160057918</v>
      </c>
      <c r="AM59" s="9">
        <v>3889.2808603999947</v>
      </c>
      <c r="AN59" s="13">
        <v>7.338673135348181E-2</v>
      </c>
      <c r="AO59" s="9">
        <v>8909.3802321999974</v>
      </c>
      <c r="AP59" s="13">
        <v>0.18570122994033456</v>
      </c>
      <c r="AQ59" s="9">
        <v>39346.893134899998</v>
      </c>
      <c r="AR59" s="9">
        <v>40628.171914999999</v>
      </c>
      <c r="AS59" s="9">
        <v>42127.500891000003</v>
      </c>
      <c r="AT59" s="9">
        <v>44188.226536299997</v>
      </c>
      <c r="AU59" s="9">
        <v>45332.323728299998</v>
      </c>
      <c r="AV59" s="9">
        <v>46595.363022999998</v>
      </c>
      <c r="AW59" s="9">
        <v>47976.958661299999</v>
      </c>
      <c r="AX59" s="9">
        <v>49555.989327800002</v>
      </c>
      <c r="AY59" s="9">
        <v>50988.423616200002</v>
      </c>
      <c r="AZ59" s="9">
        <v>52997.058033100002</v>
      </c>
      <c r="BA59" s="9">
        <v>53119.077429999998</v>
      </c>
      <c r="BB59" s="9">
        <v>52748.9778744</v>
      </c>
      <c r="BC59" s="9">
        <v>54214.706456200001</v>
      </c>
      <c r="BD59" s="9">
        <v>54297.945014099998</v>
      </c>
      <c r="BE59" s="9">
        <v>55934.036068000001</v>
      </c>
      <c r="BF59" s="9">
        <v>56886.338893499997</v>
      </c>
      <c r="BG59" s="11">
        <v>17885.5</v>
      </c>
      <c r="BH59" s="13">
        <v>1.9758616880247459</v>
      </c>
      <c r="BI59" s="6">
        <v>398</v>
      </c>
      <c r="BJ59" s="13">
        <v>4.3968183826778612E-2</v>
      </c>
      <c r="BK59" s="6">
        <v>278</v>
      </c>
      <c r="BL59" s="13">
        <v>2.9417989417989419E-2</v>
      </c>
      <c r="BM59" s="11">
        <v>17209.5</v>
      </c>
      <c r="BN59" s="13">
        <v>1.769068667763158</v>
      </c>
      <c r="BO59" s="11">
        <v>17487.5</v>
      </c>
      <c r="BP59" s="13">
        <v>1.8505291005291005</v>
      </c>
      <c r="BQ59" s="6">
        <v>9052</v>
      </c>
      <c r="BR59" s="6">
        <v>9111</v>
      </c>
      <c r="BS59" s="6">
        <v>9262</v>
      </c>
      <c r="BT59" s="6">
        <v>9450</v>
      </c>
      <c r="BU59" s="6">
        <v>9546</v>
      </c>
      <c r="BV59" s="6">
        <v>9625</v>
      </c>
      <c r="BW59" s="6">
        <v>9728</v>
      </c>
      <c r="BX59" s="6">
        <v>9831</v>
      </c>
      <c r="BY59" s="6">
        <v>10122</v>
      </c>
      <c r="BZ59" s="6">
        <v>19002</v>
      </c>
      <c r="CA59" s="6">
        <v>21715</v>
      </c>
      <c r="CB59" s="6">
        <v>25072</v>
      </c>
      <c r="CC59" s="11">
        <v>26937.5</v>
      </c>
      <c r="CD59" s="11">
        <v>-8442.7999999999993</v>
      </c>
      <c r="CE59" s="11">
        <v>82452.800000000003</v>
      </c>
      <c r="CF59" s="11">
        <v>24749.9</v>
      </c>
      <c r="CG59" s="11">
        <v>107203</v>
      </c>
      <c r="CH59" s="20">
        <v>1.0903400000000001</v>
      </c>
      <c r="CI59" s="20">
        <v>1.08012</v>
      </c>
      <c r="CJ59" s="20">
        <v>1.06735</v>
      </c>
      <c r="CK59" s="20">
        <v>1.06741</v>
      </c>
      <c r="CL59" s="20">
        <v>1.0703400000000001</v>
      </c>
      <c r="CM59" s="20">
        <v>1.0824800000000001</v>
      </c>
      <c r="CN59" s="20">
        <v>1.0781000000000001</v>
      </c>
      <c r="CO59" s="20">
        <v>1.06969</v>
      </c>
      <c r="CP59" s="20">
        <v>1.07013</v>
      </c>
      <c r="CQ59" s="20">
        <v>1.1086</v>
      </c>
      <c r="CR59" s="20">
        <v>1.12192</v>
      </c>
      <c r="CS59" s="20">
        <v>1.14175</v>
      </c>
      <c r="CT59" s="20">
        <v>1.1404399999999999</v>
      </c>
      <c r="CU59" s="20">
        <v>1.1332100000000001</v>
      </c>
      <c r="CV59" s="20">
        <v>1.13934</v>
      </c>
      <c r="CW59" s="20">
        <v>1.1355</v>
      </c>
      <c r="CX59" s="20">
        <v>1.13731</v>
      </c>
      <c r="CY59" s="6"/>
      <c r="CZ59" s="6"/>
      <c r="DA59" s="6"/>
      <c r="DB59" s="6"/>
      <c r="DC59" s="6"/>
      <c r="DD59" s="6"/>
      <c r="DE59" s="6"/>
      <c r="DF59" s="6"/>
      <c r="DG59" s="6"/>
      <c r="DH59" s="6"/>
      <c r="DI59" s="6"/>
      <c r="DJ59" s="6"/>
      <c r="DK59" s="6"/>
      <c r="DL59" s="6"/>
      <c r="DM59" s="6"/>
      <c r="DN59" s="6"/>
      <c r="DO59" s="6"/>
    </row>
    <row r="60" spans="1:119" hidden="1" x14ac:dyDescent="0.2">
      <c r="A60" s="6" t="s">
        <v>322</v>
      </c>
      <c r="B60" s="6" t="s">
        <v>322</v>
      </c>
      <c r="C60" s="6" t="s">
        <v>191</v>
      </c>
      <c r="D60" s="6" t="s">
        <v>337</v>
      </c>
      <c r="E60" s="6" t="s">
        <v>331</v>
      </c>
      <c r="F60" s="11">
        <v>795</v>
      </c>
      <c r="G60" s="13">
        <v>2.2028262676600002E-2</v>
      </c>
      <c r="H60" s="11">
        <v>3168.7177647999997</v>
      </c>
      <c r="I60" s="13">
        <v>8.7801433540012505E-2</v>
      </c>
      <c r="J60" s="11">
        <v>-1477.0580773000038</v>
      </c>
      <c r="K60" s="13">
        <v>-3.7624089010914102E-2</v>
      </c>
      <c r="L60" s="11">
        <v>-896.59854600000108</v>
      </c>
      <c r="M60" s="13">
        <v>-2.3731309740615852E-2</v>
      </c>
      <c r="N60" s="11">
        <v>-2373.6566233000049</v>
      </c>
      <c r="O60" s="13">
        <v>-6.0462529841503451E-2</v>
      </c>
      <c r="P60" s="7">
        <v>36089.590306700004</v>
      </c>
      <c r="Q60" s="7">
        <v>36516.543534999997</v>
      </c>
      <c r="R60" s="7">
        <v>36720.747990399999</v>
      </c>
      <c r="S60" s="7">
        <v>38042.256546299999</v>
      </c>
      <c r="T60" s="7">
        <v>38372.598042600002</v>
      </c>
      <c r="U60" s="7">
        <v>39164.726442400002</v>
      </c>
      <c r="V60" s="7">
        <v>39258.308071500003</v>
      </c>
      <c r="W60" s="7">
        <v>39356.901240400002</v>
      </c>
      <c r="X60" s="7">
        <v>37863.989268600002</v>
      </c>
      <c r="Y60" s="7">
        <v>37781.249994199999</v>
      </c>
      <c r="Z60" s="7">
        <v>36858.896173100002</v>
      </c>
      <c r="AA60" s="7">
        <v>37188.977479100002</v>
      </c>
      <c r="AB60" s="7">
        <v>37502.519175599999</v>
      </c>
      <c r="AC60" s="7">
        <v>38118.957791399996</v>
      </c>
      <c r="AD60" s="7">
        <v>35994.104699000003</v>
      </c>
      <c r="AE60" s="7">
        <v>36715.609688299999</v>
      </c>
      <c r="AF60" s="7">
        <v>36884.651448199998</v>
      </c>
      <c r="AG60" s="9">
        <v>18256.209779100001</v>
      </c>
      <c r="AH60" s="13">
        <v>0.60149924590815129</v>
      </c>
      <c r="AI60" s="9">
        <v>7649.9608533000028</v>
      </c>
      <c r="AJ60" s="13">
        <v>0.25204824770115414</v>
      </c>
      <c r="AK60" s="9">
        <v>859.99558629999956</v>
      </c>
      <c r="AL60" s="13">
        <v>2.263078544813342E-2</v>
      </c>
      <c r="AM60" s="9">
        <v>9746.2533394999991</v>
      </c>
      <c r="AN60" s="13">
        <v>0.25079694289524662</v>
      </c>
      <c r="AO60" s="9">
        <v>10606.248925799999</v>
      </c>
      <c r="AP60" s="13">
        <v>0.2791034601490901</v>
      </c>
      <c r="AQ60" s="9">
        <v>30351.1765032</v>
      </c>
      <c r="AR60" s="9">
        <v>33405.8153466</v>
      </c>
      <c r="AS60" s="9">
        <v>34022.459376600003</v>
      </c>
      <c r="AT60" s="9">
        <v>33907.154669000003</v>
      </c>
      <c r="AU60" s="9">
        <v>33988.556580099998</v>
      </c>
      <c r="AV60" s="9">
        <v>37015.2484233</v>
      </c>
      <c r="AW60" s="9">
        <v>38001.137356500003</v>
      </c>
      <c r="AX60" s="9">
        <v>37630.118893699997</v>
      </c>
      <c r="AY60" s="9">
        <v>39140.235221399998</v>
      </c>
      <c r="AZ60" s="9">
        <v>38861.132942800003</v>
      </c>
      <c r="BA60" s="9">
        <v>40927.008733299997</v>
      </c>
      <c r="BB60" s="9">
        <v>41437.163856699997</v>
      </c>
      <c r="BC60" s="9">
        <v>44300.035728900002</v>
      </c>
      <c r="BD60" s="9">
        <v>44942.273503600001</v>
      </c>
      <c r="BE60" s="9">
        <v>47341.710080299999</v>
      </c>
      <c r="BF60" s="9">
        <v>48607.386282300002</v>
      </c>
      <c r="BG60" s="11">
        <v>44.75</v>
      </c>
      <c r="BH60" s="13">
        <v>3.512558869701727E-2</v>
      </c>
      <c r="BI60" s="6">
        <v>9</v>
      </c>
      <c r="BJ60" s="13">
        <v>7.0643642072213504E-3</v>
      </c>
      <c r="BK60" s="6">
        <v>-49</v>
      </c>
      <c r="BL60" s="13">
        <v>-3.8191738113795788E-2</v>
      </c>
      <c r="BM60" s="11">
        <v>84.75</v>
      </c>
      <c r="BN60" s="13">
        <v>6.8679092382495949E-2</v>
      </c>
      <c r="BO60" s="11">
        <v>35.75</v>
      </c>
      <c r="BP60" s="13">
        <v>2.7864380358534686E-2</v>
      </c>
      <c r="BQ60" s="6">
        <v>1274</v>
      </c>
      <c r="BR60" s="6">
        <v>1314</v>
      </c>
      <c r="BS60" s="6">
        <v>1301</v>
      </c>
      <c r="BT60" s="6">
        <v>1283</v>
      </c>
      <c r="BU60" s="6">
        <v>1288</v>
      </c>
      <c r="BV60" s="6">
        <v>1263</v>
      </c>
      <c r="BW60" s="6">
        <v>1234</v>
      </c>
      <c r="BX60" s="6">
        <v>1235</v>
      </c>
      <c r="BY60" s="6">
        <v>1251</v>
      </c>
      <c r="BZ60" s="6">
        <v>1281</v>
      </c>
      <c r="CA60" s="6">
        <v>1279</v>
      </c>
      <c r="CB60" s="6">
        <v>1306</v>
      </c>
      <c r="CC60" s="11">
        <v>1318.75</v>
      </c>
      <c r="CD60" s="11">
        <v>-9715.26</v>
      </c>
      <c r="CE60" s="11">
        <v>6565.3</v>
      </c>
      <c r="CF60" s="11">
        <v>3945.03</v>
      </c>
      <c r="CG60" s="11">
        <v>10510</v>
      </c>
      <c r="CH60" s="20">
        <v>1.13463</v>
      </c>
      <c r="CI60" s="20">
        <v>1.13059</v>
      </c>
      <c r="CJ60" s="20">
        <v>1.12578</v>
      </c>
      <c r="CK60" s="20">
        <v>1.1546799999999999</v>
      </c>
      <c r="CL60" s="20">
        <v>1.1533100000000001</v>
      </c>
      <c r="CM60" s="20">
        <v>1.16422</v>
      </c>
      <c r="CN60" s="20">
        <v>1.14394</v>
      </c>
      <c r="CO60" s="20">
        <v>1.1364000000000001</v>
      </c>
      <c r="CP60" s="20">
        <v>1.1144400000000001</v>
      </c>
      <c r="CQ60" s="20">
        <v>1.1284000000000001</v>
      </c>
      <c r="CR60" s="20">
        <v>1.09599</v>
      </c>
      <c r="CS60" s="20">
        <v>1.0805400000000001</v>
      </c>
      <c r="CT60" s="20">
        <v>1.0735300000000001</v>
      </c>
      <c r="CU60" s="20">
        <v>1.06592</v>
      </c>
      <c r="CV60" s="20">
        <v>0.97567000000000004</v>
      </c>
      <c r="CW60" s="20">
        <v>0.97127300000000005</v>
      </c>
      <c r="CX60" s="20">
        <v>0.96109500000000003</v>
      </c>
      <c r="CY60" s="6"/>
      <c r="CZ60" s="6"/>
      <c r="DA60" s="6"/>
      <c r="DB60" s="6"/>
      <c r="DC60" s="6"/>
      <c r="DD60" s="6"/>
      <c r="DE60" s="6"/>
      <c r="DF60" s="6"/>
      <c r="DG60" s="6"/>
      <c r="DH60" s="6"/>
      <c r="DI60" s="6"/>
      <c r="DJ60" s="6"/>
      <c r="DK60" s="6"/>
      <c r="DL60" s="6"/>
      <c r="DM60" s="6"/>
      <c r="DN60" s="6"/>
      <c r="DO60" s="6"/>
    </row>
    <row r="61" spans="1:119" hidden="1" x14ac:dyDescent="0.2">
      <c r="A61" s="6" t="s">
        <v>323</v>
      </c>
      <c r="B61" s="6" t="s">
        <v>323</v>
      </c>
      <c r="C61" s="6" t="s">
        <v>324</v>
      </c>
      <c r="D61" s="6" t="s">
        <v>337</v>
      </c>
      <c r="E61" s="6" t="s">
        <v>331</v>
      </c>
      <c r="F61" s="11">
        <v>37059</v>
      </c>
      <c r="G61" s="13">
        <v>0.231364249326</v>
      </c>
      <c r="H61" s="11">
        <v>16365.089230999991</v>
      </c>
      <c r="I61" s="13">
        <v>0.1021694138309996</v>
      </c>
      <c r="J61" s="11">
        <v>-5699.0474669999967</v>
      </c>
      <c r="K61" s="13">
        <v>-3.2281703439627794E-2</v>
      </c>
      <c r="L61" s="11">
        <v>26393.057503000018</v>
      </c>
      <c r="M61" s="13">
        <v>0.15448806051582475</v>
      </c>
      <c r="N61" s="11">
        <v>20694.010036000022</v>
      </c>
      <c r="O61" s="13">
        <v>0.11721921932166184</v>
      </c>
      <c r="P61" s="7">
        <v>160176.011757</v>
      </c>
      <c r="Q61" s="7">
        <v>162371.545255</v>
      </c>
      <c r="R61" s="7">
        <v>163967.64903199999</v>
      </c>
      <c r="S61" s="7">
        <v>167017.24623799999</v>
      </c>
      <c r="T61" s="7">
        <v>170759.07847499999</v>
      </c>
      <c r="U61" s="7">
        <v>174821.41623800001</v>
      </c>
      <c r="V61" s="7">
        <v>176541.10098799999</v>
      </c>
      <c r="W61" s="7">
        <v>177160.49060700001</v>
      </c>
      <c r="X61" s="7">
        <v>172620.389906</v>
      </c>
      <c r="Y61" s="7">
        <v>170842.05352099999</v>
      </c>
      <c r="Z61" s="7">
        <v>171526.64833699999</v>
      </c>
      <c r="AA61" s="7">
        <v>175967.658119</v>
      </c>
      <c r="AB61" s="7">
        <v>179441.65207400001</v>
      </c>
      <c r="AC61" s="7">
        <v>183492.02530000001</v>
      </c>
      <c r="AD61" s="7">
        <v>191045.118353</v>
      </c>
      <c r="AE61" s="7">
        <v>194719.84945000001</v>
      </c>
      <c r="AF61" s="7">
        <v>197235.11102400001</v>
      </c>
      <c r="AG61" s="9">
        <v>5877.1486756999984</v>
      </c>
      <c r="AH61" s="13">
        <v>0.40520672510980288</v>
      </c>
      <c r="AI61" s="9">
        <v>2330.2912709000011</v>
      </c>
      <c r="AJ61" s="13">
        <v>0.16066459205592329</v>
      </c>
      <c r="AK61" s="9">
        <v>805.2881899999993</v>
      </c>
      <c r="AL61" s="13">
        <v>4.7835967426884285E-2</v>
      </c>
      <c r="AM61" s="9">
        <v>2741.569214799998</v>
      </c>
      <c r="AN61" s="13">
        <v>0.15542080159667501</v>
      </c>
      <c r="AO61" s="9">
        <v>3546.8574047999973</v>
      </c>
      <c r="AP61" s="13">
        <v>0.21069147342619807</v>
      </c>
      <c r="AQ61" s="9">
        <v>14504.0748623</v>
      </c>
      <c r="AR61" s="9">
        <v>14883.916219799999</v>
      </c>
      <c r="AS61" s="9">
        <v>15275.069914199999</v>
      </c>
      <c r="AT61" s="9">
        <v>15489.8613511</v>
      </c>
      <c r="AU61" s="9">
        <v>15974.481130599999</v>
      </c>
      <c r="AV61" s="9">
        <v>16010.572839799999</v>
      </c>
      <c r="AW61" s="9">
        <v>16834.366133200001</v>
      </c>
      <c r="AX61" s="9">
        <v>17243.851734200001</v>
      </c>
      <c r="AY61" s="9">
        <v>17325.5593797</v>
      </c>
      <c r="AZ61" s="9">
        <v>17639.6543232</v>
      </c>
      <c r="BA61" s="9">
        <v>17682.318086899999</v>
      </c>
      <c r="BB61" s="9">
        <v>18153.597048399999</v>
      </c>
      <c r="BC61" s="9">
        <v>18272.520709500001</v>
      </c>
      <c r="BD61" s="9">
        <v>18702.127080599999</v>
      </c>
      <c r="BE61" s="9">
        <v>19813.438479699998</v>
      </c>
      <c r="BF61" s="9">
        <v>20381.223537999998</v>
      </c>
      <c r="BG61" s="11">
        <v>969.75</v>
      </c>
      <c r="BH61" s="13">
        <v>0.13064125016839553</v>
      </c>
      <c r="BI61" s="6">
        <v>314</v>
      </c>
      <c r="BJ61" s="13">
        <v>4.2300956486595716E-2</v>
      </c>
      <c r="BK61" s="6">
        <v>284</v>
      </c>
      <c r="BL61" s="13">
        <v>3.6706733876179398E-2</v>
      </c>
      <c r="BM61" s="11">
        <v>371.75</v>
      </c>
      <c r="BN61" s="13">
        <v>4.6347088891659394E-2</v>
      </c>
      <c r="BO61" s="11">
        <v>655.75</v>
      </c>
      <c r="BP61" s="13">
        <v>8.4755073025720565E-2</v>
      </c>
      <c r="BQ61" s="6">
        <v>7423</v>
      </c>
      <c r="BR61" s="6">
        <v>7572</v>
      </c>
      <c r="BS61" s="6">
        <v>7634</v>
      </c>
      <c r="BT61" s="6">
        <v>7737</v>
      </c>
      <c r="BU61" s="6">
        <v>7852</v>
      </c>
      <c r="BV61" s="6">
        <v>7932</v>
      </c>
      <c r="BW61" s="6">
        <v>8021</v>
      </c>
      <c r="BX61" s="6">
        <v>8078</v>
      </c>
      <c r="BY61" s="6">
        <v>8160</v>
      </c>
      <c r="BZ61" s="6">
        <v>8193</v>
      </c>
      <c r="CA61" s="6">
        <v>8203</v>
      </c>
      <c r="CB61" s="6">
        <v>8352</v>
      </c>
      <c r="CC61" s="11">
        <v>8392.75</v>
      </c>
      <c r="CD61" s="11">
        <v>-16875</v>
      </c>
      <c r="CE61" s="11">
        <v>36424.9</v>
      </c>
      <c r="CF61" s="11">
        <v>17509.2</v>
      </c>
      <c r="CG61" s="11">
        <v>53934</v>
      </c>
      <c r="CH61" s="20">
        <v>1.03939</v>
      </c>
      <c r="CI61" s="20">
        <v>1.04497</v>
      </c>
      <c r="CJ61" s="20">
        <v>1.0420199999999999</v>
      </c>
      <c r="CK61" s="20">
        <v>1.04742</v>
      </c>
      <c r="CL61" s="20">
        <v>1.05183</v>
      </c>
      <c r="CM61" s="20">
        <v>1.05952</v>
      </c>
      <c r="CN61" s="20">
        <v>1.0520099999999999</v>
      </c>
      <c r="CO61" s="20">
        <v>1.05037</v>
      </c>
      <c r="CP61" s="20">
        <v>1.05159</v>
      </c>
      <c r="CQ61" s="20">
        <v>1.0446899999999999</v>
      </c>
      <c r="CR61" s="20">
        <v>1.0316700000000001</v>
      </c>
      <c r="CS61" s="20">
        <v>1.0268200000000001</v>
      </c>
      <c r="CT61" s="20">
        <v>1.0194000000000001</v>
      </c>
      <c r="CU61" s="20">
        <v>1.0207999999999999</v>
      </c>
      <c r="CV61" s="20">
        <v>1.02887</v>
      </c>
      <c r="CW61" s="20">
        <v>1.02616</v>
      </c>
      <c r="CX61" s="20">
        <v>1.0246500000000001</v>
      </c>
      <c r="CY61" s="6"/>
      <c r="CZ61" s="6"/>
      <c r="DA61" s="6"/>
      <c r="DB61" s="6"/>
      <c r="DC61" s="6"/>
      <c r="DD61" s="6"/>
      <c r="DE61" s="6"/>
      <c r="DF61" s="6"/>
      <c r="DG61" s="6"/>
      <c r="DH61" s="6"/>
      <c r="DI61" s="6"/>
      <c r="DJ61" s="6"/>
      <c r="DK61" s="6"/>
      <c r="DL61" s="6"/>
      <c r="DM61" s="6"/>
      <c r="DN61" s="6"/>
      <c r="DO61" s="6"/>
    </row>
    <row r="62" spans="1:119" hidden="1" x14ac:dyDescent="0.2">
      <c r="A62" s="6" t="s">
        <v>325</v>
      </c>
      <c r="B62" s="6" t="s">
        <v>325</v>
      </c>
      <c r="C62" s="6" t="s">
        <v>326</v>
      </c>
      <c r="D62" s="6" t="s">
        <v>337</v>
      </c>
      <c r="E62" s="6" t="s">
        <v>331</v>
      </c>
      <c r="F62" s="11">
        <v>-1047</v>
      </c>
      <c r="G62" s="13">
        <v>-9.4635513173999992E-3</v>
      </c>
      <c r="H62" s="11">
        <v>2339.8492839999963</v>
      </c>
      <c r="I62" s="13">
        <v>2.1149266363814149E-2</v>
      </c>
      <c r="J62" s="11">
        <v>-2880.7639880000061</v>
      </c>
      <c r="K62" s="13">
        <v>-2.5499159904313593E-2</v>
      </c>
      <c r="L62" s="11">
        <v>-505.77738699999463</v>
      </c>
      <c r="M62" s="13">
        <v>-4.5940464669924075E-3</v>
      </c>
      <c r="N62" s="11">
        <v>-3386.5413750000007</v>
      </c>
      <c r="O62" s="13">
        <v>-2.9976062045836315E-2</v>
      </c>
      <c r="P62" s="7">
        <v>110635.009449</v>
      </c>
      <c r="Q62" s="7">
        <v>109377.10094800001</v>
      </c>
      <c r="R62" s="7">
        <v>111039.476543</v>
      </c>
      <c r="S62" s="7">
        <v>111756.74105300001</v>
      </c>
      <c r="T62" s="7">
        <v>111864.21344799999</v>
      </c>
      <c r="U62" s="7">
        <v>112992.085706</v>
      </c>
      <c r="V62" s="7">
        <v>112974.858733</v>
      </c>
      <c r="W62" s="7">
        <v>111927.98848499999</v>
      </c>
      <c r="X62" s="7">
        <v>109992.404157</v>
      </c>
      <c r="Y62" s="7">
        <v>110094.09474499999</v>
      </c>
      <c r="Z62" s="7">
        <v>111656.366352</v>
      </c>
      <c r="AA62" s="7">
        <v>113035.197581</v>
      </c>
      <c r="AB62" s="7">
        <v>107667.300875</v>
      </c>
      <c r="AC62" s="7">
        <v>107121.349307</v>
      </c>
      <c r="AD62" s="7">
        <v>107754.60750100001</v>
      </c>
      <c r="AE62" s="7">
        <v>109397.547026</v>
      </c>
      <c r="AF62" s="7">
        <v>109588.317358</v>
      </c>
      <c r="AG62" s="9">
        <v>7387.806616599999</v>
      </c>
      <c r="AH62" s="13">
        <v>0.33136432575856412</v>
      </c>
      <c r="AI62" s="9">
        <v>2776.8156424999979</v>
      </c>
      <c r="AJ62" s="13">
        <v>0.12454814952320852</v>
      </c>
      <c r="AK62" s="9">
        <v>398.60357490000024</v>
      </c>
      <c r="AL62" s="13">
        <v>1.5898398052798111E-2</v>
      </c>
      <c r="AM62" s="9">
        <v>4212.3873992000008</v>
      </c>
      <c r="AN62" s="13">
        <v>0.16538274896676464</v>
      </c>
      <c r="AO62" s="9">
        <v>4610.990974100001</v>
      </c>
      <c r="AP62" s="13">
        <v>0.18391046779370235</v>
      </c>
      <c r="AQ62" s="9">
        <v>22295.117616200001</v>
      </c>
      <c r="AR62" s="9">
        <v>22657.529381699998</v>
      </c>
      <c r="AS62" s="9">
        <v>22817.1615944</v>
      </c>
      <c r="AT62" s="9">
        <v>23391.8653481</v>
      </c>
      <c r="AU62" s="9">
        <v>23824.4034846</v>
      </c>
      <c r="AV62" s="9">
        <v>24315.653308199999</v>
      </c>
      <c r="AW62" s="9">
        <v>25071.933258699999</v>
      </c>
      <c r="AX62" s="9">
        <v>26005.490629899999</v>
      </c>
      <c r="AY62" s="9">
        <v>25763.399543899999</v>
      </c>
      <c r="AZ62" s="9">
        <v>25470.536833599999</v>
      </c>
      <c r="BA62" s="9">
        <v>25529.945176599998</v>
      </c>
      <c r="BB62" s="9">
        <v>25994.303748999999</v>
      </c>
      <c r="BC62" s="9">
        <v>27196.662681500002</v>
      </c>
      <c r="BD62" s="9">
        <v>28041.940879599999</v>
      </c>
      <c r="BE62" s="9">
        <v>29060.578865399999</v>
      </c>
      <c r="BF62" s="9">
        <v>29682.9242328</v>
      </c>
      <c r="BG62" s="11">
        <v>-2350</v>
      </c>
      <c r="BH62" s="13">
        <v>-0.20249892287806981</v>
      </c>
      <c r="BI62" s="6">
        <v>582</v>
      </c>
      <c r="BJ62" s="13">
        <v>5.0150797070228348E-2</v>
      </c>
      <c r="BK62" s="6">
        <v>994</v>
      </c>
      <c r="BL62" s="13">
        <v>8.1562320505456629E-2</v>
      </c>
      <c r="BM62" s="11">
        <v>-3926</v>
      </c>
      <c r="BN62" s="13">
        <v>-0.29785297018435625</v>
      </c>
      <c r="BO62" s="11">
        <v>-2932</v>
      </c>
      <c r="BP62" s="13">
        <v>-0.24058422909657831</v>
      </c>
      <c r="BQ62" s="6">
        <v>11605</v>
      </c>
      <c r="BR62" s="6">
        <v>11771</v>
      </c>
      <c r="BS62" s="6">
        <v>11933</v>
      </c>
      <c r="BT62" s="6">
        <v>12187</v>
      </c>
      <c r="BU62" s="6">
        <v>12209</v>
      </c>
      <c r="BV62" s="6">
        <v>12335</v>
      </c>
      <c r="BW62" s="6">
        <v>13181</v>
      </c>
      <c r="BX62" s="6">
        <v>14550</v>
      </c>
      <c r="BY62" s="6">
        <v>15764</v>
      </c>
      <c r="BZ62" s="6">
        <v>9035</v>
      </c>
      <c r="CA62" s="6">
        <v>9126</v>
      </c>
      <c r="CB62" s="6">
        <v>9248</v>
      </c>
      <c r="CC62" s="11">
        <v>9255</v>
      </c>
      <c r="CD62" s="11">
        <v>-12121.6</v>
      </c>
      <c r="CE62" s="11">
        <v>-1018.84</v>
      </c>
      <c r="CF62" s="11">
        <v>12093.7</v>
      </c>
      <c r="CG62" s="11">
        <v>11075</v>
      </c>
      <c r="CH62" s="20">
        <v>1.05691</v>
      </c>
      <c r="CI62" s="20">
        <v>1.032</v>
      </c>
      <c r="CJ62" s="20">
        <v>1.04051</v>
      </c>
      <c r="CK62" s="20">
        <v>1.0521400000000001</v>
      </c>
      <c r="CL62" s="20">
        <v>1.0515600000000001</v>
      </c>
      <c r="CM62" s="20">
        <v>1.0548500000000001</v>
      </c>
      <c r="CN62" s="20">
        <v>1.0421400000000001</v>
      </c>
      <c r="CO62" s="20">
        <v>1.0262899999999999</v>
      </c>
      <c r="CP62" s="20">
        <v>1.0151399999999999</v>
      </c>
      <c r="CQ62" s="20">
        <v>1.0274799999999999</v>
      </c>
      <c r="CR62" s="20">
        <v>1.03993</v>
      </c>
      <c r="CS62" s="20">
        <v>1.0292699999999999</v>
      </c>
      <c r="CT62" s="20">
        <v>1.04118</v>
      </c>
      <c r="CU62" s="20">
        <v>1.02522</v>
      </c>
      <c r="CV62" s="20">
        <v>1.0180899999999999</v>
      </c>
      <c r="CW62" s="20">
        <v>1.0221899999999999</v>
      </c>
      <c r="CX62" s="20">
        <v>1.0184200000000001</v>
      </c>
      <c r="CY62" s="6"/>
      <c r="CZ62" s="6"/>
      <c r="DA62" s="6"/>
      <c r="DB62" s="6"/>
      <c r="DC62" s="6"/>
      <c r="DD62" s="6"/>
      <c r="DE62" s="6"/>
      <c r="DF62" s="6"/>
      <c r="DG62" s="6"/>
      <c r="DH62" s="6"/>
      <c r="DI62" s="6"/>
      <c r="DJ62" s="6"/>
      <c r="DK62" s="6"/>
      <c r="DL62" s="6"/>
      <c r="DM62" s="6"/>
      <c r="DN62" s="6"/>
      <c r="DO62" s="6"/>
    </row>
    <row r="63" spans="1:119" hidden="1" x14ac:dyDescent="0.2">
      <c r="A63" s="6" t="s">
        <v>327</v>
      </c>
      <c r="B63" s="6" t="s">
        <v>327</v>
      </c>
      <c r="C63" s="6" t="s">
        <v>194</v>
      </c>
      <c r="D63" s="6" t="s">
        <v>337</v>
      </c>
      <c r="E63" s="6" t="s">
        <v>331</v>
      </c>
      <c r="F63" s="11">
        <v>-1343</v>
      </c>
      <c r="G63" s="13">
        <v>-4.4262370722899999E-3</v>
      </c>
      <c r="H63" s="11">
        <v>8432.5681820000173</v>
      </c>
      <c r="I63" s="13">
        <v>2.7791901939342351E-2</v>
      </c>
      <c r="J63" s="11">
        <v>2708.4509749999852</v>
      </c>
      <c r="K63" s="13">
        <v>8.6850874313490721E-3</v>
      </c>
      <c r="L63" s="11">
        <v>-12484.393477000005</v>
      </c>
      <c r="M63" s="13">
        <v>-3.9688534579045934E-2</v>
      </c>
      <c r="N63" s="11">
        <v>-9775.9425020000199</v>
      </c>
      <c r="O63" s="13">
        <v>-3.1348145540537997E-2</v>
      </c>
      <c r="P63" s="7">
        <v>303418.17556800001</v>
      </c>
      <c r="Q63" s="7">
        <v>306054.13388600003</v>
      </c>
      <c r="R63" s="7">
        <v>306853.801278</v>
      </c>
      <c r="S63" s="7">
        <v>305855.47583200003</v>
      </c>
      <c r="T63" s="7">
        <v>306753.46481199999</v>
      </c>
      <c r="U63" s="7">
        <v>307531.18700899999</v>
      </c>
      <c r="V63" s="7">
        <v>311850.74375000002</v>
      </c>
      <c r="W63" s="7">
        <v>316244.92384100001</v>
      </c>
      <c r="X63" s="7">
        <v>320311.21157400002</v>
      </c>
      <c r="Y63" s="7">
        <v>314559.19472500001</v>
      </c>
      <c r="Z63" s="7">
        <v>308798.28450000001</v>
      </c>
      <c r="AA63" s="7">
        <v>306021.80424500001</v>
      </c>
      <c r="AB63" s="7">
        <v>304917.42397399998</v>
      </c>
      <c r="AC63" s="7">
        <v>304268.37771899998</v>
      </c>
      <c r="AD63" s="7">
        <v>302574.921798</v>
      </c>
      <c r="AE63" s="7">
        <v>303073.30298600002</v>
      </c>
      <c r="AF63" s="7">
        <v>302074.801248</v>
      </c>
      <c r="AG63" s="9">
        <v>20818.486305799997</v>
      </c>
      <c r="AH63" s="13">
        <v>0.47492540389270155</v>
      </c>
      <c r="AI63" s="9">
        <v>11046.187965899997</v>
      </c>
      <c r="AJ63" s="13">
        <v>0.25199311823733295</v>
      </c>
      <c r="AK63" s="9">
        <v>5388.0604372000016</v>
      </c>
      <c r="AL63" s="13">
        <v>9.8176324345344179E-2</v>
      </c>
      <c r="AM63" s="9">
        <v>4384.2379026999988</v>
      </c>
      <c r="AN63" s="13">
        <v>7.2743860577015609E-2</v>
      </c>
      <c r="AO63" s="9">
        <v>9772.2983399000004</v>
      </c>
      <c r="AP63" s="13">
        <v>0.17806190977250136</v>
      </c>
      <c r="AQ63" s="9">
        <v>43835.276309000001</v>
      </c>
      <c r="AR63" s="9">
        <v>45618.440086000002</v>
      </c>
      <c r="AS63" s="9">
        <v>47511.834298399997</v>
      </c>
      <c r="AT63" s="9">
        <v>49993.406857299997</v>
      </c>
      <c r="AU63" s="9">
        <v>51419.921861299998</v>
      </c>
      <c r="AV63" s="9">
        <v>53322.476512599998</v>
      </c>
      <c r="AW63" s="9">
        <v>54881.464274899998</v>
      </c>
      <c r="AX63" s="9">
        <v>56414.808451500001</v>
      </c>
      <c r="AY63" s="9">
        <v>58089.654585999997</v>
      </c>
      <c r="AZ63" s="9">
        <v>60269.524712099999</v>
      </c>
      <c r="BA63" s="9">
        <v>60632.329858999998</v>
      </c>
      <c r="BB63" s="9">
        <v>61005.135410000003</v>
      </c>
      <c r="BC63" s="9">
        <v>61873.455948199997</v>
      </c>
      <c r="BD63" s="9">
        <v>62099.075992099999</v>
      </c>
      <c r="BE63" s="9">
        <v>64036.575635699999</v>
      </c>
      <c r="BF63" s="9">
        <v>64653.762614799998</v>
      </c>
      <c r="BG63" s="11">
        <v>11.5</v>
      </c>
      <c r="BH63" s="13">
        <v>3.0295047418335088E-3</v>
      </c>
      <c r="BI63" s="6">
        <v>104</v>
      </c>
      <c r="BJ63" s="13">
        <v>2.7397260273972601E-2</v>
      </c>
      <c r="BK63" s="6">
        <v>16</v>
      </c>
      <c r="BL63" s="13">
        <v>4.1025641025641026E-3</v>
      </c>
      <c r="BM63" s="11">
        <v>-108.5</v>
      </c>
      <c r="BN63" s="13">
        <v>-2.7706843718079674E-2</v>
      </c>
      <c r="BO63" s="11">
        <v>-92.5</v>
      </c>
      <c r="BP63" s="13">
        <v>-2.3717948717948717E-2</v>
      </c>
      <c r="BQ63" s="6">
        <v>3796</v>
      </c>
      <c r="BR63" s="6">
        <v>3791</v>
      </c>
      <c r="BS63" s="6">
        <v>3775</v>
      </c>
      <c r="BT63" s="6">
        <v>3900</v>
      </c>
      <c r="BU63" s="6">
        <v>3917</v>
      </c>
      <c r="BV63" s="6">
        <v>3930</v>
      </c>
      <c r="BW63" s="6">
        <v>3916</v>
      </c>
      <c r="BX63" s="6">
        <v>3909</v>
      </c>
      <c r="BY63" s="6">
        <v>3870</v>
      </c>
      <c r="BZ63" s="6">
        <v>3851</v>
      </c>
      <c r="CA63" s="6">
        <v>3838</v>
      </c>
      <c r="CB63" s="6">
        <v>3822</v>
      </c>
      <c r="CC63" s="11">
        <v>3807.5</v>
      </c>
      <c r="CD63" s="11">
        <v>-16722.900000000001</v>
      </c>
      <c r="CE63" s="11">
        <v>-17787.8</v>
      </c>
      <c r="CF63" s="11">
        <v>33167.300000000003</v>
      </c>
      <c r="CG63" s="11">
        <v>15379</v>
      </c>
      <c r="CH63" s="20">
        <v>0.87260000000000004</v>
      </c>
      <c r="CI63" s="20">
        <v>0.86760499999999996</v>
      </c>
      <c r="CJ63" s="20">
        <v>0.870286</v>
      </c>
      <c r="CK63" s="20">
        <v>0.87783599999999995</v>
      </c>
      <c r="CL63" s="20">
        <v>0.881108</v>
      </c>
      <c r="CM63" s="20">
        <v>0.88304899999999997</v>
      </c>
      <c r="CN63" s="20">
        <v>0.89114899999999997</v>
      </c>
      <c r="CO63" s="20">
        <v>0.88929400000000003</v>
      </c>
      <c r="CP63" s="20">
        <v>0.89648700000000003</v>
      </c>
      <c r="CQ63" s="20">
        <v>0.88516499999999998</v>
      </c>
      <c r="CR63" s="20">
        <v>0.88753199999999999</v>
      </c>
      <c r="CS63" s="20">
        <v>0.88908600000000004</v>
      </c>
      <c r="CT63" s="20">
        <v>0.89360300000000004</v>
      </c>
      <c r="CU63" s="20">
        <v>0.89919400000000005</v>
      </c>
      <c r="CV63" s="20">
        <v>0.89034199999999997</v>
      </c>
      <c r="CW63" s="20">
        <v>0.886405</v>
      </c>
      <c r="CX63" s="20">
        <v>0.88484300000000005</v>
      </c>
      <c r="CY63" s="6"/>
      <c r="CZ63" s="6"/>
      <c r="DA63" s="6"/>
      <c r="DB63" s="6"/>
      <c r="DC63" s="6"/>
      <c r="DD63" s="6"/>
      <c r="DE63" s="6"/>
      <c r="DF63" s="6"/>
      <c r="DG63" s="6"/>
      <c r="DH63" s="6"/>
      <c r="DI63" s="6"/>
      <c r="DJ63" s="6"/>
      <c r="DK63" s="6"/>
      <c r="DL63" s="6"/>
      <c r="DM63" s="6"/>
      <c r="DN63" s="6"/>
      <c r="DO63" s="6"/>
    </row>
    <row r="64" spans="1:119" hidden="1" x14ac:dyDescent="0.2">
      <c r="A64" s="6" t="s">
        <v>785</v>
      </c>
      <c r="B64" s="6" t="s">
        <v>785</v>
      </c>
      <c r="C64" s="6" t="s">
        <v>329</v>
      </c>
      <c r="D64" s="6" t="s">
        <v>336</v>
      </c>
      <c r="E64" s="6" t="s">
        <v>330</v>
      </c>
      <c r="F64" s="11">
        <v>14895</v>
      </c>
      <c r="G64" s="13">
        <v>5.3000704541100001E-2</v>
      </c>
      <c r="H64" s="11">
        <v>19627</v>
      </c>
      <c r="I64" s="13">
        <v>6.9838524875993652E-2</v>
      </c>
      <c r="J64" s="11">
        <v>-9881</v>
      </c>
      <c r="K64" s="13">
        <v>-3.2864255756483218E-2</v>
      </c>
      <c r="L64" s="11">
        <v>5149</v>
      </c>
      <c r="M64" s="13">
        <v>1.7707545223192792E-2</v>
      </c>
      <c r="N64" s="11">
        <v>-4732</v>
      </c>
      <c r="O64" s="13">
        <v>-1.5738655828324923E-2</v>
      </c>
      <c r="P64" s="7">
        <v>281034</v>
      </c>
      <c r="Q64" s="7">
        <v>283319</v>
      </c>
      <c r="R64" s="7">
        <v>286370</v>
      </c>
      <c r="S64" s="7">
        <v>290235</v>
      </c>
      <c r="T64" s="7">
        <v>295425</v>
      </c>
      <c r="U64" s="7">
        <v>301105</v>
      </c>
      <c r="V64" s="7">
        <v>300661</v>
      </c>
      <c r="W64" s="7">
        <v>298822</v>
      </c>
      <c r="X64" s="7">
        <v>290572</v>
      </c>
      <c r="Y64" s="7">
        <v>290780</v>
      </c>
      <c r="Z64" s="7">
        <v>291362</v>
      </c>
      <c r="AA64" s="7">
        <v>292151</v>
      </c>
      <c r="AB64" s="7">
        <v>290178</v>
      </c>
      <c r="AC64" s="7">
        <v>289399</v>
      </c>
      <c r="AD64" s="7">
        <v>292224</v>
      </c>
      <c r="AE64" s="7">
        <v>292615</v>
      </c>
      <c r="AF64" s="7">
        <v>295929</v>
      </c>
      <c r="AG64" s="9">
        <v>12810.771573600003</v>
      </c>
      <c r="AH64" s="13">
        <v>0.45731679303098066</v>
      </c>
      <c r="AI64" s="9">
        <v>6256.6375578000006</v>
      </c>
      <c r="AJ64" s="13">
        <v>0.22334840697547684</v>
      </c>
      <c r="AK64" s="9">
        <v>3028.8874270000015</v>
      </c>
      <c r="AL64" s="13">
        <v>8.8384240342211151E-2</v>
      </c>
      <c r="AM64" s="9">
        <v>3525.2465888000006</v>
      </c>
      <c r="AN64" s="13">
        <v>9.45146123620874E-2</v>
      </c>
      <c r="AO64" s="9">
        <v>6554.1340158000021</v>
      </c>
      <c r="AP64" s="13">
        <v>0.19125245491916021</v>
      </c>
      <c r="AQ64" s="9">
        <v>28012.9043342</v>
      </c>
      <c r="AR64" s="9">
        <v>29011.610539099998</v>
      </c>
      <c r="AS64" s="9">
        <v>29836.212983599999</v>
      </c>
      <c r="AT64" s="9">
        <v>31045.5538643</v>
      </c>
      <c r="AU64" s="9">
        <v>32203.6679798</v>
      </c>
      <c r="AV64" s="9">
        <v>33094.490903500002</v>
      </c>
      <c r="AW64" s="9">
        <v>34269.541892000001</v>
      </c>
      <c r="AX64" s="9">
        <v>35131.113763599998</v>
      </c>
      <c r="AY64" s="9">
        <v>36215.976292200001</v>
      </c>
      <c r="AZ64" s="9">
        <v>37298.429319000003</v>
      </c>
      <c r="BA64" s="9">
        <v>37585.897485000001</v>
      </c>
      <c r="BB64" s="9">
        <v>37933.345479800002</v>
      </c>
      <c r="BC64" s="9">
        <v>38701.259969600003</v>
      </c>
      <c r="BD64" s="9">
        <v>39089.710625</v>
      </c>
      <c r="BE64" s="9">
        <v>40057.3746876</v>
      </c>
      <c r="BF64" s="9">
        <v>40823.675907800003</v>
      </c>
      <c r="BG64" s="11">
        <v>1461</v>
      </c>
      <c r="BH64" s="13">
        <v>8.4309538923192331E-2</v>
      </c>
      <c r="BI64" s="6">
        <v>687</v>
      </c>
      <c r="BJ64" s="13">
        <v>3.9644526516244442E-2</v>
      </c>
      <c r="BK64" s="6">
        <v>307</v>
      </c>
      <c r="BL64" s="13">
        <v>1.7040408525754884E-2</v>
      </c>
      <c r="BM64" s="11">
        <v>467</v>
      </c>
      <c r="BN64" s="13">
        <v>2.5487092724990449E-2</v>
      </c>
      <c r="BO64" s="11">
        <v>774</v>
      </c>
      <c r="BP64" s="13">
        <v>4.2961811722912968E-2</v>
      </c>
      <c r="BQ64" s="6">
        <v>17329</v>
      </c>
      <c r="BR64" s="6">
        <v>17415</v>
      </c>
      <c r="BS64" s="6">
        <v>17623</v>
      </c>
      <c r="BT64" s="6">
        <v>18016</v>
      </c>
      <c r="BU64" s="6">
        <v>18005</v>
      </c>
      <c r="BV64" s="6">
        <v>18120</v>
      </c>
      <c r="BW64" s="6">
        <v>18323</v>
      </c>
      <c r="BX64" s="6">
        <v>18397</v>
      </c>
      <c r="BY64" s="6">
        <v>18514</v>
      </c>
      <c r="BZ64" s="6">
        <v>18714</v>
      </c>
      <c r="CA64" s="6">
        <v>18800</v>
      </c>
      <c r="CB64" s="6">
        <v>19047</v>
      </c>
      <c r="CC64" s="11">
        <v>18790</v>
      </c>
      <c r="CD64" s="11">
        <v>-10891</v>
      </c>
      <c r="CE64" s="11">
        <v>-4934</v>
      </c>
      <c r="CF64" s="11">
        <v>30720</v>
      </c>
      <c r="CG64" s="11">
        <v>25786</v>
      </c>
      <c r="CH64" s="20"/>
      <c r="CI64" s="20"/>
      <c r="CJ64" s="20"/>
      <c r="CK64" s="20"/>
      <c r="CL64" s="20"/>
      <c r="CM64" s="20"/>
      <c r="CN64" s="20"/>
      <c r="CO64" s="20"/>
      <c r="CP64" s="20"/>
      <c r="CQ64" s="20"/>
      <c r="CR64" s="20"/>
      <c r="CS64" s="20"/>
      <c r="CT64" s="20"/>
      <c r="CU64" s="20"/>
      <c r="CV64" s="20"/>
      <c r="CW64" s="20"/>
      <c r="CX64" s="20"/>
      <c r="CY64" s="6"/>
      <c r="CZ64" s="6"/>
      <c r="DA64" s="6"/>
      <c r="DB64" s="6"/>
      <c r="DC64" s="6"/>
      <c r="DD64" s="6"/>
      <c r="DE64" s="6"/>
      <c r="DF64" s="6"/>
      <c r="DG64" s="6"/>
      <c r="DH64" s="6"/>
      <c r="DI64" s="6"/>
      <c r="DJ64" s="6"/>
      <c r="DK64" s="6"/>
      <c r="DL64" s="6"/>
      <c r="DM64" s="6"/>
      <c r="DN64" s="6"/>
      <c r="DO64" s="6"/>
    </row>
    <row r="65" spans="1:119" hidden="1" x14ac:dyDescent="0.2">
      <c r="A65" s="6" t="s">
        <v>1</v>
      </c>
      <c r="B65" s="6" t="s">
        <v>1</v>
      </c>
      <c r="C65" s="6" t="s">
        <v>2</v>
      </c>
      <c r="D65" s="6" t="s">
        <v>336</v>
      </c>
      <c r="E65" s="6" t="s">
        <v>330</v>
      </c>
      <c r="F65" s="11">
        <v>185</v>
      </c>
      <c r="G65" s="13">
        <v>3.6048324240100002E-2</v>
      </c>
      <c r="H65" s="11">
        <v>-435.55406768000012</v>
      </c>
      <c r="I65" s="13">
        <v>-8.4871000964766755E-2</v>
      </c>
      <c r="J65" s="11">
        <v>25.887418760000401</v>
      </c>
      <c r="K65" s="13">
        <v>5.5121836877453411E-3</v>
      </c>
      <c r="L65" s="11">
        <v>594.84720672999993</v>
      </c>
      <c r="M65" s="13">
        <v>0.12596590809312905</v>
      </c>
      <c r="N65" s="11">
        <v>620.73462549000033</v>
      </c>
      <c r="O65" s="13">
        <v>0.13217243900467734</v>
      </c>
      <c r="P65" s="7">
        <v>5131.9539386699998</v>
      </c>
      <c r="Q65" s="7">
        <v>5158.4386694699997</v>
      </c>
      <c r="R65" s="7">
        <v>5078.8275358999999</v>
      </c>
      <c r="S65" s="7">
        <v>4767.6789482200002</v>
      </c>
      <c r="T65" s="7">
        <v>4859.6456645500002</v>
      </c>
      <c r="U65" s="7">
        <v>4796.4964352500001</v>
      </c>
      <c r="V65" s="7">
        <v>4696.3998709899997</v>
      </c>
      <c r="W65" s="7">
        <v>4707.6361625099998</v>
      </c>
      <c r="X65" s="7">
        <v>4942.1347254000002</v>
      </c>
      <c r="Y65" s="7">
        <v>4722.2872897500001</v>
      </c>
      <c r="Z65" s="7">
        <v>4885.0428565599996</v>
      </c>
      <c r="AA65" s="7">
        <v>5043.40603199</v>
      </c>
      <c r="AB65" s="7">
        <v>4904.8242100300004</v>
      </c>
      <c r="AC65" s="7">
        <v>5143.5984504899998</v>
      </c>
      <c r="AD65" s="7">
        <v>5219.5365445500001</v>
      </c>
      <c r="AE65" s="7">
        <v>5258.4920430399998</v>
      </c>
      <c r="AF65" s="7">
        <v>5317.1344964800001</v>
      </c>
      <c r="AG65" s="9">
        <v>9635.326480300002</v>
      </c>
      <c r="AH65" s="13">
        <v>0.48650777504608533</v>
      </c>
      <c r="AI65" s="9">
        <v>1951.8538896999999</v>
      </c>
      <c r="AJ65" s="13">
        <v>9.8553182918554111E-2</v>
      </c>
      <c r="AK65" s="9">
        <v>2928.4224691000018</v>
      </c>
      <c r="AL65" s="13">
        <v>0.13459719032870346</v>
      </c>
      <c r="AM65" s="9">
        <v>4755.0501215000004</v>
      </c>
      <c r="AN65" s="13">
        <v>0.19262633387977263</v>
      </c>
      <c r="AO65" s="9">
        <v>7683.4725906000021</v>
      </c>
      <c r="AP65" s="13">
        <v>0.35315048753201228</v>
      </c>
      <c r="AQ65" s="9">
        <v>19805.0822094</v>
      </c>
      <c r="AR65" s="9">
        <v>19848.3690307</v>
      </c>
      <c r="AS65" s="9">
        <v>19786.195265999999</v>
      </c>
      <c r="AT65" s="9">
        <v>20636.060385100001</v>
      </c>
      <c r="AU65" s="9">
        <v>21170.1324313</v>
      </c>
      <c r="AV65" s="9">
        <v>21290.670600599999</v>
      </c>
      <c r="AW65" s="9">
        <v>21756.936099099999</v>
      </c>
      <c r="AX65" s="9">
        <v>23343.337330499999</v>
      </c>
      <c r="AY65" s="9">
        <v>23885.965272199999</v>
      </c>
      <c r="AZ65" s="9">
        <v>24685.358568200001</v>
      </c>
      <c r="BA65" s="9">
        <v>25443.052123599999</v>
      </c>
      <c r="BB65" s="9">
        <v>26609.715346199999</v>
      </c>
      <c r="BC65" s="9">
        <v>27938.0401413</v>
      </c>
      <c r="BD65" s="9">
        <v>28487.573511499999</v>
      </c>
      <c r="BE65" s="9">
        <v>29126.303505100001</v>
      </c>
      <c r="BF65" s="9">
        <v>29440.408689700002</v>
      </c>
      <c r="BG65" s="11">
        <v>45.25</v>
      </c>
      <c r="BH65" s="13">
        <v>0.18319838056680163</v>
      </c>
      <c r="BI65" s="6">
        <v>17</v>
      </c>
      <c r="BJ65" s="13">
        <v>6.8825910931174086E-2</v>
      </c>
      <c r="BK65" s="6">
        <v>-11</v>
      </c>
      <c r="BL65" s="13">
        <v>-4.1666666666666664E-2</v>
      </c>
      <c r="BM65" s="11">
        <v>39.25</v>
      </c>
      <c r="BN65" s="13">
        <v>0.15513833992094861</v>
      </c>
      <c r="BO65" s="11">
        <v>28.25</v>
      </c>
      <c r="BP65" s="13">
        <v>0.10700757575757576</v>
      </c>
      <c r="BQ65" s="6">
        <v>247</v>
      </c>
      <c r="BR65" s="6">
        <v>258</v>
      </c>
      <c r="BS65" s="6">
        <v>253</v>
      </c>
      <c r="BT65" s="6">
        <v>264</v>
      </c>
      <c r="BU65" s="6">
        <v>265</v>
      </c>
      <c r="BV65" s="6">
        <v>261</v>
      </c>
      <c r="BW65" s="6">
        <v>253</v>
      </c>
      <c r="BX65" s="6">
        <v>252</v>
      </c>
      <c r="BY65" s="6">
        <v>265</v>
      </c>
      <c r="BZ65" s="6">
        <v>273</v>
      </c>
      <c r="CA65" s="6">
        <v>288</v>
      </c>
      <c r="CB65" s="6">
        <v>290</v>
      </c>
      <c r="CC65" s="11">
        <v>292.25</v>
      </c>
      <c r="CD65" s="11">
        <v>92.095399999999998</v>
      </c>
      <c r="CE65" s="11">
        <v>-467.899</v>
      </c>
      <c r="CF65" s="11">
        <v>560.98400000000004</v>
      </c>
      <c r="CG65" s="11">
        <v>93</v>
      </c>
      <c r="CH65" s="20">
        <v>1.3701000000000001</v>
      </c>
      <c r="CI65" s="20">
        <v>1.3720699999999999</v>
      </c>
      <c r="CJ65" s="20">
        <v>1.3307800000000001</v>
      </c>
      <c r="CK65" s="20">
        <v>1.2415</v>
      </c>
      <c r="CL65" s="20">
        <v>1.25681</v>
      </c>
      <c r="CM65" s="20">
        <v>1.24082</v>
      </c>
      <c r="CN65" s="20">
        <v>1.2384200000000001</v>
      </c>
      <c r="CO65" s="20">
        <v>1.27677</v>
      </c>
      <c r="CP65" s="20">
        <v>1.3346199999999999</v>
      </c>
      <c r="CQ65" s="20">
        <v>1.27153</v>
      </c>
      <c r="CR65" s="20">
        <v>1.3178799999999999</v>
      </c>
      <c r="CS65" s="20">
        <v>1.3640000000000001</v>
      </c>
      <c r="CT65" s="20">
        <v>1.33707</v>
      </c>
      <c r="CU65" s="20">
        <v>1.41242</v>
      </c>
      <c r="CV65" s="20">
        <v>1.4292899999999999</v>
      </c>
      <c r="CW65" s="20">
        <v>1.45556</v>
      </c>
      <c r="CX65" s="20">
        <v>1.4688099999999999</v>
      </c>
      <c r="CY65" s="6"/>
      <c r="CZ65" s="6"/>
      <c r="DA65" s="6"/>
      <c r="DB65" s="6"/>
      <c r="DC65" s="6"/>
      <c r="DD65" s="6"/>
      <c r="DE65" s="6"/>
      <c r="DF65" s="6"/>
      <c r="DG65" s="6"/>
      <c r="DH65" s="6"/>
      <c r="DI65" s="6"/>
      <c r="DJ65" s="6"/>
      <c r="DK65" s="6"/>
      <c r="DL65" s="6"/>
      <c r="DM65" s="6"/>
      <c r="DN65" s="6"/>
      <c r="DO65" s="6"/>
    </row>
    <row r="66" spans="1:119" hidden="1" x14ac:dyDescent="0.2">
      <c r="A66" s="6" t="s">
        <v>310</v>
      </c>
      <c r="B66" s="6" t="s">
        <v>310</v>
      </c>
      <c r="C66" s="6" t="s">
        <v>173</v>
      </c>
      <c r="D66" s="6" t="s">
        <v>336</v>
      </c>
      <c r="E66" s="6" t="s">
        <v>330</v>
      </c>
      <c r="F66" s="11">
        <v>-47</v>
      </c>
      <c r="G66" s="13">
        <v>-0.13623188405799999</v>
      </c>
      <c r="H66" s="11">
        <v>57.185260959999994</v>
      </c>
      <c r="I66" s="13">
        <v>0.16569899821542727</v>
      </c>
      <c r="J66" s="11">
        <v>-62.851725201999955</v>
      </c>
      <c r="K66" s="13">
        <v>-0.15623076352533943</v>
      </c>
      <c r="L66" s="11">
        <v>-41.739071044000013</v>
      </c>
      <c r="M66" s="13">
        <v>-0.122961299459591</v>
      </c>
      <c r="N66" s="11">
        <v>-104.59079624599997</v>
      </c>
      <c r="O66" s="13">
        <v>-0.2599817252862906</v>
      </c>
      <c r="P66" s="7">
        <v>345.11530893899999</v>
      </c>
      <c r="Q66" s="7">
        <v>325.84190955000003</v>
      </c>
      <c r="R66" s="7">
        <v>347.61260610599999</v>
      </c>
      <c r="S66" s="7">
        <v>376.271208683</v>
      </c>
      <c r="T66" s="7">
        <v>410.41447986899999</v>
      </c>
      <c r="U66" s="7">
        <v>405.36164359100002</v>
      </c>
      <c r="V66" s="7">
        <v>402.30056989899998</v>
      </c>
      <c r="W66" s="7">
        <v>363.57953624100003</v>
      </c>
      <c r="X66" s="7">
        <v>332.568971062</v>
      </c>
      <c r="Y66" s="7">
        <v>339.44884469700003</v>
      </c>
      <c r="Z66" s="7">
        <v>301.04376265600001</v>
      </c>
      <c r="AA66" s="7">
        <v>284.62557834299997</v>
      </c>
      <c r="AB66" s="7">
        <v>257.607320759</v>
      </c>
      <c r="AC66" s="7">
        <v>283.25875773199999</v>
      </c>
      <c r="AD66" s="7">
        <v>286.68691217100002</v>
      </c>
      <c r="AE66" s="7">
        <v>293.47849228899997</v>
      </c>
      <c r="AF66" s="7">
        <v>297.70977365300001</v>
      </c>
      <c r="AG66" s="9">
        <v>14055.986219099999</v>
      </c>
      <c r="AH66" s="13">
        <v>0.35820741878784662</v>
      </c>
      <c r="AI66" s="9">
        <v>9148.1974327999997</v>
      </c>
      <c r="AJ66" s="13">
        <v>0.2331357001838833</v>
      </c>
      <c r="AK66" s="9">
        <v>2579.3650167000014</v>
      </c>
      <c r="AL66" s="13">
        <v>5.3305888649201695E-2</v>
      </c>
      <c r="AM66" s="9">
        <v>2328.4237695999982</v>
      </c>
      <c r="AN66" s="13">
        <v>4.5684607118254193E-2</v>
      </c>
      <c r="AO66" s="9">
        <v>4907.7887862999996</v>
      </c>
      <c r="AP66" s="13">
        <v>0.10142575434748408</v>
      </c>
      <c r="AQ66" s="9">
        <v>39239.796502999998</v>
      </c>
      <c r="AR66" s="9">
        <v>37896.885538000002</v>
      </c>
      <c r="AS66" s="9">
        <v>41190.969810900002</v>
      </c>
      <c r="AT66" s="9">
        <v>41098.863892499998</v>
      </c>
      <c r="AU66" s="9">
        <v>42495.370288799997</v>
      </c>
      <c r="AV66" s="9">
        <v>47866.944442</v>
      </c>
      <c r="AW66" s="9">
        <v>48387.993935799997</v>
      </c>
      <c r="AX66" s="9">
        <v>48813.566707700003</v>
      </c>
      <c r="AY66" s="9">
        <v>49580.302688399999</v>
      </c>
      <c r="AZ66" s="9">
        <v>50967.358952499999</v>
      </c>
      <c r="BA66" s="9">
        <v>49947.141240500001</v>
      </c>
      <c r="BB66" s="9">
        <v>49366.170318099998</v>
      </c>
      <c r="BC66" s="9">
        <v>47654.701180299999</v>
      </c>
      <c r="BD66" s="9">
        <v>50510.705443999999</v>
      </c>
      <c r="BE66" s="9">
        <v>53996.8967042</v>
      </c>
      <c r="BF66" s="9">
        <v>53295.782722099997</v>
      </c>
      <c r="BG66" s="11">
        <v>-14.5</v>
      </c>
      <c r="BH66" s="13">
        <v>-0.29591836734693877</v>
      </c>
      <c r="BI66" s="6">
        <v>-3</v>
      </c>
      <c r="BJ66" s="13">
        <v>-6.1224489795918366E-2</v>
      </c>
      <c r="BK66" s="6">
        <v>-7</v>
      </c>
      <c r="BL66" s="13">
        <v>-0.15217391304347827</v>
      </c>
      <c r="BM66" s="11">
        <v>-4.5</v>
      </c>
      <c r="BN66" s="13">
        <v>-0.11538461538461539</v>
      </c>
      <c r="BO66" s="11">
        <v>-11.5</v>
      </c>
      <c r="BP66" s="13">
        <v>-0.25</v>
      </c>
      <c r="BQ66" s="6">
        <v>49</v>
      </c>
      <c r="BR66" s="6">
        <v>47</v>
      </c>
      <c r="BS66" s="6">
        <v>45</v>
      </c>
      <c r="BT66" s="6">
        <v>46</v>
      </c>
      <c r="BU66" s="6">
        <v>44</v>
      </c>
      <c r="BV66" s="6">
        <v>40</v>
      </c>
      <c r="BW66" s="6">
        <v>39</v>
      </c>
      <c r="BX66" s="6">
        <v>35</v>
      </c>
      <c r="BY66" s="6">
        <v>38</v>
      </c>
      <c r="BZ66" s="6">
        <v>36</v>
      </c>
      <c r="CA66" s="6">
        <v>34</v>
      </c>
      <c r="CB66" s="6">
        <v>34</v>
      </c>
      <c r="CC66" s="11">
        <v>34.5</v>
      </c>
      <c r="CD66" s="11">
        <v>-120.93600000000001</v>
      </c>
      <c r="CE66" s="11">
        <v>35.805</v>
      </c>
      <c r="CF66" s="11">
        <v>37.725299999999997</v>
      </c>
      <c r="CG66" s="11">
        <v>74</v>
      </c>
      <c r="CH66" s="20">
        <v>0.324743</v>
      </c>
      <c r="CI66" s="20">
        <v>0.31908999999999998</v>
      </c>
      <c r="CJ66" s="20">
        <v>0.34009400000000001</v>
      </c>
      <c r="CK66" s="20">
        <v>0.35399900000000001</v>
      </c>
      <c r="CL66" s="20">
        <v>0.35778599999999999</v>
      </c>
      <c r="CM66" s="20">
        <v>0.32087399999999999</v>
      </c>
      <c r="CN66" s="20">
        <v>0.30122599999999999</v>
      </c>
      <c r="CO66" s="20">
        <v>0.25262099999999998</v>
      </c>
      <c r="CP66" s="20">
        <v>0.25274999999999997</v>
      </c>
      <c r="CQ66" s="20">
        <v>0.25224299999999999</v>
      </c>
      <c r="CR66" s="20">
        <v>0.201768</v>
      </c>
      <c r="CS66" s="20">
        <v>0.17747099999999999</v>
      </c>
      <c r="CT66" s="20">
        <v>0.16067799999999999</v>
      </c>
      <c r="CU66" s="20">
        <v>0.174652</v>
      </c>
      <c r="CV66" s="20">
        <v>0.19924500000000001</v>
      </c>
      <c r="CW66" s="20">
        <v>0.24268600000000001</v>
      </c>
      <c r="CX66" s="20">
        <v>0.243283</v>
      </c>
      <c r="CY66" s="6"/>
      <c r="CZ66" s="6"/>
      <c r="DA66" s="6"/>
      <c r="DB66" s="6"/>
      <c r="DC66" s="6"/>
      <c r="DD66" s="6"/>
      <c r="DE66" s="6"/>
      <c r="DF66" s="6"/>
      <c r="DG66" s="6"/>
      <c r="DH66" s="6"/>
      <c r="DI66" s="6"/>
      <c r="DJ66" s="6"/>
      <c r="DK66" s="6"/>
      <c r="DL66" s="6"/>
      <c r="DM66" s="6"/>
      <c r="DN66" s="6"/>
      <c r="DO66" s="6"/>
    </row>
    <row r="67" spans="1:119" hidden="1" x14ac:dyDescent="0.2">
      <c r="A67" s="6" t="s">
        <v>311</v>
      </c>
      <c r="B67" s="6" t="s">
        <v>311</v>
      </c>
      <c r="C67" s="6" t="s">
        <v>174</v>
      </c>
      <c r="D67" s="6" t="s">
        <v>336</v>
      </c>
      <c r="E67" s="6" t="s">
        <v>330</v>
      </c>
      <c r="F67" s="11">
        <v>30</v>
      </c>
      <c r="G67" s="13">
        <v>2.0891364902500001E-2</v>
      </c>
      <c r="H67" s="11">
        <v>-23.688138999999865</v>
      </c>
      <c r="I67" s="13">
        <v>-1.6497227158179285E-2</v>
      </c>
      <c r="J67" s="11">
        <v>-19.747289570000021</v>
      </c>
      <c r="K67" s="13">
        <v>-1.3983372200771603E-2</v>
      </c>
      <c r="L67" s="11">
        <v>73.138084059999983</v>
      </c>
      <c r="M67" s="13">
        <v>5.2524722121852149E-2</v>
      </c>
      <c r="N67" s="11">
        <v>53.390794489999962</v>
      </c>
      <c r="O67" s="13">
        <v>3.7806877181908595E-2</v>
      </c>
      <c r="P67" s="7">
        <v>1435.88609</v>
      </c>
      <c r="Q67" s="7">
        <v>1444.6850469999999</v>
      </c>
      <c r="R67" s="7">
        <v>1366.697694</v>
      </c>
      <c r="S67" s="7">
        <v>1449.135749</v>
      </c>
      <c r="T67" s="7">
        <v>1395.6906240000001</v>
      </c>
      <c r="U67" s="7">
        <v>1335.9118289999999</v>
      </c>
      <c r="V67" s="7">
        <v>1412.1979510000001</v>
      </c>
      <c r="W67" s="7">
        <v>1379.2066199999999</v>
      </c>
      <c r="X67" s="7">
        <v>1461.4227100000001</v>
      </c>
      <c r="Y67" s="7">
        <v>1392.4506614300001</v>
      </c>
      <c r="Z67" s="7">
        <v>1419.6076528900001</v>
      </c>
      <c r="AA67" s="7">
        <v>1450.7860011400001</v>
      </c>
      <c r="AB67" s="7">
        <v>1462.04515399</v>
      </c>
      <c r="AC67" s="7">
        <v>1450.5499758799999</v>
      </c>
      <c r="AD67" s="7">
        <v>1478.82906308</v>
      </c>
      <c r="AE67" s="7">
        <v>1461.79918714</v>
      </c>
      <c r="AF67" s="7">
        <v>1465.5887454900001</v>
      </c>
      <c r="AG67" s="9">
        <v>31895.544879099994</v>
      </c>
      <c r="AH67" s="13">
        <v>0.45099731018387046</v>
      </c>
      <c r="AI67" s="9">
        <v>8528.480985999995</v>
      </c>
      <c r="AJ67" s="13">
        <v>0.12059119852693402</v>
      </c>
      <c r="AK67" s="9">
        <v>18135.521513200001</v>
      </c>
      <c r="AL67" s="13">
        <v>0.2288372751321642</v>
      </c>
      <c r="AM67" s="9">
        <v>5231.5423798999982</v>
      </c>
      <c r="AN67" s="13">
        <v>5.3719515875072933E-2</v>
      </c>
      <c r="AO67" s="9">
        <v>23367.063893099999</v>
      </c>
      <c r="AP67" s="13">
        <v>0.29484981864150789</v>
      </c>
      <c r="AQ67" s="9">
        <v>70722.250795900007</v>
      </c>
      <c r="AR67" s="9">
        <v>72238.176502500006</v>
      </c>
      <c r="AS67" s="9">
        <v>73885.570416799994</v>
      </c>
      <c r="AT67" s="9">
        <v>70376.777249299994</v>
      </c>
      <c r="AU67" s="9">
        <v>76271.719485399997</v>
      </c>
      <c r="AV67" s="9">
        <v>82259.669520199997</v>
      </c>
      <c r="AW67" s="9">
        <v>79250.731781900002</v>
      </c>
      <c r="AX67" s="9">
        <v>91086.057000800007</v>
      </c>
      <c r="AY67" s="9">
        <v>92732.606704100006</v>
      </c>
      <c r="AZ67" s="9">
        <v>97386.253295100003</v>
      </c>
      <c r="BA67" s="9">
        <v>98848.212488999998</v>
      </c>
      <c r="BB67" s="9">
        <v>91830.925093099999</v>
      </c>
      <c r="BC67" s="9">
        <v>97826.836209999994</v>
      </c>
      <c r="BD67" s="9">
        <v>100265.394864</v>
      </c>
      <c r="BE67" s="9">
        <v>100611.582132</v>
      </c>
      <c r="BF67" s="9">
        <v>102617.795675</v>
      </c>
      <c r="BG67" s="11">
        <v>0</v>
      </c>
      <c r="BH67" s="13">
        <v>0</v>
      </c>
      <c r="BI67" s="6">
        <v>-1</v>
      </c>
      <c r="BJ67" s="13">
        <v>-1.6949152542372881E-2</v>
      </c>
      <c r="BK67" s="6">
        <v>-1</v>
      </c>
      <c r="BL67" s="13">
        <v>-1.7241379310344827E-2</v>
      </c>
      <c r="BM67" s="11">
        <v>2</v>
      </c>
      <c r="BN67" s="13">
        <v>3.5087719298245612E-2</v>
      </c>
      <c r="BO67" s="11">
        <v>1</v>
      </c>
      <c r="BP67" s="13">
        <v>1.7241379310344827E-2</v>
      </c>
      <c r="BQ67" s="6">
        <v>59</v>
      </c>
      <c r="BR67" s="6">
        <v>58</v>
      </c>
      <c r="BS67" s="6">
        <v>58</v>
      </c>
      <c r="BT67" s="6">
        <v>58</v>
      </c>
      <c r="BU67" s="6">
        <v>59</v>
      </c>
      <c r="BV67" s="6">
        <v>60</v>
      </c>
      <c r="BW67" s="6">
        <v>57</v>
      </c>
      <c r="BX67" s="6">
        <v>57</v>
      </c>
      <c r="BY67" s="6">
        <v>55</v>
      </c>
      <c r="BZ67" s="6">
        <v>56</v>
      </c>
      <c r="CA67" s="6">
        <v>57</v>
      </c>
      <c r="CB67" s="6">
        <v>59</v>
      </c>
      <c r="CC67" s="11">
        <v>59</v>
      </c>
      <c r="CD67" s="11">
        <v>106.568</v>
      </c>
      <c r="CE67" s="11">
        <v>-233.82499999999999</v>
      </c>
      <c r="CF67" s="11">
        <v>156.96</v>
      </c>
      <c r="CG67" s="11">
        <v>-77</v>
      </c>
      <c r="CH67" s="20">
        <v>1.2331799999999999</v>
      </c>
      <c r="CI67" s="20">
        <v>1.2402599999999999</v>
      </c>
      <c r="CJ67" s="20">
        <v>1.1935100000000001</v>
      </c>
      <c r="CK67" s="20">
        <v>1.2918700000000001</v>
      </c>
      <c r="CL67" s="20">
        <v>1.27363</v>
      </c>
      <c r="CM67" s="20">
        <v>1.2258</v>
      </c>
      <c r="CN67" s="20">
        <v>1.30305</v>
      </c>
      <c r="CO67" s="20">
        <v>1.2535000000000001</v>
      </c>
      <c r="CP67" s="20">
        <v>1.30436</v>
      </c>
      <c r="CQ67" s="20">
        <v>1.2521899999999999</v>
      </c>
      <c r="CR67" s="20">
        <v>1.29003</v>
      </c>
      <c r="CS67" s="20">
        <v>1.3390299999999999</v>
      </c>
      <c r="CT67" s="20">
        <v>1.377</v>
      </c>
      <c r="CU67" s="20">
        <v>1.38646</v>
      </c>
      <c r="CV67" s="20">
        <v>1.41164</v>
      </c>
      <c r="CW67" s="20">
        <v>1.4087099999999999</v>
      </c>
      <c r="CX67" s="20">
        <v>1.401</v>
      </c>
      <c r="CY67" s="6"/>
      <c r="CZ67" s="6"/>
      <c r="DA67" s="6"/>
      <c r="DB67" s="6"/>
      <c r="DC67" s="6"/>
      <c r="DD67" s="6"/>
      <c r="DE67" s="6"/>
      <c r="DF67" s="6"/>
      <c r="DG67" s="6"/>
      <c r="DH67" s="6"/>
      <c r="DI67" s="6"/>
      <c r="DJ67" s="6"/>
      <c r="DK67" s="6"/>
      <c r="DL67" s="6"/>
      <c r="DM67" s="6"/>
      <c r="DN67" s="6"/>
      <c r="DO67" s="6"/>
    </row>
    <row r="68" spans="1:119" hidden="1" x14ac:dyDescent="0.2">
      <c r="A68" s="6" t="s">
        <v>312</v>
      </c>
      <c r="B68" s="6" t="s">
        <v>312</v>
      </c>
      <c r="C68" s="6" t="s">
        <v>175</v>
      </c>
      <c r="D68" s="6" t="s">
        <v>336</v>
      </c>
      <c r="E68" s="6" t="s">
        <v>330</v>
      </c>
      <c r="F68" s="11">
        <v>-2443</v>
      </c>
      <c r="G68" s="13">
        <v>-0.17169161571399999</v>
      </c>
      <c r="H68" s="11">
        <v>1764.5168649999996</v>
      </c>
      <c r="I68" s="13">
        <v>0.12400807847262468</v>
      </c>
      <c r="J68" s="11">
        <v>-3729.5894241999995</v>
      </c>
      <c r="K68" s="13">
        <v>-0.23319313257115601</v>
      </c>
      <c r="L68" s="11">
        <v>-477.55210520000037</v>
      </c>
      <c r="M68" s="13">
        <v>-3.8939422114920283E-2</v>
      </c>
      <c r="N68" s="11">
        <v>-4207.1415293999999</v>
      </c>
      <c r="O68" s="13">
        <v>-0.26305214886258743</v>
      </c>
      <c r="P68" s="7">
        <v>14229.0477099</v>
      </c>
      <c r="Q68" s="7">
        <v>13770.077518100001</v>
      </c>
      <c r="R68" s="7">
        <v>14344.952434500001</v>
      </c>
      <c r="S68" s="7">
        <v>14906.7609882</v>
      </c>
      <c r="T68" s="7">
        <v>15590.7161008</v>
      </c>
      <c r="U68" s="7">
        <v>16132.8805201</v>
      </c>
      <c r="V68" s="7">
        <v>15993.5645749</v>
      </c>
      <c r="W68" s="7">
        <v>14959.3467666</v>
      </c>
      <c r="X68" s="7">
        <v>13183.342329499999</v>
      </c>
      <c r="Y68" s="7">
        <v>12263.9751507</v>
      </c>
      <c r="Z68" s="7">
        <v>11733.1133224</v>
      </c>
      <c r="AA68" s="7">
        <v>11759.8224909</v>
      </c>
      <c r="AB68" s="7">
        <v>11885.427065</v>
      </c>
      <c r="AC68" s="7">
        <v>11538.0113105</v>
      </c>
      <c r="AD68" s="7">
        <v>11856.9355799</v>
      </c>
      <c r="AE68" s="7">
        <v>11855.799821299999</v>
      </c>
      <c r="AF68" s="7">
        <v>11786.4230455</v>
      </c>
      <c r="AG68" s="9">
        <v>9348.7014572999979</v>
      </c>
      <c r="AH68" s="13">
        <v>0.30323665562814889</v>
      </c>
      <c r="AI68" s="9">
        <v>3817.6267165000027</v>
      </c>
      <c r="AJ68" s="13">
        <v>0.12382942842229468</v>
      </c>
      <c r="AK68" s="9">
        <v>765.27966059999744</v>
      </c>
      <c r="AL68" s="13">
        <v>2.2087683860909299E-2</v>
      </c>
      <c r="AM68" s="9">
        <v>4765.7950801999978</v>
      </c>
      <c r="AN68" s="13">
        <v>0.13457897500679292</v>
      </c>
      <c r="AO68" s="9">
        <v>5531.0747407999952</v>
      </c>
      <c r="AP68" s="13">
        <v>0.15963919672197746</v>
      </c>
      <c r="AQ68" s="9">
        <v>30829.720892199999</v>
      </c>
      <c r="AR68" s="9">
        <v>30535.473563200001</v>
      </c>
      <c r="AS68" s="9">
        <v>30807.418554600001</v>
      </c>
      <c r="AT68" s="9">
        <v>31035.5138725</v>
      </c>
      <c r="AU68" s="9">
        <v>31974.226976900001</v>
      </c>
      <c r="AV68" s="9">
        <v>33530.965323800003</v>
      </c>
      <c r="AW68" s="9">
        <v>34647.347608700002</v>
      </c>
      <c r="AX68" s="9">
        <v>35452.5733702</v>
      </c>
      <c r="AY68" s="9">
        <v>34287.006974700002</v>
      </c>
      <c r="AZ68" s="9">
        <v>35412.627269299999</v>
      </c>
      <c r="BA68" s="9">
        <v>36055.315804500002</v>
      </c>
      <c r="BB68" s="9">
        <v>38201.9173151</v>
      </c>
      <c r="BC68" s="9">
        <v>39819.8655383</v>
      </c>
      <c r="BD68" s="9">
        <v>39561.042172000001</v>
      </c>
      <c r="BE68" s="9">
        <v>39082.963624399999</v>
      </c>
      <c r="BF68" s="9">
        <v>40178.422349499997</v>
      </c>
      <c r="BG68" s="11">
        <v>-378.25</v>
      </c>
      <c r="BH68" s="13">
        <v>-0.2381926952141058</v>
      </c>
      <c r="BI68" s="6">
        <v>131</v>
      </c>
      <c r="BJ68" s="13">
        <v>8.2493702770780858E-2</v>
      </c>
      <c r="BK68" s="6">
        <v>-239</v>
      </c>
      <c r="BL68" s="13">
        <v>-0.13903432228039558</v>
      </c>
      <c r="BM68" s="11">
        <v>-270.25</v>
      </c>
      <c r="BN68" s="13">
        <v>-0.18260135135135136</v>
      </c>
      <c r="BO68" s="11">
        <v>-509.25</v>
      </c>
      <c r="BP68" s="13">
        <v>-0.2962478184991274</v>
      </c>
      <c r="BQ68" s="6">
        <v>1588</v>
      </c>
      <c r="BR68" s="6">
        <v>1655</v>
      </c>
      <c r="BS68" s="6">
        <v>1699</v>
      </c>
      <c r="BT68" s="6">
        <v>1719</v>
      </c>
      <c r="BU68" s="6">
        <v>1649</v>
      </c>
      <c r="BV68" s="6">
        <v>1552</v>
      </c>
      <c r="BW68" s="6">
        <v>1480</v>
      </c>
      <c r="BX68" s="6">
        <v>1367</v>
      </c>
      <c r="BY68" s="6">
        <v>1286</v>
      </c>
      <c r="BZ68" s="6">
        <v>1269</v>
      </c>
      <c r="CA68" s="6">
        <v>1249</v>
      </c>
      <c r="CB68" s="6">
        <v>1240</v>
      </c>
      <c r="CC68" s="11">
        <v>1209.75</v>
      </c>
      <c r="CD68" s="11">
        <v>-2274.5300000000002</v>
      </c>
      <c r="CE68" s="11">
        <v>-1723.5</v>
      </c>
      <c r="CF68" s="11">
        <v>1555.41</v>
      </c>
      <c r="CG68" s="11">
        <v>-169</v>
      </c>
      <c r="CH68" s="20">
        <v>0.84252499999999997</v>
      </c>
      <c r="CI68" s="20">
        <v>0.80940299999999998</v>
      </c>
      <c r="CJ68" s="20">
        <v>0.81964999999999999</v>
      </c>
      <c r="CK68" s="20">
        <v>0.81524200000000002</v>
      </c>
      <c r="CL68" s="20">
        <v>0.81371199999999999</v>
      </c>
      <c r="CM68" s="20">
        <v>0.80632999999999999</v>
      </c>
      <c r="CN68" s="20">
        <v>0.81466300000000003</v>
      </c>
      <c r="CO68" s="20">
        <v>0.80549400000000004</v>
      </c>
      <c r="CP68" s="20">
        <v>0.80410499999999996</v>
      </c>
      <c r="CQ68" s="20">
        <v>0.80631799999999998</v>
      </c>
      <c r="CR68" s="20">
        <v>0.78773199999999999</v>
      </c>
      <c r="CS68" s="20">
        <v>0.79435100000000003</v>
      </c>
      <c r="CT68" s="20">
        <v>0.79940500000000003</v>
      </c>
      <c r="CU68" s="20">
        <v>0.76366000000000001</v>
      </c>
      <c r="CV68" s="20">
        <v>0.76203799999999999</v>
      </c>
      <c r="CW68" s="20">
        <v>0.75337100000000001</v>
      </c>
      <c r="CX68" s="20">
        <v>0.744004</v>
      </c>
      <c r="CY68" s="6"/>
      <c r="CZ68" s="6"/>
      <c r="DA68" s="6"/>
      <c r="DB68" s="6"/>
      <c r="DC68" s="6"/>
      <c r="DD68" s="6"/>
      <c r="DE68" s="6"/>
      <c r="DF68" s="6"/>
      <c r="DG68" s="6"/>
      <c r="DH68" s="6"/>
      <c r="DI68" s="6"/>
      <c r="DJ68" s="6"/>
      <c r="DK68" s="6"/>
      <c r="DL68" s="6"/>
      <c r="DM68" s="6"/>
      <c r="DN68" s="6"/>
      <c r="DO68" s="6"/>
    </row>
    <row r="69" spans="1:119" x14ac:dyDescent="0.2">
      <c r="A69" s="6" t="s">
        <v>792</v>
      </c>
      <c r="B69" s="6" t="s">
        <v>176</v>
      </c>
      <c r="C69" s="6" t="s">
        <v>177</v>
      </c>
      <c r="D69" s="6" t="s">
        <v>336</v>
      </c>
      <c r="E69" s="6" t="s">
        <v>330</v>
      </c>
      <c r="F69" s="11">
        <v>-10420</v>
      </c>
      <c r="G69" s="13">
        <v>-0.258061320521</v>
      </c>
      <c r="H69" s="11">
        <v>-4395.3714627000008</v>
      </c>
      <c r="I69" s="13">
        <v>-0.10885644020186444</v>
      </c>
      <c r="J69" s="11">
        <v>-6287.0386632000009</v>
      </c>
      <c r="K69" s="13">
        <v>-0.1747257857274257</v>
      </c>
      <c r="L69" s="11">
        <v>262.83658279999872</v>
      </c>
      <c r="M69" s="13">
        <v>8.851123640936074E-3</v>
      </c>
      <c r="N69" s="11">
        <v>-6024.2020804000022</v>
      </c>
      <c r="O69" s="13">
        <v>-0.16742118161922276</v>
      </c>
      <c r="P69" s="7">
        <v>40377.688766500003</v>
      </c>
      <c r="Q69" s="7">
        <v>38961.362175499999</v>
      </c>
      <c r="R69" s="7">
        <v>37738.832628099997</v>
      </c>
      <c r="S69" s="7">
        <v>37898.143568599997</v>
      </c>
      <c r="T69" s="7">
        <v>39159.5394505</v>
      </c>
      <c r="U69" s="7">
        <v>38271.879306399998</v>
      </c>
      <c r="V69" s="7">
        <v>35982.317303800002</v>
      </c>
      <c r="W69" s="7">
        <v>34245.588040800001</v>
      </c>
      <c r="X69" s="7">
        <v>29339.496658200002</v>
      </c>
      <c r="Y69" s="7">
        <v>29695.278640600001</v>
      </c>
      <c r="Z69" s="7">
        <v>30127.7213821</v>
      </c>
      <c r="AA69" s="7">
        <v>30512.406815300001</v>
      </c>
      <c r="AB69" s="7">
        <v>29606.289691800001</v>
      </c>
      <c r="AC69" s="7">
        <v>29506.101036799999</v>
      </c>
      <c r="AD69" s="7">
        <v>29499.182585899998</v>
      </c>
      <c r="AE69" s="7">
        <v>29483.8606999</v>
      </c>
      <c r="AF69" s="7">
        <v>29958.1152234</v>
      </c>
      <c r="AG69" s="9">
        <v>16456.856392400005</v>
      </c>
      <c r="AH69" s="13">
        <v>0.47165008063436797</v>
      </c>
      <c r="AI69" s="9">
        <v>8152.5820816999985</v>
      </c>
      <c r="AJ69" s="13">
        <v>0.23365130645412063</v>
      </c>
      <c r="AK69" s="9">
        <v>4901.7945050000053</v>
      </c>
      <c r="AL69" s="13">
        <v>0.11387691971185944</v>
      </c>
      <c r="AM69" s="9">
        <v>3402.4798057000007</v>
      </c>
      <c r="AN69" s="13">
        <v>7.0964142900816332E-2</v>
      </c>
      <c r="AO69" s="9">
        <v>8304.274310700006</v>
      </c>
      <c r="AP69" s="13">
        <v>0.19292224061621296</v>
      </c>
      <c r="AQ69" s="9">
        <v>34892.088580299998</v>
      </c>
      <c r="AR69" s="9">
        <v>36629.225176</v>
      </c>
      <c r="AS69" s="9">
        <v>38153.139363599999</v>
      </c>
      <c r="AT69" s="9">
        <v>39544.592804899999</v>
      </c>
      <c r="AU69" s="9">
        <v>41207.742717699999</v>
      </c>
      <c r="AV69" s="9">
        <v>41639.289930699997</v>
      </c>
      <c r="AW69" s="9">
        <v>43044.670661999997</v>
      </c>
      <c r="AX69" s="9">
        <v>43591.620441400002</v>
      </c>
      <c r="AY69" s="9">
        <v>44911.581388300001</v>
      </c>
      <c r="AZ69" s="9">
        <v>47946.465167000002</v>
      </c>
      <c r="BA69" s="9">
        <v>47351.935725399999</v>
      </c>
      <c r="BB69" s="9">
        <v>47758.408674600003</v>
      </c>
      <c r="BC69" s="9">
        <v>47421.748008199997</v>
      </c>
      <c r="BD69" s="9">
        <v>48891.326965100001</v>
      </c>
      <c r="BE69" s="9">
        <v>50236.058654100001</v>
      </c>
      <c r="BF69" s="9">
        <v>51348.944972700003</v>
      </c>
      <c r="BG69" s="11">
        <v>-92.75</v>
      </c>
      <c r="BH69" s="13">
        <v>-0.1233377659574468</v>
      </c>
      <c r="BI69" s="6">
        <v>2</v>
      </c>
      <c r="BJ69" s="13">
        <v>2.6595744680851063E-3</v>
      </c>
      <c r="BK69" s="6">
        <v>-43</v>
      </c>
      <c r="BL69" s="13">
        <v>-5.7029177718832889E-2</v>
      </c>
      <c r="BM69" s="11">
        <v>-51.75</v>
      </c>
      <c r="BN69" s="13">
        <v>-7.2784810126582278E-2</v>
      </c>
      <c r="BO69" s="11">
        <v>-94.75</v>
      </c>
      <c r="BP69" s="13">
        <v>-0.12566312997347481</v>
      </c>
      <c r="BQ69" s="6">
        <v>752</v>
      </c>
      <c r="BR69" s="6">
        <v>762</v>
      </c>
      <c r="BS69" s="6">
        <v>747</v>
      </c>
      <c r="BT69" s="6">
        <v>754</v>
      </c>
      <c r="BU69" s="6">
        <v>737</v>
      </c>
      <c r="BV69" s="6">
        <v>723</v>
      </c>
      <c r="BW69" s="6">
        <v>711</v>
      </c>
      <c r="BX69" s="6">
        <v>698</v>
      </c>
      <c r="BY69" s="6">
        <v>691</v>
      </c>
      <c r="BZ69" s="6">
        <v>681</v>
      </c>
      <c r="CA69" s="6">
        <v>680</v>
      </c>
      <c r="CB69" s="6">
        <v>669</v>
      </c>
      <c r="CC69" s="11">
        <v>659.25</v>
      </c>
      <c r="CD69" s="11">
        <v>-580.91700000000003</v>
      </c>
      <c r="CE69" s="11">
        <v>-14252.4</v>
      </c>
      <c r="CF69" s="11">
        <v>4413.7700000000004</v>
      </c>
      <c r="CG69" s="11">
        <v>-9838</v>
      </c>
      <c r="CH69" s="20">
        <v>1.2488300000000001</v>
      </c>
      <c r="CI69" s="20">
        <v>1.2783500000000001</v>
      </c>
      <c r="CJ69" s="20">
        <v>1.28667</v>
      </c>
      <c r="CK69" s="20">
        <v>1.30989</v>
      </c>
      <c r="CL69" s="20">
        <v>1.3601700000000001</v>
      </c>
      <c r="CM69" s="20">
        <v>1.3343100000000001</v>
      </c>
      <c r="CN69" s="20">
        <v>1.29436</v>
      </c>
      <c r="CO69" s="20">
        <v>1.2740899999999999</v>
      </c>
      <c r="CP69" s="20">
        <v>1.2182299999999999</v>
      </c>
      <c r="CQ69" s="20">
        <v>1.2573099999999999</v>
      </c>
      <c r="CR69" s="20">
        <v>1.2638100000000001</v>
      </c>
      <c r="CS69" s="20">
        <v>1.2785299999999999</v>
      </c>
      <c r="CT69" s="20">
        <v>1.25471</v>
      </c>
      <c r="CU69" s="20">
        <v>1.26068</v>
      </c>
      <c r="CV69" s="20">
        <v>1.2581599999999999</v>
      </c>
      <c r="CW69" s="20">
        <v>1.2704500000000001</v>
      </c>
      <c r="CX69" s="20">
        <v>1.2905899999999999</v>
      </c>
      <c r="CY69" s="6"/>
      <c r="CZ69" s="6"/>
      <c r="DA69" s="6"/>
      <c r="DB69" s="6"/>
      <c r="DC69" s="6"/>
      <c r="DD69" s="6"/>
      <c r="DE69" s="6"/>
      <c r="DF69" s="6"/>
      <c r="DG69" s="6"/>
      <c r="DH69" s="6"/>
      <c r="DI69" s="6"/>
      <c r="DJ69" s="6"/>
      <c r="DK69" s="6"/>
      <c r="DL69" s="6"/>
      <c r="DM69" s="6"/>
      <c r="DN69" s="6"/>
      <c r="DO69" s="6"/>
    </row>
    <row r="70" spans="1:119" hidden="1" x14ac:dyDescent="0.2">
      <c r="A70" s="6" t="s">
        <v>313</v>
      </c>
      <c r="B70" s="6" t="s">
        <v>313</v>
      </c>
      <c r="C70" s="6" t="s">
        <v>178</v>
      </c>
      <c r="D70" s="6" t="s">
        <v>336</v>
      </c>
      <c r="E70" s="6" t="s">
        <v>330</v>
      </c>
      <c r="F70" s="11">
        <v>1005</v>
      </c>
      <c r="G70" s="13">
        <v>0.14208963664599999</v>
      </c>
      <c r="H70" s="11">
        <v>166.06841369999984</v>
      </c>
      <c r="I70" s="13">
        <v>2.3480771287322108E-2</v>
      </c>
      <c r="J70" s="11">
        <v>-290.69185885000024</v>
      </c>
      <c r="K70" s="13">
        <v>-4.015859429065384E-2</v>
      </c>
      <c r="L70" s="11">
        <v>1130.5849554200004</v>
      </c>
      <c r="M70" s="13">
        <v>0.16272315450283562</v>
      </c>
      <c r="N70" s="11">
        <v>839.89309657000013</v>
      </c>
      <c r="O70" s="13">
        <v>0.116029827068807</v>
      </c>
      <c r="P70" s="7">
        <v>7072.5280557400001</v>
      </c>
      <c r="Q70" s="7">
        <v>6963.6717300999999</v>
      </c>
      <c r="R70" s="7">
        <v>6850.0127211099998</v>
      </c>
      <c r="S70" s="7">
        <v>7136.3008157900003</v>
      </c>
      <c r="T70" s="7">
        <v>7145.7020149999998</v>
      </c>
      <c r="U70" s="7">
        <v>7464.9720645199995</v>
      </c>
      <c r="V70" s="7">
        <v>7238.59646944</v>
      </c>
      <c r="W70" s="7">
        <v>7103.14505904</v>
      </c>
      <c r="X70" s="7">
        <v>6773.7628627100003</v>
      </c>
      <c r="Y70" s="7">
        <v>6947.9046105899997</v>
      </c>
      <c r="Z70" s="7">
        <v>7110.2149481699998</v>
      </c>
      <c r="AA70" s="7">
        <v>7319.5272928499999</v>
      </c>
      <c r="AB70" s="7">
        <v>7479.7104959899998</v>
      </c>
      <c r="AC70" s="7">
        <v>7769.7600984299997</v>
      </c>
      <c r="AD70" s="7">
        <v>7868.8641030099998</v>
      </c>
      <c r="AE70" s="7">
        <v>7801.4826325699996</v>
      </c>
      <c r="AF70" s="7">
        <v>8078.4895660100001</v>
      </c>
      <c r="AG70" s="9">
        <v>20070.788053699998</v>
      </c>
      <c r="AH70" s="13">
        <v>0.64522330863958965</v>
      </c>
      <c r="AI70" s="9">
        <v>7888.9329362000026</v>
      </c>
      <c r="AJ70" s="13">
        <v>0.25360854776165337</v>
      </c>
      <c r="AK70" s="9">
        <v>3357.1756591999947</v>
      </c>
      <c r="AL70" s="13">
        <v>8.6090998315999173E-2</v>
      </c>
      <c r="AM70" s="9">
        <v>8824.679458300001</v>
      </c>
      <c r="AN70" s="13">
        <v>0.2083609857551339</v>
      </c>
      <c r="AO70" s="9">
        <v>12181.855117499996</v>
      </c>
      <c r="AP70" s="13">
        <v>0.3123899893448982</v>
      </c>
      <c r="AQ70" s="9">
        <v>31106.7312432</v>
      </c>
      <c r="AR70" s="9">
        <v>32088.905341999998</v>
      </c>
      <c r="AS70" s="9">
        <v>32609.032279899999</v>
      </c>
      <c r="AT70" s="9">
        <v>34038.817340100002</v>
      </c>
      <c r="AU70" s="9">
        <v>35046.786932800002</v>
      </c>
      <c r="AV70" s="9">
        <v>36812.820691599998</v>
      </c>
      <c r="AW70" s="9">
        <v>38995.664179400002</v>
      </c>
      <c r="AX70" s="9">
        <v>38364.442513599999</v>
      </c>
      <c r="AY70" s="9">
        <v>40881.868864199998</v>
      </c>
      <c r="AZ70" s="9">
        <v>42352.839838599997</v>
      </c>
      <c r="BA70" s="9">
        <v>43454.645390099999</v>
      </c>
      <c r="BB70" s="9">
        <v>45093.735767799997</v>
      </c>
      <c r="BC70" s="9">
        <v>46650.820627399997</v>
      </c>
      <c r="BD70" s="9">
        <v>47852.977861300002</v>
      </c>
      <c r="BE70" s="9">
        <v>49198.604625300002</v>
      </c>
      <c r="BF70" s="9">
        <v>51177.519296899998</v>
      </c>
      <c r="BG70" s="11">
        <v>-44.25</v>
      </c>
      <c r="BH70" s="13">
        <v>-5.7994757536041941E-2</v>
      </c>
      <c r="BI70" s="6">
        <v>-19</v>
      </c>
      <c r="BJ70" s="13">
        <v>-2.4901703800786368E-2</v>
      </c>
      <c r="BK70" s="6">
        <v>-36</v>
      </c>
      <c r="BL70" s="13">
        <v>-4.8387096774193547E-2</v>
      </c>
      <c r="BM70" s="11">
        <v>10.75</v>
      </c>
      <c r="BN70" s="13">
        <v>1.518361581920904E-2</v>
      </c>
      <c r="BO70" s="11">
        <v>-25.25</v>
      </c>
      <c r="BP70" s="13">
        <v>-3.393817204301075E-2</v>
      </c>
      <c r="BQ70" s="6">
        <v>763</v>
      </c>
      <c r="BR70" s="6">
        <v>747</v>
      </c>
      <c r="BS70" s="6">
        <v>747</v>
      </c>
      <c r="BT70" s="6">
        <v>744</v>
      </c>
      <c r="BU70" s="6">
        <v>750</v>
      </c>
      <c r="BV70" s="6">
        <v>730</v>
      </c>
      <c r="BW70" s="6">
        <v>708</v>
      </c>
      <c r="BX70" s="6">
        <v>716</v>
      </c>
      <c r="BY70" s="6">
        <v>742</v>
      </c>
      <c r="BZ70" s="6">
        <v>747</v>
      </c>
      <c r="CA70" s="6">
        <v>747</v>
      </c>
      <c r="CB70" s="6">
        <v>744</v>
      </c>
      <c r="CC70" s="11">
        <v>718.75</v>
      </c>
      <c r="CD70" s="11">
        <v>811.15200000000004</v>
      </c>
      <c r="CE70" s="11">
        <v>-578.303</v>
      </c>
      <c r="CF70" s="11">
        <v>773.11199999999997</v>
      </c>
      <c r="CG70" s="11">
        <v>195</v>
      </c>
      <c r="CH70" s="20">
        <v>0.61431400000000003</v>
      </c>
      <c r="CI70" s="20">
        <v>0.60942600000000002</v>
      </c>
      <c r="CJ70" s="20">
        <v>0.59546200000000005</v>
      </c>
      <c r="CK70" s="20">
        <v>0.61400699999999997</v>
      </c>
      <c r="CL70" s="20">
        <v>0.60319599999999995</v>
      </c>
      <c r="CM70" s="20">
        <v>0.61540499999999998</v>
      </c>
      <c r="CN70" s="20">
        <v>0.593912</v>
      </c>
      <c r="CO70" s="20">
        <v>0.58732300000000004</v>
      </c>
      <c r="CP70" s="20">
        <v>0.59088099999999999</v>
      </c>
      <c r="CQ70" s="20">
        <v>0.61186499999999999</v>
      </c>
      <c r="CR70" s="20">
        <v>0.62308300000000005</v>
      </c>
      <c r="CS70" s="20">
        <v>0.63996500000000001</v>
      </c>
      <c r="CT70" s="20">
        <v>0.65768000000000004</v>
      </c>
      <c r="CU70" s="20">
        <v>0.68962599999999996</v>
      </c>
      <c r="CV70" s="20">
        <v>0.69764499999999996</v>
      </c>
      <c r="CW70" s="20">
        <v>0.70059199999999999</v>
      </c>
      <c r="CX70" s="20">
        <v>0.71940000000000004</v>
      </c>
      <c r="CY70" s="6"/>
      <c r="CZ70" s="6"/>
      <c r="DA70" s="6"/>
      <c r="DB70" s="6"/>
      <c r="DC70" s="6"/>
      <c r="DD70" s="6"/>
      <c r="DE70" s="6"/>
      <c r="DF70" s="6"/>
      <c r="DG70" s="6"/>
      <c r="DH70" s="6"/>
      <c r="DI70" s="6"/>
      <c r="DJ70" s="6"/>
      <c r="DK70" s="6"/>
      <c r="DL70" s="6"/>
      <c r="DM70" s="6"/>
      <c r="DN70" s="6"/>
      <c r="DO70" s="6"/>
    </row>
    <row r="71" spans="1:119" hidden="1" x14ac:dyDescent="0.2">
      <c r="A71" s="6" t="s">
        <v>793</v>
      </c>
      <c r="B71" s="6" t="s">
        <v>179</v>
      </c>
      <c r="C71" s="6" t="s">
        <v>180</v>
      </c>
      <c r="D71" s="6" t="s">
        <v>336</v>
      </c>
      <c r="E71" s="6" t="s">
        <v>330</v>
      </c>
      <c r="F71" s="11">
        <v>1704</v>
      </c>
      <c r="G71" s="13">
        <v>4.9079754601200003E-2</v>
      </c>
      <c r="H71" s="11">
        <v>554.39958189999743</v>
      </c>
      <c r="I71" s="13">
        <v>1.5968040716864567E-2</v>
      </c>
      <c r="J71" s="11">
        <v>-861.88532749999285</v>
      </c>
      <c r="K71" s="13">
        <v>-2.4434203026827316E-2</v>
      </c>
      <c r="L71" s="11">
        <v>2010.730713799996</v>
      </c>
      <c r="M71" s="13">
        <v>5.8431365665474119E-2</v>
      </c>
      <c r="N71" s="11">
        <v>1148.8453863000032</v>
      </c>
      <c r="O71" s="13">
        <v>3.256943878684182E-2</v>
      </c>
      <c r="P71" s="7">
        <v>34719.324163199999</v>
      </c>
      <c r="Q71" s="7">
        <v>35251.933917900002</v>
      </c>
      <c r="R71" s="7">
        <v>35197.611851200003</v>
      </c>
      <c r="S71" s="7">
        <v>35489.664564600003</v>
      </c>
      <c r="T71" s="7">
        <v>36038.534726999998</v>
      </c>
      <c r="U71" s="7">
        <v>36450.666667199999</v>
      </c>
      <c r="V71" s="7">
        <v>35273.723745099996</v>
      </c>
      <c r="W71" s="7">
        <v>35266.648208300001</v>
      </c>
      <c r="X71" s="7">
        <v>34651.926897500001</v>
      </c>
      <c r="Y71" s="7">
        <v>34411.838417600004</v>
      </c>
      <c r="Z71" s="7">
        <v>34601.767442600001</v>
      </c>
      <c r="AA71" s="7">
        <v>34511.5068531</v>
      </c>
      <c r="AB71" s="7">
        <v>34342.759518699997</v>
      </c>
      <c r="AC71" s="7">
        <v>34755.461480799997</v>
      </c>
      <c r="AD71" s="7">
        <v>35691.779607099998</v>
      </c>
      <c r="AE71" s="7">
        <v>35784.244767800003</v>
      </c>
      <c r="AF71" s="7">
        <v>36422.5691314</v>
      </c>
      <c r="AG71" s="9">
        <v>7878.1021150999986</v>
      </c>
      <c r="AH71" s="13">
        <v>0.39658695211608846</v>
      </c>
      <c r="AI71" s="9">
        <v>4112.4989854999985</v>
      </c>
      <c r="AJ71" s="13">
        <v>0.20702491722135391</v>
      </c>
      <c r="AK71" s="9">
        <v>1112.0792245000011</v>
      </c>
      <c r="AL71" s="13">
        <v>4.6380594147988598E-2</v>
      </c>
      <c r="AM71" s="9">
        <v>2653.523905099999</v>
      </c>
      <c r="AN71" s="13">
        <v>0.10576303574380153</v>
      </c>
      <c r="AO71" s="9">
        <v>3765.6031296000001</v>
      </c>
      <c r="AP71" s="13">
        <v>0.15704898232848261</v>
      </c>
      <c r="AQ71" s="9">
        <v>19864.7536765</v>
      </c>
      <c r="AR71" s="9">
        <v>20480.829518400002</v>
      </c>
      <c r="AS71" s="9">
        <v>21654.914772299999</v>
      </c>
      <c r="AT71" s="9">
        <v>22131.6748181</v>
      </c>
      <c r="AU71" s="9">
        <v>22780.2744666</v>
      </c>
      <c r="AV71" s="9">
        <v>23319.471579000001</v>
      </c>
      <c r="AW71" s="9">
        <v>23977.252661999999</v>
      </c>
      <c r="AX71" s="9">
        <v>24725.530352099999</v>
      </c>
      <c r="AY71" s="9">
        <v>24982.383515900001</v>
      </c>
      <c r="AZ71" s="9">
        <v>25089.3318865</v>
      </c>
      <c r="BA71" s="9">
        <v>25035.8075374</v>
      </c>
      <c r="BB71" s="9">
        <v>25427.229195899999</v>
      </c>
      <c r="BC71" s="9">
        <v>26388.296110399999</v>
      </c>
      <c r="BD71" s="9">
        <v>26762.3588304</v>
      </c>
      <c r="BE71" s="9">
        <v>27298.1689658</v>
      </c>
      <c r="BF71" s="9">
        <v>27742.855791599999</v>
      </c>
      <c r="BG71" s="11">
        <v>-345</v>
      </c>
      <c r="BH71" s="13">
        <v>-0.11802942182689018</v>
      </c>
      <c r="BI71" s="6">
        <v>-88</v>
      </c>
      <c r="BJ71" s="13">
        <v>-3.0106055422511119E-2</v>
      </c>
      <c r="BK71" s="6">
        <v>-118</v>
      </c>
      <c r="BL71" s="13">
        <v>-4.1622574955908292E-2</v>
      </c>
      <c r="BM71" s="11">
        <v>-139</v>
      </c>
      <c r="BN71" s="13">
        <v>-5.1159366948840636E-2</v>
      </c>
      <c r="BO71" s="11">
        <v>-257</v>
      </c>
      <c r="BP71" s="13">
        <v>-9.0652557319223989E-2</v>
      </c>
      <c r="BQ71" s="6">
        <v>2923</v>
      </c>
      <c r="BR71" s="6">
        <v>2880</v>
      </c>
      <c r="BS71" s="6">
        <v>2850</v>
      </c>
      <c r="BT71" s="6">
        <v>2835</v>
      </c>
      <c r="BU71" s="6">
        <v>2785</v>
      </c>
      <c r="BV71" s="6">
        <v>2738</v>
      </c>
      <c r="BW71" s="6">
        <v>2717</v>
      </c>
      <c r="BX71" s="6">
        <v>2669</v>
      </c>
      <c r="BY71" s="6">
        <v>2634</v>
      </c>
      <c r="BZ71" s="6">
        <v>2638</v>
      </c>
      <c r="CA71" s="6">
        <v>2634</v>
      </c>
      <c r="CB71" s="6">
        <v>2655</v>
      </c>
      <c r="CC71" s="11">
        <v>2578</v>
      </c>
      <c r="CD71" s="11">
        <v>133.316</v>
      </c>
      <c r="CE71" s="11">
        <v>-2225.31</v>
      </c>
      <c r="CF71" s="11">
        <v>3795.24</v>
      </c>
      <c r="CG71" s="11">
        <v>1570</v>
      </c>
      <c r="CH71" s="20">
        <v>1.1237999999999999</v>
      </c>
      <c r="CI71" s="20">
        <v>1.12988</v>
      </c>
      <c r="CJ71" s="20">
        <v>1.12598</v>
      </c>
      <c r="CK71" s="20">
        <v>1.1254500000000001</v>
      </c>
      <c r="CL71" s="20">
        <v>1.1288400000000001</v>
      </c>
      <c r="CM71" s="20">
        <v>1.13104</v>
      </c>
      <c r="CN71" s="20">
        <v>1.0986400000000001</v>
      </c>
      <c r="CO71" s="20">
        <v>1.1150800000000001</v>
      </c>
      <c r="CP71" s="20">
        <v>1.1364000000000001</v>
      </c>
      <c r="CQ71" s="20">
        <v>1.12626</v>
      </c>
      <c r="CR71" s="20">
        <v>1.1287400000000001</v>
      </c>
      <c r="CS71" s="20">
        <v>1.1298699999999999</v>
      </c>
      <c r="CT71" s="20">
        <v>1.1315599999999999</v>
      </c>
      <c r="CU71" s="20">
        <v>1.1504099999999999</v>
      </c>
      <c r="CV71" s="20">
        <v>1.1701900000000001</v>
      </c>
      <c r="CW71" s="20">
        <v>1.17577</v>
      </c>
      <c r="CX71" s="20">
        <v>1.18825</v>
      </c>
      <c r="CY71" s="6"/>
      <c r="CZ71" s="6"/>
      <c r="DA71" s="6"/>
      <c r="DB71" s="6"/>
      <c r="DC71" s="6"/>
      <c r="DD71" s="6"/>
      <c r="DE71" s="6"/>
      <c r="DF71" s="6"/>
      <c r="DG71" s="6"/>
      <c r="DH71" s="6"/>
      <c r="DI71" s="6"/>
      <c r="DJ71" s="6"/>
      <c r="DK71" s="6"/>
      <c r="DL71" s="6"/>
      <c r="DM71" s="6"/>
      <c r="DN71" s="6"/>
      <c r="DO71" s="6"/>
    </row>
    <row r="72" spans="1:119" hidden="1" x14ac:dyDescent="0.2">
      <c r="A72" s="6" t="s">
        <v>794</v>
      </c>
      <c r="B72" s="6" t="s">
        <v>181</v>
      </c>
      <c r="C72" s="6" t="s">
        <v>182</v>
      </c>
      <c r="D72" s="6" t="s">
        <v>336</v>
      </c>
      <c r="E72" s="6" t="s">
        <v>330</v>
      </c>
      <c r="F72" s="11">
        <v>1100</v>
      </c>
      <c r="G72" s="13">
        <v>0.132370637786</v>
      </c>
      <c r="H72" s="11">
        <v>1769.4539676599998</v>
      </c>
      <c r="I72" s="13">
        <v>0.21293263979101801</v>
      </c>
      <c r="J72" s="11">
        <v>-1564.9202379899998</v>
      </c>
      <c r="K72" s="13">
        <v>-0.15525961084179976</v>
      </c>
      <c r="L72" s="11">
        <v>895.47242625999934</v>
      </c>
      <c r="M72" s="13">
        <v>0.10517081618444936</v>
      </c>
      <c r="N72" s="11">
        <v>-669.44781173000047</v>
      </c>
      <c r="O72" s="13">
        <v>-6.6417574650062441E-2</v>
      </c>
      <c r="P72" s="7">
        <v>8309.92359554</v>
      </c>
      <c r="Q72" s="7">
        <v>8466.42208966</v>
      </c>
      <c r="R72" s="7">
        <v>8834.3365830799994</v>
      </c>
      <c r="S72" s="7">
        <v>9031.2860754400008</v>
      </c>
      <c r="T72" s="7">
        <v>9135.9001602699991</v>
      </c>
      <c r="U72" s="7">
        <v>9890.7924164800006</v>
      </c>
      <c r="V72" s="7">
        <v>10079.3775632</v>
      </c>
      <c r="W72" s="7">
        <v>8567.5029512199999</v>
      </c>
      <c r="X72" s="7">
        <v>8414.2205725700005</v>
      </c>
      <c r="Y72" s="7">
        <v>8514.4573252099999</v>
      </c>
      <c r="Z72" s="7">
        <v>8596.8630087199999</v>
      </c>
      <c r="AA72" s="7">
        <v>8520.4398379100003</v>
      </c>
      <c r="AB72" s="7">
        <v>8636.5884068100004</v>
      </c>
      <c r="AC72" s="7">
        <v>8730.7404778100008</v>
      </c>
      <c r="AD72" s="7">
        <v>8999.4693996200003</v>
      </c>
      <c r="AE72" s="7">
        <v>9259.0397710300003</v>
      </c>
      <c r="AF72" s="7">
        <v>9409.9297514699992</v>
      </c>
      <c r="AG72" s="9">
        <v>16832.666738</v>
      </c>
      <c r="AH72" s="13">
        <v>0.52174055892815008</v>
      </c>
      <c r="AI72" s="9">
        <v>8367.9680788999976</v>
      </c>
      <c r="AJ72" s="13">
        <v>0.25937116266444571</v>
      </c>
      <c r="AK72" s="9">
        <v>3545.0450452000005</v>
      </c>
      <c r="AL72" s="13">
        <v>8.7250854186076199E-2</v>
      </c>
      <c r="AM72" s="9">
        <v>4919.6536139000018</v>
      </c>
      <c r="AN72" s="13">
        <v>0.11136601963511804</v>
      </c>
      <c r="AO72" s="9">
        <v>8464.6986591000023</v>
      </c>
      <c r="AP72" s="13">
        <v>0.20833365416166161</v>
      </c>
      <c r="AQ72" s="9">
        <v>32262.5229148</v>
      </c>
      <c r="AR72" s="9">
        <v>33854.757538799997</v>
      </c>
      <c r="AS72" s="9">
        <v>35616.1021501</v>
      </c>
      <c r="AT72" s="9">
        <v>37717.6505254</v>
      </c>
      <c r="AU72" s="9">
        <v>38959.669922599998</v>
      </c>
      <c r="AV72" s="9">
        <v>39771.851807799998</v>
      </c>
      <c r="AW72" s="9">
        <v>40630.490993699997</v>
      </c>
      <c r="AX72" s="9">
        <v>41346.245464899999</v>
      </c>
      <c r="AY72" s="9">
        <v>43210.512330099999</v>
      </c>
      <c r="AZ72" s="9">
        <v>44175.536038899998</v>
      </c>
      <c r="BA72" s="9">
        <v>45320.4791205</v>
      </c>
      <c r="BB72" s="9">
        <v>46331.078254300002</v>
      </c>
      <c r="BC72" s="9">
        <v>47191.557937999998</v>
      </c>
      <c r="BD72" s="9">
        <v>48132.257241500003</v>
      </c>
      <c r="BE72" s="9">
        <v>48767.8653634</v>
      </c>
      <c r="BF72" s="9">
        <v>49095.1896528</v>
      </c>
      <c r="BG72" s="11">
        <v>-94</v>
      </c>
      <c r="BH72" s="13">
        <v>-0.14896988906497624</v>
      </c>
      <c r="BI72" s="6">
        <v>-15</v>
      </c>
      <c r="BJ72" s="13">
        <v>-2.3771790808240888E-2</v>
      </c>
      <c r="BK72" s="6">
        <v>-58</v>
      </c>
      <c r="BL72" s="13">
        <v>-9.4155844155844159E-2</v>
      </c>
      <c r="BM72" s="11">
        <v>-21</v>
      </c>
      <c r="BN72" s="13">
        <v>-3.7634408602150539E-2</v>
      </c>
      <c r="BO72" s="11">
        <v>-79</v>
      </c>
      <c r="BP72" s="13">
        <v>-0.12824675324675325</v>
      </c>
      <c r="BQ72" s="6">
        <v>631</v>
      </c>
      <c r="BR72" s="6">
        <v>620</v>
      </c>
      <c r="BS72" s="6">
        <v>611</v>
      </c>
      <c r="BT72" s="6">
        <v>616</v>
      </c>
      <c r="BU72" s="6">
        <v>605</v>
      </c>
      <c r="BV72" s="6">
        <v>595</v>
      </c>
      <c r="BW72" s="6">
        <v>558</v>
      </c>
      <c r="BX72" s="6">
        <v>561</v>
      </c>
      <c r="BY72" s="6">
        <v>560</v>
      </c>
      <c r="BZ72" s="6">
        <v>539</v>
      </c>
      <c r="CA72" s="6">
        <v>536</v>
      </c>
      <c r="CB72" s="6">
        <v>538</v>
      </c>
      <c r="CC72" s="11">
        <v>537</v>
      </c>
      <c r="CD72" s="11">
        <v>-332.14600000000002</v>
      </c>
      <c r="CE72" s="11">
        <v>523.77800000000002</v>
      </c>
      <c r="CF72" s="11">
        <v>908.375</v>
      </c>
      <c r="CG72" s="11">
        <v>1432</v>
      </c>
      <c r="CH72" s="20">
        <v>0.91181100000000004</v>
      </c>
      <c r="CI72" s="20">
        <v>0.94393800000000005</v>
      </c>
      <c r="CJ72" s="20">
        <v>0.98041599999999995</v>
      </c>
      <c r="CK72" s="20">
        <v>0.98247300000000004</v>
      </c>
      <c r="CL72" s="20">
        <v>0.96922900000000001</v>
      </c>
      <c r="CM72" s="20">
        <v>1.02182</v>
      </c>
      <c r="CN72" s="20">
        <v>1.03413</v>
      </c>
      <c r="CO72" s="20">
        <v>0.885938</v>
      </c>
      <c r="CP72" s="20">
        <v>0.91524700000000003</v>
      </c>
      <c r="CQ72" s="20">
        <v>0.92935999999999996</v>
      </c>
      <c r="CR72" s="20">
        <v>0.92164400000000002</v>
      </c>
      <c r="CS72" s="20">
        <v>0.90781500000000004</v>
      </c>
      <c r="CT72" s="20">
        <v>0.91985700000000004</v>
      </c>
      <c r="CU72" s="20">
        <v>0.917736</v>
      </c>
      <c r="CV72" s="20">
        <v>0.91257900000000003</v>
      </c>
      <c r="CW72" s="20">
        <v>0.92669800000000002</v>
      </c>
      <c r="CX72" s="20">
        <v>0.92782200000000004</v>
      </c>
      <c r="CY72" s="6"/>
      <c r="CZ72" s="6"/>
      <c r="DA72" s="6"/>
      <c r="DB72" s="6"/>
      <c r="DC72" s="6"/>
      <c r="DD72" s="6"/>
      <c r="DE72" s="6"/>
      <c r="DF72" s="6"/>
      <c r="DG72" s="6"/>
      <c r="DH72" s="6"/>
      <c r="DI72" s="6"/>
      <c r="DJ72" s="6"/>
      <c r="DK72" s="6"/>
      <c r="DL72" s="6"/>
      <c r="DM72" s="6"/>
      <c r="DN72" s="6"/>
      <c r="DO72" s="6"/>
    </row>
    <row r="73" spans="1:119" hidden="1" x14ac:dyDescent="0.2">
      <c r="A73" s="6" t="s">
        <v>314</v>
      </c>
      <c r="B73" s="6" t="s">
        <v>314</v>
      </c>
      <c r="C73" s="6" t="s">
        <v>183</v>
      </c>
      <c r="D73" s="6" t="s">
        <v>336</v>
      </c>
      <c r="E73" s="6" t="s">
        <v>330</v>
      </c>
      <c r="F73" s="11">
        <v>-1328</v>
      </c>
      <c r="G73" s="13">
        <v>-0.32895714639599999</v>
      </c>
      <c r="H73" s="11">
        <v>-232.38398852</v>
      </c>
      <c r="I73" s="13">
        <v>-5.7561087365210983E-2</v>
      </c>
      <c r="J73" s="11">
        <v>-211.7377475799999</v>
      </c>
      <c r="K73" s="13">
        <v>-5.5650345801615403E-2</v>
      </c>
      <c r="L73" s="11">
        <v>-884.06346894000035</v>
      </c>
      <c r="M73" s="13">
        <v>-0.24604820324847559</v>
      </c>
      <c r="N73" s="11">
        <v>-1095.8012165200003</v>
      </c>
      <c r="O73" s="13">
        <v>-0.2880058814554472</v>
      </c>
      <c r="P73" s="7">
        <v>4037.1716233500001</v>
      </c>
      <c r="Q73" s="7">
        <v>4258.4566062499998</v>
      </c>
      <c r="R73" s="7">
        <v>4108.2674479899997</v>
      </c>
      <c r="S73" s="7">
        <v>4056.8787911999998</v>
      </c>
      <c r="T73" s="7">
        <v>3808.4491496300002</v>
      </c>
      <c r="U73" s="7">
        <v>3840.4461656200001</v>
      </c>
      <c r="V73" s="7">
        <v>3804.7876348300001</v>
      </c>
      <c r="W73" s="7">
        <v>3759.9806858900001</v>
      </c>
      <c r="X73" s="7">
        <v>3748.42557012</v>
      </c>
      <c r="Y73" s="7">
        <v>3593.0498872500002</v>
      </c>
      <c r="Z73" s="7">
        <v>3425.8086120900002</v>
      </c>
      <c r="AA73" s="7">
        <v>3105.6789250900001</v>
      </c>
      <c r="AB73" s="7">
        <v>2822.1048165900002</v>
      </c>
      <c r="AC73" s="7">
        <v>2884.9419591599999</v>
      </c>
      <c r="AD73" s="7">
        <v>2728.5749357</v>
      </c>
      <c r="AE73" s="7">
        <v>2742.39394924</v>
      </c>
      <c r="AF73" s="7">
        <v>2708.9864183099999</v>
      </c>
      <c r="AG73" s="9">
        <v>12882.653356299998</v>
      </c>
      <c r="AH73" s="13">
        <v>0.4317447896302643</v>
      </c>
      <c r="AI73" s="9">
        <v>6490.5898390000002</v>
      </c>
      <c r="AJ73" s="13">
        <v>0.21752338335215624</v>
      </c>
      <c r="AK73" s="9">
        <v>1695.2058531000002</v>
      </c>
      <c r="AL73" s="13">
        <v>4.6662383259465416E-2</v>
      </c>
      <c r="AM73" s="9">
        <v>4696.8576641999971</v>
      </c>
      <c r="AN73" s="13">
        <v>0.12352226780524744</v>
      </c>
      <c r="AO73" s="9">
        <v>6392.0635172999973</v>
      </c>
      <c r="AP73" s="13">
        <v>0.17594849446611965</v>
      </c>
      <c r="AQ73" s="9">
        <v>29838.584427000002</v>
      </c>
      <c r="AR73" s="9">
        <v>31159.847476999999</v>
      </c>
      <c r="AS73" s="9">
        <v>31714.362401800001</v>
      </c>
      <c r="AT73" s="9">
        <v>33043.075777600003</v>
      </c>
      <c r="AU73" s="9">
        <v>33463.451779700001</v>
      </c>
      <c r="AV73" s="9">
        <v>35308.3076114</v>
      </c>
      <c r="AW73" s="9">
        <v>36329.174266000002</v>
      </c>
      <c r="AX73" s="9">
        <v>35785.360598300002</v>
      </c>
      <c r="AY73" s="9">
        <v>40541.170995699998</v>
      </c>
      <c r="AZ73" s="9">
        <v>38024.380119100002</v>
      </c>
      <c r="BA73" s="9">
        <v>39802.759724000003</v>
      </c>
      <c r="BB73" s="9">
        <v>41999.594496500002</v>
      </c>
      <c r="BC73" s="9">
        <v>41284.819757400001</v>
      </c>
      <c r="BD73" s="9">
        <v>42050.302677599997</v>
      </c>
      <c r="BE73" s="9">
        <v>41810.9464161</v>
      </c>
      <c r="BF73" s="9">
        <v>42721.237783299999</v>
      </c>
      <c r="BG73" s="11">
        <v>-73</v>
      </c>
      <c r="BH73" s="13">
        <v>-0.24579124579124578</v>
      </c>
      <c r="BI73" s="6">
        <v>-13</v>
      </c>
      <c r="BJ73" s="13">
        <v>-4.3771043771043773E-2</v>
      </c>
      <c r="BK73" s="6">
        <v>-31</v>
      </c>
      <c r="BL73" s="13">
        <v>-0.10915492957746478</v>
      </c>
      <c r="BM73" s="11">
        <v>-29</v>
      </c>
      <c r="BN73" s="13">
        <v>-0.11462450592885376</v>
      </c>
      <c r="BO73" s="11">
        <v>-60</v>
      </c>
      <c r="BP73" s="13">
        <v>-0.21126760563380281</v>
      </c>
      <c r="BQ73" s="6">
        <v>297</v>
      </c>
      <c r="BR73" s="6">
        <v>282</v>
      </c>
      <c r="BS73" s="6">
        <v>282</v>
      </c>
      <c r="BT73" s="6">
        <v>284</v>
      </c>
      <c r="BU73" s="6">
        <v>272</v>
      </c>
      <c r="BV73" s="6">
        <v>265</v>
      </c>
      <c r="BW73" s="6">
        <v>253</v>
      </c>
      <c r="BX73" s="6">
        <v>247</v>
      </c>
      <c r="BY73" s="6">
        <v>249</v>
      </c>
      <c r="BZ73" s="6">
        <v>241</v>
      </c>
      <c r="CA73" s="6">
        <v>238</v>
      </c>
      <c r="CB73" s="6">
        <v>225</v>
      </c>
      <c r="CC73" s="11">
        <v>224</v>
      </c>
      <c r="CD73" s="11">
        <v>-532.95000000000005</v>
      </c>
      <c r="CE73" s="11">
        <v>-1236.55</v>
      </c>
      <c r="CF73" s="11">
        <v>441.31099999999998</v>
      </c>
      <c r="CG73" s="11">
        <v>-796</v>
      </c>
      <c r="CH73" s="20">
        <v>0.56252899999999995</v>
      </c>
      <c r="CI73" s="20">
        <v>0.61992400000000003</v>
      </c>
      <c r="CJ73" s="20">
        <v>0.62159500000000001</v>
      </c>
      <c r="CK73" s="20">
        <v>0.62714499999999995</v>
      </c>
      <c r="CL73" s="20">
        <v>0.59592199999999995</v>
      </c>
      <c r="CM73" s="20">
        <v>0.60262199999999999</v>
      </c>
      <c r="CN73" s="20">
        <v>0.60649299999999995</v>
      </c>
      <c r="CO73" s="20">
        <v>0.60932200000000003</v>
      </c>
      <c r="CP73" s="20">
        <v>0.63595100000000004</v>
      </c>
      <c r="CQ73" s="20">
        <v>0.62744200000000006</v>
      </c>
      <c r="CR73" s="20">
        <v>0.60945300000000002</v>
      </c>
      <c r="CS73" s="20">
        <v>0.56018500000000004</v>
      </c>
      <c r="CT73" s="20">
        <v>0.51413200000000003</v>
      </c>
      <c r="CU73" s="20">
        <v>0.52984799999999999</v>
      </c>
      <c r="CV73" s="20">
        <v>0.50108799999999998</v>
      </c>
      <c r="CW73" s="20">
        <v>0.50249900000000003</v>
      </c>
      <c r="CX73" s="20">
        <v>0.49519000000000002</v>
      </c>
      <c r="CY73" s="6"/>
      <c r="CZ73" s="6"/>
      <c r="DA73" s="6"/>
      <c r="DB73" s="6"/>
      <c r="DC73" s="6"/>
      <c r="DD73" s="6"/>
      <c r="DE73" s="6"/>
      <c r="DF73" s="6"/>
      <c r="DG73" s="6"/>
      <c r="DH73" s="6"/>
      <c r="DI73" s="6"/>
      <c r="DJ73" s="6"/>
      <c r="DK73" s="6"/>
      <c r="DL73" s="6"/>
      <c r="DM73" s="6"/>
      <c r="DN73" s="6"/>
      <c r="DO73" s="6"/>
    </row>
    <row r="74" spans="1:119" hidden="1" x14ac:dyDescent="0.2">
      <c r="A74" s="6" t="s">
        <v>315</v>
      </c>
      <c r="B74" s="6" t="s">
        <v>315</v>
      </c>
      <c r="C74" s="6" t="s">
        <v>184</v>
      </c>
      <c r="D74" s="6" t="s">
        <v>336</v>
      </c>
      <c r="E74" s="6" t="s">
        <v>330</v>
      </c>
      <c r="F74" s="11">
        <v>414</v>
      </c>
      <c r="G74" s="13">
        <v>6.2822458270099996E-2</v>
      </c>
      <c r="H74" s="11">
        <v>812.71768094000072</v>
      </c>
      <c r="I74" s="13">
        <v>0.12331773164310468</v>
      </c>
      <c r="J74" s="11">
        <v>-114.43773407000026</v>
      </c>
      <c r="K74" s="13">
        <v>-1.5457969822030815E-2</v>
      </c>
      <c r="L74" s="11">
        <v>-285.14482447000046</v>
      </c>
      <c r="M74" s="13">
        <v>-3.9121404455891177E-2</v>
      </c>
      <c r="N74" s="11">
        <v>-399.58255854000072</v>
      </c>
      <c r="O74" s="13">
        <v>-5.3974636788447369E-2</v>
      </c>
      <c r="P74" s="7">
        <v>6590.4365099099996</v>
      </c>
      <c r="Q74" s="7">
        <v>6702.8637299800002</v>
      </c>
      <c r="R74" s="7">
        <v>6781.6998096300003</v>
      </c>
      <c r="S74" s="7">
        <v>6999.3886006000002</v>
      </c>
      <c r="T74" s="7">
        <v>7242.3374102199996</v>
      </c>
      <c r="U74" s="7">
        <v>7285.3437729699999</v>
      </c>
      <c r="V74" s="7">
        <v>7403.1541908500003</v>
      </c>
      <c r="W74" s="7">
        <v>7342.7931035199999</v>
      </c>
      <c r="X74" s="7">
        <v>7405.49722294</v>
      </c>
      <c r="Y74" s="7">
        <v>7288.71645678</v>
      </c>
      <c r="Z74" s="7">
        <v>7086.5988329000002</v>
      </c>
      <c r="AA74" s="7">
        <v>6905.2568870499999</v>
      </c>
      <c r="AB74" s="7">
        <v>6870.2753037599996</v>
      </c>
      <c r="AC74" s="7">
        <v>7000.93711781</v>
      </c>
      <c r="AD74" s="7">
        <v>6983.3471057999996</v>
      </c>
      <c r="AE74" s="7">
        <v>6935.8502740000004</v>
      </c>
      <c r="AF74" s="7">
        <v>7003.5716323099996</v>
      </c>
      <c r="AG74" s="9">
        <v>20344.504542499999</v>
      </c>
      <c r="AH74" s="13">
        <v>0.59982967555456956</v>
      </c>
      <c r="AI74" s="9">
        <v>8247.9319525999963</v>
      </c>
      <c r="AJ74" s="13">
        <v>0.2431789054773548</v>
      </c>
      <c r="AK74" s="9">
        <v>4537.5528524000038</v>
      </c>
      <c r="AL74" s="13">
        <v>0.10761402976130732</v>
      </c>
      <c r="AM74" s="9">
        <v>7559.0197374999989</v>
      </c>
      <c r="AN74" s="13">
        <v>0.16185429521976399</v>
      </c>
      <c r="AO74" s="9">
        <v>12096.572589900003</v>
      </c>
      <c r="AP74" s="13">
        <v>0.28688611792384638</v>
      </c>
      <c r="AQ74" s="9">
        <v>33917.135766400002</v>
      </c>
      <c r="AR74" s="9">
        <v>36076.045228700001</v>
      </c>
      <c r="AS74" s="9">
        <v>36041.655897299999</v>
      </c>
      <c r="AT74" s="9">
        <v>37889.343945699999</v>
      </c>
      <c r="AU74" s="9">
        <v>40441.680388100001</v>
      </c>
      <c r="AV74" s="9">
        <v>41175.303312399999</v>
      </c>
      <c r="AW74" s="9">
        <v>42165.067718999999</v>
      </c>
      <c r="AX74" s="9">
        <v>44253.048210100002</v>
      </c>
      <c r="AY74" s="9">
        <v>45648.463958699998</v>
      </c>
      <c r="AZ74" s="9">
        <v>46702.620571400003</v>
      </c>
      <c r="BA74" s="9">
        <v>47842.7293135</v>
      </c>
      <c r="BB74" s="9">
        <v>50579.108369599999</v>
      </c>
      <c r="BC74" s="9">
        <v>49372.715339599999</v>
      </c>
      <c r="BD74" s="9">
        <v>51243.9817291</v>
      </c>
      <c r="BE74" s="9">
        <v>52907.682450799999</v>
      </c>
      <c r="BF74" s="9">
        <v>54261.640308900001</v>
      </c>
      <c r="BG74" s="11">
        <v>67.25</v>
      </c>
      <c r="BH74" s="13">
        <v>7.2545846817691481E-2</v>
      </c>
      <c r="BI74" s="6">
        <v>59</v>
      </c>
      <c r="BJ74" s="13">
        <v>6.3646170442286945E-2</v>
      </c>
      <c r="BK74" s="6">
        <v>-20</v>
      </c>
      <c r="BL74" s="13">
        <v>-2.0283975659229209E-2</v>
      </c>
      <c r="BM74" s="11">
        <v>28.25</v>
      </c>
      <c r="BN74" s="13">
        <v>2.924430641821946E-2</v>
      </c>
      <c r="BO74" s="11">
        <v>8.25</v>
      </c>
      <c r="BP74" s="13">
        <v>8.3671399594320486E-3</v>
      </c>
      <c r="BQ74" s="6">
        <v>927</v>
      </c>
      <c r="BR74" s="6">
        <v>928</v>
      </c>
      <c r="BS74" s="6">
        <v>947</v>
      </c>
      <c r="BT74" s="6">
        <v>986</v>
      </c>
      <c r="BU74" s="6">
        <v>970</v>
      </c>
      <c r="BV74" s="6">
        <v>986</v>
      </c>
      <c r="BW74" s="6">
        <v>966</v>
      </c>
      <c r="BX74" s="6">
        <v>980</v>
      </c>
      <c r="BY74" s="6">
        <v>982</v>
      </c>
      <c r="BZ74" s="6">
        <v>985</v>
      </c>
      <c r="CA74" s="6">
        <v>1002</v>
      </c>
      <c r="CB74" s="6">
        <v>1011</v>
      </c>
      <c r="CC74" s="11">
        <v>994.25</v>
      </c>
      <c r="CD74" s="11">
        <v>216.92599999999999</v>
      </c>
      <c r="CE74" s="11">
        <v>-524.20500000000004</v>
      </c>
      <c r="CF74" s="11">
        <v>720.41399999999999</v>
      </c>
      <c r="CG74" s="11">
        <v>196</v>
      </c>
      <c r="CH74" s="20">
        <v>0.56296199999999996</v>
      </c>
      <c r="CI74" s="20">
        <v>0.56689299999999998</v>
      </c>
      <c r="CJ74" s="20">
        <v>0.55616500000000002</v>
      </c>
      <c r="CK74" s="20">
        <v>0.57017899999999999</v>
      </c>
      <c r="CL74" s="20">
        <v>0.57969499999999996</v>
      </c>
      <c r="CM74" s="20">
        <v>0.57187100000000002</v>
      </c>
      <c r="CN74" s="20">
        <v>0.58981600000000001</v>
      </c>
      <c r="CO74" s="20">
        <v>0.599993</v>
      </c>
      <c r="CP74" s="20">
        <v>0.62207199999999996</v>
      </c>
      <c r="CQ74" s="20">
        <v>0.62060199999999999</v>
      </c>
      <c r="CR74" s="20">
        <v>0.60536199999999996</v>
      </c>
      <c r="CS74" s="20">
        <v>0.59380599999999994</v>
      </c>
      <c r="CT74" s="20">
        <v>0.59884400000000004</v>
      </c>
      <c r="CU74" s="20">
        <v>0.62111700000000003</v>
      </c>
      <c r="CV74" s="20">
        <v>0.61459200000000003</v>
      </c>
      <c r="CW74" s="20">
        <v>0.61099099999999995</v>
      </c>
      <c r="CX74" s="20">
        <v>0.61202400000000001</v>
      </c>
      <c r="CY74" s="6"/>
      <c r="CZ74" s="6"/>
      <c r="DA74" s="6"/>
      <c r="DB74" s="6"/>
      <c r="DC74" s="6"/>
      <c r="DD74" s="6"/>
      <c r="DE74" s="6"/>
      <c r="DF74" s="6"/>
      <c r="DG74" s="6"/>
      <c r="DH74" s="6"/>
      <c r="DI74" s="6"/>
      <c r="DJ74" s="6"/>
      <c r="DK74" s="6"/>
      <c r="DL74" s="6"/>
      <c r="DM74" s="6"/>
      <c r="DN74" s="6"/>
      <c r="DO74" s="6"/>
    </row>
    <row r="75" spans="1:119" hidden="1" x14ac:dyDescent="0.2">
      <c r="A75" s="6" t="s">
        <v>316</v>
      </c>
      <c r="B75" s="6" t="s">
        <v>316</v>
      </c>
      <c r="C75" s="6" t="s">
        <v>185</v>
      </c>
      <c r="D75" s="6" t="s">
        <v>336</v>
      </c>
      <c r="E75" s="6" t="s">
        <v>330</v>
      </c>
      <c r="F75" s="11">
        <v>-442</v>
      </c>
      <c r="G75" s="13">
        <v>-0.120600272851</v>
      </c>
      <c r="H75" s="11">
        <v>203.95506862000002</v>
      </c>
      <c r="I75" s="13">
        <v>5.5654900976483256E-2</v>
      </c>
      <c r="J75" s="11">
        <v>-533.72820782000008</v>
      </c>
      <c r="K75" s="13">
        <v>-0.13796441998181583</v>
      </c>
      <c r="L75" s="11">
        <v>-111.77119484000013</v>
      </c>
      <c r="M75" s="13">
        <v>-3.3515958615483656E-2</v>
      </c>
      <c r="N75" s="11">
        <v>-645.49940266000021</v>
      </c>
      <c r="O75" s="13">
        <v>-0.16685636880677973</v>
      </c>
      <c r="P75" s="7">
        <v>3664.6380649600001</v>
      </c>
      <c r="Q75" s="7">
        <v>3614.3006850100001</v>
      </c>
      <c r="R75" s="7">
        <v>3593.7774838199998</v>
      </c>
      <c r="S75" s="7">
        <v>3341.2000998499998</v>
      </c>
      <c r="T75" s="7">
        <v>3528.27756791</v>
      </c>
      <c r="U75" s="7">
        <v>3585.1016062399999</v>
      </c>
      <c r="V75" s="7">
        <v>3868.5931335800001</v>
      </c>
      <c r="W75" s="7">
        <v>3939.1412076400002</v>
      </c>
      <c r="X75" s="7">
        <v>3752.7656307500001</v>
      </c>
      <c r="Y75" s="7">
        <v>3334.86492576</v>
      </c>
      <c r="Z75" s="7">
        <v>3369.8677769699998</v>
      </c>
      <c r="AA75" s="7">
        <v>3307.2598246699999</v>
      </c>
      <c r="AB75" s="7">
        <v>3234.4675083299999</v>
      </c>
      <c r="AC75" s="7">
        <v>3246.4511664800002</v>
      </c>
      <c r="AD75" s="7">
        <v>3234.9868173899999</v>
      </c>
      <c r="AE75" s="7">
        <v>3186.1694204999999</v>
      </c>
      <c r="AF75" s="7">
        <v>3223.0937309199999</v>
      </c>
      <c r="AG75" s="9">
        <v>9024.8537097999979</v>
      </c>
      <c r="AH75" s="13">
        <v>0.33520963665281761</v>
      </c>
      <c r="AI75" s="9">
        <v>2174.8365414</v>
      </c>
      <c r="AJ75" s="13">
        <v>8.0779832035429266E-2</v>
      </c>
      <c r="AK75" s="9">
        <v>1560.6705390999996</v>
      </c>
      <c r="AL75" s="13">
        <v>5.3635251916558331E-2</v>
      </c>
      <c r="AM75" s="9">
        <v>5289.3466292999983</v>
      </c>
      <c r="AN75" s="13">
        <v>0.17252452038479851</v>
      </c>
      <c r="AO75" s="9">
        <v>6850.0171683999979</v>
      </c>
      <c r="AP75" s="13">
        <v>0.23541316841397891</v>
      </c>
      <c r="AQ75" s="9">
        <v>26923.013908299999</v>
      </c>
      <c r="AR75" s="9">
        <v>28501.341485699999</v>
      </c>
      <c r="AS75" s="9">
        <v>28244.386674900001</v>
      </c>
      <c r="AT75" s="9">
        <v>26073.351308500001</v>
      </c>
      <c r="AU75" s="9">
        <v>28102.242440499998</v>
      </c>
      <c r="AV75" s="9">
        <v>28442.324819099998</v>
      </c>
      <c r="AW75" s="9">
        <v>29097.850449699999</v>
      </c>
      <c r="AX75" s="9">
        <v>30490.280773099999</v>
      </c>
      <c r="AY75" s="9">
        <v>32480.124386399999</v>
      </c>
      <c r="AZ75" s="9">
        <v>30658.520988799999</v>
      </c>
      <c r="BA75" s="9">
        <v>29481.268875599999</v>
      </c>
      <c r="BB75" s="9">
        <v>31881.362136399999</v>
      </c>
      <c r="BC75" s="9">
        <v>33259.1817907</v>
      </c>
      <c r="BD75" s="9">
        <v>34003.816157300003</v>
      </c>
      <c r="BE75" s="9">
        <v>36581.002303000001</v>
      </c>
      <c r="BF75" s="9">
        <v>35947.867618099997</v>
      </c>
      <c r="BG75" s="11">
        <v>-84</v>
      </c>
      <c r="BH75" s="13">
        <v>-0.14165261382799327</v>
      </c>
      <c r="BI75" s="6">
        <v>42</v>
      </c>
      <c r="BJ75" s="13">
        <v>7.0826306913996634E-2</v>
      </c>
      <c r="BK75" s="6">
        <v>-35</v>
      </c>
      <c r="BL75" s="13">
        <v>-5.5118110236220472E-2</v>
      </c>
      <c r="BM75" s="11">
        <v>-91</v>
      </c>
      <c r="BN75" s="13">
        <v>-0.15166666666666667</v>
      </c>
      <c r="BO75" s="11">
        <v>-126</v>
      </c>
      <c r="BP75" s="13">
        <v>-0.1984251968503937</v>
      </c>
      <c r="BQ75" s="6">
        <v>593</v>
      </c>
      <c r="BR75" s="6">
        <v>619</v>
      </c>
      <c r="BS75" s="6">
        <v>625</v>
      </c>
      <c r="BT75" s="6">
        <v>635</v>
      </c>
      <c r="BU75" s="6">
        <v>628</v>
      </c>
      <c r="BV75" s="6">
        <v>608</v>
      </c>
      <c r="BW75" s="6">
        <v>600</v>
      </c>
      <c r="BX75" s="6">
        <v>551</v>
      </c>
      <c r="BY75" s="6">
        <v>543</v>
      </c>
      <c r="BZ75" s="6">
        <v>541</v>
      </c>
      <c r="CA75" s="6">
        <v>513</v>
      </c>
      <c r="CB75" s="6">
        <v>516</v>
      </c>
      <c r="CC75" s="11">
        <v>509</v>
      </c>
      <c r="CD75" s="11">
        <v>-656.26</v>
      </c>
      <c r="CE75" s="11">
        <v>-185.874</v>
      </c>
      <c r="CF75" s="11">
        <v>400.589</v>
      </c>
      <c r="CG75" s="11">
        <v>215</v>
      </c>
      <c r="CH75" s="20">
        <v>0.76074699999999995</v>
      </c>
      <c r="CI75" s="20">
        <v>0.73654799999999998</v>
      </c>
      <c r="CJ75" s="20">
        <v>0.70814699999999997</v>
      </c>
      <c r="CK75" s="20">
        <v>0.639741</v>
      </c>
      <c r="CL75" s="20">
        <v>0.65167900000000001</v>
      </c>
      <c r="CM75" s="20">
        <v>0.65170300000000003</v>
      </c>
      <c r="CN75" s="20">
        <v>0.71658699999999997</v>
      </c>
      <c r="CO75" s="20">
        <v>0.75062399999999996</v>
      </c>
      <c r="CP75" s="20">
        <v>0.74848599999999998</v>
      </c>
      <c r="CQ75" s="20">
        <v>0.68783499999999997</v>
      </c>
      <c r="CR75" s="20">
        <v>0.70682999999999996</v>
      </c>
      <c r="CS75" s="20">
        <v>0.696608</v>
      </c>
      <c r="CT75" s="20">
        <v>0.68406999999999996</v>
      </c>
      <c r="CU75" s="20">
        <v>0.68301400000000001</v>
      </c>
      <c r="CV75" s="20">
        <v>0.67120800000000003</v>
      </c>
      <c r="CW75" s="20">
        <v>0.66266400000000003</v>
      </c>
      <c r="CX75" s="20">
        <v>0.66585399999999995</v>
      </c>
      <c r="CY75" s="6"/>
      <c r="CZ75" s="6"/>
      <c r="DA75" s="6"/>
      <c r="DB75" s="6"/>
      <c r="DC75" s="6"/>
      <c r="DD75" s="6"/>
      <c r="DE75" s="6"/>
      <c r="DF75" s="6"/>
      <c r="DG75" s="6"/>
      <c r="DH75" s="6"/>
      <c r="DI75" s="6"/>
      <c r="DJ75" s="6"/>
      <c r="DK75" s="6"/>
      <c r="DL75" s="6"/>
      <c r="DM75" s="6"/>
      <c r="DN75" s="6"/>
      <c r="DO75" s="6"/>
    </row>
    <row r="76" spans="1:119" hidden="1" x14ac:dyDescent="0.2">
      <c r="A76" s="6" t="s">
        <v>317</v>
      </c>
      <c r="B76" s="6" t="s">
        <v>317</v>
      </c>
      <c r="C76" s="6" t="s">
        <v>186</v>
      </c>
      <c r="D76" s="6" t="s">
        <v>336</v>
      </c>
      <c r="E76" s="6" t="s">
        <v>330</v>
      </c>
      <c r="F76" s="11">
        <v>1966</v>
      </c>
      <c r="G76" s="13">
        <v>0.43256325632600001</v>
      </c>
      <c r="H76" s="11">
        <v>1835.6416267599998</v>
      </c>
      <c r="I76" s="13">
        <v>0.40392455246035341</v>
      </c>
      <c r="J76" s="11">
        <v>-496.99399979000009</v>
      </c>
      <c r="K76" s="13">
        <v>-7.7896820432106759E-2</v>
      </c>
      <c r="L76" s="11">
        <v>627.58101088000058</v>
      </c>
      <c r="M76" s="13">
        <v>0.10667406880841351</v>
      </c>
      <c r="N76" s="11">
        <v>130.58701109000049</v>
      </c>
      <c r="O76" s="13">
        <v>2.0467677593575598E-2</v>
      </c>
      <c r="P76" s="7">
        <v>4544.5160874200001</v>
      </c>
      <c r="Q76" s="7">
        <v>4810.74225768</v>
      </c>
      <c r="R76" s="7">
        <v>4666.6191416399997</v>
      </c>
      <c r="S76" s="7">
        <v>5072.6523087400001</v>
      </c>
      <c r="T76" s="7">
        <v>5726.6545437200002</v>
      </c>
      <c r="U76" s="7">
        <v>6078.6143223899999</v>
      </c>
      <c r="V76" s="7">
        <v>6380.1577141799999</v>
      </c>
      <c r="W76" s="7">
        <v>6113.0558898099998</v>
      </c>
      <c r="X76" s="7">
        <v>6081.28413482</v>
      </c>
      <c r="Y76" s="7">
        <v>5883.1637143899998</v>
      </c>
      <c r="Z76" s="7">
        <v>5865.2272534800004</v>
      </c>
      <c r="AA76" s="7">
        <v>5849.7017574499996</v>
      </c>
      <c r="AB76" s="7">
        <v>5954.99880295</v>
      </c>
      <c r="AC76" s="7">
        <v>6077.9415318199999</v>
      </c>
      <c r="AD76" s="7">
        <v>6196.0247255599998</v>
      </c>
      <c r="AE76" s="7">
        <v>6354.5498310599996</v>
      </c>
      <c r="AF76" s="7">
        <v>6510.7447252700003</v>
      </c>
      <c r="AG76" s="9">
        <v>15683.311546499997</v>
      </c>
      <c r="AH76" s="13">
        <v>0.50582225023023064</v>
      </c>
      <c r="AI76" s="9">
        <v>4544.8272211999974</v>
      </c>
      <c r="AJ76" s="13">
        <v>0.14658095167713625</v>
      </c>
      <c r="AK76" s="9">
        <v>6071.8063699000049</v>
      </c>
      <c r="AL76" s="13">
        <v>0.17079429127415113</v>
      </c>
      <c r="AM76" s="9">
        <v>5066.677955399995</v>
      </c>
      <c r="AN76" s="13">
        <v>0.12173014567042607</v>
      </c>
      <c r="AO76" s="9">
        <v>11138.4843253</v>
      </c>
      <c r="AP76" s="13">
        <v>0.31331525090105683</v>
      </c>
      <c r="AQ76" s="9">
        <v>31005.5786185</v>
      </c>
      <c r="AR76" s="9">
        <v>32502.326839599998</v>
      </c>
      <c r="AS76" s="9">
        <v>30755.835623499999</v>
      </c>
      <c r="AT76" s="9">
        <v>32788.151181499998</v>
      </c>
      <c r="AU76" s="9">
        <v>32885.197147300001</v>
      </c>
      <c r="AV76" s="9">
        <v>34537.8237553</v>
      </c>
      <c r="AW76" s="9">
        <v>35550.405839699997</v>
      </c>
      <c r="AX76" s="9">
        <v>37082.973696300003</v>
      </c>
      <c r="AY76" s="9">
        <v>40314.222758900003</v>
      </c>
      <c r="AZ76" s="9">
        <v>41622.212209600002</v>
      </c>
      <c r="BA76" s="9">
        <v>43040.305847600001</v>
      </c>
      <c r="BB76" s="9">
        <v>44181.957197399999</v>
      </c>
      <c r="BC76" s="9">
        <v>43170.402235100002</v>
      </c>
      <c r="BD76" s="9">
        <v>43940.732064600001</v>
      </c>
      <c r="BE76" s="9">
        <v>45861.734361900002</v>
      </c>
      <c r="BF76" s="9">
        <v>46688.890164999997</v>
      </c>
      <c r="BG76" s="11">
        <v>78.5</v>
      </c>
      <c r="BH76" s="13">
        <v>9.022988505747126E-2</v>
      </c>
      <c r="BI76" s="6">
        <v>95</v>
      </c>
      <c r="BJ76" s="13">
        <v>0.10919540229885058</v>
      </c>
      <c r="BK76" s="6">
        <v>-31</v>
      </c>
      <c r="BL76" s="13">
        <v>-3.2124352331606217E-2</v>
      </c>
      <c r="BM76" s="11">
        <v>14.5</v>
      </c>
      <c r="BN76" s="13">
        <v>1.5524625267665952E-2</v>
      </c>
      <c r="BO76" s="11">
        <v>-16.5</v>
      </c>
      <c r="BP76" s="13">
        <v>-1.7098445595854921E-2</v>
      </c>
      <c r="BQ76" s="6">
        <v>870</v>
      </c>
      <c r="BR76" s="6">
        <v>907</v>
      </c>
      <c r="BS76" s="6">
        <v>929</v>
      </c>
      <c r="BT76" s="6">
        <v>965</v>
      </c>
      <c r="BU76" s="6">
        <v>966</v>
      </c>
      <c r="BV76" s="6">
        <v>947</v>
      </c>
      <c r="BW76" s="6">
        <v>934</v>
      </c>
      <c r="BX76" s="6">
        <v>918</v>
      </c>
      <c r="BY76" s="6">
        <v>926</v>
      </c>
      <c r="BZ76" s="6">
        <v>939</v>
      </c>
      <c r="CA76" s="6">
        <v>928</v>
      </c>
      <c r="CB76" s="6">
        <v>951</v>
      </c>
      <c r="CC76" s="11">
        <v>948.5</v>
      </c>
      <c r="CD76" s="11">
        <v>560.09199999999998</v>
      </c>
      <c r="CE76" s="11">
        <v>909.36599999999999</v>
      </c>
      <c r="CF76" s="11">
        <v>496.77</v>
      </c>
      <c r="CG76" s="11">
        <v>1406</v>
      </c>
      <c r="CH76" s="20">
        <v>0.29649599999999998</v>
      </c>
      <c r="CI76" s="20">
        <v>0.31597500000000001</v>
      </c>
      <c r="CJ76" s="20">
        <v>0.30223800000000001</v>
      </c>
      <c r="CK76" s="20">
        <v>0.32180300000000001</v>
      </c>
      <c r="CL76" s="20">
        <v>0.34847600000000001</v>
      </c>
      <c r="CM76" s="20">
        <v>0.35411500000000001</v>
      </c>
      <c r="CN76" s="20">
        <v>0.36474899999999999</v>
      </c>
      <c r="CO76" s="20">
        <v>0.34376499999999999</v>
      </c>
      <c r="CP76" s="20">
        <v>0.34995900000000002</v>
      </c>
      <c r="CQ76" s="20">
        <v>0.33766800000000002</v>
      </c>
      <c r="CR76" s="20">
        <v>0.33104099999999997</v>
      </c>
      <c r="CS76" s="20">
        <v>0.32606600000000002</v>
      </c>
      <c r="CT76" s="20">
        <v>0.33005299999999999</v>
      </c>
      <c r="CU76" s="20">
        <v>0.335011</v>
      </c>
      <c r="CV76" s="20">
        <v>0.33421400000000001</v>
      </c>
      <c r="CW76" s="20">
        <v>0.34023100000000001</v>
      </c>
      <c r="CX76" s="20">
        <v>0.34175100000000003</v>
      </c>
      <c r="CY76" s="6"/>
      <c r="CZ76" s="6"/>
      <c r="DA76" s="6"/>
      <c r="DB76" s="6"/>
      <c r="DC76" s="6"/>
      <c r="DD76" s="6"/>
      <c r="DE76" s="6"/>
      <c r="DF76" s="6"/>
      <c r="DG76" s="6"/>
      <c r="DH76" s="6"/>
      <c r="DI76" s="6"/>
      <c r="DJ76" s="6"/>
      <c r="DK76" s="6"/>
      <c r="DL76" s="6"/>
      <c r="DM76" s="6"/>
      <c r="DN76" s="6"/>
      <c r="DO76" s="6"/>
    </row>
    <row r="77" spans="1:119" hidden="1" x14ac:dyDescent="0.2">
      <c r="A77" s="6" t="s">
        <v>318</v>
      </c>
      <c r="B77" s="6" t="s">
        <v>318</v>
      </c>
      <c r="C77" s="6" t="s">
        <v>187</v>
      </c>
      <c r="D77" s="6" t="s">
        <v>336</v>
      </c>
      <c r="E77" s="6" t="s">
        <v>330</v>
      </c>
      <c r="F77" s="11">
        <v>135</v>
      </c>
      <c r="G77" s="13">
        <v>7.7720207253899998E-2</v>
      </c>
      <c r="H77" s="11">
        <v>-139.34002299999997</v>
      </c>
      <c r="I77" s="13">
        <v>-8.0211464117826509E-2</v>
      </c>
      <c r="J77" s="11">
        <v>158.08496100000002</v>
      </c>
      <c r="K77" s="13">
        <v>9.8938000671992515E-2</v>
      </c>
      <c r="L77" s="11">
        <v>116.58202354000014</v>
      </c>
      <c r="M77" s="13">
        <v>6.6394326744372581E-2</v>
      </c>
      <c r="N77" s="11">
        <v>274.66698454000016</v>
      </c>
      <c r="O77" s="13">
        <v>0.17190124936041634</v>
      </c>
      <c r="P77" s="7">
        <v>1737.1584539999999</v>
      </c>
      <c r="Q77" s="7">
        <v>1835.7852969999999</v>
      </c>
      <c r="R77" s="7">
        <v>2045.743788</v>
      </c>
      <c r="S77" s="7">
        <v>1566.347002</v>
      </c>
      <c r="T77" s="7">
        <v>1475.1210309999999</v>
      </c>
      <c r="U77" s="7">
        <v>1582.8400409999999</v>
      </c>
      <c r="V77" s="7">
        <v>1597.8184309999999</v>
      </c>
      <c r="W77" s="7">
        <v>1655.436367</v>
      </c>
      <c r="X77" s="7">
        <v>1525.4946669999999</v>
      </c>
      <c r="Y77" s="7">
        <v>1755.9033919999999</v>
      </c>
      <c r="Z77" s="7">
        <v>1788.6523360000001</v>
      </c>
      <c r="AA77" s="7">
        <v>1650.8909080000001</v>
      </c>
      <c r="AB77" s="7">
        <v>1590.6601479999999</v>
      </c>
      <c r="AC77" s="7">
        <v>1637.7499809999999</v>
      </c>
      <c r="AD77" s="7">
        <v>1732.339547</v>
      </c>
      <c r="AE77" s="7">
        <v>1843.6048444999999</v>
      </c>
      <c r="AF77" s="7">
        <v>1872.4854155400001</v>
      </c>
      <c r="AG77" s="9">
        <v>30711.783519600001</v>
      </c>
      <c r="AH77" s="13">
        <v>0.86283981473178628</v>
      </c>
      <c r="AI77" s="9">
        <v>14839.549806800002</v>
      </c>
      <c r="AJ77" s="13">
        <v>0.41691341037979518</v>
      </c>
      <c r="AK77" s="9">
        <v>1033.0441763999988</v>
      </c>
      <c r="AL77" s="13">
        <v>2.048333756010582E-2</v>
      </c>
      <c r="AM77" s="9">
        <v>14839.189536400001</v>
      </c>
      <c r="AN77" s="13">
        <v>0.28832751725991379</v>
      </c>
      <c r="AO77" s="9">
        <v>15872.2337128</v>
      </c>
      <c r="AP77" s="13">
        <v>0.31471676468392168</v>
      </c>
      <c r="AQ77" s="9">
        <v>35593.841400500001</v>
      </c>
      <c r="AR77" s="9">
        <v>34640.397157599997</v>
      </c>
      <c r="AS77" s="9">
        <v>34986.930273700003</v>
      </c>
      <c r="AT77" s="9">
        <v>42781.6878277</v>
      </c>
      <c r="AU77" s="9">
        <v>45928.325966800003</v>
      </c>
      <c r="AV77" s="9">
        <v>49323.3078207</v>
      </c>
      <c r="AW77" s="9">
        <v>50433.391207300003</v>
      </c>
      <c r="AX77" s="9">
        <v>46859.322325000001</v>
      </c>
      <c r="AY77" s="9">
        <v>49336.148639699997</v>
      </c>
      <c r="AZ77" s="9">
        <v>51466.435383700002</v>
      </c>
      <c r="BA77" s="9">
        <v>54023.4121543</v>
      </c>
      <c r="BB77" s="9">
        <v>59285.339019500003</v>
      </c>
      <c r="BC77" s="9">
        <v>60430.462004100002</v>
      </c>
      <c r="BD77" s="9">
        <v>59884.885753800001</v>
      </c>
      <c r="BE77" s="9">
        <v>67335.059187100007</v>
      </c>
      <c r="BF77" s="9">
        <v>66305.624920100003</v>
      </c>
      <c r="BG77" s="11">
        <v>11.75</v>
      </c>
      <c r="BH77" s="13">
        <v>0.14873417721518986</v>
      </c>
      <c r="BI77" s="6">
        <v>16</v>
      </c>
      <c r="BJ77" s="13">
        <v>0.20253164556962025</v>
      </c>
      <c r="BK77" s="6">
        <v>-6</v>
      </c>
      <c r="BL77" s="13">
        <v>-6.3157894736842107E-2</v>
      </c>
      <c r="BM77" s="11">
        <v>1.75</v>
      </c>
      <c r="BN77" s="13">
        <v>1.9662921348314606E-2</v>
      </c>
      <c r="BO77" s="11">
        <v>-4.25</v>
      </c>
      <c r="BP77" s="13">
        <v>-4.4736842105263158E-2</v>
      </c>
      <c r="BQ77" s="6">
        <v>79</v>
      </c>
      <c r="BR77" s="6">
        <v>81</v>
      </c>
      <c r="BS77" s="6">
        <v>87</v>
      </c>
      <c r="BT77" s="6">
        <v>95</v>
      </c>
      <c r="BU77" s="6">
        <v>93</v>
      </c>
      <c r="BV77" s="6">
        <v>86</v>
      </c>
      <c r="BW77" s="6">
        <v>89</v>
      </c>
      <c r="BX77" s="6">
        <v>79</v>
      </c>
      <c r="BY77" s="6">
        <v>86</v>
      </c>
      <c r="BZ77" s="6">
        <v>84</v>
      </c>
      <c r="CA77" s="6">
        <v>90</v>
      </c>
      <c r="CB77" s="6">
        <v>94</v>
      </c>
      <c r="CC77" s="11">
        <v>90.75</v>
      </c>
      <c r="CD77" s="11">
        <v>-426.505</v>
      </c>
      <c r="CE77" s="11">
        <v>371.94</v>
      </c>
      <c r="CF77" s="11">
        <v>189.892</v>
      </c>
      <c r="CG77" s="11">
        <v>562</v>
      </c>
      <c r="CH77" s="20">
        <v>0.52152299999999996</v>
      </c>
      <c r="CI77" s="20">
        <v>0.55040500000000003</v>
      </c>
      <c r="CJ77" s="20">
        <v>0.61971399999999999</v>
      </c>
      <c r="CK77" s="20">
        <v>0.46415099999999998</v>
      </c>
      <c r="CL77" s="20">
        <v>0.42516799999999999</v>
      </c>
      <c r="CM77" s="20">
        <v>0.44461800000000001</v>
      </c>
      <c r="CN77" s="20">
        <v>0.440417</v>
      </c>
      <c r="CO77" s="20">
        <v>0.44291999999999998</v>
      </c>
      <c r="CP77" s="20">
        <v>0.41152499999999997</v>
      </c>
      <c r="CQ77" s="20">
        <v>0.46949099999999999</v>
      </c>
      <c r="CR77" s="20">
        <v>0.46719100000000002</v>
      </c>
      <c r="CS77" s="20">
        <v>0.418738</v>
      </c>
      <c r="CT77" s="20">
        <v>0.39448499999999997</v>
      </c>
      <c r="CU77" s="20">
        <v>0.40214699999999998</v>
      </c>
      <c r="CV77" s="20">
        <v>0.420651</v>
      </c>
      <c r="CW77" s="20">
        <v>0.447764</v>
      </c>
      <c r="CX77" s="20">
        <v>0.44748599999999999</v>
      </c>
      <c r="CY77" s="6"/>
      <c r="CZ77" s="6"/>
      <c r="DA77" s="6"/>
      <c r="DB77" s="6"/>
      <c r="DC77" s="6"/>
      <c r="DD77" s="6"/>
      <c r="DE77" s="6"/>
      <c r="DF77" s="6"/>
      <c r="DG77" s="6"/>
      <c r="DH77" s="6"/>
      <c r="DI77" s="6"/>
      <c r="DJ77" s="6"/>
      <c r="DK77" s="6"/>
      <c r="DL77" s="6"/>
      <c r="DM77" s="6"/>
      <c r="DN77" s="6"/>
      <c r="DO77" s="6"/>
    </row>
    <row r="78" spans="1:119" hidden="1" x14ac:dyDescent="0.2">
      <c r="A78" s="6" t="s">
        <v>319</v>
      </c>
      <c r="B78" s="6" t="s">
        <v>319</v>
      </c>
      <c r="C78" s="6" t="s">
        <v>188</v>
      </c>
      <c r="D78" s="6" t="s">
        <v>336</v>
      </c>
      <c r="E78" s="6" t="s">
        <v>330</v>
      </c>
      <c r="F78" s="11">
        <v>4151</v>
      </c>
      <c r="G78" s="13">
        <v>0.55838041431300001</v>
      </c>
      <c r="H78" s="11">
        <v>2894.4065177299999</v>
      </c>
      <c r="I78" s="13">
        <v>0.38937198795076727</v>
      </c>
      <c r="J78" s="11">
        <v>-1629.1832150800001</v>
      </c>
      <c r="K78" s="13">
        <v>-0.15774534981324267</v>
      </c>
      <c r="L78" s="11">
        <v>2886.3190011799998</v>
      </c>
      <c r="M78" s="13">
        <v>0.33180853223584467</v>
      </c>
      <c r="N78" s="11">
        <v>1257.1357860999997</v>
      </c>
      <c r="O78" s="13">
        <v>0.12172192943404006</v>
      </c>
      <c r="P78" s="7">
        <v>7433.5252850699999</v>
      </c>
      <c r="Q78" s="7">
        <v>8016.0950933300001</v>
      </c>
      <c r="R78" s="7">
        <v>8694.8848467499993</v>
      </c>
      <c r="S78" s="7">
        <v>8948.9699468899998</v>
      </c>
      <c r="T78" s="7">
        <v>9024.1151547200006</v>
      </c>
      <c r="U78" s="7">
        <v>9682.4360632799999</v>
      </c>
      <c r="V78" s="7">
        <v>10327.9318028</v>
      </c>
      <c r="W78" s="7">
        <v>9986.2044822799999</v>
      </c>
      <c r="X78" s="7">
        <v>8340.5050503700004</v>
      </c>
      <c r="Y78" s="7">
        <v>8698.7485877199997</v>
      </c>
      <c r="Z78" s="7">
        <v>9640.9647201000007</v>
      </c>
      <c r="AA78" s="7">
        <v>9668.4782070700003</v>
      </c>
      <c r="AB78" s="7">
        <v>9816.4667019200006</v>
      </c>
      <c r="AC78" s="7">
        <v>10605.4000712</v>
      </c>
      <c r="AD78" s="7">
        <v>11229.497573099999</v>
      </c>
      <c r="AE78" s="7">
        <v>11114.441218399999</v>
      </c>
      <c r="AF78" s="7">
        <v>11585.067588899999</v>
      </c>
      <c r="AG78" s="9">
        <v>9942.2417114999989</v>
      </c>
      <c r="AH78" s="13">
        <v>0.49531328004403419</v>
      </c>
      <c r="AI78" s="9">
        <v>1670.6170548000009</v>
      </c>
      <c r="AJ78" s="13">
        <v>8.3228595433700203E-2</v>
      </c>
      <c r="AK78" s="9">
        <v>4248.249108699998</v>
      </c>
      <c r="AL78" s="13">
        <v>0.19538243315282725</v>
      </c>
      <c r="AM78" s="9">
        <v>4023.375548</v>
      </c>
      <c r="AN78" s="13">
        <v>0.15479582443787107</v>
      </c>
      <c r="AO78" s="9">
        <v>8271.624656699998</v>
      </c>
      <c r="AP78" s="13">
        <v>0.38042264241126744</v>
      </c>
      <c r="AQ78" s="9">
        <v>20072.633042699999</v>
      </c>
      <c r="AR78" s="9">
        <v>20481.1925682</v>
      </c>
      <c r="AS78" s="9">
        <v>21103.492089300002</v>
      </c>
      <c r="AT78" s="9">
        <v>20569.155928</v>
      </c>
      <c r="AU78" s="9">
        <v>20827.415668900001</v>
      </c>
      <c r="AV78" s="9">
        <v>20313.649400999999</v>
      </c>
      <c r="AW78" s="9">
        <v>21743.2500975</v>
      </c>
      <c r="AX78" s="9">
        <v>22293.4486053</v>
      </c>
      <c r="AY78" s="9">
        <v>23193.962664899998</v>
      </c>
      <c r="AZ78" s="9">
        <v>25991.499206199998</v>
      </c>
      <c r="BA78" s="9">
        <v>25783.681748200001</v>
      </c>
      <c r="BB78" s="9">
        <v>26273.724290900002</v>
      </c>
      <c r="BC78" s="9">
        <v>27686.514001200001</v>
      </c>
      <c r="BD78" s="9">
        <v>27405.650910600001</v>
      </c>
      <c r="BE78" s="9">
        <v>28547.255381800001</v>
      </c>
      <c r="BF78" s="9">
        <v>30014.874754199998</v>
      </c>
      <c r="BG78" s="11">
        <v>80</v>
      </c>
      <c r="BH78" s="13">
        <v>0.14311270125223613</v>
      </c>
      <c r="BI78" s="6">
        <v>38</v>
      </c>
      <c r="BJ78" s="13">
        <v>6.7978533094812166E-2</v>
      </c>
      <c r="BK78" s="6">
        <v>8</v>
      </c>
      <c r="BL78" s="13">
        <v>1.340033500837521E-2</v>
      </c>
      <c r="BM78" s="11">
        <v>34</v>
      </c>
      <c r="BN78" s="13">
        <v>5.6198347107438019E-2</v>
      </c>
      <c r="BO78" s="11">
        <v>42</v>
      </c>
      <c r="BP78" s="13">
        <v>7.0351758793969849E-2</v>
      </c>
      <c r="BQ78" s="6">
        <v>559</v>
      </c>
      <c r="BR78" s="6">
        <v>569</v>
      </c>
      <c r="BS78" s="6">
        <v>581</v>
      </c>
      <c r="BT78" s="6">
        <v>597</v>
      </c>
      <c r="BU78" s="6">
        <v>599</v>
      </c>
      <c r="BV78" s="6">
        <v>605</v>
      </c>
      <c r="BW78" s="6">
        <v>605</v>
      </c>
      <c r="BX78" s="6">
        <v>609</v>
      </c>
      <c r="BY78" s="6">
        <v>605</v>
      </c>
      <c r="BZ78" s="6">
        <v>620</v>
      </c>
      <c r="CA78" s="6">
        <v>627</v>
      </c>
      <c r="CB78" s="6">
        <v>655</v>
      </c>
      <c r="CC78" s="11">
        <v>639</v>
      </c>
      <c r="CD78" s="11">
        <v>2670.16</v>
      </c>
      <c r="CE78" s="11">
        <v>668.81299999999999</v>
      </c>
      <c r="CF78" s="11">
        <v>812.57399999999996</v>
      </c>
      <c r="CG78" s="11">
        <v>1482</v>
      </c>
      <c r="CH78" s="20">
        <v>0.45495600000000003</v>
      </c>
      <c r="CI78" s="20">
        <v>0.485184</v>
      </c>
      <c r="CJ78" s="20">
        <v>0.52227699999999999</v>
      </c>
      <c r="CK78" s="20">
        <v>0.51967799999999997</v>
      </c>
      <c r="CL78" s="20">
        <v>0.50612000000000001</v>
      </c>
      <c r="CM78" s="20">
        <v>0.52682399999999996</v>
      </c>
      <c r="CN78" s="20">
        <v>0.56299699999999997</v>
      </c>
      <c r="CO78" s="20">
        <v>0.56938500000000003</v>
      </c>
      <c r="CP78" s="20">
        <v>0.51617199999999996</v>
      </c>
      <c r="CQ78" s="20">
        <v>0.51865099999999997</v>
      </c>
      <c r="CR78" s="20">
        <v>0.55847199999999997</v>
      </c>
      <c r="CS78" s="20">
        <v>0.55085799999999996</v>
      </c>
      <c r="CT78" s="20">
        <v>0.55308199999999996</v>
      </c>
      <c r="CU78" s="20">
        <v>0.59087199999999995</v>
      </c>
      <c r="CV78" s="20">
        <v>0.61701399999999995</v>
      </c>
      <c r="CW78" s="20">
        <v>0.60807</v>
      </c>
      <c r="CX78" s="20">
        <v>0.62283900000000003</v>
      </c>
      <c r="CY78" s="6"/>
      <c r="CZ78" s="6"/>
      <c r="DA78" s="6"/>
      <c r="DB78" s="6"/>
      <c r="DC78" s="6"/>
      <c r="DD78" s="6"/>
      <c r="DE78" s="6"/>
      <c r="DF78" s="6"/>
      <c r="DG78" s="6"/>
      <c r="DH78" s="6"/>
      <c r="DI78" s="6"/>
      <c r="DJ78" s="6"/>
      <c r="DK78" s="6"/>
      <c r="DL78" s="6"/>
      <c r="DM78" s="6"/>
      <c r="DN78" s="6"/>
      <c r="DO78" s="6"/>
    </row>
    <row r="79" spans="1:119" hidden="1" x14ac:dyDescent="0.2">
      <c r="A79" s="6" t="s">
        <v>320</v>
      </c>
      <c r="B79" s="6" t="s">
        <v>320</v>
      </c>
      <c r="C79" s="6" t="s">
        <v>189</v>
      </c>
      <c r="D79" s="6" t="s">
        <v>336</v>
      </c>
      <c r="E79" s="6" t="s">
        <v>330</v>
      </c>
      <c r="F79" s="11">
        <v>782</v>
      </c>
      <c r="G79" s="13">
        <v>0.30158118010000001</v>
      </c>
      <c r="H79" s="11">
        <v>487.60290351999993</v>
      </c>
      <c r="I79" s="13">
        <v>0.18801664884939759</v>
      </c>
      <c r="J79" s="11">
        <v>182.4276734</v>
      </c>
      <c r="K79" s="13">
        <v>5.9210430285201419E-2</v>
      </c>
      <c r="L79" s="11">
        <v>111.58778333000009</v>
      </c>
      <c r="M79" s="13">
        <v>3.4193369513456966E-2</v>
      </c>
      <c r="N79" s="11">
        <v>294.0154567300001</v>
      </c>
      <c r="O79" s="13">
        <v>9.5428403920451058E-2</v>
      </c>
      <c r="P79" s="7">
        <v>2593.4027997200001</v>
      </c>
      <c r="Q79" s="7">
        <v>2644.1370846300001</v>
      </c>
      <c r="R79" s="7">
        <v>2551.16517853</v>
      </c>
      <c r="S79" s="7">
        <v>2540.0276826899999</v>
      </c>
      <c r="T79" s="7">
        <v>2882.0425562400001</v>
      </c>
      <c r="U79" s="7">
        <v>2939.0845278400002</v>
      </c>
      <c r="V79" s="7">
        <v>3081.00570324</v>
      </c>
      <c r="W79" s="7">
        <v>3270.3478487699999</v>
      </c>
      <c r="X79" s="7">
        <v>3346.77302439</v>
      </c>
      <c r="Y79" s="7">
        <v>3263.43337664</v>
      </c>
      <c r="Z79" s="7">
        <v>3232.64723073</v>
      </c>
      <c r="AA79" s="7">
        <v>3688.2027273200001</v>
      </c>
      <c r="AB79" s="7">
        <v>3764.0498016000001</v>
      </c>
      <c r="AC79" s="7">
        <v>3566.8161716899999</v>
      </c>
      <c r="AD79" s="7">
        <v>3262.3403431800002</v>
      </c>
      <c r="AE79" s="7">
        <v>3321.8916226800002</v>
      </c>
      <c r="AF79" s="7">
        <v>3375.0211599700001</v>
      </c>
      <c r="AG79" s="9">
        <v>10385.311298600001</v>
      </c>
      <c r="AH79" s="13">
        <v>0.36925872847803654</v>
      </c>
      <c r="AI79" s="9">
        <v>-201.76751850000073</v>
      </c>
      <c r="AJ79" s="13">
        <v>-7.1740186872898655E-3</v>
      </c>
      <c r="AK79" s="9">
        <v>3014.0063245999991</v>
      </c>
      <c r="AL79" s="13">
        <v>0.10793996588843258</v>
      </c>
      <c r="AM79" s="9">
        <v>7573.0724925000031</v>
      </c>
      <c r="AN79" s="13">
        <v>0.24479018617783416</v>
      </c>
      <c r="AO79" s="9">
        <v>10587.078817100002</v>
      </c>
      <c r="AP79" s="13">
        <v>0.37915279641212529</v>
      </c>
      <c r="AQ79" s="9">
        <v>28124.7550773</v>
      </c>
      <c r="AR79" s="9">
        <v>29587.551298999999</v>
      </c>
      <c r="AS79" s="9">
        <v>26515.304762299998</v>
      </c>
      <c r="AT79" s="9">
        <v>28128.4036003</v>
      </c>
      <c r="AU79" s="9">
        <v>29348.775655099998</v>
      </c>
      <c r="AV79" s="9">
        <v>31041.866475899998</v>
      </c>
      <c r="AW79" s="9">
        <v>27922.9875588</v>
      </c>
      <c r="AX79" s="9">
        <v>30559.1986091</v>
      </c>
      <c r="AY79" s="9">
        <v>30274.896063200002</v>
      </c>
      <c r="AZ79" s="9">
        <v>30936.993883399999</v>
      </c>
      <c r="BA79" s="9">
        <v>26458.074272499998</v>
      </c>
      <c r="BB79" s="9">
        <v>31993.5567132</v>
      </c>
      <c r="BC79" s="9">
        <v>32342.6430779</v>
      </c>
      <c r="BD79" s="9">
        <v>34221.4055381</v>
      </c>
      <c r="BE79" s="9">
        <v>36143.4763695</v>
      </c>
      <c r="BF79" s="9">
        <v>38510.066375900002</v>
      </c>
      <c r="BG79" s="11">
        <v>23.75</v>
      </c>
      <c r="BH79" s="13">
        <v>0.296875</v>
      </c>
      <c r="BI79" s="6">
        <v>16</v>
      </c>
      <c r="BJ79" s="13">
        <v>0.2</v>
      </c>
      <c r="BK79" s="6">
        <v>3</v>
      </c>
      <c r="BL79" s="13">
        <v>3.125E-2</v>
      </c>
      <c r="BM79" s="11">
        <v>4.75</v>
      </c>
      <c r="BN79" s="13">
        <v>4.7979797979797977E-2</v>
      </c>
      <c r="BO79" s="11">
        <v>7.75</v>
      </c>
      <c r="BP79" s="13">
        <v>8.0729166666666671E-2</v>
      </c>
      <c r="BQ79" s="6">
        <v>80</v>
      </c>
      <c r="BR79" s="6">
        <v>85</v>
      </c>
      <c r="BS79" s="6">
        <v>86</v>
      </c>
      <c r="BT79" s="6">
        <v>96</v>
      </c>
      <c r="BU79" s="6">
        <v>99</v>
      </c>
      <c r="BV79" s="6">
        <v>96</v>
      </c>
      <c r="BW79" s="6">
        <v>99</v>
      </c>
      <c r="BX79" s="6">
        <v>106</v>
      </c>
      <c r="BY79" s="6">
        <v>103</v>
      </c>
      <c r="BZ79" s="6">
        <v>107</v>
      </c>
      <c r="CA79" s="6">
        <v>109</v>
      </c>
      <c r="CB79" s="6">
        <v>106</v>
      </c>
      <c r="CC79" s="11">
        <v>103.75</v>
      </c>
      <c r="CD79" s="11">
        <v>-440.95600000000002</v>
      </c>
      <c r="CE79" s="11">
        <v>939.08399999999995</v>
      </c>
      <c r="CF79" s="11">
        <v>283.49</v>
      </c>
      <c r="CG79" s="11">
        <v>1222</v>
      </c>
      <c r="CH79" s="20">
        <v>0.47575299999999998</v>
      </c>
      <c r="CI79" s="20">
        <v>0.45840599999999998</v>
      </c>
      <c r="CJ79" s="20">
        <v>0.42626500000000001</v>
      </c>
      <c r="CK79" s="20">
        <v>0.40873599999999999</v>
      </c>
      <c r="CL79" s="20">
        <v>0.45794099999999999</v>
      </c>
      <c r="CM79" s="20">
        <v>0.45528000000000002</v>
      </c>
      <c r="CN79" s="20">
        <v>0.47069699999999998</v>
      </c>
      <c r="CO79" s="20">
        <v>0.48570099999999999</v>
      </c>
      <c r="CP79" s="20">
        <v>0.47763</v>
      </c>
      <c r="CQ79" s="20">
        <v>0.452067</v>
      </c>
      <c r="CR79" s="20">
        <v>0.438245</v>
      </c>
      <c r="CS79" s="20">
        <v>0.496529</v>
      </c>
      <c r="CT79" s="20">
        <v>0.50766299999999998</v>
      </c>
      <c r="CU79" s="20">
        <v>0.48139999999999999</v>
      </c>
      <c r="CV79" s="20">
        <v>0.43892799999999998</v>
      </c>
      <c r="CW79" s="20">
        <v>0.44560100000000002</v>
      </c>
      <c r="CX79" s="20">
        <v>0.44327899999999998</v>
      </c>
      <c r="CY79" s="6"/>
      <c r="CZ79" s="6"/>
      <c r="DA79" s="6"/>
      <c r="DB79" s="6"/>
      <c r="DC79" s="6"/>
      <c r="DD79" s="6"/>
      <c r="DE79" s="6"/>
      <c r="DF79" s="6"/>
      <c r="DG79" s="6"/>
      <c r="DH79" s="6"/>
      <c r="DI79" s="6"/>
      <c r="DJ79" s="6"/>
      <c r="DK79" s="6"/>
      <c r="DL79" s="6"/>
      <c r="DM79" s="6"/>
      <c r="DN79" s="6"/>
      <c r="DO79" s="6"/>
    </row>
    <row r="80" spans="1:119" hidden="1" x14ac:dyDescent="0.2">
      <c r="A80" s="6" t="s">
        <v>321</v>
      </c>
      <c r="B80" s="6" t="s">
        <v>321</v>
      </c>
      <c r="C80" s="6" t="s">
        <v>190</v>
      </c>
      <c r="D80" s="6" t="s">
        <v>336</v>
      </c>
      <c r="E80" s="6" t="s">
        <v>330</v>
      </c>
      <c r="F80" s="11">
        <v>10021</v>
      </c>
      <c r="G80" s="13">
        <v>0.33873039480799999</v>
      </c>
      <c r="H80" s="11">
        <v>4120.4567705000009</v>
      </c>
      <c r="I80" s="13">
        <v>0.13928203475534451</v>
      </c>
      <c r="J80" s="11">
        <v>1896.5726725999994</v>
      </c>
      <c r="K80" s="13">
        <v>5.6271433663863946E-2</v>
      </c>
      <c r="L80" s="11">
        <v>4004.2344759999978</v>
      </c>
      <c r="M80" s="13">
        <v>0.112476671888372</v>
      </c>
      <c r="N80" s="11">
        <v>5900.8071485999972</v>
      </c>
      <c r="O80" s="13">
        <v>0.17507732913313465</v>
      </c>
      <c r="P80" s="7">
        <v>29583.548070199999</v>
      </c>
      <c r="Q80" s="7">
        <v>30314.2848362</v>
      </c>
      <c r="R80" s="7">
        <v>31102.418579599998</v>
      </c>
      <c r="S80" s="7">
        <v>32408.400440099998</v>
      </c>
      <c r="T80" s="7">
        <v>32965.863815099998</v>
      </c>
      <c r="U80" s="7">
        <v>33854.367662600001</v>
      </c>
      <c r="V80" s="7">
        <v>33704.004840699999</v>
      </c>
      <c r="W80" s="7">
        <v>33915.328137600001</v>
      </c>
      <c r="X80" s="7">
        <v>34699.247408000003</v>
      </c>
      <c r="Y80" s="7">
        <v>35600.577513299999</v>
      </c>
      <c r="Z80" s="7">
        <v>35761.447782700001</v>
      </c>
      <c r="AA80" s="7">
        <v>37470.651965199999</v>
      </c>
      <c r="AB80" s="7">
        <v>38874.547845200002</v>
      </c>
      <c r="AC80" s="7">
        <v>38586.189126700003</v>
      </c>
      <c r="AD80" s="7">
        <v>38706.763729999999</v>
      </c>
      <c r="AE80" s="7">
        <v>38742.353733999997</v>
      </c>
      <c r="AF80" s="7">
        <v>39604.811989299997</v>
      </c>
      <c r="AG80" s="9">
        <v>12052.364207600003</v>
      </c>
      <c r="AH80" s="13">
        <v>0.43938996324279522</v>
      </c>
      <c r="AI80" s="9">
        <v>6707.9597050000011</v>
      </c>
      <c r="AJ80" s="13">
        <v>0.24455037347407055</v>
      </c>
      <c r="AK80" s="9">
        <v>3399.199626499998</v>
      </c>
      <c r="AL80" s="13">
        <v>9.9573111002990947E-2</v>
      </c>
      <c r="AM80" s="9">
        <v>1945.2048761000042</v>
      </c>
      <c r="AN80" s="13">
        <v>5.1821102011838517E-2</v>
      </c>
      <c r="AO80" s="9">
        <v>5344.4045026000022</v>
      </c>
      <c r="AP80" s="13">
        <v>0.15655420135775158</v>
      </c>
      <c r="AQ80" s="9">
        <v>27429.766758099999</v>
      </c>
      <c r="AR80" s="9">
        <v>28965.289887399998</v>
      </c>
      <c r="AS80" s="9">
        <v>30141.004963899999</v>
      </c>
      <c r="AT80" s="9">
        <v>31230.241254799999</v>
      </c>
      <c r="AU80" s="9">
        <v>31733.319322700001</v>
      </c>
      <c r="AV80" s="9">
        <v>32613.7753438</v>
      </c>
      <c r="AW80" s="9">
        <v>34137.7264631</v>
      </c>
      <c r="AX80" s="9">
        <v>35151.452831100003</v>
      </c>
      <c r="AY80" s="9">
        <v>36518.579377299997</v>
      </c>
      <c r="AZ80" s="9">
        <v>37536.926089599998</v>
      </c>
      <c r="BA80" s="9">
        <v>38293.595481199998</v>
      </c>
      <c r="BB80" s="9">
        <v>37098.528795400001</v>
      </c>
      <c r="BC80" s="9">
        <v>37457.002122799997</v>
      </c>
      <c r="BD80" s="9">
        <v>37305.136324200001</v>
      </c>
      <c r="BE80" s="9">
        <v>38923.097207999999</v>
      </c>
      <c r="BF80" s="9">
        <v>39482.130965700002</v>
      </c>
      <c r="BG80" s="11">
        <v>3207.5</v>
      </c>
      <c r="BH80" s="13">
        <v>2.0613753213367607</v>
      </c>
      <c r="BI80" s="6">
        <v>22</v>
      </c>
      <c r="BJ80" s="13">
        <v>1.4138817480719794E-2</v>
      </c>
      <c r="BK80" s="6">
        <v>40</v>
      </c>
      <c r="BL80" s="13">
        <v>2.5348542458808618E-2</v>
      </c>
      <c r="BM80" s="11">
        <v>3145.5</v>
      </c>
      <c r="BN80" s="13">
        <v>1.9440667490729295</v>
      </c>
      <c r="BO80" s="11">
        <v>3185.5</v>
      </c>
      <c r="BP80" s="13">
        <v>2.0186945500633713</v>
      </c>
      <c r="BQ80" s="6">
        <v>1556</v>
      </c>
      <c r="BR80" s="6">
        <v>1556</v>
      </c>
      <c r="BS80" s="6">
        <v>1585</v>
      </c>
      <c r="BT80" s="6">
        <v>1578</v>
      </c>
      <c r="BU80" s="6">
        <v>1589</v>
      </c>
      <c r="BV80" s="6">
        <v>1619</v>
      </c>
      <c r="BW80" s="6">
        <v>1618</v>
      </c>
      <c r="BX80" s="6">
        <v>1605</v>
      </c>
      <c r="BY80" s="6">
        <v>1659</v>
      </c>
      <c r="BZ80" s="6">
        <v>4570</v>
      </c>
      <c r="CA80" s="6">
        <v>4657</v>
      </c>
      <c r="CB80" s="6">
        <v>4791</v>
      </c>
      <c r="CC80" s="11">
        <v>4763.5</v>
      </c>
      <c r="CD80" s="11">
        <v>-3985.91</v>
      </c>
      <c r="CE80" s="11">
        <v>10773.3</v>
      </c>
      <c r="CF80" s="11">
        <v>3233.84</v>
      </c>
      <c r="CG80" s="11">
        <v>14007</v>
      </c>
      <c r="CH80" s="20">
        <v>1.09887</v>
      </c>
      <c r="CI80" s="20">
        <v>1.0718799999999999</v>
      </c>
      <c r="CJ80" s="20">
        <v>1.0580700000000001</v>
      </c>
      <c r="CK80" s="20">
        <v>1.0790299999999999</v>
      </c>
      <c r="CL80" s="20">
        <v>1.0720700000000001</v>
      </c>
      <c r="CM80" s="20">
        <v>1.06992</v>
      </c>
      <c r="CN80" s="20">
        <v>1.04819</v>
      </c>
      <c r="CO80" s="20">
        <v>1.0288299999999999</v>
      </c>
      <c r="CP80" s="20">
        <v>1.01925</v>
      </c>
      <c r="CQ80" s="20">
        <v>1.02142</v>
      </c>
      <c r="CR80" s="20">
        <v>1.02206</v>
      </c>
      <c r="CS80" s="20">
        <v>1.0459499999999999</v>
      </c>
      <c r="CT80" s="20">
        <v>1.0813999999999999</v>
      </c>
      <c r="CU80" s="20">
        <v>1.07633</v>
      </c>
      <c r="CV80" s="20">
        <v>1.06559</v>
      </c>
      <c r="CW80" s="20">
        <v>1.05698</v>
      </c>
      <c r="CX80" s="20">
        <v>1.0517799999999999</v>
      </c>
      <c r="CY80" s="6"/>
      <c r="CZ80" s="6"/>
      <c r="DA80" s="6"/>
      <c r="DB80" s="6"/>
      <c r="DC80" s="6"/>
      <c r="DD80" s="6"/>
      <c r="DE80" s="6"/>
      <c r="DF80" s="6"/>
      <c r="DG80" s="6"/>
      <c r="DH80" s="6"/>
      <c r="DI80" s="6"/>
      <c r="DJ80" s="6"/>
      <c r="DK80" s="6"/>
      <c r="DL80" s="6"/>
      <c r="DM80" s="6"/>
      <c r="DN80" s="6"/>
      <c r="DO80" s="6"/>
    </row>
    <row r="81" spans="1:119" hidden="1" x14ac:dyDescent="0.2">
      <c r="A81" s="6" t="s">
        <v>322</v>
      </c>
      <c r="B81" s="6" t="s">
        <v>322</v>
      </c>
      <c r="C81" s="6" t="s">
        <v>191</v>
      </c>
      <c r="D81" s="6" t="s">
        <v>336</v>
      </c>
      <c r="E81" s="6" t="s">
        <v>330</v>
      </c>
      <c r="F81" s="11">
        <v>531</v>
      </c>
      <c r="G81" s="13">
        <v>0.11781672953199999</v>
      </c>
      <c r="H81" s="11">
        <v>5.7224194800000987</v>
      </c>
      <c r="I81" s="13">
        <v>1.2697083108239658E-3</v>
      </c>
      <c r="J81" s="11">
        <v>782.90920296999957</v>
      </c>
      <c r="K81" s="13">
        <v>0.1734940528900876</v>
      </c>
      <c r="L81" s="11">
        <v>-257.54565626000021</v>
      </c>
      <c r="M81" s="13">
        <v>-4.8634732418857671E-2</v>
      </c>
      <c r="N81" s="11">
        <v>525.36354670999935</v>
      </c>
      <c r="O81" s="13">
        <v>0.11642148363265738</v>
      </c>
      <c r="P81" s="7">
        <v>4506.8772341000004</v>
      </c>
      <c r="Q81" s="7">
        <v>4248.9791692199997</v>
      </c>
      <c r="R81" s="7">
        <v>4128.7727425900002</v>
      </c>
      <c r="S81" s="7">
        <v>4109.24313299</v>
      </c>
      <c r="T81" s="7">
        <v>4296.3583912100003</v>
      </c>
      <c r="U81" s="7">
        <v>4208.76531798</v>
      </c>
      <c r="V81" s="7">
        <v>4512.5996535800004</v>
      </c>
      <c r="W81" s="7">
        <v>4630.2902529200001</v>
      </c>
      <c r="X81" s="7">
        <v>4225.5781275199997</v>
      </c>
      <c r="Y81" s="7">
        <v>5295.50885655</v>
      </c>
      <c r="Z81" s="7">
        <v>5202.8509499900001</v>
      </c>
      <c r="AA81" s="7">
        <v>5203.8177661999998</v>
      </c>
      <c r="AB81" s="7">
        <v>5125.2550488099996</v>
      </c>
      <c r="AC81" s="7">
        <v>5022.0136907100004</v>
      </c>
      <c r="AD81" s="7">
        <v>4922.4557055400001</v>
      </c>
      <c r="AE81" s="7">
        <v>4985.8116206100003</v>
      </c>
      <c r="AF81" s="7">
        <v>5037.9632002899998</v>
      </c>
      <c r="AG81" s="9">
        <v>3837.0442177999976</v>
      </c>
      <c r="AH81" s="13">
        <v>0.20369442656507153</v>
      </c>
      <c r="AI81" s="9">
        <v>1025.5677371999991</v>
      </c>
      <c r="AJ81" s="13">
        <v>5.4443582162409326E-2</v>
      </c>
      <c r="AK81" s="9">
        <v>1630.920874200001</v>
      </c>
      <c r="AL81" s="13">
        <v>8.2109212252887545E-2</v>
      </c>
      <c r="AM81" s="9">
        <v>1180.5556063999975</v>
      </c>
      <c r="AN81" s="13">
        <v>5.4925541589826161E-2</v>
      </c>
      <c r="AO81" s="9">
        <v>2811.4764805999985</v>
      </c>
      <c r="AP81" s="13">
        <v>0.14154464679521755</v>
      </c>
      <c r="AQ81" s="9">
        <v>18837.256779700001</v>
      </c>
      <c r="AR81" s="9">
        <v>19383.709163299998</v>
      </c>
      <c r="AS81" s="9">
        <v>18689.1237296</v>
      </c>
      <c r="AT81" s="9">
        <v>18704.262560700001</v>
      </c>
      <c r="AU81" s="9">
        <v>18660.9850601</v>
      </c>
      <c r="AV81" s="9">
        <v>19102.081656900002</v>
      </c>
      <c r="AW81" s="9">
        <v>19862.8245169</v>
      </c>
      <c r="AX81" s="9">
        <v>20025.339010700001</v>
      </c>
      <c r="AY81" s="9">
        <v>20242.630713400002</v>
      </c>
      <c r="AZ81" s="9">
        <v>21493.745391100001</v>
      </c>
      <c r="BA81" s="9">
        <v>21269.9245453</v>
      </c>
      <c r="BB81" s="9">
        <v>21042.434298600001</v>
      </c>
      <c r="BC81" s="9">
        <v>21769.091123599999</v>
      </c>
      <c r="BD81" s="9">
        <v>21249.333023300002</v>
      </c>
      <c r="BE81" s="9">
        <v>22323.330059899999</v>
      </c>
      <c r="BF81" s="9">
        <v>22674.300997499999</v>
      </c>
      <c r="BG81" s="11">
        <v>-18.5</v>
      </c>
      <c r="BH81" s="13">
        <v>-6.7028985507246383E-2</v>
      </c>
      <c r="BI81" s="6">
        <v>3</v>
      </c>
      <c r="BJ81" s="13">
        <v>1.0869565217391304E-2</v>
      </c>
      <c r="BK81" s="6">
        <v>-20</v>
      </c>
      <c r="BL81" s="13">
        <v>-7.1684587813620068E-2</v>
      </c>
      <c r="BM81" s="11">
        <v>-1.5</v>
      </c>
      <c r="BN81" s="13">
        <v>-5.7915057915057912E-3</v>
      </c>
      <c r="BO81" s="11">
        <v>-21.5</v>
      </c>
      <c r="BP81" s="13">
        <v>-7.7060931899641583E-2</v>
      </c>
      <c r="BQ81" s="6">
        <v>276</v>
      </c>
      <c r="BR81" s="6">
        <v>283</v>
      </c>
      <c r="BS81" s="6">
        <v>287</v>
      </c>
      <c r="BT81" s="6">
        <v>279</v>
      </c>
      <c r="BU81" s="6">
        <v>276</v>
      </c>
      <c r="BV81" s="6">
        <v>269</v>
      </c>
      <c r="BW81" s="6">
        <v>259</v>
      </c>
      <c r="BX81" s="6">
        <v>251</v>
      </c>
      <c r="BY81" s="6">
        <v>254</v>
      </c>
      <c r="BZ81" s="6">
        <v>258</v>
      </c>
      <c r="CA81" s="6">
        <v>266</v>
      </c>
      <c r="CB81" s="6">
        <v>263</v>
      </c>
      <c r="CC81" s="11">
        <v>257.5</v>
      </c>
      <c r="CD81" s="11">
        <v>-781.44600000000003</v>
      </c>
      <c r="CE81" s="11">
        <v>819.87599999999998</v>
      </c>
      <c r="CF81" s="11">
        <v>492.65600000000001</v>
      </c>
      <c r="CG81" s="11">
        <v>1313</v>
      </c>
      <c r="CH81" s="20">
        <v>1.09293</v>
      </c>
      <c r="CI81" s="20">
        <v>0.99870400000000004</v>
      </c>
      <c r="CJ81" s="20">
        <v>0.94771399999999995</v>
      </c>
      <c r="CK81" s="20">
        <v>0.92132999999999998</v>
      </c>
      <c r="CL81" s="20">
        <v>0.94784800000000002</v>
      </c>
      <c r="CM81" s="20">
        <v>0.910632</v>
      </c>
      <c r="CN81" s="20">
        <v>0.96324600000000005</v>
      </c>
      <c r="CO81" s="20">
        <v>0.98214699999999999</v>
      </c>
      <c r="CP81" s="20">
        <v>0.90370399999999995</v>
      </c>
      <c r="CQ81" s="20">
        <v>1.1329100000000001</v>
      </c>
      <c r="CR81" s="20">
        <v>1.1100000000000001</v>
      </c>
      <c r="CS81" s="20">
        <v>1.0989</v>
      </c>
      <c r="CT81" s="20">
        <v>1.0798399999999999</v>
      </c>
      <c r="CU81" s="20">
        <v>1.0472399999999999</v>
      </c>
      <c r="CV81" s="20">
        <v>1.0047200000000001</v>
      </c>
      <c r="CW81" s="20">
        <v>1.0034400000000001</v>
      </c>
      <c r="CX81" s="20">
        <v>0.99676299999999995</v>
      </c>
      <c r="CY81" s="6"/>
      <c r="CZ81" s="6"/>
      <c r="DA81" s="6"/>
      <c r="DB81" s="6"/>
      <c r="DC81" s="6"/>
      <c r="DD81" s="6"/>
      <c r="DE81" s="6"/>
      <c r="DF81" s="6"/>
      <c r="DG81" s="6"/>
      <c r="DH81" s="6"/>
      <c r="DI81" s="6"/>
      <c r="DJ81" s="6"/>
      <c r="DK81" s="6"/>
      <c r="DL81" s="6"/>
      <c r="DM81" s="6"/>
      <c r="DN81" s="6"/>
      <c r="DO81" s="6"/>
    </row>
    <row r="82" spans="1:119" hidden="1" x14ac:dyDescent="0.2">
      <c r="A82" s="6" t="s">
        <v>323</v>
      </c>
      <c r="B82" s="6" t="s">
        <v>323</v>
      </c>
      <c r="C82" s="6" t="s">
        <v>324</v>
      </c>
      <c r="D82" s="6" t="s">
        <v>336</v>
      </c>
      <c r="E82" s="6" t="s">
        <v>330</v>
      </c>
      <c r="F82" s="11">
        <v>5448</v>
      </c>
      <c r="G82" s="13">
        <v>0.22438220757800001</v>
      </c>
      <c r="H82" s="11">
        <v>3427.8302557999996</v>
      </c>
      <c r="I82" s="13">
        <v>0.14117807843634833</v>
      </c>
      <c r="J82" s="11">
        <v>-391.54621739999857</v>
      </c>
      <c r="K82" s="13">
        <v>-1.4131152101872628E-2</v>
      </c>
      <c r="L82" s="11">
        <v>2411.0897213999997</v>
      </c>
      <c r="M82" s="13">
        <v>8.8265048899343834E-2</v>
      </c>
      <c r="N82" s="11">
        <v>2019.5435040000011</v>
      </c>
      <c r="O82" s="13">
        <v>7.2886609966195351E-2</v>
      </c>
      <c r="P82" s="7">
        <v>24280.1877867</v>
      </c>
      <c r="Q82" s="7">
        <v>24733.7948588</v>
      </c>
      <c r="R82" s="7">
        <v>25823.283489099998</v>
      </c>
      <c r="S82" s="7">
        <v>26371.059750799999</v>
      </c>
      <c r="T82" s="7">
        <v>26723.500657500001</v>
      </c>
      <c r="U82" s="7">
        <v>27194.3115134</v>
      </c>
      <c r="V82" s="7">
        <v>27708.0180425</v>
      </c>
      <c r="W82" s="7">
        <v>28005.880957900001</v>
      </c>
      <c r="X82" s="7">
        <v>27207.4403007</v>
      </c>
      <c r="Y82" s="7">
        <v>27316.471825100001</v>
      </c>
      <c r="Z82" s="7">
        <v>27046.112812300002</v>
      </c>
      <c r="AA82" s="7">
        <v>27115.913910700001</v>
      </c>
      <c r="AB82" s="7">
        <v>27590.4785405</v>
      </c>
      <c r="AC82" s="7">
        <v>28027.277679300001</v>
      </c>
      <c r="AD82" s="7">
        <v>28820.4149579</v>
      </c>
      <c r="AE82" s="7">
        <v>29419.3159247</v>
      </c>
      <c r="AF82" s="7">
        <v>29727.561546500001</v>
      </c>
      <c r="AG82" s="9">
        <v>6287.6493040999994</v>
      </c>
      <c r="AH82" s="13">
        <v>0.50035432706224869</v>
      </c>
      <c r="AI82" s="9">
        <v>3196.4899014000002</v>
      </c>
      <c r="AJ82" s="13">
        <v>0.25436812331968989</v>
      </c>
      <c r="AK82" s="9">
        <v>1457.857123400001</v>
      </c>
      <c r="AL82" s="13">
        <v>9.2486704190915772E-2</v>
      </c>
      <c r="AM82" s="9">
        <v>1633.3022792999982</v>
      </c>
      <c r="AN82" s="13">
        <v>9.4845067096157212E-2</v>
      </c>
      <c r="AO82" s="9">
        <v>3091.1594026999992</v>
      </c>
      <c r="AP82" s="13">
        <v>0.19610367895156283</v>
      </c>
      <c r="AQ82" s="9">
        <v>12566.3933817</v>
      </c>
      <c r="AR82" s="9">
        <v>12847.133891699999</v>
      </c>
      <c r="AS82" s="9">
        <v>13179.8281768</v>
      </c>
      <c r="AT82" s="9">
        <v>14264.205348900001</v>
      </c>
      <c r="AU82" s="9">
        <v>14445.1234236</v>
      </c>
      <c r="AV82" s="9">
        <v>14217.322706999999</v>
      </c>
      <c r="AW82" s="9">
        <v>15762.8832831</v>
      </c>
      <c r="AX82" s="9">
        <v>16146.6047406</v>
      </c>
      <c r="AY82" s="9">
        <v>16438.305112599999</v>
      </c>
      <c r="AZ82" s="9">
        <v>17220.740406500001</v>
      </c>
      <c r="BA82" s="9">
        <v>17272.5567515</v>
      </c>
      <c r="BB82" s="9">
        <v>17689.803953999999</v>
      </c>
      <c r="BC82" s="9">
        <v>17898.113656599999</v>
      </c>
      <c r="BD82" s="9">
        <v>18147.344813</v>
      </c>
      <c r="BE82" s="9">
        <v>18904.975281999999</v>
      </c>
      <c r="BF82" s="9">
        <v>18854.042685799999</v>
      </c>
      <c r="BG82" s="11">
        <v>34.25</v>
      </c>
      <c r="BH82" s="13">
        <v>2.4516821760916248E-2</v>
      </c>
      <c r="BI82" s="6">
        <v>37</v>
      </c>
      <c r="BJ82" s="13">
        <v>2.6485325697924122E-2</v>
      </c>
      <c r="BK82" s="6">
        <v>17</v>
      </c>
      <c r="BL82" s="13">
        <v>1.1854951185495118E-2</v>
      </c>
      <c r="BM82" s="11">
        <v>-19.75</v>
      </c>
      <c r="BN82" s="13">
        <v>-1.3611302549965541E-2</v>
      </c>
      <c r="BO82" s="11">
        <v>-2.75</v>
      </c>
      <c r="BP82" s="13">
        <v>-1.9177126917712692E-3</v>
      </c>
      <c r="BQ82" s="6">
        <v>1397</v>
      </c>
      <c r="BR82" s="6">
        <v>1377</v>
      </c>
      <c r="BS82" s="6">
        <v>1396</v>
      </c>
      <c r="BT82" s="6">
        <v>1434</v>
      </c>
      <c r="BU82" s="6">
        <v>1426</v>
      </c>
      <c r="BV82" s="6">
        <v>1427</v>
      </c>
      <c r="BW82" s="6">
        <v>1451</v>
      </c>
      <c r="BX82" s="6">
        <v>1429</v>
      </c>
      <c r="BY82" s="6">
        <v>1417</v>
      </c>
      <c r="BZ82" s="6">
        <v>1424</v>
      </c>
      <c r="CA82" s="6">
        <v>1420</v>
      </c>
      <c r="CB82" s="6">
        <v>1448</v>
      </c>
      <c r="CC82" s="11">
        <v>1431.25</v>
      </c>
      <c r="CD82" s="11">
        <v>-2728.19</v>
      </c>
      <c r="CE82" s="11">
        <v>5521.45</v>
      </c>
      <c r="CF82" s="11">
        <v>2654.12</v>
      </c>
      <c r="CG82" s="11">
        <v>8175</v>
      </c>
      <c r="CH82" s="20">
        <v>1.2152700000000001</v>
      </c>
      <c r="CI82" s="20">
        <v>1.20842</v>
      </c>
      <c r="CJ82" s="20">
        <v>1.2286999999999999</v>
      </c>
      <c r="CK82" s="20">
        <v>1.2216499999999999</v>
      </c>
      <c r="CL82" s="20">
        <v>1.20827</v>
      </c>
      <c r="CM82" s="20">
        <v>1.1996199999999999</v>
      </c>
      <c r="CN82" s="20">
        <v>1.2095400000000001</v>
      </c>
      <c r="CO82" s="20">
        <v>1.2197899999999999</v>
      </c>
      <c r="CP82" s="20">
        <v>1.20434</v>
      </c>
      <c r="CQ82" s="20">
        <v>1.19651</v>
      </c>
      <c r="CR82" s="20">
        <v>1.16716</v>
      </c>
      <c r="CS82" s="20">
        <v>1.1499900000000001</v>
      </c>
      <c r="CT82" s="20">
        <v>1.15364</v>
      </c>
      <c r="CU82" s="20">
        <v>1.16276</v>
      </c>
      <c r="CV82" s="20">
        <v>1.16873</v>
      </c>
      <c r="CW82" s="20">
        <v>1.1795100000000001</v>
      </c>
      <c r="CX82" s="20">
        <v>1.1726399999999999</v>
      </c>
      <c r="CY82" s="6"/>
      <c r="CZ82" s="6"/>
      <c r="DA82" s="6"/>
      <c r="DB82" s="6"/>
      <c r="DC82" s="6"/>
      <c r="DD82" s="6"/>
      <c r="DE82" s="6"/>
      <c r="DF82" s="6"/>
      <c r="DG82" s="6"/>
      <c r="DH82" s="6"/>
      <c r="DI82" s="6"/>
      <c r="DJ82" s="6"/>
      <c r="DK82" s="6"/>
      <c r="DL82" s="6"/>
      <c r="DM82" s="6"/>
      <c r="DN82" s="6"/>
      <c r="DO82" s="6"/>
    </row>
    <row r="83" spans="1:119" hidden="1" x14ac:dyDescent="0.2">
      <c r="A83" s="6" t="s">
        <v>325</v>
      </c>
      <c r="B83" s="6" t="s">
        <v>325</v>
      </c>
      <c r="C83" s="6" t="s">
        <v>326</v>
      </c>
      <c r="D83" s="6" t="s">
        <v>336</v>
      </c>
      <c r="E83" s="6" t="s">
        <v>330</v>
      </c>
      <c r="F83" s="11">
        <v>-744</v>
      </c>
      <c r="G83" s="13">
        <v>-5.6885082957400003E-2</v>
      </c>
      <c r="H83" s="11">
        <v>1815.9058958999995</v>
      </c>
      <c r="I83" s="13">
        <v>0.13883929323041541</v>
      </c>
      <c r="J83" s="11">
        <v>800.12807990000147</v>
      </c>
      <c r="K83" s="13">
        <v>5.3717541036615454E-2</v>
      </c>
      <c r="L83" s="11">
        <v>-3360.1397434999999</v>
      </c>
      <c r="M83" s="13">
        <v>-0.21408672673093837</v>
      </c>
      <c r="N83" s="11">
        <v>-2560.0116635999984</v>
      </c>
      <c r="O83" s="13">
        <v>-0.17186939822288677</v>
      </c>
      <c r="P83" s="7">
        <v>13079.192883</v>
      </c>
      <c r="Q83" s="7">
        <v>13499.2795458</v>
      </c>
      <c r="R83" s="7">
        <v>14044.983668000001</v>
      </c>
      <c r="S83" s="7">
        <v>14241.1823322</v>
      </c>
      <c r="T83" s="7">
        <v>14519.9086742</v>
      </c>
      <c r="U83" s="7">
        <v>14679.3421022</v>
      </c>
      <c r="V83" s="7">
        <v>14895.098778899999</v>
      </c>
      <c r="W83" s="7">
        <v>14792.8108206</v>
      </c>
      <c r="X83" s="7">
        <v>15463.169880900001</v>
      </c>
      <c r="Y83" s="7">
        <v>15695.226858800001</v>
      </c>
      <c r="Z83" s="7">
        <v>15836.281624499999</v>
      </c>
      <c r="AA83" s="7">
        <v>16010.784890200001</v>
      </c>
      <c r="AB83" s="7">
        <v>12636.9811986</v>
      </c>
      <c r="AC83" s="7">
        <v>12474.8327113</v>
      </c>
      <c r="AD83" s="7">
        <v>12529.1236685</v>
      </c>
      <c r="AE83" s="7">
        <v>12352.356973399999</v>
      </c>
      <c r="AF83" s="7">
        <v>12335.087115300001</v>
      </c>
      <c r="AG83" s="9">
        <v>5829.6340180000007</v>
      </c>
      <c r="AH83" s="13">
        <v>0.34307918423084044</v>
      </c>
      <c r="AI83" s="9">
        <v>1125.140109699998</v>
      </c>
      <c r="AJ83" s="13">
        <v>6.6215503372835161E-2</v>
      </c>
      <c r="AK83" s="9">
        <v>-389.47087219999958</v>
      </c>
      <c r="AL83" s="13">
        <v>-2.1497257965369283E-2</v>
      </c>
      <c r="AM83" s="9">
        <v>5093.9647805000022</v>
      </c>
      <c r="AN83" s="13">
        <v>0.28734389590102133</v>
      </c>
      <c r="AO83" s="9">
        <v>4704.4939083000027</v>
      </c>
      <c r="AP83" s="13">
        <v>0.2596695320806936</v>
      </c>
      <c r="AQ83" s="9">
        <v>16992.0947873</v>
      </c>
      <c r="AR83" s="9">
        <v>17032.3388337</v>
      </c>
      <c r="AS83" s="9">
        <v>17075.773504699999</v>
      </c>
      <c r="AT83" s="9">
        <v>17557.054068400001</v>
      </c>
      <c r="AU83" s="9">
        <v>18002.204973799999</v>
      </c>
      <c r="AV83" s="9">
        <v>17746.550873799999</v>
      </c>
      <c r="AW83" s="9">
        <v>18117.234896999998</v>
      </c>
      <c r="AX83" s="9">
        <v>18513.683736399998</v>
      </c>
      <c r="AY83" s="9">
        <v>18086.287642499999</v>
      </c>
      <c r="AZ83" s="9">
        <v>17727.764024799999</v>
      </c>
      <c r="BA83" s="9">
        <v>18259.710131100001</v>
      </c>
      <c r="BB83" s="9">
        <v>18041.9603231</v>
      </c>
      <c r="BC83" s="9">
        <v>21027.5029369</v>
      </c>
      <c r="BD83" s="9">
        <v>21954.874533300001</v>
      </c>
      <c r="BE83" s="9">
        <v>22642.364317299998</v>
      </c>
      <c r="BF83" s="9">
        <v>22821.728805300001</v>
      </c>
      <c r="BG83" s="11">
        <v>-960.5</v>
      </c>
      <c r="BH83" s="13">
        <v>-0.43898537477148081</v>
      </c>
      <c r="BI83" s="6">
        <v>294</v>
      </c>
      <c r="BJ83" s="13">
        <v>0.1343692870201097</v>
      </c>
      <c r="BK83" s="6">
        <v>854</v>
      </c>
      <c r="BL83" s="13">
        <v>0.34407735697018532</v>
      </c>
      <c r="BM83" s="11">
        <v>-2108.5</v>
      </c>
      <c r="BN83" s="13">
        <v>-0.6320443645083933</v>
      </c>
      <c r="BO83" s="11">
        <v>-1254.5</v>
      </c>
      <c r="BP83" s="13">
        <v>-0.50543916196615635</v>
      </c>
      <c r="BQ83" s="6">
        <v>2188</v>
      </c>
      <c r="BR83" s="6">
        <v>2216</v>
      </c>
      <c r="BS83" s="6">
        <v>2311</v>
      </c>
      <c r="BT83" s="6">
        <v>2482</v>
      </c>
      <c r="BU83" s="6">
        <v>2661</v>
      </c>
      <c r="BV83" s="6">
        <v>2952</v>
      </c>
      <c r="BW83" s="6">
        <v>3336</v>
      </c>
      <c r="BX83" s="6">
        <v>3689</v>
      </c>
      <c r="BY83" s="6">
        <v>3877</v>
      </c>
      <c r="BZ83" s="6">
        <v>1174</v>
      </c>
      <c r="CA83" s="6">
        <v>1210</v>
      </c>
      <c r="CB83" s="6">
        <v>1236</v>
      </c>
      <c r="CC83" s="11">
        <v>1227.5</v>
      </c>
      <c r="CD83" s="11">
        <v>-2053.37</v>
      </c>
      <c r="CE83" s="11">
        <v>-120.447</v>
      </c>
      <c r="CF83" s="11">
        <v>1429.71</v>
      </c>
      <c r="CG83" s="11">
        <v>1310</v>
      </c>
      <c r="CH83" s="20">
        <v>0.96376200000000001</v>
      </c>
      <c r="CI83" s="20">
        <v>0.96694500000000005</v>
      </c>
      <c r="CJ83" s="20">
        <v>0.98538099999999995</v>
      </c>
      <c r="CK83" s="20">
        <v>0.99038800000000005</v>
      </c>
      <c r="CL83" s="20">
        <v>1.0018899999999999</v>
      </c>
      <c r="CM83" s="20">
        <v>0.99746699999999999</v>
      </c>
      <c r="CN83" s="20">
        <v>1.00654</v>
      </c>
      <c r="CO83" s="20">
        <v>0.996417</v>
      </c>
      <c r="CP83" s="20">
        <v>1.03698</v>
      </c>
      <c r="CQ83" s="20">
        <v>1.04925</v>
      </c>
      <c r="CR83" s="20">
        <v>1.0582499999999999</v>
      </c>
      <c r="CS83" s="20">
        <v>1.05959</v>
      </c>
      <c r="CT83" s="20">
        <v>0.89944000000000002</v>
      </c>
      <c r="CU83" s="20">
        <v>0.890347</v>
      </c>
      <c r="CV83" s="20">
        <v>0.89138099999999998</v>
      </c>
      <c r="CW83" s="20">
        <v>0.87808600000000003</v>
      </c>
      <c r="CX83" s="20">
        <v>0.87040799999999996</v>
      </c>
      <c r="CY83" s="6"/>
      <c r="CZ83" s="6"/>
      <c r="DA83" s="6"/>
      <c r="DB83" s="6"/>
      <c r="DC83" s="6"/>
      <c r="DD83" s="6"/>
      <c r="DE83" s="6"/>
      <c r="DF83" s="6"/>
      <c r="DG83" s="6"/>
      <c r="DH83" s="6"/>
      <c r="DI83" s="6"/>
      <c r="DJ83" s="6"/>
      <c r="DK83" s="6"/>
      <c r="DL83" s="6"/>
      <c r="DM83" s="6"/>
      <c r="DN83" s="6"/>
      <c r="DO83" s="6"/>
    </row>
    <row r="84" spans="1:119" hidden="1" x14ac:dyDescent="0.2">
      <c r="A84" s="6" t="s">
        <v>327</v>
      </c>
      <c r="B84" s="6" t="s">
        <v>327</v>
      </c>
      <c r="C84" s="6" t="s">
        <v>194</v>
      </c>
      <c r="D84" s="6" t="s">
        <v>336</v>
      </c>
      <c r="E84" s="6" t="s">
        <v>330</v>
      </c>
      <c r="F84" s="11">
        <v>2846</v>
      </c>
      <c r="G84" s="13">
        <v>4.2249339390200001E-2</v>
      </c>
      <c r="H84" s="11">
        <v>4938.2017250000063</v>
      </c>
      <c r="I84" s="13">
        <v>7.330891438960449E-2</v>
      </c>
      <c r="J84" s="11">
        <v>2466.4529460000049</v>
      </c>
      <c r="K84" s="13">
        <v>3.4114268204754342E-2</v>
      </c>
      <c r="L84" s="11">
        <v>-4557.8721462000103</v>
      </c>
      <c r="M84" s="13">
        <v>-6.0961666836550195E-2</v>
      </c>
      <c r="N84" s="11">
        <v>-2091.4192002000054</v>
      </c>
      <c r="O84" s="13">
        <v>-2.8927061284466791E-2</v>
      </c>
      <c r="P84" s="7">
        <v>67361.544855999993</v>
      </c>
      <c r="Q84" s="7">
        <v>68297.643861000004</v>
      </c>
      <c r="R84" s="7">
        <v>69069.357139</v>
      </c>
      <c r="S84" s="7">
        <v>69524.126004000005</v>
      </c>
      <c r="T84" s="7">
        <v>69496.395491000003</v>
      </c>
      <c r="U84" s="7">
        <v>71425.612720000005</v>
      </c>
      <c r="V84" s="7">
        <v>72299.746580999999</v>
      </c>
      <c r="W84" s="7">
        <v>74817.806318000003</v>
      </c>
      <c r="X84" s="7">
        <v>75677.312632999994</v>
      </c>
      <c r="Y84" s="7">
        <v>74766.199527000004</v>
      </c>
      <c r="Z84" s="7">
        <v>74329.873747999998</v>
      </c>
      <c r="AA84" s="7">
        <v>72772.109267000007</v>
      </c>
      <c r="AB84" s="7">
        <v>73322.118929999997</v>
      </c>
      <c r="AC84" s="7">
        <v>71091.317523999998</v>
      </c>
      <c r="AD84" s="7">
        <v>70976.742442999996</v>
      </c>
      <c r="AE84" s="7">
        <v>70417.905257299994</v>
      </c>
      <c r="AF84" s="7">
        <v>70208.327380799994</v>
      </c>
      <c r="AG84" s="9">
        <v>19527.959633899998</v>
      </c>
      <c r="AH84" s="13">
        <v>0.5623336846668322</v>
      </c>
      <c r="AI84" s="9">
        <v>10939.4060187</v>
      </c>
      <c r="AJ84" s="13">
        <v>0.31501481004103932</v>
      </c>
      <c r="AK84" s="9">
        <v>4409.0353816999996</v>
      </c>
      <c r="AL84" s="13">
        <v>9.6549531448863024E-2</v>
      </c>
      <c r="AM84" s="9">
        <v>4179.518233499999</v>
      </c>
      <c r="AN84" s="13">
        <v>8.346503062901782E-2</v>
      </c>
      <c r="AO84" s="9">
        <v>8588.5536151999986</v>
      </c>
      <c r="AP84" s="13">
        <v>0.1880730716774775</v>
      </c>
      <c r="AQ84" s="9">
        <v>34726.640367400003</v>
      </c>
      <c r="AR84" s="9">
        <v>36205.854153699998</v>
      </c>
      <c r="AS84" s="9">
        <v>37775.7477296</v>
      </c>
      <c r="AT84" s="9">
        <v>39899.219727600001</v>
      </c>
      <c r="AU84" s="9">
        <v>42098.476373199999</v>
      </c>
      <c r="AV84" s="9">
        <v>43900.508403300002</v>
      </c>
      <c r="AW84" s="9">
        <v>45666.046386100003</v>
      </c>
      <c r="AX84" s="9">
        <v>46852.268137699997</v>
      </c>
      <c r="AY84" s="9">
        <v>48504.4573561</v>
      </c>
      <c r="AZ84" s="9">
        <v>50075.081767800002</v>
      </c>
      <c r="BA84" s="9">
        <v>50619.976896599997</v>
      </c>
      <c r="BB84" s="9">
        <v>50985.550332699997</v>
      </c>
      <c r="BC84" s="9">
        <v>51289.266093300001</v>
      </c>
      <c r="BD84" s="9">
        <v>51877.517319999999</v>
      </c>
      <c r="BE84" s="9">
        <v>52940.740500100001</v>
      </c>
      <c r="BF84" s="9">
        <v>54254.600001300001</v>
      </c>
      <c r="BG84" s="11">
        <v>17.25</v>
      </c>
      <c r="BH84" s="13">
        <v>1.1538461538461539E-2</v>
      </c>
      <c r="BI84" s="6">
        <v>54</v>
      </c>
      <c r="BJ84" s="13">
        <v>3.6120401337792644E-2</v>
      </c>
      <c r="BK84" s="6">
        <v>41</v>
      </c>
      <c r="BL84" s="13">
        <v>2.6468689477081989E-2</v>
      </c>
      <c r="BM84" s="11">
        <v>-77.75</v>
      </c>
      <c r="BN84" s="13">
        <v>-4.8899371069182393E-2</v>
      </c>
      <c r="BO84" s="11">
        <v>-36.75</v>
      </c>
      <c r="BP84" s="13">
        <v>-2.3724983860555198E-2</v>
      </c>
      <c r="BQ84" s="6">
        <v>1495</v>
      </c>
      <c r="BR84" s="6">
        <v>1485</v>
      </c>
      <c r="BS84" s="6">
        <v>1498</v>
      </c>
      <c r="BT84" s="6">
        <v>1549</v>
      </c>
      <c r="BU84" s="6">
        <v>1532</v>
      </c>
      <c r="BV84" s="6">
        <v>1561</v>
      </c>
      <c r="BW84" s="6">
        <v>1590</v>
      </c>
      <c r="BX84" s="6">
        <v>1578</v>
      </c>
      <c r="BY84" s="6">
        <v>1542</v>
      </c>
      <c r="BZ84" s="6">
        <v>1532</v>
      </c>
      <c r="CA84" s="6">
        <v>1515</v>
      </c>
      <c r="CB84" s="6">
        <v>1522</v>
      </c>
      <c r="CC84" s="11">
        <v>1512.25</v>
      </c>
      <c r="CD84" s="11">
        <v>-567.59900000000005</v>
      </c>
      <c r="CE84" s="11">
        <v>-3949.05</v>
      </c>
      <c r="CF84" s="11">
        <v>7363.43</v>
      </c>
      <c r="CG84" s="11">
        <v>3414</v>
      </c>
      <c r="CH84" s="20">
        <v>1.49427</v>
      </c>
      <c r="CI84" s="20">
        <v>1.46983</v>
      </c>
      <c r="CJ84" s="20">
        <v>1.4666600000000001</v>
      </c>
      <c r="CK84" s="20">
        <v>1.4739800000000001</v>
      </c>
      <c r="CL84" s="20">
        <v>1.46526</v>
      </c>
      <c r="CM84" s="20">
        <v>1.4927900000000001</v>
      </c>
      <c r="CN84" s="20">
        <v>1.51349</v>
      </c>
      <c r="CO84" s="20">
        <v>1.54556</v>
      </c>
      <c r="CP84" s="20">
        <v>1.5390200000000001</v>
      </c>
      <c r="CQ84" s="20">
        <v>1.50705</v>
      </c>
      <c r="CR84" s="20">
        <v>1.53281</v>
      </c>
      <c r="CS84" s="20">
        <v>1.5366200000000001</v>
      </c>
      <c r="CT84" s="20">
        <v>1.5815600000000001</v>
      </c>
      <c r="CU84" s="20">
        <v>1.5667500000000001</v>
      </c>
      <c r="CV84" s="20">
        <v>1.5726500000000001</v>
      </c>
      <c r="CW84" s="20">
        <v>1.56687</v>
      </c>
      <c r="CX84" s="20">
        <v>1.56155</v>
      </c>
      <c r="CY84" s="6"/>
      <c r="CZ84" s="6"/>
      <c r="DA84" s="6"/>
      <c r="DB84" s="6"/>
      <c r="DC84" s="6"/>
      <c r="DD84" s="6"/>
      <c r="DE84" s="6"/>
      <c r="DF84" s="6"/>
      <c r="DG84" s="6"/>
      <c r="DH84" s="6"/>
      <c r="DI84" s="6"/>
      <c r="DJ84" s="6"/>
      <c r="DK84" s="6"/>
      <c r="DL84" s="6"/>
      <c r="DM84" s="6"/>
      <c r="DN84" s="6"/>
      <c r="DO84" s="6"/>
    </row>
    <row r="85" spans="1:119" hidden="1" x14ac:dyDescent="0.2">
      <c r="A85" s="6" t="s">
        <v>785</v>
      </c>
      <c r="B85" s="6" t="s">
        <v>785</v>
      </c>
      <c r="C85" s="6" t="s">
        <v>329</v>
      </c>
      <c r="D85" s="6" t="s">
        <v>338</v>
      </c>
      <c r="E85" s="6" t="s">
        <v>332</v>
      </c>
      <c r="F85" s="11">
        <v>-449</v>
      </c>
      <c r="G85" s="13">
        <v>-2.4937517356299999E-2</v>
      </c>
      <c r="H85" s="11">
        <v>1061</v>
      </c>
      <c r="I85" s="13">
        <v>5.8928075534573729E-2</v>
      </c>
      <c r="J85" s="11">
        <v>-3112</v>
      </c>
      <c r="K85" s="13">
        <v>-0.16322249029686353</v>
      </c>
      <c r="L85" s="11">
        <v>1602</v>
      </c>
      <c r="M85" s="13">
        <v>0.10041368935690108</v>
      </c>
      <c r="N85" s="11">
        <v>-1510</v>
      </c>
      <c r="O85" s="13">
        <v>-7.9198573376691492E-2</v>
      </c>
      <c r="P85" s="7">
        <v>18005</v>
      </c>
      <c r="Q85" s="7">
        <v>17940</v>
      </c>
      <c r="R85" s="7">
        <v>18150</v>
      </c>
      <c r="S85" s="7">
        <v>18537</v>
      </c>
      <c r="T85" s="7">
        <v>18192</v>
      </c>
      <c r="U85" s="7">
        <v>18338</v>
      </c>
      <c r="V85" s="7">
        <v>19066</v>
      </c>
      <c r="W85" s="7">
        <v>19261</v>
      </c>
      <c r="X85" s="7">
        <v>18293</v>
      </c>
      <c r="Y85" s="7">
        <v>15954</v>
      </c>
      <c r="Z85" s="7">
        <v>15757</v>
      </c>
      <c r="AA85" s="7">
        <v>15767</v>
      </c>
      <c r="AB85" s="7">
        <v>16607</v>
      </c>
      <c r="AC85" s="7">
        <v>16558</v>
      </c>
      <c r="AD85" s="7">
        <v>16967</v>
      </c>
      <c r="AE85" s="7">
        <v>17148</v>
      </c>
      <c r="AF85" s="7">
        <v>17556</v>
      </c>
      <c r="AG85" s="9">
        <v>12927.035335199998</v>
      </c>
      <c r="AH85" s="13">
        <v>0.52115659535409897</v>
      </c>
      <c r="AI85" s="9">
        <v>5964.734386600001</v>
      </c>
      <c r="AJ85" s="13">
        <v>0.24046972755210488</v>
      </c>
      <c r="AK85" s="9">
        <v>277.46140389999709</v>
      </c>
      <c r="AL85" s="13">
        <v>9.0174908744194964E-3</v>
      </c>
      <c r="AM85" s="9">
        <v>6684.8395447000003</v>
      </c>
      <c r="AN85" s="13">
        <v>0.21531556456690279</v>
      </c>
      <c r="AO85" s="9">
        <v>6962.3009485999974</v>
      </c>
      <c r="AP85" s="13">
        <v>0.22627466157992479</v>
      </c>
      <c r="AQ85" s="9">
        <v>24804.512598400001</v>
      </c>
      <c r="AR85" s="9">
        <v>25729.837093999999</v>
      </c>
      <c r="AS85" s="9">
        <v>26319.716277700001</v>
      </c>
      <c r="AT85" s="9">
        <v>26926.717142900001</v>
      </c>
      <c r="AU85" s="9">
        <v>28176.4151628</v>
      </c>
      <c r="AV85" s="9">
        <v>29108.574999699998</v>
      </c>
      <c r="AW85" s="9">
        <v>30769.246985000002</v>
      </c>
      <c r="AX85" s="9">
        <v>31175.058519099999</v>
      </c>
      <c r="AY85" s="9">
        <v>31311.951596399998</v>
      </c>
      <c r="AZ85" s="9">
        <v>31046.708388899999</v>
      </c>
      <c r="BA85" s="9">
        <v>31849.2397752</v>
      </c>
      <c r="BB85" s="9">
        <v>32478.6348521</v>
      </c>
      <c r="BC85" s="9">
        <v>34914.813980699997</v>
      </c>
      <c r="BD85" s="9">
        <v>35967.869261500004</v>
      </c>
      <c r="BE85" s="9">
        <v>36703.665009299999</v>
      </c>
      <c r="BF85" s="9">
        <v>37731.547933599999</v>
      </c>
      <c r="BG85" s="11">
        <v>-85</v>
      </c>
      <c r="BH85" s="13">
        <v>-5.4980595084087966E-2</v>
      </c>
      <c r="BI85" s="6">
        <v>40</v>
      </c>
      <c r="BJ85" s="13">
        <v>2.5873221216041398E-2</v>
      </c>
      <c r="BK85" s="6">
        <v>-97</v>
      </c>
      <c r="BL85" s="13">
        <v>-6.1160151324085747E-2</v>
      </c>
      <c r="BM85" s="11">
        <v>-28</v>
      </c>
      <c r="BN85" s="13">
        <v>-1.880456682337139E-2</v>
      </c>
      <c r="BO85" s="11">
        <v>-125</v>
      </c>
      <c r="BP85" s="13">
        <v>-7.8814627994955866E-2</v>
      </c>
      <c r="BQ85" s="6">
        <v>1546</v>
      </c>
      <c r="BR85" s="6">
        <v>1566</v>
      </c>
      <c r="BS85" s="6">
        <v>1575</v>
      </c>
      <c r="BT85" s="6">
        <v>1586</v>
      </c>
      <c r="BU85" s="6">
        <v>1567</v>
      </c>
      <c r="BV85" s="6">
        <v>1506</v>
      </c>
      <c r="BW85" s="6">
        <v>1489</v>
      </c>
      <c r="BX85" s="6">
        <v>1456</v>
      </c>
      <c r="BY85" s="6">
        <v>1463</v>
      </c>
      <c r="BZ85" s="6">
        <v>1486</v>
      </c>
      <c r="CA85" s="6">
        <v>1454</v>
      </c>
      <c r="CB85" s="6">
        <v>1480</v>
      </c>
      <c r="CC85" s="11">
        <v>1461</v>
      </c>
      <c r="CD85" s="11">
        <v>-2241</v>
      </c>
      <c r="CE85" s="11">
        <v>-176</v>
      </c>
      <c r="CF85" s="11">
        <v>1968</v>
      </c>
      <c r="CG85" s="11">
        <v>1792</v>
      </c>
      <c r="CH85" s="20"/>
      <c r="CI85" s="20"/>
      <c r="CJ85" s="20"/>
      <c r="CK85" s="20"/>
      <c r="CL85" s="20"/>
      <c r="CM85" s="20"/>
      <c r="CN85" s="20"/>
      <c r="CO85" s="20"/>
      <c r="CP85" s="20"/>
      <c r="CQ85" s="20"/>
      <c r="CR85" s="20"/>
      <c r="CS85" s="20"/>
      <c r="CT85" s="20"/>
      <c r="CU85" s="20"/>
      <c r="CV85" s="20"/>
      <c r="CW85" s="20"/>
      <c r="CX85" s="20"/>
      <c r="CY85" s="6"/>
      <c r="CZ85" s="6"/>
      <c r="DA85" s="6"/>
      <c r="DB85" s="6"/>
      <c r="DC85" s="6"/>
      <c r="DD85" s="6"/>
      <c r="DE85" s="6"/>
      <c r="DF85" s="6"/>
      <c r="DG85" s="6"/>
      <c r="DH85" s="6"/>
      <c r="DI85" s="6"/>
      <c r="DJ85" s="6"/>
      <c r="DK85" s="6"/>
      <c r="DL85" s="6"/>
      <c r="DM85" s="6"/>
      <c r="DN85" s="6"/>
      <c r="DO85" s="6"/>
    </row>
    <row r="86" spans="1:119" hidden="1" x14ac:dyDescent="0.2">
      <c r="A86" s="6" t="s">
        <v>1</v>
      </c>
      <c r="B86" s="6" t="s">
        <v>1</v>
      </c>
      <c r="C86" s="6" t="s">
        <v>2</v>
      </c>
      <c r="D86" s="6" t="s">
        <v>338</v>
      </c>
      <c r="E86" s="6" t="s">
        <v>332</v>
      </c>
      <c r="F86" s="11">
        <v>-164</v>
      </c>
      <c r="G86" s="13">
        <v>-0.154716981132</v>
      </c>
      <c r="H86" s="11">
        <v>-318.69919478200006</v>
      </c>
      <c r="I86" s="13">
        <v>-0.30063732487413491</v>
      </c>
      <c r="J86" s="11">
        <v>156.44824430400001</v>
      </c>
      <c r="K86" s="13">
        <v>0.21102318593838215</v>
      </c>
      <c r="L86" s="11">
        <v>-1.6990922140000748</v>
      </c>
      <c r="M86" s="13">
        <v>-1.892448080519402E-3</v>
      </c>
      <c r="N86" s="11">
        <v>154.74915208999994</v>
      </c>
      <c r="O86" s="13">
        <v>0.20873138743468855</v>
      </c>
      <c r="P86" s="7">
        <v>1060.0786010700001</v>
      </c>
      <c r="Q86" s="7">
        <v>973.90434994600002</v>
      </c>
      <c r="R86" s="7">
        <v>1014.86172046</v>
      </c>
      <c r="S86" s="7">
        <v>1074.78671143</v>
      </c>
      <c r="T86" s="7">
        <v>705.32737059900001</v>
      </c>
      <c r="U86" s="7">
        <v>683.85311835599998</v>
      </c>
      <c r="V86" s="7">
        <v>741.37940628800004</v>
      </c>
      <c r="W86" s="7">
        <v>713.22760467099999</v>
      </c>
      <c r="X86" s="7">
        <v>853.787978673</v>
      </c>
      <c r="Y86" s="7">
        <v>897.82765059200005</v>
      </c>
      <c r="Z86" s="7">
        <v>874.772205934</v>
      </c>
      <c r="AA86" s="7">
        <v>851.26055147700004</v>
      </c>
      <c r="AB86" s="7">
        <v>825.84251891600002</v>
      </c>
      <c r="AC86" s="7">
        <v>847.96941825900001</v>
      </c>
      <c r="AD86" s="7">
        <v>888.47310515000004</v>
      </c>
      <c r="AE86" s="7">
        <v>890.59945321199996</v>
      </c>
      <c r="AF86" s="7">
        <v>896.12855837799998</v>
      </c>
      <c r="AG86" s="9">
        <v>7295.2730295000001</v>
      </c>
      <c r="AH86" s="13">
        <v>0.37678485002546758</v>
      </c>
      <c r="AI86" s="9">
        <v>2138.0166434000021</v>
      </c>
      <c r="AJ86" s="13">
        <v>0.1104238699604414</v>
      </c>
      <c r="AK86" s="9">
        <v>2044.0014353000006</v>
      </c>
      <c r="AL86" s="13">
        <v>9.5070174135567787E-2</v>
      </c>
      <c r="AM86" s="9">
        <v>3113.2549507999975</v>
      </c>
      <c r="AN86" s="13">
        <v>0.13223177567353536</v>
      </c>
      <c r="AO86" s="9">
        <v>5157.2563860999981</v>
      </c>
      <c r="AP86" s="13">
        <v>0.23987324774864149</v>
      </c>
      <c r="AQ86" s="9">
        <v>19361.906480599999</v>
      </c>
      <c r="AR86" s="9">
        <v>19619.1760067</v>
      </c>
      <c r="AS86" s="9">
        <v>18946.138142200001</v>
      </c>
      <c r="AT86" s="9">
        <v>19558.6788074</v>
      </c>
      <c r="AU86" s="9">
        <v>19227.997873299999</v>
      </c>
      <c r="AV86" s="9">
        <v>20614.841908499999</v>
      </c>
      <c r="AW86" s="9">
        <v>21499.923124000001</v>
      </c>
      <c r="AX86" s="9">
        <v>21498.066676099999</v>
      </c>
      <c r="AY86" s="9">
        <v>22413.928139399999</v>
      </c>
      <c r="AZ86" s="9">
        <v>23543.924559300001</v>
      </c>
      <c r="BA86" s="9">
        <v>26958.426272799999</v>
      </c>
      <c r="BB86" s="9">
        <v>25516.691483300001</v>
      </c>
      <c r="BC86" s="9">
        <v>26188.448334699999</v>
      </c>
      <c r="BD86" s="9">
        <v>24990.5585097</v>
      </c>
      <c r="BE86" s="9">
        <v>26387.7022158</v>
      </c>
      <c r="BF86" s="9">
        <v>26657.179510099999</v>
      </c>
      <c r="BG86" s="11">
        <v>5.25</v>
      </c>
      <c r="BH86" s="13">
        <v>0.29166666666666669</v>
      </c>
      <c r="BI86" s="6">
        <v>0</v>
      </c>
      <c r="BJ86" s="13">
        <v>0</v>
      </c>
      <c r="BK86" s="6">
        <v>-3</v>
      </c>
      <c r="BL86" s="13">
        <v>-0.16666666666666666</v>
      </c>
      <c r="BM86" s="11">
        <v>8.25</v>
      </c>
      <c r="BN86" s="13">
        <v>0.55000000000000004</v>
      </c>
      <c r="BO86" s="11">
        <v>5.25</v>
      </c>
      <c r="BP86" s="13">
        <v>0.29166666666666669</v>
      </c>
      <c r="BQ86" s="6">
        <v>18</v>
      </c>
      <c r="BR86" s="6">
        <v>20</v>
      </c>
      <c r="BS86" s="6">
        <v>19</v>
      </c>
      <c r="BT86" s="6">
        <v>18</v>
      </c>
      <c r="BU86" s="6">
        <v>20</v>
      </c>
      <c r="BV86" s="6">
        <v>17</v>
      </c>
      <c r="BW86" s="6">
        <v>15</v>
      </c>
      <c r="BX86" s="6">
        <v>15</v>
      </c>
      <c r="BY86" s="6">
        <v>18</v>
      </c>
      <c r="BZ86" s="6">
        <v>20</v>
      </c>
      <c r="CA86" s="6">
        <v>20</v>
      </c>
      <c r="CB86" s="6">
        <v>23</v>
      </c>
      <c r="CC86" s="11">
        <v>23.25</v>
      </c>
      <c r="CD86" s="11">
        <v>-183.178</v>
      </c>
      <c r="CE86" s="11">
        <v>-96.651300000000006</v>
      </c>
      <c r="CF86" s="11">
        <v>115.879</v>
      </c>
      <c r="CG86" s="11">
        <v>19</v>
      </c>
      <c r="CH86" s="20">
        <v>4.41744</v>
      </c>
      <c r="CI86" s="20">
        <v>4.0909899999999997</v>
      </c>
      <c r="CJ86" s="20">
        <v>4.1956600000000002</v>
      </c>
      <c r="CK86" s="20">
        <v>4.3821099999999999</v>
      </c>
      <c r="CL86" s="20">
        <v>2.96231</v>
      </c>
      <c r="CM86" s="20">
        <v>2.9047399999999999</v>
      </c>
      <c r="CN86" s="20">
        <v>3.0829800000000001</v>
      </c>
      <c r="CO86" s="20">
        <v>3.00109</v>
      </c>
      <c r="CP86" s="20">
        <v>3.6623700000000001</v>
      </c>
      <c r="CQ86" s="20">
        <v>4.40611</v>
      </c>
      <c r="CR86" s="20">
        <v>4.3638300000000001</v>
      </c>
      <c r="CS86" s="20">
        <v>4.2659799999999999</v>
      </c>
      <c r="CT86" s="20">
        <v>3.9336600000000002</v>
      </c>
      <c r="CU86" s="20">
        <v>4.0697900000000002</v>
      </c>
      <c r="CV86" s="20">
        <v>4.1903499999999996</v>
      </c>
      <c r="CW86" s="20">
        <v>4.2065799999999998</v>
      </c>
      <c r="CX86" s="20">
        <v>4.1726799999999997</v>
      </c>
      <c r="CY86" s="6"/>
      <c r="CZ86" s="6"/>
      <c r="DA86" s="6"/>
      <c r="DB86" s="6"/>
      <c r="DC86" s="6"/>
      <c r="DD86" s="6"/>
      <c r="DE86" s="6"/>
      <c r="DF86" s="6"/>
      <c r="DG86" s="6"/>
      <c r="DH86" s="6"/>
      <c r="DI86" s="6"/>
      <c r="DJ86" s="6"/>
      <c r="DK86" s="6"/>
      <c r="DL86" s="6"/>
      <c r="DM86" s="6"/>
      <c r="DN86" s="6"/>
      <c r="DO86" s="6"/>
    </row>
    <row r="87" spans="1:119" hidden="1" x14ac:dyDescent="0.2">
      <c r="A87" s="6" t="s">
        <v>310</v>
      </c>
      <c r="B87" s="6" t="s">
        <v>310</v>
      </c>
      <c r="C87" s="6" t="s">
        <v>173</v>
      </c>
      <c r="D87" s="6" t="s">
        <v>338</v>
      </c>
      <c r="E87" s="6" t="s">
        <v>332</v>
      </c>
      <c r="F87" s="11">
        <v>-95</v>
      </c>
      <c r="G87" s="13">
        <v>-0.85585585585599999</v>
      </c>
      <c r="H87" s="11">
        <v>-53.076998118399992</v>
      </c>
      <c r="I87" s="13">
        <v>-0.47762947076435458</v>
      </c>
      <c r="J87" s="11">
        <v>10.345687118400001</v>
      </c>
      <c r="K87" s="13">
        <v>0.17822369206282962</v>
      </c>
      <c r="L87" s="11">
        <v>-52.579442189100007</v>
      </c>
      <c r="M87" s="13">
        <v>-0.76876626821791061</v>
      </c>
      <c r="N87" s="11">
        <v>-42.233755070699999</v>
      </c>
      <c r="O87" s="13">
        <v>-0.72755493881024047</v>
      </c>
      <c r="P87" s="7">
        <v>111.12588599999999</v>
      </c>
      <c r="Q87" s="7">
        <v>114.58736026</v>
      </c>
      <c r="R87" s="7">
        <v>105.178299665</v>
      </c>
      <c r="S87" s="7">
        <v>93.224704540399998</v>
      </c>
      <c r="T87" s="7">
        <v>104.947552487</v>
      </c>
      <c r="U87" s="7">
        <v>109.16488185</v>
      </c>
      <c r="V87" s="7">
        <v>58.048887881600002</v>
      </c>
      <c r="W87" s="7">
        <v>52.656466826399999</v>
      </c>
      <c r="X87" s="7">
        <v>31.912430000000001</v>
      </c>
      <c r="Y87" s="7">
        <v>68.394575000000003</v>
      </c>
      <c r="Z87" s="7">
        <v>59.866622999999997</v>
      </c>
      <c r="AA87" s="7">
        <v>46.974764999999998</v>
      </c>
      <c r="AB87" s="7">
        <v>37.145539999999997</v>
      </c>
      <c r="AC87" s="7">
        <v>15.031141675700001</v>
      </c>
      <c r="AD87" s="7">
        <v>14.638173</v>
      </c>
      <c r="AE87" s="7">
        <v>17.376522999999999</v>
      </c>
      <c r="AF87" s="7">
        <v>15.8151328109</v>
      </c>
      <c r="AG87" s="9">
        <v>7765.1513188000026</v>
      </c>
      <c r="AH87" s="13">
        <v>0.22122956854199519</v>
      </c>
      <c r="AI87" s="9">
        <v>11877.230890400002</v>
      </c>
      <c r="AJ87" s="13">
        <v>0.33838293131458369</v>
      </c>
      <c r="AK87" s="9">
        <v>-6547.6487581999972</v>
      </c>
      <c r="AL87" s="13">
        <v>-0.13937928550830769</v>
      </c>
      <c r="AM87" s="9">
        <v>2435.5691865999979</v>
      </c>
      <c r="AN87" s="13">
        <v>6.024229878784193E-2</v>
      </c>
      <c r="AO87" s="9">
        <v>-4112.0795715999993</v>
      </c>
      <c r="AP87" s="13">
        <v>-8.753351528289316E-2</v>
      </c>
      <c r="AQ87" s="9">
        <v>35099.970451399997</v>
      </c>
      <c r="AR87" s="9">
        <v>29993.906121700002</v>
      </c>
      <c r="AS87" s="9">
        <v>39453.551457100002</v>
      </c>
      <c r="AT87" s="9">
        <v>43762.279074700004</v>
      </c>
      <c r="AU87" s="9">
        <v>41701.408356699998</v>
      </c>
      <c r="AV87" s="9">
        <v>39105.182816799999</v>
      </c>
      <c r="AW87" s="9">
        <v>46977.201341799999</v>
      </c>
      <c r="AX87" s="9">
        <v>51512.548893599997</v>
      </c>
      <c r="AY87" s="9">
        <v>58225.762514900001</v>
      </c>
      <c r="AZ87" s="9">
        <v>40429.552583600002</v>
      </c>
      <c r="BA87" s="9">
        <v>42363.614547600002</v>
      </c>
      <c r="BB87" s="9">
        <v>34336.058886799998</v>
      </c>
      <c r="BC87" s="9">
        <v>42843.265853899997</v>
      </c>
      <c r="BD87" s="9">
        <v>40765.3618346</v>
      </c>
      <c r="BE87" s="9">
        <v>46975.347318799999</v>
      </c>
      <c r="BF87" s="9">
        <v>42865.121770199999</v>
      </c>
      <c r="BG87" s="11">
        <v>4.25</v>
      </c>
      <c r="BH87" s="13">
        <v>2.125</v>
      </c>
      <c r="BI87" s="6">
        <v>2</v>
      </c>
      <c r="BJ87" s="13">
        <v>1</v>
      </c>
      <c r="BK87" s="6">
        <v>0</v>
      </c>
      <c r="BL87" s="13">
        <v>0</v>
      </c>
      <c r="BM87" s="11">
        <v>2.25</v>
      </c>
      <c r="BN87" s="13">
        <v>0.5625</v>
      </c>
      <c r="BO87" s="11">
        <v>2.25</v>
      </c>
      <c r="BP87" s="13">
        <v>0.5625</v>
      </c>
      <c r="BQ87" s="6">
        <v>2</v>
      </c>
      <c r="BR87" s="6">
        <v>2</v>
      </c>
      <c r="BS87" s="6">
        <v>4</v>
      </c>
      <c r="BT87" s="6">
        <v>4</v>
      </c>
      <c r="BU87" s="6">
        <v>4</v>
      </c>
      <c r="BV87" s="6">
        <v>4</v>
      </c>
      <c r="BW87" s="6">
        <v>4</v>
      </c>
      <c r="BX87" s="6">
        <v>5</v>
      </c>
      <c r="BY87" s="6">
        <v>5</v>
      </c>
      <c r="BZ87" s="6">
        <v>4</v>
      </c>
      <c r="CA87" s="6">
        <v>5</v>
      </c>
      <c r="CB87" s="6">
        <v>5</v>
      </c>
      <c r="CC87" s="11">
        <v>6.25</v>
      </c>
      <c r="CD87" s="11">
        <v>-118.98699999999999</v>
      </c>
      <c r="CE87" s="11">
        <v>11.5291</v>
      </c>
      <c r="CF87" s="11">
        <v>12.147399999999999</v>
      </c>
      <c r="CG87" s="11">
        <v>24</v>
      </c>
      <c r="CH87" s="20">
        <v>1.6321300000000001</v>
      </c>
      <c r="CI87" s="20">
        <v>1.77214</v>
      </c>
      <c r="CJ87" s="20">
        <v>1.6235999999999999</v>
      </c>
      <c r="CK87" s="20">
        <v>1.3732599999999999</v>
      </c>
      <c r="CL87" s="20">
        <v>1.48576</v>
      </c>
      <c r="CM87" s="20">
        <v>1.4188400000000001</v>
      </c>
      <c r="CN87" s="20">
        <v>0.68543299999999996</v>
      </c>
      <c r="CO87" s="20">
        <v>0.56762699999999999</v>
      </c>
      <c r="CP87" s="20">
        <v>0.38524700000000001</v>
      </c>
      <c r="CQ87" s="20">
        <v>0.92630800000000002</v>
      </c>
      <c r="CR87" s="20">
        <v>0.74194700000000002</v>
      </c>
      <c r="CS87" s="20">
        <v>0.54272900000000002</v>
      </c>
      <c r="CT87" s="20">
        <v>0.40482899999999999</v>
      </c>
      <c r="CU87" s="20">
        <v>0.16198599999999999</v>
      </c>
      <c r="CV87" s="20">
        <v>0.17521999999999999</v>
      </c>
      <c r="CW87" s="20">
        <v>0.245194</v>
      </c>
      <c r="CX87" s="20">
        <v>0.21784600000000001</v>
      </c>
      <c r="CY87" s="6"/>
      <c r="CZ87" s="6"/>
      <c r="DA87" s="6"/>
      <c r="DB87" s="6"/>
      <c r="DC87" s="6"/>
      <c r="DD87" s="6"/>
      <c r="DE87" s="6"/>
      <c r="DF87" s="6"/>
      <c r="DG87" s="6"/>
      <c r="DH87" s="6"/>
      <c r="DI87" s="6"/>
      <c r="DJ87" s="6"/>
      <c r="DK87" s="6"/>
      <c r="DL87" s="6"/>
      <c r="DM87" s="6"/>
      <c r="DN87" s="6"/>
      <c r="DO87" s="6"/>
    </row>
    <row r="88" spans="1:119" hidden="1" x14ac:dyDescent="0.2">
      <c r="A88" s="6" t="s">
        <v>311</v>
      </c>
      <c r="B88" s="6" t="s">
        <v>311</v>
      </c>
      <c r="C88" s="6" t="s">
        <v>174</v>
      </c>
      <c r="D88" s="6" t="s">
        <v>338</v>
      </c>
      <c r="E88" s="6" t="s">
        <v>332</v>
      </c>
      <c r="F88" s="11">
        <v>-4</v>
      </c>
      <c r="G88" s="13">
        <v>-2.8776978417299998E-2</v>
      </c>
      <c r="H88" s="11">
        <v>25.141715000000005</v>
      </c>
      <c r="I88" s="13">
        <v>0.18114974920757079</v>
      </c>
      <c r="J88" s="11">
        <v>8.8154460000000086</v>
      </c>
      <c r="K88" s="13">
        <v>5.3775216242751271E-2</v>
      </c>
      <c r="L88" s="11">
        <v>-37.676849269999991</v>
      </c>
      <c r="M88" s="13">
        <v>-0.21810442335334909</v>
      </c>
      <c r="N88" s="11">
        <v>-28.861403269999983</v>
      </c>
      <c r="O88" s="13">
        <v>-0.17605781963992476</v>
      </c>
      <c r="P88" s="7">
        <v>138.78967599999999</v>
      </c>
      <c r="Q88" s="7">
        <v>143.88795500000001</v>
      </c>
      <c r="R88" s="7">
        <v>132.51880800000001</v>
      </c>
      <c r="S88" s="7">
        <v>138.65883700000001</v>
      </c>
      <c r="T88" s="7">
        <v>170.295174</v>
      </c>
      <c r="U88" s="7">
        <v>166.09975499999999</v>
      </c>
      <c r="V88" s="7">
        <v>163.93139099999999</v>
      </c>
      <c r="W88" s="7">
        <v>166.688547</v>
      </c>
      <c r="X88" s="7">
        <v>167.22081600000001</v>
      </c>
      <c r="Y88" s="7">
        <v>172.746837</v>
      </c>
      <c r="Z88" s="7">
        <v>160.21938599999999</v>
      </c>
      <c r="AA88" s="7">
        <v>149.063737</v>
      </c>
      <c r="AB88" s="7">
        <v>154.06129371899999</v>
      </c>
      <c r="AC88" s="7">
        <v>141.21125464599999</v>
      </c>
      <c r="AD88" s="7">
        <v>135.79956406299999</v>
      </c>
      <c r="AE88" s="7">
        <v>138.51950788400001</v>
      </c>
      <c r="AF88" s="7">
        <v>135.06998773000001</v>
      </c>
      <c r="AG88" s="9">
        <v>40178.942021800001</v>
      </c>
      <c r="AH88" s="13">
        <v>0.72949452623324818</v>
      </c>
      <c r="AI88" s="9">
        <v>12765.102509899996</v>
      </c>
      <c r="AJ88" s="13">
        <v>0.23176499776240669</v>
      </c>
      <c r="AK88" s="9">
        <v>9960.5795725000062</v>
      </c>
      <c r="AL88" s="13">
        <v>0.14681833379246351</v>
      </c>
      <c r="AM88" s="9">
        <v>17453.259939399999</v>
      </c>
      <c r="AN88" s="13">
        <v>0.22432496641366381</v>
      </c>
      <c r="AO88" s="9">
        <v>27413.839511900005</v>
      </c>
      <c r="AP88" s="13">
        <v>0.40407831800303173</v>
      </c>
      <c r="AQ88" s="9">
        <v>55077.7841052</v>
      </c>
      <c r="AR88" s="9">
        <v>56976.099103200002</v>
      </c>
      <c r="AS88" s="9">
        <v>60225.1357641</v>
      </c>
      <c r="AT88" s="9">
        <v>64709.529213299997</v>
      </c>
      <c r="AU88" s="9">
        <v>63409.3160756</v>
      </c>
      <c r="AV88" s="9">
        <v>64374.3866395</v>
      </c>
      <c r="AW88" s="9">
        <v>67842.886615099997</v>
      </c>
      <c r="AX88" s="9">
        <v>69088.280807699994</v>
      </c>
      <c r="AY88" s="9">
        <v>75397.033159700004</v>
      </c>
      <c r="AZ88" s="9">
        <v>77803.466187600003</v>
      </c>
      <c r="BA88" s="9">
        <v>81396.374746999994</v>
      </c>
      <c r="BB88" s="9">
        <v>84928.147208299997</v>
      </c>
      <c r="BC88" s="9">
        <v>81543.672512200006</v>
      </c>
      <c r="BD88" s="9">
        <v>92582.310753700003</v>
      </c>
      <c r="BE88" s="9">
        <v>93884.738843800005</v>
      </c>
      <c r="BF88" s="9">
        <v>95256.726127000002</v>
      </c>
      <c r="BG88" s="11">
        <v>-2</v>
      </c>
      <c r="BH88" s="13">
        <v>-0.16666666666666666</v>
      </c>
      <c r="BI88" s="6">
        <v>-2</v>
      </c>
      <c r="BJ88" s="13">
        <v>-0.16666666666666666</v>
      </c>
      <c r="BK88" s="6">
        <v>0</v>
      </c>
      <c r="BL88" s="13">
        <v>0</v>
      </c>
      <c r="BM88" s="11">
        <v>0</v>
      </c>
      <c r="BN88" s="13">
        <v>0</v>
      </c>
      <c r="BO88" s="11">
        <v>0</v>
      </c>
      <c r="BP88" s="13">
        <v>0</v>
      </c>
      <c r="BQ88" s="6">
        <v>12</v>
      </c>
      <c r="BR88" s="6">
        <v>13</v>
      </c>
      <c r="BS88" s="6">
        <v>11</v>
      </c>
      <c r="BT88" s="6">
        <v>10</v>
      </c>
      <c r="BU88" s="6">
        <v>10</v>
      </c>
      <c r="BV88" s="6">
        <v>10</v>
      </c>
      <c r="BW88" s="6">
        <v>10</v>
      </c>
      <c r="BX88" s="6">
        <v>11</v>
      </c>
      <c r="BY88" s="6">
        <v>11</v>
      </c>
      <c r="BZ88" s="6">
        <v>11</v>
      </c>
      <c r="CA88" s="6">
        <v>11</v>
      </c>
      <c r="CB88" s="6">
        <v>10</v>
      </c>
      <c r="CC88" s="11">
        <v>10</v>
      </c>
      <c r="CD88" s="11">
        <v>3.7099600000000001</v>
      </c>
      <c r="CE88" s="11">
        <v>-22.600999999999999</v>
      </c>
      <c r="CF88" s="11">
        <v>15.1714</v>
      </c>
      <c r="CG88" s="11">
        <v>-8</v>
      </c>
      <c r="CH88" s="20">
        <v>1.86049</v>
      </c>
      <c r="CI88" s="20">
        <v>1.9508300000000001</v>
      </c>
      <c r="CJ88" s="20">
        <v>1.82592</v>
      </c>
      <c r="CK88" s="20">
        <v>1.93543</v>
      </c>
      <c r="CL88" s="20">
        <v>2.52366</v>
      </c>
      <c r="CM88" s="20">
        <v>2.5024899999999999</v>
      </c>
      <c r="CN88" s="20">
        <v>2.38537</v>
      </c>
      <c r="CO88" s="20">
        <v>2.3504</v>
      </c>
      <c r="CP88" s="20">
        <v>2.37073</v>
      </c>
      <c r="CQ88" s="20">
        <v>2.8313100000000002</v>
      </c>
      <c r="CR88" s="20">
        <v>2.69224</v>
      </c>
      <c r="CS88" s="20">
        <v>2.5493199999999998</v>
      </c>
      <c r="CT88" s="20">
        <v>2.5353300000000001</v>
      </c>
      <c r="CU88" s="20">
        <v>2.35907</v>
      </c>
      <c r="CV88" s="20">
        <v>2.2326600000000001</v>
      </c>
      <c r="CW88" s="20">
        <v>2.2778399999999999</v>
      </c>
      <c r="CX88" s="20">
        <v>2.1764100000000002</v>
      </c>
      <c r="CY88" s="6"/>
      <c r="CZ88" s="6"/>
      <c r="DA88" s="6"/>
      <c r="DB88" s="6"/>
      <c r="DC88" s="6"/>
      <c r="DD88" s="6"/>
      <c r="DE88" s="6"/>
      <c r="DF88" s="6"/>
      <c r="DG88" s="6"/>
      <c r="DH88" s="6"/>
      <c r="DI88" s="6"/>
      <c r="DJ88" s="6"/>
      <c r="DK88" s="6"/>
      <c r="DL88" s="6"/>
      <c r="DM88" s="6"/>
      <c r="DN88" s="6"/>
      <c r="DO88" s="6"/>
    </row>
    <row r="89" spans="1:119" hidden="1" x14ac:dyDescent="0.2">
      <c r="A89" s="6" t="s">
        <v>312</v>
      </c>
      <c r="B89" s="6" t="s">
        <v>312</v>
      </c>
      <c r="C89" s="6" t="s">
        <v>175</v>
      </c>
      <c r="D89" s="6" t="s">
        <v>338</v>
      </c>
      <c r="E89" s="6" t="s">
        <v>332</v>
      </c>
      <c r="F89" s="11">
        <v>-72</v>
      </c>
      <c r="G89" s="13">
        <v>-4.3795620437999998E-2</v>
      </c>
      <c r="H89" s="11">
        <v>292.28061043999992</v>
      </c>
      <c r="I89" s="13">
        <v>0.17775532663792687</v>
      </c>
      <c r="J89" s="11">
        <v>-412.91019913000014</v>
      </c>
      <c r="K89" s="13">
        <v>-0.21321764942301105</v>
      </c>
      <c r="L89" s="11">
        <v>47.865257260000135</v>
      </c>
      <c r="M89" s="13">
        <v>3.1414729842531054E-2</v>
      </c>
      <c r="N89" s="11">
        <v>-365.04494187</v>
      </c>
      <c r="O89" s="13">
        <v>-0.18850109443476337</v>
      </c>
      <c r="P89" s="7">
        <v>1644.2860867700001</v>
      </c>
      <c r="Q89" s="7">
        <v>1686.8472536500001</v>
      </c>
      <c r="R89" s="7">
        <v>1824.9266550100001</v>
      </c>
      <c r="S89" s="7">
        <v>1875.93270143</v>
      </c>
      <c r="T89" s="7">
        <v>1967.6007182599999</v>
      </c>
      <c r="U89" s="7">
        <v>1944.6046623</v>
      </c>
      <c r="V89" s="7">
        <v>1936.56669721</v>
      </c>
      <c r="W89" s="7">
        <v>1929.0581487300001</v>
      </c>
      <c r="X89" s="7">
        <v>1689.6562516700001</v>
      </c>
      <c r="Y89" s="7">
        <v>1523.6564980799999</v>
      </c>
      <c r="Z89" s="7">
        <v>1430.6104983499999</v>
      </c>
      <c r="AA89" s="7">
        <v>1466.51686189</v>
      </c>
      <c r="AB89" s="7">
        <v>1386.06824858</v>
      </c>
      <c r="AC89" s="7">
        <v>1420.3019892299999</v>
      </c>
      <c r="AD89" s="7">
        <v>1555.1237747600001</v>
      </c>
      <c r="AE89" s="7">
        <v>1557.8502910100001</v>
      </c>
      <c r="AF89" s="7">
        <v>1571.52175534</v>
      </c>
      <c r="AG89" s="9">
        <v>7641.621484700001</v>
      </c>
      <c r="AH89" s="13">
        <v>0.30343500433231285</v>
      </c>
      <c r="AI89" s="9">
        <v>3705.2133121000006</v>
      </c>
      <c r="AJ89" s="13">
        <v>0.14712733673870854</v>
      </c>
      <c r="AK89" s="9">
        <v>-1403.8913907999995</v>
      </c>
      <c r="AL89" s="13">
        <v>-4.8596169618225965E-2</v>
      </c>
      <c r="AM89" s="9">
        <v>5340.2995633999999</v>
      </c>
      <c r="AN89" s="13">
        <v>0.1942984125179528</v>
      </c>
      <c r="AO89" s="9">
        <v>3936.4081726000004</v>
      </c>
      <c r="AP89" s="13">
        <v>0.13626008428845238</v>
      </c>
      <c r="AQ89" s="9">
        <v>25183.717684499999</v>
      </c>
      <c r="AR89" s="9">
        <v>25994.690004600001</v>
      </c>
      <c r="AS89" s="9">
        <v>26195.3360445</v>
      </c>
      <c r="AT89" s="9">
        <v>25196.584711</v>
      </c>
      <c r="AU89" s="9">
        <v>25996.070807100001</v>
      </c>
      <c r="AV89" s="9">
        <v>26476.854800900001</v>
      </c>
      <c r="AW89" s="9">
        <v>28888.9309966</v>
      </c>
      <c r="AX89" s="9">
        <v>28841.6007603</v>
      </c>
      <c r="AY89" s="9">
        <v>27968.9984401</v>
      </c>
      <c r="AZ89" s="9">
        <v>27485.039605800001</v>
      </c>
      <c r="BA89" s="9">
        <v>27514.332684500001</v>
      </c>
      <c r="BB89" s="9">
        <v>28956.631638399998</v>
      </c>
      <c r="BC89" s="9">
        <v>28321.559631100001</v>
      </c>
      <c r="BD89" s="9">
        <v>30347.473391700001</v>
      </c>
      <c r="BE89" s="9">
        <v>31783.632006100001</v>
      </c>
      <c r="BF89" s="9">
        <v>32825.3391692</v>
      </c>
      <c r="BG89" s="11">
        <v>-64</v>
      </c>
      <c r="BH89" s="13">
        <v>-0.27947598253275108</v>
      </c>
      <c r="BI89" s="6">
        <v>22</v>
      </c>
      <c r="BJ89" s="13">
        <v>9.606986899563319E-2</v>
      </c>
      <c r="BK89" s="6">
        <v>-46</v>
      </c>
      <c r="BL89" s="13">
        <v>-0.18326693227091634</v>
      </c>
      <c r="BM89" s="11">
        <v>-40</v>
      </c>
      <c r="BN89" s="13">
        <v>-0.1951219512195122</v>
      </c>
      <c r="BO89" s="11">
        <v>-86</v>
      </c>
      <c r="BP89" s="13">
        <v>-0.34262948207171312</v>
      </c>
      <c r="BQ89" s="6">
        <v>229</v>
      </c>
      <c r="BR89" s="6">
        <v>233</v>
      </c>
      <c r="BS89" s="6">
        <v>247</v>
      </c>
      <c r="BT89" s="6">
        <v>251</v>
      </c>
      <c r="BU89" s="6">
        <v>241</v>
      </c>
      <c r="BV89" s="6">
        <v>222</v>
      </c>
      <c r="BW89" s="6">
        <v>205</v>
      </c>
      <c r="BX89" s="6">
        <v>181</v>
      </c>
      <c r="BY89" s="6">
        <v>174</v>
      </c>
      <c r="BZ89" s="6">
        <v>173</v>
      </c>
      <c r="CA89" s="6">
        <v>169</v>
      </c>
      <c r="CB89" s="6">
        <v>168</v>
      </c>
      <c r="CC89" s="11">
        <v>165</v>
      </c>
      <c r="CD89" s="11">
        <v>-53.339700000000001</v>
      </c>
      <c r="CE89" s="11">
        <v>-199.16499999999999</v>
      </c>
      <c r="CF89" s="11">
        <v>179.74</v>
      </c>
      <c r="CG89" s="11">
        <v>-19</v>
      </c>
      <c r="CH89" s="20">
        <v>1.5196700000000001</v>
      </c>
      <c r="CI89" s="20">
        <v>1.5658799999999999</v>
      </c>
      <c r="CJ89" s="20">
        <v>1.6452199999999999</v>
      </c>
      <c r="CK89" s="20">
        <v>1.6063499999999999</v>
      </c>
      <c r="CL89" s="20">
        <v>1.6677</v>
      </c>
      <c r="CM89" s="20">
        <v>1.59585</v>
      </c>
      <c r="CN89" s="20">
        <v>1.55559</v>
      </c>
      <c r="CO89" s="20">
        <v>1.6115200000000001</v>
      </c>
      <c r="CP89" s="20">
        <v>1.6370199999999999</v>
      </c>
      <c r="CQ89" s="20">
        <v>1.82579</v>
      </c>
      <c r="CR89" s="20">
        <v>1.7760400000000001</v>
      </c>
      <c r="CS89" s="20">
        <v>1.8355399999999999</v>
      </c>
      <c r="CT89" s="20">
        <v>1.6289400000000001</v>
      </c>
      <c r="CU89" s="20">
        <v>1.64303</v>
      </c>
      <c r="CV89" s="20">
        <v>1.72142</v>
      </c>
      <c r="CW89" s="20">
        <v>1.6892100000000001</v>
      </c>
      <c r="CX89" s="20">
        <v>1.67214</v>
      </c>
      <c r="CY89" s="6"/>
      <c r="CZ89" s="6"/>
      <c r="DA89" s="6"/>
      <c r="DB89" s="6"/>
      <c r="DC89" s="6"/>
      <c r="DD89" s="6"/>
      <c r="DE89" s="6"/>
      <c r="DF89" s="6"/>
      <c r="DG89" s="6"/>
      <c r="DH89" s="6"/>
      <c r="DI89" s="6"/>
      <c r="DJ89" s="6"/>
      <c r="DK89" s="6"/>
      <c r="DL89" s="6"/>
      <c r="DM89" s="6"/>
      <c r="DN89" s="6"/>
      <c r="DO89" s="6"/>
    </row>
    <row r="90" spans="1:119" x14ac:dyDescent="0.2">
      <c r="A90" s="6" t="s">
        <v>792</v>
      </c>
      <c r="B90" s="6" t="s">
        <v>176</v>
      </c>
      <c r="C90" s="6" t="s">
        <v>177</v>
      </c>
      <c r="D90" s="6" t="s">
        <v>338</v>
      </c>
      <c r="E90" s="6" t="s">
        <v>332</v>
      </c>
      <c r="F90" s="11">
        <v>771</v>
      </c>
      <c r="G90" s="13">
        <v>0.43048576214399997</v>
      </c>
      <c r="H90" s="11">
        <v>599.9864579099999</v>
      </c>
      <c r="I90" s="13">
        <v>0.33491862470161726</v>
      </c>
      <c r="J90" s="11">
        <v>-1195.4927227699998</v>
      </c>
      <c r="K90" s="13">
        <v>-0.49990789484697207</v>
      </c>
      <c r="L90" s="11">
        <v>1365.7134290299998</v>
      </c>
      <c r="M90" s="13">
        <v>1.1419645964543352</v>
      </c>
      <c r="N90" s="11">
        <v>170.22070626000004</v>
      </c>
      <c r="O90" s="13">
        <v>7.1179584204104557E-2</v>
      </c>
      <c r="P90" s="7">
        <v>1791.43951294</v>
      </c>
      <c r="Q90" s="7">
        <v>1448.2122266900001</v>
      </c>
      <c r="R90" s="7">
        <v>1307.81942555</v>
      </c>
      <c r="S90" s="7">
        <v>1705.93202733</v>
      </c>
      <c r="T90" s="7">
        <v>1814.1347843799999</v>
      </c>
      <c r="U90" s="7">
        <v>1829.48524157</v>
      </c>
      <c r="V90" s="7">
        <v>2391.4259708499999</v>
      </c>
      <c r="W90" s="7">
        <v>2225.29728359</v>
      </c>
      <c r="X90" s="7">
        <v>1760.84673782</v>
      </c>
      <c r="Y90" s="7">
        <v>1195.9332480800001</v>
      </c>
      <c r="Z90" s="7">
        <v>1266.254968</v>
      </c>
      <c r="AA90" s="7">
        <v>1328.29148104</v>
      </c>
      <c r="AB90" s="7">
        <v>2364.0458975800002</v>
      </c>
      <c r="AC90" s="7">
        <v>2411.0514341100002</v>
      </c>
      <c r="AD90" s="7">
        <v>2376.00736396</v>
      </c>
      <c r="AE90" s="7">
        <v>2344.4230664900001</v>
      </c>
      <c r="AF90" s="7">
        <v>2561.6466771099999</v>
      </c>
      <c r="AG90" s="9">
        <v>22991.064190800003</v>
      </c>
      <c r="AH90" s="13">
        <v>0.64514604054226776</v>
      </c>
      <c r="AI90" s="9">
        <v>10273.326027199997</v>
      </c>
      <c r="AJ90" s="13">
        <v>0.28827702600648003</v>
      </c>
      <c r="AK90" s="9">
        <v>393.55929600000673</v>
      </c>
      <c r="AL90" s="13">
        <v>8.5723496192506056E-3</v>
      </c>
      <c r="AM90" s="9">
        <v>12324.1788676</v>
      </c>
      <c r="AN90" s="13">
        <v>0.26615868085307065</v>
      </c>
      <c r="AO90" s="9">
        <v>12717.738163600006</v>
      </c>
      <c r="AP90" s="13">
        <v>0.27701263573879231</v>
      </c>
      <c r="AQ90" s="9">
        <v>35636.991853</v>
      </c>
      <c r="AR90" s="9">
        <v>35847.744258400002</v>
      </c>
      <c r="AS90" s="9">
        <v>35363.774510299998</v>
      </c>
      <c r="AT90" s="9">
        <v>37377.318353299997</v>
      </c>
      <c r="AU90" s="9">
        <v>38948.769276899999</v>
      </c>
      <c r="AV90" s="9">
        <v>40169.883875200001</v>
      </c>
      <c r="AW90" s="9">
        <v>45910.317880199997</v>
      </c>
      <c r="AX90" s="9">
        <v>44782.1492669</v>
      </c>
      <c r="AY90" s="9">
        <v>47992.236308500003</v>
      </c>
      <c r="AZ90" s="9">
        <v>46303.877176200003</v>
      </c>
      <c r="BA90" s="9">
        <v>47049.556213800002</v>
      </c>
      <c r="BB90" s="9">
        <v>49369.377524000003</v>
      </c>
      <c r="BC90" s="9">
        <v>55866.672911000001</v>
      </c>
      <c r="BD90" s="9">
        <v>57488.316767900003</v>
      </c>
      <c r="BE90" s="9">
        <v>55474.0159126</v>
      </c>
      <c r="BF90" s="9">
        <v>58628.056043800003</v>
      </c>
      <c r="BG90" s="11">
        <v>-8.75</v>
      </c>
      <c r="BH90" s="13">
        <v>-0.13059701492537312</v>
      </c>
      <c r="BI90" s="6">
        <v>7</v>
      </c>
      <c r="BJ90" s="13">
        <v>0.1044776119402985</v>
      </c>
      <c r="BK90" s="6">
        <v>-7</v>
      </c>
      <c r="BL90" s="13">
        <v>-9.45945945945946E-2</v>
      </c>
      <c r="BM90" s="11">
        <v>-8.75</v>
      </c>
      <c r="BN90" s="13">
        <v>-0.13059701492537312</v>
      </c>
      <c r="BO90" s="11">
        <v>-15.75</v>
      </c>
      <c r="BP90" s="13">
        <v>-0.21283783783783783</v>
      </c>
      <c r="BQ90" s="6">
        <v>67</v>
      </c>
      <c r="BR90" s="6">
        <v>70</v>
      </c>
      <c r="BS90" s="6">
        <v>70</v>
      </c>
      <c r="BT90" s="6">
        <v>74</v>
      </c>
      <c r="BU90" s="6">
        <v>70</v>
      </c>
      <c r="BV90" s="6">
        <v>66</v>
      </c>
      <c r="BW90" s="6">
        <v>67</v>
      </c>
      <c r="BX90" s="6">
        <v>68</v>
      </c>
      <c r="BY90" s="6">
        <v>65</v>
      </c>
      <c r="BZ90" s="6">
        <v>64</v>
      </c>
      <c r="CA90" s="6">
        <v>56</v>
      </c>
      <c r="CB90" s="6">
        <v>60</v>
      </c>
      <c r="CC90" s="11">
        <v>58.25</v>
      </c>
      <c r="CD90" s="11">
        <v>1206.72</v>
      </c>
      <c r="CE90" s="11">
        <v>-632.33799999999997</v>
      </c>
      <c r="CF90" s="11">
        <v>195.82599999999999</v>
      </c>
      <c r="CG90" s="11">
        <v>-436</v>
      </c>
      <c r="CH90" s="20">
        <v>0.86482599999999998</v>
      </c>
      <c r="CI90" s="20">
        <v>0.75041999999999998</v>
      </c>
      <c r="CJ90" s="20">
        <v>0.70351699999999995</v>
      </c>
      <c r="CK90" s="20">
        <v>0.923207</v>
      </c>
      <c r="CL90" s="20">
        <v>1.02329</v>
      </c>
      <c r="CM90" s="20">
        <v>1.0472900000000001</v>
      </c>
      <c r="CN90" s="20">
        <v>1.3566</v>
      </c>
      <c r="CO90" s="20">
        <v>1.28447</v>
      </c>
      <c r="CP90" s="20">
        <v>1.1613599999999999</v>
      </c>
      <c r="CQ90" s="20">
        <v>0.92289299999999996</v>
      </c>
      <c r="CR90" s="20">
        <v>0.98220399999999997</v>
      </c>
      <c r="CS90" s="20">
        <v>1.03132</v>
      </c>
      <c r="CT90" s="20">
        <v>1.7505900000000001</v>
      </c>
      <c r="CU90" s="20">
        <v>1.8005100000000001</v>
      </c>
      <c r="CV90" s="20">
        <v>1.74539</v>
      </c>
      <c r="CW90" s="20">
        <v>1.7238</v>
      </c>
      <c r="CX90" s="20">
        <v>1.86016</v>
      </c>
      <c r="CY90" s="6"/>
      <c r="CZ90" s="6"/>
      <c r="DA90" s="6"/>
      <c r="DB90" s="6"/>
      <c r="DC90" s="6"/>
      <c r="DD90" s="6"/>
      <c r="DE90" s="6"/>
      <c r="DF90" s="6"/>
      <c r="DG90" s="6"/>
      <c r="DH90" s="6"/>
      <c r="DI90" s="6"/>
      <c r="DJ90" s="6"/>
      <c r="DK90" s="6"/>
      <c r="DL90" s="6"/>
      <c r="DM90" s="6"/>
      <c r="DN90" s="6"/>
      <c r="DO90" s="6"/>
    </row>
    <row r="91" spans="1:119" hidden="1" x14ac:dyDescent="0.2">
      <c r="A91" s="6" t="s">
        <v>313</v>
      </c>
      <c r="B91" s="6" t="s">
        <v>313</v>
      </c>
      <c r="C91" s="6" t="s">
        <v>178</v>
      </c>
      <c r="D91" s="6" t="s">
        <v>338</v>
      </c>
      <c r="E91" s="6" t="s">
        <v>332</v>
      </c>
      <c r="F91" s="11">
        <v>82</v>
      </c>
      <c r="G91" s="13">
        <v>0.19951338199499999</v>
      </c>
      <c r="H91" s="11">
        <v>49.498329949000038</v>
      </c>
      <c r="I91" s="13">
        <v>0.1205352797631123</v>
      </c>
      <c r="J91" s="11">
        <v>-4.8490188929999931</v>
      </c>
      <c r="K91" s="13">
        <v>-1.0537849104249352E-2</v>
      </c>
      <c r="L91" s="11">
        <v>37.244277408999949</v>
      </c>
      <c r="M91" s="13">
        <v>8.1800972306658615E-2</v>
      </c>
      <c r="N91" s="11">
        <v>32.395258515999956</v>
      </c>
      <c r="O91" s="13">
        <v>7.040111689966079E-2</v>
      </c>
      <c r="P91" s="7">
        <v>410.65429180799998</v>
      </c>
      <c r="Q91" s="7">
        <v>418.79859155999998</v>
      </c>
      <c r="R91" s="7">
        <v>394.92476265300002</v>
      </c>
      <c r="S91" s="7">
        <v>393.51760219699997</v>
      </c>
      <c r="T91" s="7">
        <v>423.98375163600002</v>
      </c>
      <c r="U91" s="7">
        <v>484.43152093399999</v>
      </c>
      <c r="V91" s="7">
        <v>460.15262175700002</v>
      </c>
      <c r="W91" s="7">
        <v>431.10219804899998</v>
      </c>
      <c r="X91" s="7">
        <v>394.69436796399998</v>
      </c>
      <c r="Y91" s="7">
        <v>455.30360286400003</v>
      </c>
      <c r="Z91" s="7">
        <v>459.62107823999997</v>
      </c>
      <c r="AA91" s="7">
        <v>470.467935361</v>
      </c>
      <c r="AB91" s="7">
        <v>454.537356058</v>
      </c>
      <c r="AC91" s="7">
        <v>483.87579786600003</v>
      </c>
      <c r="AD91" s="7">
        <v>504.62295826500002</v>
      </c>
      <c r="AE91" s="7">
        <v>471.27176110400001</v>
      </c>
      <c r="AF91" s="7">
        <v>492.54788027299998</v>
      </c>
      <c r="AG91" s="9">
        <v>23417.746236599996</v>
      </c>
      <c r="AH91" s="13">
        <v>0.71933010872550984</v>
      </c>
      <c r="AI91" s="9">
        <v>7825.5414883999983</v>
      </c>
      <c r="AJ91" s="13">
        <v>0.24037956312332345</v>
      </c>
      <c r="AK91" s="9">
        <v>6979.6850801000037</v>
      </c>
      <c r="AL91" s="13">
        <v>0.17284800413108478</v>
      </c>
      <c r="AM91" s="9">
        <v>8612.5196680999943</v>
      </c>
      <c r="AN91" s="13">
        <v>0.18185156159380805</v>
      </c>
      <c r="AO91" s="9">
        <v>15592.204748199998</v>
      </c>
      <c r="AP91" s="13">
        <v>0.38613224519450362</v>
      </c>
      <c r="AQ91" s="9">
        <v>32554.936812100001</v>
      </c>
      <c r="AR91" s="9">
        <v>35256.796505099999</v>
      </c>
      <c r="AS91" s="9">
        <v>38022.669418999998</v>
      </c>
      <c r="AT91" s="9">
        <v>38564.017804299998</v>
      </c>
      <c r="AU91" s="9">
        <v>37378.062314399998</v>
      </c>
      <c r="AV91" s="9">
        <v>40308.835392599998</v>
      </c>
      <c r="AW91" s="9">
        <v>40380.478300499999</v>
      </c>
      <c r="AX91" s="9">
        <v>44723.6735682</v>
      </c>
      <c r="AY91" s="9">
        <v>45762.469216600002</v>
      </c>
      <c r="AZ91" s="9">
        <v>47360.163380600003</v>
      </c>
      <c r="BA91" s="9">
        <v>47575.518328600003</v>
      </c>
      <c r="BB91" s="9">
        <v>47483.089333800002</v>
      </c>
      <c r="BC91" s="9">
        <v>51107.667197100003</v>
      </c>
      <c r="BD91" s="9">
        <v>52332.997064499999</v>
      </c>
      <c r="BE91" s="9">
        <v>53893.520350699997</v>
      </c>
      <c r="BF91" s="9">
        <v>55972.683048699997</v>
      </c>
      <c r="BG91" s="11">
        <v>4</v>
      </c>
      <c r="BH91" s="13">
        <v>6.1538461538461542E-2</v>
      </c>
      <c r="BI91" s="6">
        <v>2</v>
      </c>
      <c r="BJ91" s="13">
        <v>3.0769230769230771E-2</v>
      </c>
      <c r="BK91" s="6">
        <v>0</v>
      </c>
      <c r="BL91" s="13">
        <v>0</v>
      </c>
      <c r="BM91" s="11">
        <v>2</v>
      </c>
      <c r="BN91" s="13">
        <v>2.9850746268656716E-2</v>
      </c>
      <c r="BO91" s="11">
        <v>2</v>
      </c>
      <c r="BP91" s="13">
        <v>2.9850746268656716E-2</v>
      </c>
      <c r="BQ91" s="6">
        <v>65</v>
      </c>
      <c r="BR91" s="6">
        <v>68</v>
      </c>
      <c r="BS91" s="6">
        <v>67</v>
      </c>
      <c r="BT91" s="6">
        <v>67</v>
      </c>
      <c r="BU91" s="6">
        <v>67</v>
      </c>
      <c r="BV91" s="6">
        <v>67</v>
      </c>
      <c r="BW91" s="6">
        <v>67</v>
      </c>
      <c r="BX91" s="6">
        <v>69</v>
      </c>
      <c r="BY91" s="6">
        <v>71</v>
      </c>
      <c r="BZ91" s="6">
        <v>72</v>
      </c>
      <c r="CA91" s="6">
        <v>76</v>
      </c>
      <c r="CB91" s="6">
        <v>73</v>
      </c>
      <c r="CC91" s="11">
        <v>69</v>
      </c>
      <c r="CD91" s="11">
        <v>70.582300000000004</v>
      </c>
      <c r="CE91" s="11">
        <v>-33.578200000000002</v>
      </c>
      <c r="CF91" s="11">
        <v>44.889499999999998</v>
      </c>
      <c r="CG91" s="11">
        <v>11</v>
      </c>
      <c r="CH91" s="20">
        <v>0.55674500000000005</v>
      </c>
      <c r="CI91" s="20">
        <v>0.57881899999999997</v>
      </c>
      <c r="CJ91" s="20">
        <v>0.541659</v>
      </c>
      <c r="CK91" s="20">
        <v>0.53013200000000005</v>
      </c>
      <c r="CL91" s="20">
        <v>0.58121699999999998</v>
      </c>
      <c r="CM91" s="20">
        <v>0.65573000000000004</v>
      </c>
      <c r="CN91" s="20">
        <v>0.59538599999999997</v>
      </c>
      <c r="CO91" s="20">
        <v>0.55302799999999996</v>
      </c>
      <c r="CP91" s="20">
        <v>0.54689100000000002</v>
      </c>
      <c r="CQ91" s="20">
        <v>0.73078900000000002</v>
      </c>
      <c r="CR91" s="20">
        <v>0.74478</v>
      </c>
      <c r="CS91" s="20">
        <v>0.76219800000000004</v>
      </c>
      <c r="CT91" s="20">
        <v>0.69833999999999996</v>
      </c>
      <c r="CU91" s="20">
        <v>0.75064699999999995</v>
      </c>
      <c r="CV91" s="20">
        <v>0.77056100000000005</v>
      </c>
      <c r="CW91" s="20">
        <v>0.72216800000000003</v>
      </c>
      <c r="CX91" s="20">
        <v>0.739344</v>
      </c>
      <c r="CY91" s="6"/>
      <c r="CZ91" s="6"/>
      <c r="DA91" s="6"/>
      <c r="DB91" s="6"/>
      <c r="DC91" s="6"/>
      <c r="DD91" s="6"/>
      <c r="DE91" s="6"/>
      <c r="DF91" s="6"/>
      <c r="DG91" s="6"/>
      <c r="DH91" s="6"/>
      <c r="DI91" s="6"/>
      <c r="DJ91" s="6"/>
      <c r="DK91" s="6"/>
      <c r="DL91" s="6"/>
      <c r="DM91" s="6"/>
      <c r="DN91" s="6"/>
      <c r="DO91" s="6"/>
    </row>
    <row r="92" spans="1:119" hidden="1" x14ac:dyDescent="0.2">
      <c r="A92" s="6" t="s">
        <v>793</v>
      </c>
      <c r="B92" s="6" t="s">
        <v>179</v>
      </c>
      <c r="C92" s="6" t="s">
        <v>180</v>
      </c>
      <c r="D92" s="6" t="s">
        <v>338</v>
      </c>
      <c r="E92" s="6" t="s">
        <v>332</v>
      </c>
      <c r="F92" s="11">
        <v>-220</v>
      </c>
      <c r="G92" s="13">
        <v>-0.103237916471</v>
      </c>
      <c r="H92" s="11">
        <v>78.08914913999979</v>
      </c>
      <c r="I92" s="13">
        <v>3.6651396828055155E-2</v>
      </c>
      <c r="J92" s="11">
        <v>-334.04133586000012</v>
      </c>
      <c r="K92" s="13">
        <v>-0.15124022492498526</v>
      </c>
      <c r="L92" s="11">
        <v>36.138378740000007</v>
      </c>
      <c r="M92" s="13">
        <v>1.9277511853533276E-2</v>
      </c>
      <c r="N92" s="11">
        <v>-297.90295712000011</v>
      </c>
      <c r="O92" s="13">
        <v>-0.13487824830017445</v>
      </c>
      <c r="P92" s="7">
        <v>2130.5913525300002</v>
      </c>
      <c r="Q92" s="7">
        <v>2085.30401523</v>
      </c>
      <c r="R92" s="7">
        <v>2071.4797948300002</v>
      </c>
      <c r="S92" s="7">
        <v>2066.5857655999998</v>
      </c>
      <c r="T92" s="7">
        <v>2035.1484304999999</v>
      </c>
      <c r="U92" s="7">
        <v>2010.31923661</v>
      </c>
      <c r="V92" s="7">
        <v>2208.68050167</v>
      </c>
      <c r="W92" s="7">
        <v>2133.8614455500001</v>
      </c>
      <c r="X92" s="7">
        <v>2029.66887395</v>
      </c>
      <c r="Y92" s="7">
        <v>1874.6391658099999</v>
      </c>
      <c r="Z92" s="7">
        <v>1844.8705231900001</v>
      </c>
      <c r="AA92" s="7">
        <v>1836.25024351</v>
      </c>
      <c r="AB92" s="7">
        <v>1851.2088257099999</v>
      </c>
      <c r="AC92" s="7">
        <v>1842.6496268599999</v>
      </c>
      <c r="AD92" s="7">
        <v>1824.8969259600001</v>
      </c>
      <c r="AE92" s="7">
        <v>1896.39150475</v>
      </c>
      <c r="AF92" s="7">
        <v>1910.7775445499999</v>
      </c>
      <c r="AG92" s="9">
        <v>9286.1846074999994</v>
      </c>
      <c r="AH92" s="13">
        <v>0.50524420408107318</v>
      </c>
      <c r="AI92" s="9">
        <v>4213.2824330999974</v>
      </c>
      <c r="AJ92" s="13">
        <v>0.22923693846890561</v>
      </c>
      <c r="AK92" s="9">
        <v>1736.1689151999999</v>
      </c>
      <c r="AL92" s="13">
        <v>7.6845846868686271E-2</v>
      </c>
      <c r="AM92" s="9">
        <v>3336.7332592000021</v>
      </c>
      <c r="AN92" s="13">
        <v>0.13715017863912857</v>
      </c>
      <c r="AO92" s="9">
        <v>5072.902174400002</v>
      </c>
      <c r="AP92" s="13">
        <v>0.22453544713353027</v>
      </c>
      <c r="AQ92" s="9">
        <v>18379.596505000001</v>
      </c>
      <c r="AR92" s="9">
        <v>19266.424321099999</v>
      </c>
      <c r="AS92" s="9">
        <v>20367.820186500001</v>
      </c>
      <c r="AT92" s="9">
        <v>20994.1291528</v>
      </c>
      <c r="AU92" s="9">
        <v>21825.319292799999</v>
      </c>
      <c r="AV92" s="9">
        <v>21719.559543200001</v>
      </c>
      <c r="AW92" s="9">
        <v>22592.878938099999</v>
      </c>
      <c r="AX92" s="9">
        <v>23294.887644300001</v>
      </c>
      <c r="AY92" s="9">
        <v>24159.680865800001</v>
      </c>
      <c r="AZ92" s="9">
        <v>24329.047853299999</v>
      </c>
      <c r="BA92" s="9">
        <v>24811.869192300001</v>
      </c>
      <c r="BB92" s="9">
        <v>25275.9610961</v>
      </c>
      <c r="BC92" s="9">
        <v>25912.385104000001</v>
      </c>
      <c r="BD92" s="9">
        <v>26117.638105800001</v>
      </c>
      <c r="BE92" s="9">
        <v>27132.641798100001</v>
      </c>
      <c r="BF92" s="9">
        <v>27665.781112500001</v>
      </c>
      <c r="BG92" s="11">
        <v>-31.75</v>
      </c>
      <c r="BH92" s="13">
        <v>-0.14366515837104071</v>
      </c>
      <c r="BI92" s="6">
        <v>-6</v>
      </c>
      <c r="BJ92" s="13">
        <v>-2.7149321266968326E-2</v>
      </c>
      <c r="BK92" s="6">
        <v>-14</v>
      </c>
      <c r="BL92" s="13">
        <v>-6.5116279069767441E-2</v>
      </c>
      <c r="BM92" s="11">
        <v>-11.75</v>
      </c>
      <c r="BN92" s="13">
        <v>-5.8457711442786067E-2</v>
      </c>
      <c r="BO92" s="11">
        <v>-25.75</v>
      </c>
      <c r="BP92" s="13">
        <v>-0.11976744186046512</v>
      </c>
      <c r="BQ92" s="6">
        <v>221</v>
      </c>
      <c r="BR92" s="6">
        <v>218</v>
      </c>
      <c r="BS92" s="6">
        <v>206</v>
      </c>
      <c r="BT92" s="6">
        <v>215</v>
      </c>
      <c r="BU92" s="6">
        <v>215</v>
      </c>
      <c r="BV92" s="6">
        <v>210</v>
      </c>
      <c r="BW92" s="6">
        <v>201</v>
      </c>
      <c r="BX92" s="6">
        <v>199</v>
      </c>
      <c r="BY92" s="6">
        <v>202</v>
      </c>
      <c r="BZ92" s="6">
        <v>199</v>
      </c>
      <c r="CA92" s="6">
        <v>190</v>
      </c>
      <c r="CB92" s="6">
        <v>191</v>
      </c>
      <c r="CC92" s="11">
        <v>189.25</v>
      </c>
      <c r="CD92" s="11">
        <v>-316.154</v>
      </c>
      <c r="CE92" s="11">
        <v>-136.559</v>
      </c>
      <c r="CF92" s="11">
        <v>232.899</v>
      </c>
      <c r="CG92" s="11">
        <v>96</v>
      </c>
      <c r="CH92" s="20">
        <v>1.07643</v>
      </c>
      <c r="CI92" s="20">
        <v>1.0555399999999999</v>
      </c>
      <c r="CJ92" s="20">
        <v>1.04555</v>
      </c>
      <c r="CK92" s="20">
        <v>1.0261199999999999</v>
      </c>
      <c r="CL92" s="20">
        <v>1.0352300000000001</v>
      </c>
      <c r="CM92" s="20">
        <v>1.02423</v>
      </c>
      <c r="CN92" s="20">
        <v>1.08484</v>
      </c>
      <c r="CO92" s="20">
        <v>1.0467599999999999</v>
      </c>
      <c r="CP92" s="20">
        <v>1.0572999999999999</v>
      </c>
      <c r="CQ92" s="20">
        <v>1.1182399999999999</v>
      </c>
      <c r="CR92" s="20">
        <v>1.1128199999999999</v>
      </c>
      <c r="CS92" s="20">
        <v>1.1139399999999999</v>
      </c>
      <c r="CT92" s="20">
        <v>1.0657700000000001</v>
      </c>
      <c r="CU92" s="20">
        <v>1.06602</v>
      </c>
      <c r="CV92" s="20">
        <v>1.0304899999999999</v>
      </c>
      <c r="CW92" s="20">
        <v>1.06325</v>
      </c>
      <c r="CX92" s="20">
        <v>1.05077</v>
      </c>
      <c r="CY92" s="6"/>
      <c r="CZ92" s="6"/>
      <c r="DA92" s="6"/>
      <c r="DB92" s="6"/>
      <c r="DC92" s="6"/>
      <c r="DD92" s="6"/>
      <c r="DE92" s="6"/>
      <c r="DF92" s="6"/>
      <c r="DG92" s="6"/>
      <c r="DH92" s="6"/>
      <c r="DI92" s="6"/>
      <c r="DJ92" s="6"/>
      <c r="DK92" s="6"/>
      <c r="DL92" s="6"/>
      <c r="DM92" s="6"/>
      <c r="DN92" s="6"/>
      <c r="DO92" s="6"/>
    </row>
    <row r="93" spans="1:119" hidden="1" x14ac:dyDescent="0.2">
      <c r="A93" s="6" t="s">
        <v>794</v>
      </c>
      <c r="B93" s="6" t="s">
        <v>181</v>
      </c>
      <c r="C93" s="6" t="s">
        <v>182</v>
      </c>
      <c r="D93" s="6" t="s">
        <v>338</v>
      </c>
      <c r="E93" s="6" t="s">
        <v>332</v>
      </c>
      <c r="F93" s="11">
        <v>-26</v>
      </c>
      <c r="G93" s="13">
        <v>-5.1587301587300002E-2</v>
      </c>
      <c r="H93" s="11">
        <v>35.783049214999949</v>
      </c>
      <c r="I93" s="13">
        <v>7.102067326334735E-2</v>
      </c>
      <c r="J93" s="11">
        <v>-37.609132681999938</v>
      </c>
      <c r="K93" s="13">
        <v>-6.9695205591697743E-2</v>
      </c>
      <c r="L93" s="11">
        <v>-23.687666253000032</v>
      </c>
      <c r="M93" s="13">
        <v>-4.7185287084792971E-2</v>
      </c>
      <c r="N93" s="11">
        <v>-61.29679893499997</v>
      </c>
      <c r="O93" s="13">
        <v>-0.1135919043922128</v>
      </c>
      <c r="P93" s="7">
        <v>503.839904225</v>
      </c>
      <c r="Q93" s="7">
        <v>526.42159111700005</v>
      </c>
      <c r="R93" s="7">
        <v>545.67960803400001</v>
      </c>
      <c r="S93" s="7">
        <v>614.39654662199996</v>
      </c>
      <c r="T93" s="7">
        <v>542.01688136999996</v>
      </c>
      <c r="U93" s="7">
        <v>521.59673843600001</v>
      </c>
      <c r="V93" s="7">
        <v>539.62295343999995</v>
      </c>
      <c r="W93" s="7">
        <v>732.15087097599996</v>
      </c>
      <c r="X93" s="7">
        <v>680.40615817499997</v>
      </c>
      <c r="Y93" s="7">
        <v>502.01382075800001</v>
      </c>
      <c r="Z93" s="7">
        <v>490.031542726</v>
      </c>
      <c r="AA93" s="7">
        <v>485.63568179200001</v>
      </c>
      <c r="AB93" s="7">
        <v>465.52370854999998</v>
      </c>
      <c r="AC93" s="7">
        <v>436.46098223199999</v>
      </c>
      <c r="AD93" s="7">
        <v>459.18014161999997</v>
      </c>
      <c r="AE93" s="7">
        <v>470.99296492100001</v>
      </c>
      <c r="AF93" s="7">
        <v>478.32615450499998</v>
      </c>
      <c r="AG93" s="9">
        <v>20990.1386948</v>
      </c>
      <c r="AH93" s="13">
        <v>0.65137153751602794</v>
      </c>
      <c r="AI93" s="9">
        <v>10044.812376000002</v>
      </c>
      <c r="AJ93" s="13">
        <v>0.31171327529322407</v>
      </c>
      <c r="AK93" s="9">
        <v>2716.9641625000004</v>
      </c>
      <c r="AL93" s="13">
        <v>6.4277424288552015E-2</v>
      </c>
      <c r="AM93" s="9">
        <v>8228.3621562999979</v>
      </c>
      <c r="AN93" s="13">
        <v>0.18290816961393019</v>
      </c>
      <c r="AO93" s="9">
        <v>10945.326318799998</v>
      </c>
      <c r="AP93" s="13">
        <v>0.25894245992659926</v>
      </c>
      <c r="AQ93" s="9">
        <v>32224.525460299999</v>
      </c>
      <c r="AR93" s="9">
        <v>33990.575462599998</v>
      </c>
      <c r="AS93" s="9">
        <v>35696.734685299998</v>
      </c>
      <c r="AT93" s="9">
        <v>34786.821422599998</v>
      </c>
      <c r="AU93" s="9">
        <v>38072.498565900001</v>
      </c>
      <c r="AV93" s="9">
        <v>40367.327972400002</v>
      </c>
      <c r="AW93" s="9">
        <v>42269.337836300001</v>
      </c>
      <c r="AX93" s="9">
        <v>39458.603031500003</v>
      </c>
      <c r="AY93" s="9">
        <v>38341.557662200001</v>
      </c>
      <c r="AZ93" s="9">
        <v>44986.301998800001</v>
      </c>
      <c r="BA93" s="9">
        <v>47659.943369300003</v>
      </c>
      <c r="BB93" s="9">
        <v>50212.757193799996</v>
      </c>
      <c r="BC93" s="9">
        <v>51892.179985100003</v>
      </c>
      <c r="BD93" s="9">
        <v>53659.816874199998</v>
      </c>
      <c r="BE93" s="9">
        <v>56616.757195699996</v>
      </c>
      <c r="BF93" s="9">
        <v>53214.664155099999</v>
      </c>
      <c r="BG93" s="11">
        <v>-10.5</v>
      </c>
      <c r="BH93" s="13">
        <v>-0.16666666666666666</v>
      </c>
      <c r="BI93" s="6">
        <v>-3</v>
      </c>
      <c r="BJ93" s="13">
        <v>-4.7619047619047616E-2</v>
      </c>
      <c r="BK93" s="6">
        <v>-4</v>
      </c>
      <c r="BL93" s="13">
        <v>-6.6666666666666666E-2</v>
      </c>
      <c r="BM93" s="11">
        <v>-3.5</v>
      </c>
      <c r="BN93" s="13">
        <v>-6.25E-2</v>
      </c>
      <c r="BO93" s="11">
        <v>-7.5</v>
      </c>
      <c r="BP93" s="13">
        <v>-0.125</v>
      </c>
      <c r="BQ93" s="6">
        <v>63</v>
      </c>
      <c r="BR93" s="6">
        <v>65</v>
      </c>
      <c r="BS93" s="6">
        <v>64</v>
      </c>
      <c r="BT93" s="6">
        <v>60</v>
      </c>
      <c r="BU93" s="6">
        <v>65</v>
      </c>
      <c r="BV93" s="6">
        <v>59</v>
      </c>
      <c r="BW93" s="6">
        <v>56</v>
      </c>
      <c r="BX93" s="6">
        <v>52</v>
      </c>
      <c r="BY93" s="6">
        <v>56</v>
      </c>
      <c r="BZ93" s="6">
        <v>53</v>
      </c>
      <c r="CA93" s="6">
        <v>50</v>
      </c>
      <c r="CB93" s="6">
        <v>53</v>
      </c>
      <c r="CC93" s="11">
        <v>52.5</v>
      </c>
      <c r="CD93" s="11">
        <v>-112.34699999999999</v>
      </c>
      <c r="CE93" s="11">
        <v>31.757200000000001</v>
      </c>
      <c r="CF93" s="11">
        <v>55.075800000000001</v>
      </c>
      <c r="CG93" s="11">
        <v>87</v>
      </c>
      <c r="CH93" s="20">
        <v>0.86290800000000001</v>
      </c>
      <c r="CI93" s="20">
        <v>0.92689999999999995</v>
      </c>
      <c r="CJ93" s="20">
        <v>0.95548299999999997</v>
      </c>
      <c r="CK93" s="20">
        <v>1.0465</v>
      </c>
      <c r="CL93" s="20">
        <v>0.93381999999999998</v>
      </c>
      <c r="CM93" s="20">
        <v>0.88478599999999996</v>
      </c>
      <c r="CN93" s="20">
        <v>0.87309700000000001</v>
      </c>
      <c r="CO93" s="20">
        <v>1.1746000000000001</v>
      </c>
      <c r="CP93" s="20">
        <v>1.17561</v>
      </c>
      <c r="CQ93" s="20">
        <v>0.99869200000000002</v>
      </c>
      <c r="CR93" s="20">
        <v>0.97143199999999996</v>
      </c>
      <c r="CS93" s="20">
        <v>0.95876099999999997</v>
      </c>
      <c r="CT93" s="20">
        <v>0.86633899999999997</v>
      </c>
      <c r="CU93" s="20">
        <v>0.80187799999999998</v>
      </c>
      <c r="CV93" s="20">
        <v>0.80196199999999995</v>
      </c>
      <c r="CW93" s="20">
        <v>0.80438699999999996</v>
      </c>
      <c r="CX93" s="20">
        <v>0.794987</v>
      </c>
      <c r="CY93" s="6"/>
      <c r="CZ93" s="6"/>
      <c r="DA93" s="6"/>
      <c r="DB93" s="6"/>
      <c r="DC93" s="6"/>
      <c r="DD93" s="6"/>
      <c r="DE93" s="6"/>
      <c r="DF93" s="6"/>
      <c r="DG93" s="6"/>
      <c r="DH93" s="6"/>
      <c r="DI93" s="6"/>
      <c r="DJ93" s="6"/>
      <c r="DK93" s="6"/>
      <c r="DL93" s="6"/>
      <c r="DM93" s="6"/>
      <c r="DN93" s="6"/>
      <c r="DO93" s="6"/>
    </row>
    <row r="94" spans="1:119" hidden="1" x14ac:dyDescent="0.2">
      <c r="A94" s="6" t="s">
        <v>314</v>
      </c>
      <c r="B94" s="6" t="s">
        <v>314</v>
      </c>
      <c r="C94" s="6" t="s">
        <v>183</v>
      </c>
      <c r="D94" s="6" t="s">
        <v>338</v>
      </c>
      <c r="E94" s="6" t="s">
        <v>332</v>
      </c>
      <c r="F94" s="11">
        <v>-2</v>
      </c>
      <c r="G94" s="13">
        <v>-1.9801980197999999E-2</v>
      </c>
      <c r="H94" s="11">
        <v>9.7732723459999988</v>
      </c>
      <c r="I94" s="13">
        <v>9.6944622925262777E-2</v>
      </c>
      <c r="J94" s="11">
        <v>-26.267609523199994</v>
      </c>
      <c r="K94" s="13">
        <v>-0.23753060378210705</v>
      </c>
      <c r="L94" s="11">
        <v>14.626676810099994</v>
      </c>
      <c r="M94" s="13">
        <v>0.17346915762591297</v>
      </c>
      <c r="N94" s="11">
        <v>-11.6409327131</v>
      </c>
      <c r="O94" s="13">
        <v>-0.10526567990465067</v>
      </c>
      <c r="P94" s="7">
        <v>100.812938883</v>
      </c>
      <c r="Q94" s="7">
        <v>125.11633159900001</v>
      </c>
      <c r="R94" s="7">
        <v>101.852693578</v>
      </c>
      <c r="S94" s="7">
        <v>110.038498472</v>
      </c>
      <c r="T94" s="7">
        <v>106.12673479599999</v>
      </c>
      <c r="U94" s="7">
        <v>119.276938129</v>
      </c>
      <c r="V94" s="7">
        <v>110.586211229</v>
      </c>
      <c r="W94" s="7">
        <v>74.223648019500004</v>
      </c>
      <c r="X94" s="7">
        <v>85.841057996700002</v>
      </c>
      <c r="Y94" s="7">
        <v>84.318601705800006</v>
      </c>
      <c r="Z94" s="7">
        <v>62.6032627449</v>
      </c>
      <c r="AA94" s="7">
        <v>60.945264743499997</v>
      </c>
      <c r="AB94" s="7">
        <v>59.0463891172</v>
      </c>
      <c r="AC94" s="7">
        <v>73.0917768873</v>
      </c>
      <c r="AD94" s="7">
        <v>84.359535817199998</v>
      </c>
      <c r="AE94" s="7">
        <v>93.126468618399997</v>
      </c>
      <c r="AF94" s="7">
        <v>98.9452785159</v>
      </c>
      <c r="AG94" s="9">
        <v>15057.9768248</v>
      </c>
      <c r="AH94" s="13">
        <v>0.5265929118969439</v>
      </c>
      <c r="AI94" s="9">
        <v>-4279.4408288999985</v>
      </c>
      <c r="AJ94" s="13">
        <v>-0.14965644014471063</v>
      </c>
      <c r="AK94" s="9">
        <v>5398.3204698000009</v>
      </c>
      <c r="AL94" s="13">
        <v>0.22201004279305556</v>
      </c>
      <c r="AM94" s="9">
        <v>13939.097183899998</v>
      </c>
      <c r="AN94" s="13">
        <v>0.46910906873286479</v>
      </c>
      <c r="AO94" s="9">
        <v>19337.417653699998</v>
      </c>
      <c r="AP94" s="13">
        <v>0.79526603594991407</v>
      </c>
      <c r="AQ94" s="9">
        <v>28595.099714799999</v>
      </c>
      <c r="AR94" s="9">
        <v>31394.019956100001</v>
      </c>
      <c r="AS94" s="9">
        <v>37159.965293100002</v>
      </c>
      <c r="AT94" s="9">
        <v>34244.9826455</v>
      </c>
      <c r="AU94" s="9">
        <v>28146.307109699999</v>
      </c>
      <c r="AV94" s="9">
        <v>24114.090966</v>
      </c>
      <c r="AW94" s="9">
        <v>24315.6588859</v>
      </c>
      <c r="AX94" s="9">
        <v>36475.116823600001</v>
      </c>
      <c r="AY94" s="9">
        <v>31632.105081599999</v>
      </c>
      <c r="AZ94" s="9">
        <v>29713.979355700001</v>
      </c>
      <c r="BA94" s="9">
        <v>41185.928032600001</v>
      </c>
      <c r="BB94" s="9">
        <v>45360.399959299997</v>
      </c>
      <c r="BC94" s="9">
        <v>39914.680238499997</v>
      </c>
      <c r="BD94" s="9">
        <v>41035.585534400001</v>
      </c>
      <c r="BE94" s="9">
        <v>37738.1286263</v>
      </c>
      <c r="BF94" s="9">
        <v>43653.076539599999</v>
      </c>
      <c r="BG94" s="11">
        <v>-3</v>
      </c>
      <c r="BH94" s="13">
        <v>-0.15789473684210525</v>
      </c>
      <c r="BI94" s="6">
        <v>0</v>
      </c>
      <c r="BJ94" s="13">
        <v>0</v>
      </c>
      <c r="BK94" s="6">
        <v>0</v>
      </c>
      <c r="BL94" s="13">
        <v>0</v>
      </c>
      <c r="BM94" s="11">
        <v>-3</v>
      </c>
      <c r="BN94" s="13">
        <v>-0.15789473684210525</v>
      </c>
      <c r="BO94" s="11">
        <v>-3</v>
      </c>
      <c r="BP94" s="13">
        <v>-0.15789473684210525</v>
      </c>
      <c r="BQ94" s="6">
        <v>19</v>
      </c>
      <c r="BR94" s="6">
        <v>19</v>
      </c>
      <c r="BS94" s="6">
        <v>21</v>
      </c>
      <c r="BT94" s="6">
        <v>19</v>
      </c>
      <c r="BU94" s="6">
        <v>18</v>
      </c>
      <c r="BV94" s="6">
        <v>20</v>
      </c>
      <c r="BW94" s="6">
        <v>19</v>
      </c>
      <c r="BX94" s="6">
        <v>18</v>
      </c>
      <c r="BY94" s="6">
        <v>19</v>
      </c>
      <c r="BZ94" s="6">
        <v>20</v>
      </c>
      <c r="CA94" s="6">
        <v>18</v>
      </c>
      <c r="CB94" s="6">
        <v>17</v>
      </c>
      <c r="CC94" s="11">
        <v>16</v>
      </c>
      <c r="CD94" s="11">
        <v>17.990300000000001</v>
      </c>
      <c r="CE94" s="11">
        <v>-30.878</v>
      </c>
      <c r="CF94" s="11">
        <v>11.020099999999999</v>
      </c>
      <c r="CG94" s="11">
        <v>-20</v>
      </c>
      <c r="CH94" s="20">
        <v>0.219254</v>
      </c>
      <c r="CI94" s="20">
        <v>0.28764400000000001</v>
      </c>
      <c r="CJ94" s="20">
        <v>0.243148</v>
      </c>
      <c r="CK94" s="20">
        <v>0.26634200000000002</v>
      </c>
      <c r="CL94" s="20">
        <v>0.269675</v>
      </c>
      <c r="CM94" s="20">
        <v>0.30731199999999997</v>
      </c>
      <c r="CN94" s="20">
        <v>0.27798699999999998</v>
      </c>
      <c r="CO94" s="20">
        <v>0.186614</v>
      </c>
      <c r="CP94" s="20">
        <v>0.23133400000000001</v>
      </c>
      <c r="CQ94" s="20">
        <v>0.26836300000000002</v>
      </c>
      <c r="CR94" s="20">
        <v>0.20594000000000001</v>
      </c>
      <c r="CS94" s="20">
        <v>0.20369399999999999</v>
      </c>
      <c r="CT94" s="20">
        <v>0.18795899999999999</v>
      </c>
      <c r="CU94" s="20">
        <v>0.234627</v>
      </c>
      <c r="CV94" s="20">
        <v>0.26682699999999998</v>
      </c>
      <c r="CW94" s="20">
        <v>0.29117700000000002</v>
      </c>
      <c r="CX94" s="20">
        <v>0.30487300000000001</v>
      </c>
      <c r="CY94" s="6"/>
      <c r="CZ94" s="6"/>
      <c r="DA94" s="6"/>
      <c r="DB94" s="6"/>
      <c r="DC94" s="6"/>
      <c r="DD94" s="6"/>
      <c r="DE94" s="6"/>
      <c r="DF94" s="6"/>
      <c r="DG94" s="6"/>
      <c r="DH94" s="6"/>
      <c r="DI94" s="6"/>
      <c r="DJ94" s="6"/>
      <c r="DK94" s="6"/>
      <c r="DL94" s="6"/>
      <c r="DM94" s="6"/>
      <c r="DN94" s="6"/>
      <c r="DO94" s="6"/>
    </row>
    <row r="95" spans="1:119" hidden="1" x14ac:dyDescent="0.2">
      <c r="A95" s="6" t="s">
        <v>315</v>
      </c>
      <c r="B95" s="6" t="s">
        <v>315</v>
      </c>
      <c r="C95" s="6" t="s">
        <v>184</v>
      </c>
      <c r="D95" s="6" t="s">
        <v>338</v>
      </c>
      <c r="E95" s="6" t="s">
        <v>332</v>
      </c>
      <c r="F95" s="11">
        <v>-50</v>
      </c>
      <c r="G95" s="13">
        <v>-0.106157112527</v>
      </c>
      <c r="H95" s="11">
        <v>28.162613994000026</v>
      </c>
      <c r="I95" s="13">
        <v>5.976758249067185E-2</v>
      </c>
      <c r="J95" s="11">
        <v>-14.247394779999979</v>
      </c>
      <c r="K95" s="13">
        <v>-2.8531036847946441E-2</v>
      </c>
      <c r="L95" s="11">
        <v>-64.200095668000017</v>
      </c>
      <c r="M95" s="13">
        <v>-0.13233930252823498</v>
      </c>
      <c r="N95" s="11">
        <v>-78.447490447999996</v>
      </c>
      <c r="O95" s="13">
        <v>-0.15709456185931683</v>
      </c>
      <c r="P95" s="7">
        <v>471.20216044199998</v>
      </c>
      <c r="Q95" s="7">
        <v>487.71957821500001</v>
      </c>
      <c r="R95" s="7">
        <v>483.18563091300001</v>
      </c>
      <c r="S95" s="7">
        <v>476.83900041099997</v>
      </c>
      <c r="T95" s="7">
        <v>498.91917812299999</v>
      </c>
      <c r="U95" s="7">
        <v>482.41428880799998</v>
      </c>
      <c r="V95" s="7">
        <v>499.364774436</v>
      </c>
      <c r="W95" s="7">
        <v>489.58298966799998</v>
      </c>
      <c r="X95" s="7">
        <v>462.41111463099998</v>
      </c>
      <c r="Y95" s="7">
        <v>485.11737965600003</v>
      </c>
      <c r="Z95" s="7">
        <v>459.24632711300001</v>
      </c>
      <c r="AA95" s="7">
        <v>439.38105970599997</v>
      </c>
      <c r="AB95" s="7">
        <v>394.263482904</v>
      </c>
      <c r="AC95" s="7">
        <v>395.33844526199999</v>
      </c>
      <c r="AD95" s="7">
        <v>414.04747643600001</v>
      </c>
      <c r="AE95" s="7">
        <v>421.86852038400002</v>
      </c>
      <c r="AF95" s="7">
        <v>420.91728398800001</v>
      </c>
      <c r="AG95" s="9">
        <v>15659.407060899997</v>
      </c>
      <c r="AH95" s="13">
        <v>0.5464005416219887</v>
      </c>
      <c r="AI95" s="9">
        <v>5648.2461524000028</v>
      </c>
      <c r="AJ95" s="13">
        <v>0.19708311718849345</v>
      </c>
      <c r="AK95" s="9">
        <v>1253.6158280999953</v>
      </c>
      <c r="AL95" s="13">
        <v>3.6540624766903354E-2</v>
      </c>
      <c r="AM95" s="9">
        <v>8757.5450803999993</v>
      </c>
      <c r="AN95" s="13">
        <v>0.24626775729018449</v>
      </c>
      <c r="AO95" s="9">
        <v>10011.160908499995</v>
      </c>
      <c r="AP95" s="13">
        <v>0.29180715976841531</v>
      </c>
      <c r="AQ95" s="9">
        <v>28659.2085257</v>
      </c>
      <c r="AR95" s="9">
        <v>29152.033945800002</v>
      </c>
      <c r="AS95" s="9">
        <v>28714.320102900001</v>
      </c>
      <c r="AT95" s="9">
        <v>30417.698622</v>
      </c>
      <c r="AU95" s="9">
        <v>32224.711752899999</v>
      </c>
      <c r="AV95" s="9">
        <v>33958.319741799998</v>
      </c>
      <c r="AW95" s="9">
        <v>34307.454678100003</v>
      </c>
      <c r="AX95" s="9">
        <v>36285.635305900003</v>
      </c>
      <c r="AY95" s="9">
        <v>36408.108132699999</v>
      </c>
      <c r="AZ95" s="9">
        <v>35561.070506199998</v>
      </c>
      <c r="BA95" s="9">
        <v>36139.551049399997</v>
      </c>
      <c r="BB95" s="9">
        <v>37145.472732499999</v>
      </c>
      <c r="BC95" s="9">
        <v>38444.507448199998</v>
      </c>
      <c r="BD95" s="9">
        <v>39263.814167800003</v>
      </c>
      <c r="BE95" s="9">
        <v>42106.809113199997</v>
      </c>
      <c r="BF95" s="9">
        <v>44318.615586599997</v>
      </c>
      <c r="BG95" s="11">
        <v>2.25</v>
      </c>
      <c r="BH95" s="13">
        <v>3.0405405405405407E-2</v>
      </c>
      <c r="BI95" s="6">
        <v>7</v>
      </c>
      <c r="BJ95" s="13">
        <v>9.45945945945946E-2</v>
      </c>
      <c r="BK95" s="6">
        <v>-1</v>
      </c>
      <c r="BL95" s="13">
        <v>-1.2345679012345678E-2</v>
      </c>
      <c r="BM95" s="11">
        <v>-3.75</v>
      </c>
      <c r="BN95" s="13">
        <v>-4.6875E-2</v>
      </c>
      <c r="BO95" s="11">
        <v>-4.75</v>
      </c>
      <c r="BP95" s="13">
        <v>-5.8641975308641972E-2</v>
      </c>
      <c r="BQ95" s="6">
        <v>74</v>
      </c>
      <c r="BR95" s="6">
        <v>82</v>
      </c>
      <c r="BS95" s="6">
        <v>82</v>
      </c>
      <c r="BT95" s="6">
        <v>81</v>
      </c>
      <c r="BU95" s="6">
        <v>80</v>
      </c>
      <c r="BV95" s="6">
        <v>76</v>
      </c>
      <c r="BW95" s="6">
        <v>80</v>
      </c>
      <c r="BX95" s="6">
        <v>80</v>
      </c>
      <c r="BY95" s="6">
        <v>81</v>
      </c>
      <c r="BZ95" s="6">
        <v>83</v>
      </c>
      <c r="CA95" s="6">
        <v>83</v>
      </c>
      <c r="CB95" s="6">
        <v>78</v>
      </c>
      <c r="CC95" s="11">
        <v>76.25</v>
      </c>
      <c r="CD95" s="11">
        <v>-64.313400000000001</v>
      </c>
      <c r="CE95" s="11">
        <v>-37.479500000000002</v>
      </c>
      <c r="CF95" s="11">
        <v>51.508099999999999</v>
      </c>
      <c r="CG95" s="11">
        <v>15</v>
      </c>
      <c r="CH95" s="20">
        <v>0.62825600000000004</v>
      </c>
      <c r="CI95" s="20">
        <v>0.65142699999999998</v>
      </c>
      <c r="CJ95" s="20">
        <v>0.62521300000000002</v>
      </c>
      <c r="CK95" s="20">
        <v>0.60819500000000004</v>
      </c>
      <c r="CL95" s="20">
        <v>0.64852399999999999</v>
      </c>
      <c r="CM95" s="20">
        <v>0.62176799999999999</v>
      </c>
      <c r="CN95" s="20">
        <v>0.62740300000000004</v>
      </c>
      <c r="CO95" s="20">
        <v>0.62065800000000004</v>
      </c>
      <c r="CP95" s="20">
        <v>0.61699899999999996</v>
      </c>
      <c r="CQ95" s="20">
        <v>0.75283199999999995</v>
      </c>
      <c r="CR95" s="20">
        <v>0.72541800000000001</v>
      </c>
      <c r="CS95" s="20">
        <v>0.70011800000000002</v>
      </c>
      <c r="CT95" s="20">
        <v>0.60047399999999995</v>
      </c>
      <c r="CU95" s="20">
        <v>0.61303099999999999</v>
      </c>
      <c r="CV95" s="20">
        <v>0.62761199999999995</v>
      </c>
      <c r="CW95" s="20">
        <v>0.63414800000000004</v>
      </c>
      <c r="CX95" s="20">
        <v>0.62001799999999996</v>
      </c>
      <c r="CY95" s="6"/>
      <c r="CZ95" s="6"/>
      <c r="DA95" s="6"/>
      <c r="DB95" s="6"/>
      <c r="DC95" s="6"/>
      <c r="DD95" s="6"/>
      <c r="DE95" s="6"/>
      <c r="DF95" s="6"/>
      <c r="DG95" s="6"/>
      <c r="DH95" s="6"/>
      <c r="DI95" s="6"/>
      <c r="DJ95" s="6"/>
      <c r="DK95" s="6"/>
      <c r="DL95" s="6"/>
      <c r="DM95" s="6"/>
      <c r="DN95" s="6"/>
      <c r="DO95" s="6"/>
    </row>
    <row r="96" spans="1:119" hidden="1" x14ac:dyDescent="0.2">
      <c r="A96" s="6" t="s">
        <v>316</v>
      </c>
      <c r="B96" s="6" t="s">
        <v>316</v>
      </c>
      <c r="C96" s="6" t="s">
        <v>185</v>
      </c>
      <c r="D96" s="6" t="s">
        <v>338</v>
      </c>
      <c r="E96" s="6" t="s">
        <v>332</v>
      </c>
      <c r="F96" s="11">
        <v>-35</v>
      </c>
      <c r="G96" s="13">
        <v>-0.121527777778</v>
      </c>
      <c r="H96" s="11">
        <v>154.68716258400002</v>
      </c>
      <c r="I96" s="13">
        <v>0.53653345166075139</v>
      </c>
      <c r="J96" s="11">
        <v>-93.103662573999998</v>
      </c>
      <c r="K96" s="13">
        <v>-0.21016833194782367</v>
      </c>
      <c r="L96" s="11">
        <v>-96.929650758000008</v>
      </c>
      <c r="M96" s="13">
        <v>-0.27702733031254928</v>
      </c>
      <c r="N96" s="11">
        <v>-190.03331333200001</v>
      </c>
      <c r="O96" s="13">
        <v>-0.42897329034462567</v>
      </c>
      <c r="P96" s="7">
        <v>288.30851479099999</v>
      </c>
      <c r="Q96" s="7">
        <v>293.60426825399998</v>
      </c>
      <c r="R96" s="7">
        <v>309.16268784900001</v>
      </c>
      <c r="S96" s="7">
        <v>353.95756621300001</v>
      </c>
      <c r="T96" s="7">
        <v>355.21801101099999</v>
      </c>
      <c r="U96" s="7">
        <v>424.70559170000001</v>
      </c>
      <c r="V96" s="7">
        <v>442.99567737500001</v>
      </c>
      <c r="W96" s="7">
        <v>457.91431671100003</v>
      </c>
      <c r="X96" s="7">
        <v>403.20674095800001</v>
      </c>
      <c r="Y96" s="7">
        <v>349.89201480100002</v>
      </c>
      <c r="Z96" s="7">
        <v>302.91242340600002</v>
      </c>
      <c r="AA96" s="7">
        <v>174.742379419</v>
      </c>
      <c r="AB96" s="7">
        <v>152.44003661599999</v>
      </c>
      <c r="AC96" s="7">
        <v>156.63730048400001</v>
      </c>
      <c r="AD96" s="7">
        <v>198.71047056699999</v>
      </c>
      <c r="AE96" s="7">
        <v>245.708850181</v>
      </c>
      <c r="AF96" s="7">
        <v>252.96236404300001</v>
      </c>
      <c r="AG96" s="9">
        <v>11182.222274199998</v>
      </c>
      <c r="AH96" s="13">
        <v>0.57469081817923651</v>
      </c>
      <c r="AI96" s="9">
        <v>4192.5793247999973</v>
      </c>
      <c r="AJ96" s="13">
        <v>0.21547030486147603</v>
      </c>
      <c r="AK96" s="9">
        <v>1819.2693641000005</v>
      </c>
      <c r="AL96" s="13">
        <v>7.6923456538298726E-2</v>
      </c>
      <c r="AM96" s="9">
        <v>5170.3735852999998</v>
      </c>
      <c r="AN96" s="13">
        <v>0.20300132493323592</v>
      </c>
      <c r="AO96" s="9">
        <v>6989.6429494000004</v>
      </c>
      <c r="AP96" s="13">
        <v>0.29554034506725352</v>
      </c>
      <c r="AQ96" s="9">
        <v>19457.805693900002</v>
      </c>
      <c r="AR96" s="9">
        <v>21862.380719799999</v>
      </c>
      <c r="AS96" s="9">
        <v>22674.450223600001</v>
      </c>
      <c r="AT96" s="9">
        <v>22227.225033399998</v>
      </c>
      <c r="AU96" s="9">
        <v>24925.220850199999</v>
      </c>
      <c r="AV96" s="9">
        <v>22339.568305500001</v>
      </c>
      <c r="AW96" s="9">
        <v>23650.385018699999</v>
      </c>
      <c r="AX96" s="9">
        <v>23875.753384700001</v>
      </c>
      <c r="AY96" s="9">
        <v>23640.474643199999</v>
      </c>
      <c r="AZ96" s="9">
        <v>25469.654382799999</v>
      </c>
      <c r="BA96" s="9">
        <v>28054.376447800001</v>
      </c>
      <c r="BB96" s="9">
        <v>24626.818528200001</v>
      </c>
      <c r="BC96" s="9">
        <v>25058.565347100001</v>
      </c>
      <c r="BD96" s="9">
        <v>26968.8173135</v>
      </c>
      <c r="BE96" s="9">
        <v>30650.665839099998</v>
      </c>
      <c r="BF96" s="9">
        <v>30640.027968099999</v>
      </c>
      <c r="BG96" s="11">
        <v>-11.5</v>
      </c>
      <c r="BH96" s="13">
        <v>-0.20909090909090908</v>
      </c>
      <c r="BI96" s="6">
        <v>3</v>
      </c>
      <c r="BJ96" s="13">
        <v>5.4545454545454543E-2</v>
      </c>
      <c r="BK96" s="6">
        <v>-13</v>
      </c>
      <c r="BL96" s="13">
        <v>-0.22413793103448276</v>
      </c>
      <c r="BM96" s="11">
        <v>-1.5</v>
      </c>
      <c r="BN96" s="13">
        <v>-3.3333333333333333E-2</v>
      </c>
      <c r="BO96" s="11">
        <v>-14.5</v>
      </c>
      <c r="BP96" s="13">
        <v>-0.25</v>
      </c>
      <c r="BQ96" s="6">
        <v>55</v>
      </c>
      <c r="BR96" s="6">
        <v>56</v>
      </c>
      <c r="BS96" s="6">
        <v>59</v>
      </c>
      <c r="BT96" s="6">
        <v>58</v>
      </c>
      <c r="BU96" s="6">
        <v>56</v>
      </c>
      <c r="BV96" s="6">
        <v>53</v>
      </c>
      <c r="BW96" s="6">
        <v>45</v>
      </c>
      <c r="BX96" s="6">
        <v>44</v>
      </c>
      <c r="BY96" s="6">
        <v>41</v>
      </c>
      <c r="BZ96" s="6">
        <v>42</v>
      </c>
      <c r="CA96" s="6">
        <v>39</v>
      </c>
      <c r="CB96" s="6">
        <v>42</v>
      </c>
      <c r="CC96" s="11">
        <v>43.5</v>
      </c>
      <c r="CD96" s="11">
        <v>-52.238500000000002</v>
      </c>
      <c r="CE96" s="11">
        <v>-14.6233</v>
      </c>
      <c r="CF96" s="11">
        <v>31.515599999999999</v>
      </c>
      <c r="CG96" s="11">
        <v>17</v>
      </c>
      <c r="CH96" s="20">
        <v>0.93418100000000004</v>
      </c>
      <c r="CI96" s="20">
        <v>0.94491899999999995</v>
      </c>
      <c r="CJ96" s="20">
        <v>0.96118800000000004</v>
      </c>
      <c r="CK96" s="20">
        <v>1.06114</v>
      </c>
      <c r="CL96" s="20">
        <v>1.0654699999999999</v>
      </c>
      <c r="CM96" s="20">
        <v>1.2676400000000001</v>
      </c>
      <c r="CN96" s="20">
        <v>1.29403</v>
      </c>
      <c r="CO96" s="20">
        <v>1.3537699999999999</v>
      </c>
      <c r="CP96" s="20">
        <v>1.2774099999999999</v>
      </c>
      <c r="CQ96" s="20">
        <v>1.31531</v>
      </c>
      <c r="CR96" s="20">
        <v>1.17486</v>
      </c>
      <c r="CS96" s="20">
        <v>0.68199799999999999</v>
      </c>
      <c r="CT96" s="20">
        <v>0.56333200000000005</v>
      </c>
      <c r="CU96" s="20">
        <v>0.57598700000000003</v>
      </c>
      <c r="CV96" s="20">
        <v>0.71010499999999999</v>
      </c>
      <c r="CW96" s="20">
        <v>0.87201499999999998</v>
      </c>
      <c r="CX96" s="20">
        <v>0.88088699999999998</v>
      </c>
      <c r="CY96" s="6"/>
      <c r="CZ96" s="6"/>
      <c r="DA96" s="6"/>
      <c r="DB96" s="6"/>
      <c r="DC96" s="6"/>
      <c r="DD96" s="6"/>
      <c r="DE96" s="6"/>
      <c r="DF96" s="6"/>
      <c r="DG96" s="6"/>
      <c r="DH96" s="6"/>
      <c r="DI96" s="6"/>
      <c r="DJ96" s="6"/>
      <c r="DK96" s="6"/>
      <c r="DL96" s="6"/>
      <c r="DM96" s="6"/>
      <c r="DN96" s="6"/>
      <c r="DO96" s="6"/>
    </row>
    <row r="97" spans="1:119" hidden="1" x14ac:dyDescent="0.2">
      <c r="A97" s="6" t="s">
        <v>317</v>
      </c>
      <c r="B97" s="6" t="s">
        <v>317</v>
      </c>
      <c r="C97" s="6" t="s">
        <v>186</v>
      </c>
      <c r="D97" s="6" t="s">
        <v>338</v>
      </c>
      <c r="E97" s="6" t="s">
        <v>332</v>
      </c>
      <c r="F97" s="11">
        <v>196</v>
      </c>
      <c r="G97" s="13">
        <v>1.1878787878799999</v>
      </c>
      <c r="H97" s="11">
        <v>62.071305670000015</v>
      </c>
      <c r="I97" s="13">
        <v>0.3758694612322675</v>
      </c>
      <c r="J97" s="11">
        <v>16.236227532999976</v>
      </c>
      <c r="K97" s="13">
        <v>7.1458526764038174E-2</v>
      </c>
      <c r="L97" s="11">
        <v>117.90792945699999</v>
      </c>
      <c r="M97" s="13">
        <v>0.48432465412019632</v>
      </c>
      <c r="N97" s="11">
        <v>134.14415698999997</v>
      </c>
      <c r="O97" s="13">
        <v>0.59039230714316604</v>
      </c>
      <c r="P97" s="7">
        <v>165.140592871</v>
      </c>
      <c r="Q97" s="7">
        <v>166.545297783</v>
      </c>
      <c r="R97" s="7">
        <v>194.55401047699999</v>
      </c>
      <c r="S97" s="7">
        <v>221.18366741899999</v>
      </c>
      <c r="T97" s="7">
        <v>229.19086253399999</v>
      </c>
      <c r="U97" s="7">
        <v>234.970712453</v>
      </c>
      <c r="V97" s="7">
        <v>227.21189854100001</v>
      </c>
      <c r="W97" s="7">
        <v>202.12441349400001</v>
      </c>
      <c r="X97" s="7">
        <v>214.731586604</v>
      </c>
      <c r="Y97" s="7">
        <v>243.44812607399999</v>
      </c>
      <c r="Z97" s="7">
        <v>242.88951308</v>
      </c>
      <c r="AA97" s="7">
        <v>271.99283857799998</v>
      </c>
      <c r="AB97" s="7">
        <v>292.76210302800001</v>
      </c>
      <c r="AC97" s="7">
        <v>304.76084006399998</v>
      </c>
      <c r="AD97" s="7">
        <v>311.13667073300002</v>
      </c>
      <c r="AE97" s="7">
        <v>342.721926172</v>
      </c>
      <c r="AF97" s="7">
        <v>361.35605553099998</v>
      </c>
      <c r="AG97" s="9">
        <v>2414.7376418999993</v>
      </c>
      <c r="AH97" s="13">
        <v>8.155519337078361E-2</v>
      </c>
      <c r="AI97" s="9">
        <v>2468.7445219000001</v>
      </c>
      <c r="AJ97" s="13">
        <v>8.3379218252545559E-2</v>
      </c>
      <c r="AK97" s="9">
        <v>1062.561890500001</v>
      </c>
      <c r="AL97" s="13">
        <v>3.31249632183966E-2</v>
      </c>
      <c r="AM97" s="9">
        <v>-1116.5687705000018</v>
      </c>
      <c r="AN97" s="13">
        <v>-3.3692542937081973E-2</v>
      </c>
      <c r="AO97" s="9">
        <v>-54.00688000000082</v>
      </c>
      <c r="AP97" s="13">
        <v>-1.6836439642104635E-3</v>
      </c>
      <c r="AQ97" s="9">
        <v>29608.631186999999</v>
      </c>
      <c r="AR97" s="9">
        <v>32508.970646000002</v>
      </c>
      <c r="AS97" s="9">
        <v>32167.701917099999</v>
      </c>
      <c r="AT97" s="9">
        <v>31562.643107200001</v>
      </c>
      <c r="AU97" s="9">
        <v>36863.240262500003</v>
      </c>
      <c r="AV97" s="9">
        <v>35854.837144899997</v>
      </c>
      <c r="AW97" s="9">
        <v>32077.375708899999</v>
      </c>
      <c r="AX97" s="9">
        <v>32262.421021599999</v>
      </c>
      <c r="AY97" s="9">
        <v>30406.894694499999</v>
      </c>
      <c r="AZ97" s="9">
        <v>33139.9375994</v>
      </c>
      <c r="BA97" s="9">
        <v>29338.486315999999</v>
      </c>
      <c r="BB97" s="9">
        <v>31956.345567299999</v>
      </c>
      <c r="BC97" s="9">
        <v>30468.612799899998</v>
      </c>
      <c r="BD97" s="9">
        <v>30980.829517900002</v>
      </c>
      <c r="BE97" s="9">
        <v>31873.9078138</v>
      </c>
      <c r="BF97" s="9">
        <v>32023.368828899998</v>
      </c>
      <c r="BG97" s="11">
        <v>13.25</v>
      </c>
      <c r="BH97" s="13">
        <v>0.27604166666666669</v>
      </c>
      <c r="BI97" s="6">
        <v>6</v>
      </c>
      <c r="BJ97" s="13">
        <v>0.125</v>
      </c>
      <c r="BK97" s="6">
        <v>1</v>
      </c>
      <c r="BL97" s="13">
        <v>1.8518518518518517E-2</v>
      </c>
      <c r="BM97" s="11">
        <v>6.25</v>
      </c>
      <c r="BN97" s="13">
        <v>0.11363636363636363</v>
      </c>
      <c r="BO97" s="11">
        <v>7.25</v>
      </c>
      <c r="BP97" s="13">
        <v>0.13425925925925927</v>
      </c>
      <c r="BQ97" s="6">
        <v>48</v>
      </c>
      <c r="BR97" s="6">
        <v>53</v>
      </c>
      <c r="BS97" s="6">
        <v>53</v>
      </c>
      <c r="BT97" s="6">
        <v>54</v>
      </c>
      <c r="BU97" s="6">
        <v>53</v>
      </c>
      <c r="BV97" s="6">
        <v>48</v>
      </c>
      <c r="BW97" s="6">
        <v>55</v>
      </c>
      <c r="BX97" s="6">
        <v>47</v>
      </c>
      <c r="BY97" s="6">
        <v>53</v>
      </c>
      <c r="BZ97" s="6">
        <v>58</v>
      </c>
      <c r="CA97" s="6">
        <v>57</v>
      </c>
      <c r="CB97" s="6">
        <v>61</v>
      </c>
      <c r="CC97" s="11">
        <v>61.25</v>
      </c>
      <c r="CD97" s="11">
        <v>145.119</v>
      </c>
      <c r="CE97" s="11">
        <v>33.045000000000002</v>
      </c>
      <c r="CF97" s="11">
        <v>18.0519</v>
      </c>
      <c r="CG97" s="11">
        <v>51</v>
      </c>
      <c r="CH97" s="20">
        <v>0.16816999999999999</v>
      </c>
      <c r="CI97" s="20">
        <v>0.17275399999999999</v>
      </c>
      <c r="CJ97" s="20">
        <v>0.19880900000000001</v>
      </c>
      <c r="CK97" s="20">
        <v>0.21969900000000001</v>
      </c>
      <c r="CL97" s="20">
        <v>0.22648699999999999</v>
      </c>
      <c r="CM97" s="20">
        <v>0.22475700000000001</v>
      </c>
      <c r="CN97" s="20">
        <v>0.204844</v>
      </c>
      <c r="CO97" s="20">
        <v>0.176345</v>
      </c>
      <c r="CP97" s="20">
        <v>0.19628499999999999</v>
      </c>
      <c r="CQ97" s="20">
        <v>0.25466800000000001</v>
      </c>
      <c r="CR97" s="20">
        <v>0.253496</v>
      </c>
      <c r="CS97" s="20">
        <v>0.28092699999999998</v>
      </c>
      <c r="CT97" s="20">
        <v>0.28351999999999999</v>
      </c>
      <c r="CU97" s="20">
        <v>0.293601</v>
      </c>
      <c r="CV97" s="20">
        <v>0.28905500000000001</v>
      </c>
      <c r="CW97" s="20">
        <v>0.31312000000000001</v>
      </c>
      <c r="CX97" s="20">
        <v>0.31972200000000001</v>
      </c>
      <c r="CY97" s="6"/>
      <c r="CZ97" s="6"/>
      <c r="DA97" s="6"/>
      <c r="DB97" s="6"/>
      <c r="DC97" s="6"/>
      <c r="DD97" s="6"/>
      <c r="DE97" s="6"/>
      <c r="DF97" s="6"/>
      <c r="DG97" s="6"/>
      <c r="DH97" s="6"/>
      <c r="DI97" s="6"/>
      <c r="DJ97" s="6"/>
      <c r="DK97" s="6"/>
      <c r="DL97" s="6"/>
      <c r="DM97" s="6"/>
      <c r="DN97" s="6"/>
      <c r="DO97" s="6"/>
    </row>
    <row r="98" spans="1:119" hidden="1" x14ac:dyDescent="0.2">
      <c r="A98" s="6" t="s">
        <v>318</v>
      </c>
      <c r="B98" s="6" t="s">
        <v>318</v>
      </c>
      <c r="C98" s="6" t="s">
        <v>187</v>
      </c>
      <c r="D98" s="6" t="s">
        <v>338</v>
      </c>
      <c r="E98" s="6" t="s">
        <v>332</v>
      </c>
      <c r="F98" s="11">
        <v>84</v>
      </c>
      <c r="G98" s="13">
        <v>1.9090909090899999</v>
      </c>
      <c r="H98" s="11">
        <v>27.538433000000005</v>
      </c>
      <c r="I98" s="13">
        <v>0.62064561003243957</v>
      </c>
      <c r="J98" s="11">
        <v>4.3235099999999989</v>
      </c>
      <c r="K98" s="13">
        <v>6.0124693333136026E-2</v>
      </c>
      <c r="L98" s="11">
        <v>51.535557845</v>
      </c>
      <c r="M98" s="13">
        <v>0.6760307290321208</v>
      </c>
      <c r="N98" s="11">
        <v>55.859067844999998</v>
      </c>
      <c r="O98" s="13">
        <v>0.77680156263208955</v>
      </c>
      <c r="P98" s="7">
        <v>44.370623999999999</v>
      </c>
      <c r="Q98" s="7">
        <v>60.614057000000003</v>
      </c>
      <c r="R98" s="7">
        <v>52.613525000000003</v>
      </c>
      <c r="S98" s="7">
        <v>52.706045000000003</v>
      </c>
      <c r="T98" s="7">
        <v>49.452804999999998</v>
      </c>
      <c r="U98" s="7">
        <v>73.208821999999998</v>
      </c>
      <c r="V98" s="7">
        <v>71.909057000000004</v>
      </c>
      <c r="W98" s="7">
        <v>63.50376</v>
      </c>
      <c r="X98" s="7">
        <v>48.187804999999997</v>
      </c>
      <c r="Y98" s="7">
        <v>76.232567000000003</v>
      </c>
      <c r="Z98" s="7">
        <v>85.925072</v>
      </c>
      <c r="AA98" s="7">
        <v>72.103870000000001</v>
      </c>
      <c r="AB98" s="7">
        <v>91.765136999999996</v>
      </c>
      <c r="AC98" s="7">
        <v>97.668695</v>
      </c>
      <c r="AD98" s="7">
        <v>119.281944</v>
      </c>
      <c r="AE98" s="7">
        <v>119.21839850000001</v>
      </c>
      <c r="AF98" s="7">
        <v>127.768124845</v>
      </c>
      <c r="AG98" s="9">
        <v>8902.4216738999967</v>
      </c>
      <c r="AH98" s="13">
        <v>0.12965611077748759</v>
      </c>
      <c r="AI98" s="9">
        <v>5651.2162797999918</v>
      </c>
      <c r="AJ98" s="13">
        <v>8.2305102009428782E-2</v>
      </c>
      <c r="AK98" s="9">
        <v>-16806.238173199992</v>
      </c>
      <c r="AL98" s="13">
        <v>-0.22615471004768473</v>
      </c>
      <c r="AM98" s="9">
        <v>20057.443567299997</v>
      </c>
      <c r="AN98" s="13">
        <v>0.34878400359568901</v>
      </c>
      <c r="AO98" s="9">
        <v>3251.2053941000049</v>
      </c>
      <c r="AP98" s="13">
        <v>4.3750148345550605E-2</v>
      </c>
      <c r="AQ98" s="9">
        <v>68661.797893800001</v>
      </c>
      <c r="AR98" s="9">
        <v>57862.114344499998</v>
      </c>
      <c r="AS98" s="9">
        <v>69702.445074599993</v>
      </c>
      <c r="AT98" s="9">
        <v>65093.224216900002</v>
      </c>
      <c r="AU98" s="9">
        <v>65886.417422099999</v>
      </c>
      <c r="AV98" s="9">
        <v>60074.258876200001</v>
      </c>
      <c r="AW98" s="9">
        <v>74313.014173599993</v>
      </c>
      <c r="AX98" s="9">
        <v>80801.086964999995</v>
      </c>
      <c r="AY98" s="9">
        <v>60025.2563257</v>
      </c>
      <c r="AZ98" s="9">
        <v>57506.776000400001</v>
      </c>
      <c r="BA98" s="9">
        <v>93516.440432200005</v>
      </c>
      <c r="BB98" s="9">
        <v>82087.279661799999</v>
      </c>
      <c r="BC98" s="9">
        <v>65568.177121400004</v>
      </c>
      <c r="BD98" s="9">
        <v>62223.1444443</v>
      </c>
      <c r="BE98" s="9">
        <v>85390.697668599998</v>
      </c>
      <c r="BF98" s="9">
        <v>77564.219567699998</v>
      </c>
      <c r="BG98" s="11">
        <v>6</v>
      </c>
      <c r="BH98" s="13">
        <v>1.2</v>
      </c>
      <c r="BI98" s="6">
        <v>1</v>
      </c>
      <c r="BJ98" s="13">
        <v>0.2</v>
      </c>
      <c r="BK98" s="6">
        <v>2</v>
      </c>
      <c r="BL98" s="13">
        <v>0.33333333333333331</v>
      </c>
      <c r="BM98" s="11">
        <v>3</v>
      </c>
      <c r="BN98" s="13">
        <v>0.375</v>
      </c>
      <c r="BO98" s="11">
        <v>5</v>
      </c>
      <c r="BP98" s="13">
        <v>0.83333333333333337</v>
      </c>
      <c r="BQ98" s="6">
        <v>5</v>
      </c>
      <c r="BR98" s="6">
        <v>6</v>
      </c>
      <c r="BS98" s="6">
        <v>6</v>
      </c>
      <c r="BT98" s="6">
        <v>6</v>
      </c>
      <c r="BU98" s="6">
        <v>5</v>
      </c>
      <c r="BV98" s="6">
        <v>6</v>
      </c>
      <c r="BW98" s="6">
        <v>8</v>
      </c>
      <c r="BX98" s="6">
        <v>7</v>
      </c>
      <c r="BY98" s="6">
        <v>6</v>
      </c>
      <c r="BZ98" s="6">
        <v>7</v>
      </c>
      <c r="CA98" s="6">
        <v>7</v>
      </c>
      <c r="CB98" s="6">
        <v>11</v>
      </c>
      <c r="CC98" s="11">
        <v>11</v>
      </c>
      <c r="CD98" s="11">
        <v>69.0471</v>
      </c>
      <c r="CE98" s="11">
        <v>9.5001099999999994</v>
      </c>
      <c r="CF98" s="11">
        <v>4.8502400000000003</v>
      </c>
      <c r="CG98" s="11">
        <v>15</v>
      </c>
      <c r="CH98" s="20">
        <v>0.20791899999999999</v>
      </c>
      <c r="CI98" s="20">
        <v>0.28700500000000001</v>
      </c>
      <c r="CJ98" s="20">
        <v>0.25147000000000003</v>
      </c>
      <c r="CK98" s="20">
        <v>0.24454100000000001</v>
      </c>
      <c r="CL98" s="20">
        <v>0.23147200000000001</v>
      </c>
      <c r="CM98" s="20">
        <v>0.33765499999999998</v>
      </c>
      <c r="CN98" s="20">
        <v>0.31257099999999999</v>
      </c>
      <c r="CO98" s="20">
        <v>0.263604</v>
      </c>
      <c r="CP98" s="20">
        <v>0.206487</v>
      </c>
      <c r="CQ98" s="20">
        <v>0.37149799999999999</v>
      </c>
      <c r="CR98" s="20">
        <v>0.41500599999999999</v>
      </c>
      <c r="CS98" s="20">
        <v>0.33888099999999999</v>
      </c>
      <c r="CT98" s="20">
        <v>0.397648</v>
      </c>
      <c r="CU98" s="20">
        <v>0.41916799999999999</v>
      </c>
      <c r="CV98" s="20">
        <v>0.498863</v>
      </c>
      <c r="CW98" s="20">
        <v>0.494087</v>
      </c>
      <c r="CX98" s="20">
        <v>0.51468499999999995</v>
      </c>
      <c r="CY98" s="6"/>
      <c r="CZ98" s="6"/>
      <c r="DA98" s="6"/>
      <c r="DB98" s="6"/>
      <c r="DC98" s="6"/>
      <c r="DD98" s="6"/>
      <c r="DE98" s="6"/>
      <c r="DF98" s="6"/>
      <c r="DG98" s="6"/>
      <c r="DH98" s="6"/>
      <c r="DI98" s="6"/>
      <c r="DJ98" s="6"/>
      <c r="DK98" s="6"/>
      <c r="DL98" s="6"/>
      <c r="DM98" s="6"/>
      <c r="DN98" s="6"/>
      <c r="DO98" s="6"/>
    </row>
    <row r="99" spans="1:119" hidden="1" x14ac:dyDescent="0.2">
      <c r="A99" s="6" t="s">
        <v>319</v>
      </c>
      <c r="B99" s="6" t="s">
        <v>319</v>
      </c>
      <c r="C99" s="6" t="s">
        <v>188</v>
      </c>
      <c r="D99" s="6" t="s">
        <v>338</v>
      </c>
      <c r="E99" s="6" t="s">
        <v>332</v>
      </c>
      <c r="F99" s="11">
        <v>283</v>
      </c>
      <c r="G99" s="13">
        <v>0.46241830065400003</v>
      </c>
      <c r="H99" s="11">
        <v>-22.016237496000031</v>
      </c>
      <c r="I99" s="13">
        <v>-3.5991312819224734E-2</v>
      </c>
      <c r="J99" s="11">
        <v>-110.42616609300001</v>
      </c>
      <c r="K99" s="13">
        <v>-0.18726026486337391</v>
      </c>
      <c r="L99" s="11">
        <v>416.16599838700006</v>
      </c>
      <c r="M99" s="13">
        <v>0.86833786765631549</v>
      </c>
      <c r="N99" s="11">
        <v>305.73983229400005</v>
      </c>
      <c r="O99" s="13">
        <v>0.51847242370472257</v>
      </c>
      <c r="P99" s="7">
        <v>611.70976470300002</v>
      </c>
      <c r="Q99" s="7">
        <v>681.77506938399995</v>
      </c>
      <c r="R99" s="7">
        <v>778.77024380199998</v>
      </c>
      <c r="S99" s="7">
        <v>663.39225475399996</v>
      </c>
      <c r="T99" s="7">
        <v>743.23206836899999</v>
      </c>
      <c r="U99" s="7">
        <v>756.68184315400003</v>
      </c>
      <c r="V99" s="7">
        <v>589.69352720699999</v>
      </c>
      <c r="W99" s="7">
        <v>726.30566380499999</v>
      </c>
      <c r="X99" s="7">
        <v>612.95732330700002</v>
      </c>
      <c r="Y99" s="7">
        <v>479.26736111399998</v>
      </c>
      <c r="Z99" s="7">
        <v>519.77601091700001</v>
      </c>
      <c r="AA99" s="7">
        <v>556.02888013100005</v>
      </c>
      <c r="AB99" s="7">
        <v>718.84454099300001</v>
      </c>
      <c r="AC99" s="7">
        <v>725.125764151</v>
      </c>
      <c r="AD99" s="7">
        <v>807.76532924100002</v>
      </c>
      <c r="AE99" s="7">
        <v>842.24951063000003</v>
      </c>
      <c r="AF99" s="7">
        <v>895.43335950100004</v>
      </c>
      <c r="AG99" s="9">
        <v>7339.585008500002</v>
      </c>
      <c r="AH99" s="13">
        <v>0.25018723132101267</v>
      </c>
      <c r="AI99" s="9">
        <v>-3182.6230047999998</v>
      </c>
      <c r="AJ99" s="13">
        <v>-0.10848728327110208</v>
      </c>
      <c r="AK99" s="9">
        <v>-6742.6528942000004</v>
      </c>
      <c r="AL99" s="13">
        <v>-0.25780830103208818</v>
      </c>
      <c r="AM99" s="9">
        <v>17264.860907500002</v>
      </c>
      <c r="AN99" s="13">
        <v>0.88943268490404725</v>
      </c>
      <c r="AO99" s="9">
        <v>10522.208013300002</v>
      </c>
      <c r="AP99" s="13">
        <v>0.40232125449443801</v>
      </c>
      <c r="AQ99" s="9">
        <v>29336.369285299999</v>
      </c>
      <c r="AR99" s="9">
        <v>31036.619344499999</v>
      </c>
      <c r="AS99" s="9">
        <v>34826.913933999997</v>
      </c>
      <c r="AT99" s="9">
        <v>31638.224276000001</v>
      </c>
      <c r="AU99" s="9">
        <v>29754.728857999999</v>
      </c>
      <c r="AV99" s="9">
        <v>32738.580752599999</v>
      </c>
      <c r="AW99" s="9">
        <v>26153.7462805</v>
      </c>
      <c r="AX99" s="9">
        <v>31103.6298164</v>
      </c>
      <c r="AY99" s="9">
        <v>29424.129111999999</v>
      </c>
      <c r="AZ99" s="9">
        <v>19411.093386299999</v>
      </c>
      <c r="BA99" s="9">
        <v>23810.200797599999</v>
      </c>
      <c r="BB99" s="9">
        <v>24231.284338500001</v>
      </c>
      <c r="BC99" s="9">
        <v>28210.690066899999</v>
      </c>
      <c r="BD99" s="9">
        <v>32907.037632799998</v>
      </c>
      <c r="BE99" s="9">
        <v>33878.911776200002</v>
      </c>
      <c r="BF99" s="9">
        <v>36675.954293800001</v>
      </c>
      <c r="BG99" s="11">
        <v>1.25</v>
      </c>
      <c r="BH99" s="13">
        <v>1.984126984126984E-2</v>
      </c>
      <c r="BI99" s="6">
        <v>11</v>
      </c>
      <c r="BJ99" s="13">
        <v>0.17460317460317459</v>
      </c>
      <c r="BK99" s="6">
        <v>-5</v>
      </c>
      <c r="BL99" s="13">
        <v>-6.7567567567567571E-2</v>
      </c>
      <c r="BM99" s="11">
        <v>-4.75</v>
      </c>
      <c r="BN99" s="13">
        <v>-6.8840579710144928E-2</v>
      </c>
      <c r="BO99" s="11">
        <v>-9.75</v>
      </c>
      <c r="BP99" s="13">
        <v>-0.13175675675675674</v>
      </c>
      <c r="BQ99" s="6">
        <v>63</v>
      </c>
      <c r="BR99" s="6">
        <v>63</v>
      </c>
      <c r="BS99" s="6">
        <v>70</v>
      </c>
      <c r="BT99" s="6">
        <v>74</v>
      </c>
      <c r="BU99" s="6">
        <v>67</v>
      </c>
      <c r="BV99" s="6">
        <v>63</v>
      </c>
      <c r="BW99" s="6">
        <v>69</v>
      </c>
      <c r="BX99" s="6">
        <v>70</v>
      </c>
      <c r="BY99" s="6">
        <v>69</v>
      </c>
      <c r="BZ99" s="6">
        <v>73</v>
      </c>
      <c r="CA99" s="6">
        <v>65</v>
      </c>
      <c r="CB99" s="6">
        <v>66</v>
      </c>
      <c r="CC99" s="11">
        <v>64.25</v>
      </c>
      <c r="CD99" s="11">
        <v>161.81899999999999</v>
      </c>
      <c r="CE99" s="11">
        <v>55.037100000000002</v>
      </c>
      <c r="CF99" s="11">
        <v>66.867199999999997</v>
      </c>
      <c r="CG99" s="11">
        <v>122</v>
      </c>
      <c r="CH99" s="20">
        <v>0.58436500000000002</v>
      </c>
      <c r="CI99" s="20">
        <v>0.65168800000000005</v>
      </c>
      <c r="CJ99" s="20">
        <v>0.738066</v>
      </c>
      <c r="CK99" s="20">
        <v>0.60318700000000003</v>
      </c>
      <c r="CL99" s="20">
        <v>0.67693700000000001</v>
      </c>
      <c r="CM99" s="20">
        <v>0.67601199999999995</v>
      </c>
      <c r="CN99" s="20">
        <v>0.50692999999999999</v>
      </c>
      <c r="CO99" s="20">
        <v>0.64248899999999998</v>
      </c>
      <c r="CP99" s="20">
        <v>0.60256200000000004</v>
      </c>
      <c r="CQ99" s="20">
        <v>0.52081699999999997</v>
      </c>
      <c r="CR99" s="20">
        <v>0.55675300000000005</v>
      </c>
      <c r="CS99" s="20">
        <v>0.58700699999999995</v>
      </c>
      <c r="CT99" s="20">
        <v>0.707681</v>
      </c>
      <c r="CU99" s="20">
        <v>0.70611500000000005</v>
      </c>
      <c r="CV99" s="20">
        <v>0.76442900000000003</v>
      </c>
      <c r="CW99" s="20">
        <v>0.78629400000000005</v>
      </c>
      <c r="CX99" s="20">
        <v>0.81146200000000002</v>
      </c>
      <c r="CY99" s="6"/>
      <c r="CZ99" s="6"/>
      <c r="DA99" s="6"/>
      <c r="DB99" s="6"/>
      <c r="DC99" s="6"/>
      <c r="DD99" s="6"/>
      <c r="DE99" s="6"/>
      <c r="DF99" s="6"/>
      <c r="DG99" s="6"/>
      <c r="DH99" s="6"/>
      <c r="DI99" s="6"/>
      <c r="DJ99" s="6"/>
      <c r="DK99" s="6"/>
      <c r="DL99" s="6"/>
      <c r="DM99" s="6"/>
      <c r="DN99" s="6"/>
      <c r="DO99" s="6"/>
    </row>
    <row r="100" spans="1:119" hidden="1" x14ac:dyDescent="0.2">
      <c r="A100" s="6" t="s">
        <v>320</v>
      </c>
      <c r="B100" s="6" t="s">
        <v>320</v>
      </c>
      <c r="C100" s="6" t="s">
        <v>189</v>
      </c>
      <c r="D100" s="6" t="s">
        <v>338</v>
      </c>
      <c r="E100" s="6" t="s">
        <v>332</v>
      </c>
      <c r="F100" s="11">
        <v>55</v>
      </c>
      <c r="G100" s="13">
        <v>0.23012552301299999</v>
      </c>
      <c r="H100" s="11">
        <v>-30.226185163999986</v>
      </c>
      <c r="I100" s="13">
        <v>-0.12621253086059844</v>
      </c>
      <c r="J100" s="11">
        <v>206.94417831499999</v>
      </c>
      <c r="K100" s="13">
        <v>0.98893224617587916</v>
      </c>
      <c r="L100" s="11">
        <v>-122.19925379900002</v>
      </c>
      <c r="M100" s="13">
        <v>-0.29360394704094001</v>
      </c>
      <c r="N100" s="11">
        <v>84.744924515999969</v>
      </c>
      <c r="O100" s="13">
        <v>0.40497388830163866</v>
      </c>
      <c r="P100" s="7">
        <v>239.486404067</v>
      </c>
      <c r="Q100" s="7">
        <v>211.18117099899999</v>
      </c>
      <c r="R100" s="7">
        <v>202.64924236600001</v>
      </c>
      <c r="S100" s="7">
        <v>444.41591334999998</v>
      </c>
      <c r="T100" s="7">
        <v>271.79610942099998</v>
      </c>
      <c r="U100" s="7">
        <v>213.148456178</v>
      </c>
      <c r="V100" s="7">
        <v>209.26021890300001</v>
      </c>
      <c r="W100" s="7">
        <v>374.65931674799998</v>
      </c>
      <c r="X100" s="7">
        <v>371.81028477500001</v>
      </c>
      <c r="Y100" s="7">
        <v>416.204397218</v>
      </c>
      <c r="Z100" s="7">
        <v>432.70379424999999</v>
      </c>
      <c r="AA100" s="7">
        <v>420.49339000999998</v>
      </c>
      <c r="AB100" s="7">
        <v>417.53458672400001</v>
      </c>
      <c r="AC100" s="7">
        <v>318.02897260600002</v>
      </c>
      <c r="AD100" s="7">
        <v>284.9246771</v>
      </c>
      <c r="AE100" s="7">
        <v>291.87880272000001</v>
      </c>
      <c r="AF100" s="7">
        <v>294.00514341899998</v>
      </c>
      <c r="AG100" s="9">
        <v>9177.4734201999963</v>
      </c>
      <c r="AH100" s="13">
        <v>0.34533265594468926</v>
      </c>
      <c r="AI100" s="9">
        <v>14603.2310908</v>
      </c>
      <c r="AJ100" s="13">
        <v>0.54949465360043814</v>
      </c>
      <c r="AK100" s="9">
        <v>-20302.107350500002</v>
      </c>
      <c r="AL100" s="13">
        <v>-0.49302115092097054</v>
      </c>
      <c r="AM100" s="9">
        <v>14876.349679899999</v>
      </c>
      <c r="AN100" s="13">
        <v>0.71257563487721742</v>
      </c>
      <c r="AO100" s="9">
        <v>-5425.7576706000036</v>
      </c>
      <c r="AP100" s="13">
        <v>-0.13176037566916016</v>
      </c>
      <c r="AQ100" s="9">
        <v>26575.747361900001</v>
      </c>
      <c r="AR100" s="9">
        <v>19347.931140699999</v>
      </c>
      <c r="AS100" s="9">
        <v>29395.311989500002</v>
      </c>
      <c r="AT100" s="9">
        <v>17999.003823899999</v>
      </c>
      <c r="AU100" s="9">
        <v>30168.073057599999</v>
      </c>
      <c r="AV100" s="9">
        <v>36873.8001602</v>
      </c>
      <c r="AW100" s="9">
        <v>41178.978452700001</v>
      </c>
      <c r="AX100" s="9">
        <v>25502.096614099999</v>
      </c>
      <c r="AY100" s="9">
        <v>24754.445396499999</v>
      </c>
      <c r="AZ100" s="9">
        <v>20876.871102199999</v>
      </c>
      <c r="BA100" s="9">
        <v>30666.219496199999</v>
      </c>
      <c r="BB100" s="9">
        <v>29469.254358300001</v>
      </c>
      <c r="BC100" s="9">
        <v>28401.626772899999</v>
      </c>
      <c r="BD100" s="9">
        <v>37881.4985571</v>
      </c>
      <c r="BE100" s="9">
        <v>33673.952017299998</v>
      </c>
      <c r="BF100" s="9">
        <v>35753.220782099997</v>
      </c>
      <c r="BG100" s="11">
        <v>1</v>
      </c>
      <c r="BH100" s="13">
        <v>0.33333333333333331</v>
      </c>
      <c r="BI100" s="6">
        <v>3</v>
      </c>
      <c r="BJ100" s="13">
        <v>1</v>
      </c>
      <c r="BK100" s="6">
        <v>-1</v>
      </c>
      <c r="BL100" s="13">
        <v>-0.16666666666666666</v>
      </c>
      <c r="BM100" s="11">
        <v>-1</v>
      </c>
      <c r="BN100" s="13">
        <v>-0.2</v>
      </c>
      <c r="BO100" s="11">
        <v>-2</v>
      </c>
      <c r="BP100" s="13">
        <v>-0.33333333333333331</v>
      </c>
      <c r="BQ100" s="6">
        <v>3</v>
      </c>
      <c r="BR100" s="6">
        <v>5</v>
      </c>
      <c r="BS100" s="6">
        <v>5</v>
      </c>
      <c r="BT100" s="6">
        <v>6</v>
      </c>
      <c r="BU100" s="6">
        <v>6</v>
      </c>
      <c r="BV100" s="6">
        <v>5</v>
      </c>
      <c r="BW100" s="6">
        <v>5</v>
      </c>
      <c r="BX100" s="6">
        <v>4</v>
      </c>
      <c r="BY100" s="6">
        <v>4</v>
      </c>
      <c r="BZ100" s="6">
        <v>4</v>
      </c>
      <c r="CA100" s="6">
        <v>4</v>
      </c>
      <c r="CB100" s="6">
        <v>4</v>
      </c>
      <c r="CC100" s="11">
        <v>4</v>
      </c>
      <c r="CD100" s="11">
        <v>-58.379199999999997</v>
      </c>
      <c r="CE100" s="11">
        <v>86.719200000000001</v>
      </c>
      <c r="CF100" s="11">
        <v>26.178699999999999</v>
      </c>
      <c r="CG100" s="11">
        <v>113</v>
      </c>
      <c r="CH100" s="20">
        <v>0.68573600000000001</v>
      </c>
      <c r="CI100" s="20">
        <v>0.57819900000000002</v>
      </c>
      <c r="CJ100" s="20">
        <v>0.53423799999999999</v>
      </c>
      <c r="CK100" s="20">
        <v>1.1197299999999999</v>
      </c>
      <c r="CL100" s="20">
        <v>0.70133800000000002</v>
      </c>
      <c r="CM100" s="20">
        <v>0.54213699999999998</v>
      </c>
      <c r="CN100" s="20">
        <v>0.50415600000000005</v>
      </c>
      <c r="CO100" s="20">
        <v>0.86328199999999999</v>
      </c>
      <c r="CP100" s="20">
        <v>0.842862</v>
      </c>
      <c r="CQ100" s="20">
        <v>1.05081</v>
      </c>
      <c r="CR100" s="20">
        <v>1.0847100000000001</v>
      </c>
      <c r="CS100" s="20">
        <v>1.04895</v>
      </c>
      <c r="CT100" s="20">
        <v>0.98396700000000004</v>
      </c>
      <c r="CU100" s="20">
        <v>0.75022</v>
      </c>
      <c r="CV100" s="20">
        <v>0.66025400000000001</v>
      </c>
      <c r="CW100" s="20">
        <v>0.66810000000000003</v>
      </c>
      <c r="CX100" s="20">
        <v>0.65089900000000001</v>
      </c>
      <c r="CY100" s="6"/>
      <c r="CZ100" s="6"/>
      <c r="DA100" s="6"/>
      <c r="DB100" s="6"/>
      <c r="DC100" s="6"/>
      <c r="DD100" s="6"/>
      <c r="DE100" s="6"/>
      <c r="DF100" s="6"/>
      <c r="DG100" s="6"/>
      <c r="DH100" s="6"/>
      <c r="DI100" s="6"/>
      <c r="DJ100" s="6"/>
      <c r="DK100" s="6"/>
      <c r="DL100" s="6"/>
      <c r="DM100" s="6"/>
      <c r="DN100" s="6"/>
      <c r="DO100" s="6"/>
    </row>
    <row r="101" spans="1:119" hidden="1" x14ac:dyDescent="0.2">
      <c r="A101" s="6" t="s">
        <v>321</v>
      </c>
      <c r="B101" s="6" t="s">
        <v>321</v>
      </c>
      <c r="C101" s="6" t="s">
        <v>190</v>
      </c>
      <c r="D101" s="6" t="s">
        <v>338</v>
      </c>
      <c r="E101" s="6" t="s">
        <v>332</v>
      </c>
      <c r="F101" s="11">
        <v>-52</v>
      </c>
      <c r="G101" s="13">
        <v>-4.4982698961899999E-2</v>
      </c>
      <c r="H101" s="11">
        <v>11.833891230000063</v>
      </c>
      <c r="I101" s="13">
        <v>1.0237705439072712E-2</v>
      </c>
      <c r="J101" s="11">
        <v>-89.715753680000034</v>
      </c>
      <c r="K101" s="13">
        <v>-7.6828117640420426E-2</v>
      </c>
      <c r="L101" s="11">
        <v>26.049336609999955</v>
      </c>
      <c r="M101" s="13">
        <v>2.4163819454162745E-2</v>
      </c>
      <c r="N101" s="11">
        <v>-63.66641707000008</v>
      </c>
      <c r="O101" s="13">
        <v>-5.4520758949923982E-2</v>
      </c>
      <c r="P101" s="7">
        <v>1155.91245523</v>
      </c>
      <c r="Q101" s="7">
        <v>1193.8024755399999</v>
      </c>
      <c r="R101" s="7">
        <v>1237.38757566</v>
      </c>
      <c r="S101" s="7">
        <v>1171.47642655</v>
      </c>
      <c r="T101" s="7">
        <v>1151.7362778300001</v>
      </c>
      <c r="U101" s="7">
        <v>1197.5547809499999</v>
      </c>
      <c r="V101" s="7">
        <v>1167.74634646</v>
      </c>
      <c r="W101" s="7">
        <v>1160.8108711499999</v>
      </c>
      <c r="X101" s="7">
        <v>1184.4887377699999</v>
      </c>
      <c r="Y101" s="7">
        <v>1078.03059278</v>
      </c>
      <c r="Z101" s="7">
        <v>1102.4451926300001</v>
      </c>
      <c r="AA101" s="7">
        <v>1123.5478231300001</v>
      </c>
      <c r="AB101" s="7">
        <v>1085.26120552</v>
      </c>
      <c r="AC101" s="7">
        <v>1100.09463547</v>
      </c>
      <c r="AD101" s="7">
        <v>1110.7081584800001</v>
      </c>
      <c r="AE101" s="7">
        <v>1089.0299697299999</v>
      </c>
      <c r="AF101" s="7">
        <v>1104.07992939</v>
      </c>
      <c r="AG101" s="9">
        <v>14073.2549984</v>
      </c>
      <c r="AH101" s="13">
        <v>0.68336017306129837</v>
      </c>
      <c r="AI101" s="9">
        <v>5049.8708402999982</v>
      </c>
      <c r="AJ101" s="13">
        <v>0.24520841921481168</v>
      </c>
      <c r="AK101" s="9">
        <v>7289.3026702999996</v>
      </c>
      <c r="AL101" s="13">
        <v>0.2842490634172456</v>
      </c>
      <c r="AM101" s="9">
        <v>1734.0814878000019</v>
      </c>
      <c r="AN101" s="13">
        <v>5.2654234473659217E-2</v>
      </c>
      <c r="AO101" s="9">
        <v>9023.3841581000015</v>
      </c>
      <c r="AP101" s="13">
        <v>0.35187021472499447</v>
      </c>
      <c r="AQ101" s="9">
        <v>20594.198423000002</v>
      </c>
      <c r="AR101" s="9">
        <v>24388.785440399999</v>
      </c>
      <c r="AS101" s="9">
        <v>24336.431312500001</v>
      </c>
      <c r="AT101" s="9">
        <v>25643.256807500002</v>
      </c>
      <c r="AU101" s="9">
        <v>24542.6232729</v>
      </c>
      <c r="AV101" s="9">
        <v>24159.5134832</v>
      </c>
      <c r="AW101" s="9">
        <v>25644.0692633</v>
      </c>
      <c r="AX101" s="9">
        <v>30135.579659499999</v>
      </c>
      <c r="AY101" s="9">
        <v>33769.383750399997</v>
      </c>
      <c r="AZ101" s="9">
        <v>32933.371933599999</v>
      </c>
      <c r="BA101" s="9">
        <v>29332.953647900002</v>
      </c>
      <c r="BB101" s="9">
        <v>32164.949046099999</v>
      </c>
      <c r="BC101" s="9">
        <v>31364.100009099999</v>
      </c>
      <c r="BD101" s="9">
        <v>30006.387701799998</v>
      </c>
      <c r="BE101" s="9">
        <v>33591.286032399999</v>
      </c>
      <c r="BF101" s="9">
        <v>34667.453421400001</v>
      </c>
      <c r="BG101" s="11">
        <v>95.5</v>
      </c>
      <c r="BH101" s="13">
        <v>1.1235294117647059</v>
      </c>
      <c r="BI101" s="6">
        <v>-1</v>
      </c>
      <c r="BJ101" s="13">
        <v>-1.1764705882352941E-2</v>
      </c>
      <c r="BK101" s="6">
        <v>2</v>
      </c>
      <c r="BL101" s="13">
        <v>2.3809523809523808E-2</v>
      </c>
      <c r="BM101" s="11">
        <v>94.5</v>
      </c>
      <c r="BN101" s="13">
        <v>1.0988372093023255</v>
      </c>
      <c r="BO101" s="11">
        <v>96.5</v>
      </c>
      <c r="BP101" s="13">
        <v>1.1488095238095237</v>
      </c>
      <c r="BQ101" s="6">
        <v>85</v>
      </c>
      <c r="BR101" s="6">
        <v>84</v>
      </c>
      <c r="BS101" s="6">
        <v>85</v>
      </c>
      <c r="BT101" s="6">
        <v>84</v>
      </c>
      <c r="BU101" s="6">
        <v>89</v>
      </c>
      <c r="BV101" s="6">
        <v>87</v>
      </c>
      <c r="BW101" s="6">
        <v>86</v>
      </c>
      <c r="BX101" s="6">
        <v>91</v>
      </c>
      <c r="BY101" s="6">
        <v>95</v>
      </c>
      <c r="BZ101" s="6">
        <v>172</v>
      </c>
      <c r="CA101" s="6">
        <v>178</v>
      </c>
      <c r="CB101" s="6">
        <v>184</v>
      </c>
      <c r="CC101" s="11">
        <v>180.5</v>
      </c>
      <c r="CD101" s="11">
        <v>-599.13199999999995</v>
      </c>
      <c r="CE101" s="11">
        <v>420.94499999999999</v>
      </c>
      <c r="CF101" s="11">
        <v>126.355</v>
      </c>
      <c r="CG101" s="11">
        <v>547</v>
      </c>
      <c r="CH101" s="20">
        <v>0.67017199999999999</v>
      </c>
      <c r="CI101" s="20">
        <v>0.666632</v>
      </c>
      <c r="CJ101" s="20">
        <v>0.66416200000000003</v>
      </c>
      <c r="CK101" s="20">
        <v>0.61070500000000005</v>
      </c>
      <c r="CL101" s="20">
        <v>0.60825499999999999</v>
      </c>
      <c r="CM101" s="20">
        <v>0.62143000000000004</v>
      </c>
      <c r="CN101" s="20">
        <v>0.57271300000000003</v>
      </c>
      <c r="CO101" s="20">
        <v>0.54632099999999995</v>
      </c>
      <c r="CP101" s="20">
        <v>0.55266300000000002</v>
      </c>
      <c r="CQ101" s="20">
        <v>0.563724</v>
      </c>
      <c r="CR101" s="20">
        <v>0.58261600000000002</v>
      </c>
      <c r="CS101" s="20">
        <v>0.58113499999999996</v>
      </c>
      <c r="CT101" s="20">
        <v>0.52749999999999997</v>
      </c>
      <c r="CU101" s="20">
        <v>0.53634199999999999</v>
      </c>
      <c r="CV101" s="20">
        <v>0.52664599999999995</v>
      </c>
      <c r="CW101" s="20">
        <v>0.50698799999999999</v>
      </c>
      <c r="CX101" s="20">
        <v>0.49423899999999998</v>
      </c>
      <c r="CY101" s="6"/>
      <c r="CZ101" s="6"/>
      <c r="DA101" s="6"/>
      <c r="DB101" s="6"/>
      <c r="DC101" s="6"/>
      <c r="DD101" s="6"/>
      <c r="DE101" s="6"/>
      <c r="DF101" s="6"/>
      <c r="DG101" s="6"/>
      <c r="DH101" s="6"/>
      <c r="DI101" s="6"/>
      <c r="DJ101" s="6"/>
      <c r="DK101" s="6"/>
      <c r="DL101" s="6"/>
      <c r="DM101" s="6"/>
      <c r="DN101" s="6"/>
      <c r="DO101" s="6"/>
    </row>
    <row r="102" spans="1:119" hidden="1" x14ac:dyDescent="0.2">
      <c r="A102" s="6" t="s">
        <v>322</v>
      </c>
      <c r="B102" s="6" t="s">
        <v>322</v>
      </c>
      <c r="C102" s="6" t="s">
        <v>191</v>
      </c>
      <c r="D102" s="6" t="s">
        <v>338</v>
      </c>
      <c r="E102" s="6" t="s">
        <v>332</v>
      </c>
      <c r="F102" s="11">
        <v>-1042</v>
      </c>
      <c r="G102" s="13">
        <v>-0.63381995133799995</v>
      </c>
      <c r="H102" s="11">
        <v>71.818408489999911</v>
      </c>
      <c r="I102" s="13">
        <v>4.3674932844886008E-2</v>
      </c>
      <c r="J102" s="11">
        <v>-1224.391482477</v>
      </c>
      <c r="K102" s="13">
        <v>-0.71343024396960808</v>
      </c>
      <c r="L102" s="11">
        <v>110.42367827000004</v>
      </c>
      <c r="M102" s="13">
        <v>0.22452415576109808</v>
      </c>
      <c r="N102" s="11">
        <v>-1113.967804207</v>
      </c>
      <c r="O102" s="13">
        <v>-0.64908841143022056</v>
      </c>
      <c r="P102" s="7">
        <v>1644.3850925900001</v>
      </c>
      <c r="Q102" s="7">
        <v>1740.88425072</v>
      </c>
      <c r="R102" s="7">
        <v>1693.5756471</v>
      </c>
      <c r="S102" s="7">
        <v>1615.7661404</v>
      </c>
      <c r="T102" s="7">
        <v>1659.8015906999999</v>
      </c>
      <c r="U102" s="7">
        <v>1691.25411869</v>
      </c>
      <c r="V102" s="7">
        <v>1716.20350108</v>
      </c>
      <c r="W102" s="7">
        <v>1788.70645823</v>
      </c>
      <c r="X102" s="7">
        <v>1745.8602836299999</v>
      </c>
      <c r="Y102" s="7">
        <v>491.81201860300001</v>
      </c>
      <c r="Z102" s="7">
        <v>457.33523564000001</v>
      </c>
      <c r="AA102" s="7">
        <v>491.08591374399998</v>
      </c>
      <c r="AB102" s="7">
        <v>442.11158685800001</v>
      </c>
      <c r="AC102" s="7">
        <v>474.85823260000001</v>
      </c>
      <c r="AD102" s="7">
        <v>539.77628059899996</v>
      </c>
      <c r="AE102" s="7">
        <v>582.28205907899996</v>
      </c>
      <c r="AF102" s="7">
        <v>602.23569687300005</v>
      </c>
      <c r="AG102" s="9">
        <v>1628.2012608000005</v>
      </c>
      <c r="AH102" s="13">
        <v>7.224334477992117E-2</v>
      </c>
      <c r="AI102" s="9">
        <v>3430.0812411999977</v>
      </c>
      <c r="AJ102" s="13">
        <v>0.15219282019803687</v>
      </c>
      <c r="AK102" s="9">
        <v>-4238.3107137999978</v>
      </c>
      <c r="AL102" s="13">
        <v>-0.16321399146225107</v>
      </c>
      <c r="AM102" s="9">
        <v>2436.4307334000005</v>
      </c>
      <c r="AN102" s="13">
        <v>0.11212546390184192</v>
      </c>
      <c r="AO102" s="9">
        <v>-1801.8799803999973</v>
      </c>
      <c r="AP102" s="13">
        <v>-6.9388972068385318E-2</v>
      </c>
      <c r="AQ102" s="9">
        <v>22537.733624600001</v>
      </c>
      <c r="AR102" s="9">
        <v>23728.980095700001</v>
      </c>
      <c r="AS102" s="9">
        <v>23004.938141899998</v>
      </c>
      <c r="AT102" s="9">
        <v>23058.9921899</v>
      </c>
      <c r="AU102" s="9">
        <v>23774.8153164</v>
      </c>
      <c r="AV102" s="9">
        <v>25529.506404600001</v>
      </c>
      <c r="AW102" s="9">
        <v>25967.814865799999</v>
      </c>
      <c r="AX102" s="9">
        <v>25001.4246838</v>
      </c>
      <c r="AY102" s="9">
        <v>24312.871497799999</v>
      </c>
      <c r="AZ102" s="9">
        <v>21729.504152000001</v>
      </c>
      <c r="BA102" s="9">
        <v>22160.217869700002</v>
      </c>
      <c r="BB102" s="9">
        <v>23374.272218499998</v>
      </c>
      <c r="BC102" s="9">
        <v>24749.198125499999</v>
      </c>
      <c r="BD102" s="9">
        <v>24724.549877400001</v>
      </c>
      <c r="BE102" s="9">
        <v>24440.6366805</v>
      </c>
      <c r="BF102" s="9">
        <v>24165.934885400002</v>
      </c>
      <c r="BG102" s="11">
        <v>-1.75</v>
      </c>
      <c r="BH102" s="13">
        <v>-5.3030303030303032E-2</v>
      </c>
      <c r="BI102" s="6">
        <v>-1</v>
      </c>
      <c r="BJ102" s="13">
        <v>-3.0303030303030304E-2</v>
      </c>
      <c r="BK102" s="6">
        <v>1</v>
      </c>
      <c r="BL102" s="13">
        <v>3.125E-2</v>
      </c>
      <c r="BM102" s="11">
        <v>-1.75</v>
      </c>
      <c r="BN102" s="13">
        <v>-5.3030303030303032E-2</v>
      </c>
      <c r="BO102" s="11">
        <v>-0.75</v>
      </c>
      <c r="BP102" s="13">
        <v>-2.34375E-2</v>
      </c>
      <c r="BQ102" s="6">
        <v>33</v>
      </c>
      <c r="BR102" s="6">
        <v>32</v>
      </c>
      <c r="BS102" s="6">
        <v>33</v>
      </c>
      <c r="BT102" s="6">
        <v>32</v>
      </c>
      <c r="BU102" s="6">
        <v>29</v>
      </c>
      <c r="BV102" s="6">
        <v>29</v>
      </c>
      <c r="BW102" s="6">
        <v>33</v>
      </c>
      <c r="BX102" s="6">
        <v>33</v>
      </c>
      <c r="BY102" s="6">
        <v>33</v>
      </c>
      <c r="BZ102" s="6">
        <v>36</v>
      </c>
      <c r="CA102" s="6">
        <v>35</v>
      </c>
      <c r="CB102" s="6">
        <v>33</v>
      </c>
      <c r="CC102" s="11">
        <v>31.25</v>
      </c>
      <c r="CD102" s="11">
        <v>-1521.04</v>
      </c>
      <c r="CE102" s="11">
        <v>299.14100000000002</v>
      </c>
      <c r="CF102" s="11">
        <v>179.751</v>
      </c>
      <c r="CG102" s="11">
        <v>479</v>
      </c>
      <c r="CH102" s="20">
        <v>6.2241799999999996</v>
      </c>
      <c r="CI102" s="20">
        <v>6.4621599999999999</v>
      </c>
      <c r="CJ102" s="20">
        <v>6.1335199999999999</v>
      </c>
      <c r="CK102" s="20">
        <v>5.6722000000000001</v>
      </c>
      <c r="CL102" s="20">
        <v>5.9466099999999997</v>
      </c>
      <c r="CM102" s="20">
        <v>6.0083700000000002</v>
      </c>
      <c r="CN102" s="20">
        <v>5.7770700000000001</v>
      </c>
      <c r="CO102" s="20">
        <v>5.8863799999999999</v>
      </c>
      <c r="CP102" s="20">
        <v>5.9308800000000002</v>
      </c>
      <c r="CQ102" s="20">
        <v>1.9176800000000001</v>
      </c>
      <c r="CR102" s="20">
        <v>1.8041799999999999</v>
      </c>
      <c r="CS102" s="20">
        <v>1.9215800000000001</v>
      </c>
      <c r="CT102" s="20">
        <v>1.62758</v>
      </c>
      <c r="CU102" s="20">
        <v>1.73072</v>
      </c>
      <c r="CV102" s="20">
        <v>1.8975599999999999</v>
      </c>
      <c r="CW102" s="20">
        <v>1.9997100000000001</v>
      </c>
      <c r="CX102" s="20">
        <v>2.0084499999999998</v>
      </c>
      <c r="CY102" s="6"/>
      <c r="CZ102" s="6"/>
      <c r="DA102" s="6"/>
      <c r="DB102" s="6"/>
      <c r="DC102" s="6"/>
      <c r="DD102" s="6"/>
      <c r="DE102" s="6"/>
      <c r="DF102" s="6"/>
      <c r="DG102" s="6"/>
      <c r="DH102" s="6"/>
      <c r="DI102" s="6"/>
      <c r="DJ102" s="6"/>
      <c r="DK102" s="6"/>
      <c r="DL102" s="6"/>
      <c r="DM102" s="6"/>
      <c r="DN102" s="6"/>
      <c r="DO102" s="6"/>
    </row>
    <row r="103" spans="1:119" hidden="1" x14ac:dyDescent="0.2">
      <c r="A103" s="6" t="s">
        <v>323</v>
      </c>
      <c r="B103" s="6" t="s">
        <v>323</v>
      </c>
      <c r="C103" s="6" t="s">
        <v>324</v>
      </c>
      <c r="D103" s="6" t="s">
        <v>338</v>
      </c>
      <c r="E103" s="6" t="s">
        <v>332</v>
      </c>
      <c r="F103" s="11">
        <v>-57</v>
      </c>
      <c r="G103" s="13">
        <v>-4.5746388442999997E-2</v>
      </c>
      <c r="H103" s="11">
        <v>-94.948479180000049</v>
      </c>
      <c r="I103" s="13">
        <v>-7.6186968452564618E-2</v>
      </c>
      <c r="J103" s="11">
        <v>-6.2852480900000955</v>
      </c>
      <c r="K103" s="13">
        <v>-5.4592253344526859E-3</v>
      </c>
      <c r="L103" s="11">
        <v>43.479089709999926</v>
      </c>
      <c r="M103" s="13">
        <v>3.7972259975635393E-2</v>
      </c>
      <c r="N103" s="11">
        <v>37.19384161999983</v>
      </c>
      <c r="O103" s="13">
        <v>3.2305735517517295E-2</v>
      </c>
      <c r="P103" s="7">
        <v>1246.2561657000001</v>
      </c>
      <c r="Q103" s="7">
        <v>1232.9519476</v>
      </c>
      <c r="R103" s="7">
        <v>1192.7592500200001</v>
      </c>
      <c r="S103" s="7">
        <v>1200.5316170999999</v>
      </c>
      <c r="T103" s="7">
        <v>1126.1120485599999</v>
      </c>
      <c r="U103" s="7">
        <v>1164.9230491999999</v>
      </c>
      <c r="V103" s="7">
        <v>1151.3076865200001</v>
      </c>
      <c r="W103" s="7">
        <v>1089.29619776</v>
      </c>
      <c r="X103" s="7">
        <v>1127.3326115899999</v>
      </c>
      <c r="Y103" s="7">
        <v>1145.02243843</v>
      </c>
      <c r="Z103" s="7">
        <v>1195.5196750099999</v>
      </c>
      <c r="AA103" s="7">
        <v>1229.6571601799999</v>
      </c>
      <c r="AB103" s="7">
        <v>1213.2926860800001</v>
      </c>
      <c r="AC103" s="7">
        <v>1141.05119909</v>
      </c>
      <c r="AD103" s="7">
        <v>1198.4572055599999</v>
      </c>
      <c r="AE103" s="7">
        <v>1175.12464168</v>
      </c>
      <c r="AF103" s="7">
        <v>1188.5015281399999</v>
      </c>
      <c r="AG103" s="9">
        <v>6045.4658375999988</v>
      </c>
      <c r="AH103" s="13">
        <v>0.47714411091456965</v>
      </c>
      <c r="AI103" s="9">
        <v>3222.253114000001</v>
      </c>
      <c r="AJ103" s="13">
        <v>0.25431937563170498</v>
      </c>
      <c r="AK103" s="9">
        <v>-35.446845400001621</v>
      </c>
      <c r="AL103" s="13">
        <v>-2.2304333841913506E-3</v>
      </c>
      <c r="AM103" s="9">
        <v>2858.6595689999995</v>
      </c>
      <c r="AN103" s="13">
        <v>0.18027846510757817</v>
      </c>
      <c r="AO103" s="9">
        <v>2823.2127235999978</v>
      </c>
      <c r="AP103" s="13">
        <v>0.17764593261636011</v>
      </c>
      <c r="AQ103" s="9">
        <v>12670.1046902</v>
      </c>
      <c r="AR103" s="9">
        <v>13508.0309617</v>
      </c>
      <c r="AS103" s="9">
        <v>13320.003153600001</v>
      </c>
      <c r="AT103" s="9">
        <v>13964.4651414</v>
      </c>
      <c r="AU103" s="9">
        <v>14388.1000915</v>
      </c>
      <c r="AV103" s="9">
        <v>14670.8833939</v>
      </c>
      <c r="AW103" s="9">
        <v>15892.357804200001</v>
      </c>
      <c r="AX103" s="9">
        <v>15869.089560599999</v>
      </c>
      <c r="AY103" s="9">
        <v>16369.417363799999</v>
      </c>
      <c r="AZ103" s="9">
        <v>15856.910958799999</v>
      </c>
      <c r="BA103" s="9">
        <v>15384.9828337</v>
      </c>
      <c r="BB103" s="9">
        <v>16941.3853318</v>
      </c>
      <c r="BC103" s="9">
        <v>17361.8013145</v>
      </c>
      <c r="BD103" s="9">
        <v>17356.681322699998</v>
      </c>
      <c r="BE103" s="9">
        <v>17694.4067651</v>
      </c>
      <c r="BF103" s="9">
        <v>18715.570527799999</v>
      </c>
      <c r="BG103" s="11">
        <v>-20</v>
      </c>
      <c r="BH103" s="13">
        <v>-0.13698630136986301</v>
      </c>
      <c r="BI103" s="6">
        <v>-8</v>
      </c>
      <c r="BJ103" s="13">
        <v>-5.4794520547945202E-2</v>
      </c>
      <c r="BK103" s="6">
        <v>-3</v>
      </c>
      <c r="BL103" s="13">
        <v>-2.1739130434782608E-2</v>
      </c>
      <c r="BM103" s="11">
        <v>-9</v>
      </c>
      <c r="BN103" s="13">
        <v>-6.6666666666666666E-2</v>
      </c>
      <c r="BO103" s="11">
        <v>-12</v>
      </c>
      <c r="BP103" s="13">
        <v>-8.6956521739130432E-2</v>
      </c>
      <c r="BQ103" s="6">
        <v>146</v>
      </c>
      <c r="BR103" s="6">
        <v>138</v>
      </c>
      <c r="BS103" s="6">
        <v>142</v>
      </c>
      <c r="BT103" s="6">
        <v>138</v>
      </c>
      <c r="BU103" s="6">
        <v>136</v>
      </c>
      <c r="BV103" s="6">
        <v>131</v>
      </c>
      <c r="BW103" s="6">
        <v>135</v>
      </c>
      <c r="BX103" s="6">
        <v>136</v>
      </c>
      <c r="BY103" s="6">
        <v>130</v>
      </c>
      <c r="BZ103" s="6">
        <v>127</v>
      </c>
      <c r="CA103" s="6">
        <v>123</v>
      </c>
      <c r="CB103" s="6">
        <v>128</v>
      </c>
      <c r="CC103" s="11">
        <v>126</v>
      </c>
      <c r="CD103" s="11">
        <v>-477.39100000000002</v>
      </c>
      <c r="CE103" s="11">
        <v>283.40600000000001</v>
      </c>
      <c r="CF103" s="11">
        <v>136.23099999999999</v>
      </c>
      <c r="CG103" s="11">
        <v>419</v>
      </c>
      <c r="CH103" s="20">
        <v>0.97362899999999997</v>
      </c>
      <c r="CI103" s="20">
        <v>0.95132799999999995</v>
      </c>
      <c r="CJ103" s="20">
        <v>0.89543899999999998</v>
      </c>
      <c r="CK103" s="20">
        <v>0.87078699999999998</v>
      </c>
      <c r="CL103" s="20">
        <v>0.82685299999999995</v>
      </c>
      <c r="CM103" s="20">
        <v>0.84376799999999996</v>
      </c>
      <c r="CN103" s="20">
        <v>0.79256800000000005</v>
      </c>
      <c r="CO103" s="20">
        <v>0.73607500000000003</v>
      </c>
      <c r="CP103" s="20">
        <v>0.79265300000000005</v>
      </c>
      <c r="CQ103" s="20">
        <v>0.91410400000000003</v>
      </c>
      <c r="CR103" s="20">
        <v>0.95399900000000004</v>
      </c>
      <c r="CS103" s="20">
        <v>0.96631699999999998</v>
      </c>
      <c r="CT103" s="20">
        <v>0.88643000000000005</v>
      </c>
      <c r="CU103" s="20">
        <v>0.82738900000000004</v>
      </c>
      <c r="CV103" s="20">
        <v>0.83705700000000005</v>
      </c>
      <c r="CW103" s="20">
        <v>0.80395700000000003</v>
      </c>
      <c r="CX103" s="20">
        <v>0.79025100000000004</v>
      </c>
      <c r="CY103" s="6"/>
      <c r="CZ103" s="6"/>
      <c r="DA103" s="6"/>
      <c r="DB103" s="6"/>
      <c r="DC103" s="6"/>
      <c r="DD103" s="6"/>
      <c r="DE103" s="6"/>
      <c r="DF103" s="6"/>
      <c r="DG103" s="6"/>
      <c r="DH103" s="6"/>
      <c r="DI103" s="6"/>
      <c r="DJ103" s="6"/>
      <c r="DK103" s="6"/>
      <c r="DL103" s="6"/>
      <c r="DM103" s="6"/>
      <c r="DN103" s="6"/>
      <c r="DO103" s="6"/>
    </row>
    <row r="104" spans="1:119" hidden="1" x14ac:dyDescent="0.2">
      <c r="A104" s="6" t="s">
        <v>325</v>
      </c>
      <c r="B104" s="6" t="s">
        <v>325</v>
      </c>
      <c r="C104" s="6" t="s">
        <v>326</v>
      </c>
      <c r="D104" s="6" t="s">
        <v>338</v>
      </c>
      <c r="E104" s="6" t="s">
        <v>332</v>
      </c>
      <c r="F104" s="11">
        <v>108</v>
      </c>
      <c r="G104" s="13">
        <v>0.11739130434800001</v>
      </c>
      <c r="H104" s="11">
        <v>113.66109339099989</v>
      </c>
      <c r="I104" s="13">
        <v>0.12359089635160768</v>
      </c>
      <c r="J104" s="11">
        <v>-59.243308248999938</v>
      </c>
      <c r="K104" s="13">
        <v>-5.7333142016973558E-2</v>
      </c>
      <c r="L104" s="11">
        <v>53.755514179000102</v>
      </c>
      <c r="M104" s="13">
        <v>5.518629300598836E-2</v>
      </c>
      <c r="N104" s="11">
        <v>-5.4877940699998362</v>
      </c>
      <c r="O104" s="13">
        <v>-5.3108525852878438E-3</v>
      </c>
      <c r="P104" s="7">
        <v>919.65587066900002</v>
      </c>
      <c r="Q104" s="7">
        <v>1061.51409186</v>
      </c>
      <c r="R104" s="7">
        <v>1223.8145460600001</v>
      </c>
      <c r="S104" s="7">
        <v>1008.4632985</v>
      </c>
      <c r="T104" s="7">
        <v>1011.3865173</v>
      </c>
      <c r="U104" s="7">
        <v>963.43238669100003</v>
      </c>
      <c r="V104" s="7">
        <v>1033.3169640599999</v>
      </c>
      <c r="W104" s="7">
        <v>1072.8129280000001</v>
      </c>
      <c r="X104" s="7">
        <v>974.89160185399999</v>
      </c>
      <c r="Y104" s="7">
        <v>974.07365581099998</v>
      </c>
      <c r="Z104" s="7">
        <v>968.36285131600005</v>
      </c>
      <c r="AA104" s="7">
        <v>967.66543513500005</v>
      </c>
      <c r="AB104" s="7">
        <v>906.85072448400001</v>
      </c>
      <c r="AC104" s="7">
        <v>944.62548543699995</v>
      </c>
      <c r="AD104" s="7">
        <v>979.65217386200004</v>
      </c>
      <c r="AE104" s="7">
        <v>1008.06601659</v>
      </c>
      <c r="AF104" s="7">
        <v>1027.8291699900001</v>
      </c>
      <c r="AG104" s="9">
        <v>5396.862149200002</v>
      </c>
      <c r="AH104" s="13">
        <v>0.30877677540442627</v>
      </c>
      <c r="AI104" s="9">
        <v>1559.9135937000028</v>
      </c>
      <c r="AJ104" s="13">
        <v>8.9249099950351019E-2</v>
      </c>
      <c r="AK104" s="9">
        <v>-684.1341981000005</v>
      </c>
      <c r="AL104" s="13">
        <v>-3.5934978789775654E-2</v>
      </c>
      <c r="AM104" s="9">
        <v>4521.0827535999997</v>
      </c>
      <c r="AN104" s="13">
        <v>0.24632711660490697</v>
      </c>
      <c r="AO104" s="9">
        <v>3836.9485554999992</v>
      </c>
      <c r="AP104" s="13">
        <v>0.20154037810458739</v>
      </c>
      <c r="AQ104" s="9">
        <v>17478.199719299999</v>
      </c>
      <c r="AR104" s="9">
        <v>17250.369680399999</v>
      </c>
      <c r="AS104" s="9">
        <v>16483.1722123</v>
      </c>
      <c r="AT104" s="9">
        <v>17706.923644099999</v>
      </c>
      <c r="AU104" s="9">
        <v>17702.347250999999</v>
      </c>
      <c r="AV104" s="9">
        <v>18477.554145900001</v>
      </c>
      <c r="AW104" s="9">
        <v>19038.113313000002</v>
      </c>
      <c r="AX104" s="9">
        <v>18061.2153172</v>
      </c>
      <c r="AY104" s="9">
        <v>19252.6571095</v>
      </c>
      <c r="AZ104" s="9">
        <v>18353.979114900001</v>
      </c>
      <c r="BA104" s="9">
        <v>18566.376753799999</v>
      </c>
      <c r="BB104" s="9">
        <v>18723.520940300001</v>
      </c>
      <c r="BC104" s="9">
        <v>20227.440590900002</v>
      </c>
      <c r="BD104" s="9">
        <v>21147.752390500002</v>
      </c>
      <c r="BE104" s="9">
        <v>22044.553968200002</v>
      </c>
      <c r="BF104" s="9">
        <v>22875.061868500001</v>
      </c>
      <c r="BG104" s="11">
        <v>-52.25</v>
      </c>
      <c r="BH104" s="13">
        <v>-0.34602649006622516</v>
      </c>
      <c r="BI104" s="6">
        <v>-2</v>
      </c>
      <c r="BJ104" s="13">
        <v>-1.3245033112582781E-2</v>
      </c>
      <c r="BK104" s="6">
        <v>-8</v>
      </c>
      <c r="BL104" s="13">
        <v>-5.3691275167785234E-2</v>
      </c>
      <c r="BM104" s="11">
        <v>-42.25</v>
      </c>
      <c r="BN104" s="13">
        <v>-0.299645390070922</v>
      </c>
      <c r="BO104" s="11">
        <v>-50.25</v>
      </c>
      <c r="BP104" s="13">
        <v>-0.33724832214765099</v>
      </c>
      <c r="BQ104" s="6">
        <v>151</v>
      </c>
      <c r="BR104" s="6">
        <v>155</v>
      </c>
      <c r="BS104" s="6">
        <v>148</v>
      </c>
      <c r="BT104" s="6">
        <v>149</v>
      </c>
      <c r="BU104" s="6">
        <v>153</v>
      </c>
      <c r="BV104" s="6">
        <v>146</v>
      </c>
      <c r="BW104" s="6">
        <v>141</v>
      </c>
      <c r="BX104" s="6">
        <v>142</v>
      </c>
      <c r="BY104" s="6">
        <v>151</v>
      </c>
      <c r="BZ104" s="6">
        <v>90</v>
      </c>
      <c r="CA104" s="6">
        <v>93</v>
      </c>
      <c r="CB104" s="6">
        <v>98</v>
      </c>
      <c r="CC104" s="11">
        <v>98.75</v>
      </c>
      <c r="CD104" s="11">
        <v>16.113</v>
      </c>
      <c r="CE104" s="11">
        <v>-8.4691600000000005</v>
      </c>
      <c r="CF104" s="11">
        <v>100.529</v>
      </c>
      <c r="CG104" s="11">
        <v>93</v>
      </c>
      <c r="CH104" s="20">
        <v>1.0577399999999999</v>
      </c>
      <c r="CI104" s="20">
        <v>1.2008000000000001</v>
      </c>
      <c r="CJ104" s="20">
        <v>1.3547100000000001</v>
      </c>
      <c r="CK104" s="20">
        <v>1.09809</v>
      </c>
      <c r="CL104" s="20">
        <v>1.1333</v>
      </c>
      <c r="CM104" s="20">
        <v>1.07491</v>
      </c>
      <c r="CN104" s="20">
        <v>1.1011599999999999</v>
      </c>
      <c r="CO104" s="20">
        <v>1.12113</v>
      </c>
      <c r="CP104" s="20">
        <v>1.0384800000000001</v>
      </c>
      <c r="CQ104" s="20">
        <v>1.1868399999999999</v>
      </c>
      <c r="CR104" s="20">
        <v>1.19658</v>
      </c>
      <c r="CS104" s="20">
        <v>1.1866300000000001</v>
      </c>
      <c r="CT104" s="20">
        <v>1.1277999999999999</v>
      </c>
      <c r="CU104" s="20">
        <v>1.1783699999999999</v>
      </c>
      <c r="CV104" s="20">
        <v>1.20042</v>
      </c>
      <c r="CW104" s="20">
        <v>1.2228000000000001</v>
      </c>
      <c r="CX104" s="20">
        <v>1.2225299999999999</v>
      </c>
      <c r="CY104" s="6"/>
      <c r="CZ104" s="6"/>
      <c r="DA104" s="6"/>
      <c r="DB104" s="6"/>
      <c r="DC104" s="6"/>
      <c r="DD104" s="6"/>
      <c r="DE104" s="6"/>
      <c r="DF104" s="6"/>
      <c r="DG104" s="6"/>
      <c r="DH104" s="6"/>
      <c r="DI104" s="6"/>
      <c r="DJ104" s="6"/>
      <c r="DK104" s="6"/>
      <c r="DL104" s="6"/>
      <c r="DM104" s="6"/>
      <c r="DN104" s="6"/>
      <c r="DO104" s="6"/>
    </row>
    <row r="105" spans="1:119" hidden="1" x14ac:dyDescent="0.2">
      <c r="A105" s="6" t="s">
        <v>327</v>
      </c>
      <c r="B105" s="6" t="s">
        <v>327</v>
      </c>
      <c r="C105" s="6" t="s">
        <v>194</v>
      </c>
      <c r="D105" s="6" t="s">
        <v>338</v>
      </c>
      <c r="E105" s="6" t="s">
        <v>332</v>
      </c>
      <c r="F105" s="11">
        <v>-207</v>
      </c>
      <c r="G105" s="13">
        <v>-6.2218214607799999E-2</v>
      </c>
      <c r="H105" s="11">
        <v>19.12574799999993</v>
      </c>
      <c r="I105" s="13">
        <v>5.7486462155787567E-3</v>
      </c>
      <c r="J105" s="11">
        <v>94.126281999999719</v>
      </c>
      <c r="K105" s="13">
        <v>2.81299266981032E-2</v>
      </c>
      <c r="L105" s="11">
        <v>-319.97782639999969</v>
      </c>
      <c r="M105" s="13">
        <v>-9.3009986068216838E-2</v>
      </c>
      <c r="N105" s="11">
        <v>-225.85154439999997</v>
      </c>
      <c r="O105" s="13">
        <v>-6.7496423460404159E-2</v>
      </c>
      <c r="P105" s="7">
        <v>3327.0003550000001</v>
      </c>
      <c r="Q105" s="7">
        <v>3286.2305200000001</v>
      </c>
      <c r="R105" s="7">
        <v>3282.368516</v>
      </c>
      <c r="S105" s="7">
        <v>3254.7645130000001</v>
      </c>
      <c r="T105" s="7">
        <v>3225.2334850000002</v>
      </c>
      <c r="U105" s="7">
        <v>3267.1382039999999</v>
      </c>
      <c r="V105" s="7">
        <v>3346.1261030000001</v>
      </c>
      <c r="W105" s="7">
        <v>3376.696512</v>
      </c>
      <c r="X105" s="7">
        <v>3453.0795389999998</v>
      </c>
      <c r="Y105" s="7">
        <v>3440.2523849999998</v>
      </c>
      <c r="Z105" s="7">
        <v>3340.7998309999998</v>
      </c>
      <c r="AA105" s="7">
        <v>3324.679028</v>
      </c>
      <c r="AB105" s="7">
        <v>3294.5774839999999</v>
      </c>
      <c r="AC105" s="7">
        <v>3227.9186869999999</v>
      </c>
      <c r="AD105" s="7">
        <v>3159.1732910000001</v>
      </c>
      <c r="AE105" s="7">
        <v>3149.4692365000001</v>
      </c>
      <c r="AF105" s="7">
        <v>3120.2745586000001</v>
      </c>
      <c r="AG105" s="9">
        <v>12567.142705899998</v>
      </c>
      <c r="AH105" s="13">
        <v>0.44694258417903193</v>
      </c>
      <c r="AI105" s="9">
        <v>7853.4659685000006</v>
      </c>
      <c r="AJ105" s="13">
        <v>0.27930361394524339</v>
      </c>
      <c r="AK105" s="9">
        <v>1710.317509499997</v>
      </c>
      <c r="AL105" s="13">
        <v>4.754647274074264E-2</v>
      </c>
      <c r="AM105" s="9">
        <v>3003.3592279000004</v>
      </c>
      <c r="AN105" s="13">
        <v>7.9703160704203482E-2</v>
      </c>
      <c r="AO105" s="9">
        <v>4713.6767373999974</v>
      </c>
      <c r="AP105" s="13">
        <v>0.13103923760271957</v>
      </c>
      <c r="AQ105" s="9">
        <v>28118.024889</v>
      </c>
      <c r="AR105" s="9">
        <v>29859.674574299999</v>
      </c>
      <c r="AS105" s="9">
        <v>31318.225907700002</v>
      </c>
      <c r="AT105" s="9">
        <v>32761.422029900001</v>
      </c>
      <c r="AU105" s="9">
        <v>33906.084696099999</v>
      </c>
      <c r="AV105" s="9">
        <v>34989.7409778</v>
      </c>
      <c r="AW105" s="9">
        <v>35971.490857500001</v>
      </c>
      <c r="AX105" s="9">
        <v>37360.5103284</v>
      </c>
      <c r="AY105" s="9">
        <v>37306.299982600001</v>
      </c>
      <c r="AZ105" s="9">
        <v>37681.808366999998</v>
      </c>
      <c r="BA105" s="9">
        <v>37542.208724900003</v>
      </c>
      <c r="BB105" s="9">
        <v>37440.496185099997</v>
      </c>
      <c r="BC105" s="9">
        <v>37811.933365800003</v>
      </c>
      <c r="BD105" s="9">
        <v>38224.126342000003</v>
      </c>
      <c r="BE105" s="9">
        <v>39517.111706399999</v>
      </c>
      <c r="BF105" s="9">
        <v>40685.167594899998</v>
      </c>
      <c r="BG105" s="11">
        <v>-12.75</v>
      </c>
      <c r="BH105" s="13">
        <v>-6.8181818181818177E-2</v>
      </c>
      <c r="BI105" s="6">
        <v>-1</v>
      </c>
      <c r="BJ105" s="13">
        <v>-5.3475935828877002E-3</v>
      </c>
      <c r="BK105" s="6">
        <v>2</v>
      </c>
      <c r="BL105" s="13">
        <v>1.0752688172043012E-2</v>
      </c>
      <c r="BM105" s="11">
        <v>-13.75</v>
      </c>
      <c r="BN105" s="13">
        <v>-7.3138297872340427E-2</v>
      </c>
      <c r="BO105" s="11">
        <v>-11.75</v>
      </c>
      <c r="BP105" s="13">
        <v>-6.3172043010752688E-2</v>
      </c>
      <c r="BQ105" s="6">
        <v>187</v>
      </c>
      <c r="BR105" s="6">
        <v>184</v>
      </c>
      <c r="BS105" s="6">
        <v>183</v>
      </c>
      <c r="BT105" s="6">
        <v>186</v>
      </c>
      <c r="BU105" s="6">
        <v>183</v>
      </c>
      <c r="BV105" s="6">
        <v>187</v>
      </c>
      <c r="BW105" s="6">
        <v>188</v>
      </c>
      <c r="BX105" s="6">
        <v>184</v>
      </c>
      <c r="BY105" s="6">
        <v>179</v>
      </c>
      <c r="BZ105" s="6">
        <v>178</v>
      </c>
      <c r="CA105" s="6">
        <v>175</v>
      </c>
      <c r="CB105" s="6">
        <v>175</v>
      </c>
      <c r="CC105" s="11">
        <v>174.25</v>
      </c>
      <c r="CD105" s="11">
        <v>-375.363</v>
      </c>
      <c r="CE105" s="11">
        <v>-195.04400000000001</v>
      </c>
      <c r="CF105" s="11">
        <v>363.68099999999998</v>
      </c>
      <c r="CG105" s="11">
        <v>169</v>
      </c>
      <c r="CH105" s="20">
        <v>1.15195</v>
      </c>
      <c r="CI105" s="20">
        <v>1.1169</v>
      </c>
      <c r="CJ105" s="20">
        <v>1.09972</v>
      </c>
      <c r="CK105" s="20">
        <v>1.08043</v>
      </c>
      <c r="CL105" s="20">
        <v>1.1043000000000001</v>
      </c>
      <c r="CM105" s="20">
        <v>1.12117</v>
      </c>
      <c r="CN105" s="20">
        <v>1.10463</v>
      </c>
      <c r="CO105" s="20">
        <v>1.08222</v>
      </c>
      <c r="CP105" s="20">
        <v>1.11547</v>
      </c>
      <c r="CQ105" s="20">
        <v>1.26387</v>
      </c>
      <c r="CR105" s="20">
        <v>1.2739199999999999</v>
      </c>
      <c r="CS105" s="20">
        <v>1.3008200000000001</v>
      </c>
      <c r="CT105" s="20">
        <v>1.2417100000000001</v>
      </c>
      <c r="CU105" s="20">
        <v>1.2433700000000001</v>
      </c>
      <c r="CV105" s="20">
        <v>1.2056100000000001</v>
      </c>
      <c r="CW105" s="20">
        <v>1.1958200000000001</v>
      </c>
      <c r="CX105" s="20">
        <v>1.1698200000000001</v>
      </c>
      <c r="CY105" s="6"/>
      <c r="CZ105" s="6"/>
      <c r="DA105" s="6"/>
      <c r="DB105" s="6"/>
      <c r="DC105" s="6"/>
      <c r="DD105" s="6"/>
      <c r="DE105" s="6"/>
      <c r="DF105" s="6"/>
      <c r="DG105" s="6"/>
      <c r="DH105" s="6"/>
      <c r="DI105" s="6"/>
      <c r="DJ105" s="6"/>
      <c r="DK105" s="6"/>
      <c r="DL105" s="6"/>
      <c r="DM105" s="6"/>
      <c r="DN105" s="6"/>
      <c r="DO105" s="6"/>
    </row>
    <row r="106" spans="1:119" hidden="1" x14ac:dyDescent="0.2">
      <c r="A106" s="6" t="s">
        <v>785</v>
      </c>
      <c r="B106" s="6" t="s">
        <v>785</v>
      </c>
      <c r="C106" s="6" t="s">
        <v>329</v>
      </c>
      <c r="D106" s="6" t="s">
        <v>339</v>
      </c>
      <c r="E106" s="6" t="s">
        <v>333</v>
      </c>
      <c r="F106" s="11">
        <v>-5400</v>
      </c>
      <c r="G106" s="13">
        <v>-1.8357918212100002E-2</v>
      </c>
      <c r="H106" s="11">
        <v>10433</v>
      </c>
      <c r="I106" s="13">
        <v>3.5468177908625165E-2</v>
      </c>
      <c r="J106" s="11">
        <v>-19363</v>
      </c>
      <c r="K106" s="13">
        <v>-6.357195387807632E-2</v>
      </c>
      <c r="L106" s="11">
        <v>3530</v>
      </c>
      <c r="M106" s="13">
        <v>1.2376367799004985E-2</v>
      </c>
      <c r="N106" s="11">
        <v>-15833</v>
      </c>
      <c r="O106" s="13">
        <v>-5.1982375961967801E-2</v>
      </c>
      <c r="P106" s="7">
        <v>294151</v>
      </c>
      <c r="Q106" s="7">
        <v>294264</v>
      </c>
      <c r="R106" s="7">
        <v>295187</v>
      </c>
      <c r="S106" s="7">
        <v>298805</v>
      </c>
      <c r="T106" s="7">
        <v>302611</v>
      </c>
      <c r="U106" s="7">
        <v>306261</v>
      </c>
      <c r="V106" s="7">
        <v>304584</v>
      </c>
      <c r="W106" s="7">
        <v>297940</v>
      </c>
      <c r="X106" s="7">
        <v>288901</v>
      </c>
      <c r="Y106" s="7">
        <v>285221</v>
      </c>
      <c r="Z106" s="7">
        <v>283554</v>
      </c>
      <c r="AA106" s="7">
        <v>284758</v>
      </c>
      <c r="AB106" s="7">
        <v>281117</v>
      </c>
      <c r="AC106" s="7">
        <v>282154</v>
      </c>
      <c r="AD106" s="7">
        <v>283893</v>
      </c>
      <c r="AE106" s="7">
        <v>284163</v>
      </c>
      <c r="AF106" s="7">
        <v>288751</v>
      </c>
      <c r="AG106" s="9">
        <v>11804.462154399997</v>
      </c>
      <c r="AH106" s="13">
        <v>0.45591033460193425</v>
      </c>
      <c r="AI106" s="9">
        <v>5301.9132094999986</v>
      </c>
      <c r="AJ106" s="13">
        <v>0.20476977212151704</v>
      </c>
      <c r="AK106" s="9">
        <v>2508.302727899998</v>
      </c>
      <c r="AL106" s="13">
        <v>8.0409825710507629E-2</v>
      </c>
      <c r="AM106" s="9">
        <v>3994.2462169999999</v>
      </c>
      <c r="AN106" s="13">
        <v>0.11851558857313152</v>
      </c>
      <c r="AO106" s="9">
        <v>6502.5489448999979</v>
      </c>
      <c r="AP106" s="13">
        <v>0.20845523210478287</v>
      </c>
      <c r="AQ106" s="9">
        <v>25892.069686700001</v>
      </c>
      <c r="AR106" s="9">
        <v>26489.266391599998</v>
      </c>
      <c r="AS106" s="9">
        <v>27221.237770799999</v>
      </c>
      <c r="AT106" s="9">
        <v>28135.080905399998</v>
      </c>
      <c r="AU106" s="9">
        <v>29049.097347300001</v>
      </c>
      <c r="AV106" s="9">
        <v>30166.445557399999</v>
      </c>
      <c r="AW106" s="9">
        <v>31193.982896199999</v>
      </c>
      <c r="AX106" s="9">
        <v>32350.0502289</v>
      </c>
      <c r="AY106" s="9">
        <v>32776.091005900002</v>
      </c>
      <c r="AZ106" s="9">
        <v>33702.285624099997</v>
      </c>
      <c r="BA106" s="9">
        <v>33872.709676099999</v>
      </c>
      <c r="BB106" s="9">
        <v>34523.718407799999</v>
      </c>
      <c r="BC106" s="9">
        <v>35692.2410198</v>
      </c>
      <c r="BD106" s="9">
        <v>36297.4025071</v>
      </c>
      <c r="BE106" s="9">
        <v>37168.624414099999</v>
      </c>
      <c r="BF106" s="9">
        <v>37696.531841099997</v>
      </c>
      <c r="BG106" s="11">
        <v>833</v>
      </c>
      <c r="BH106" s="13">
        <v>3.4846266471449484E-2</v>
      </c>
      <c r="BI106" s="6">
        <v>514</v>
      </c>
      <c r="BJ106" s="13">
        <v>2.1501777870738339E-2</v>
      </c>
      <c r="BK106" s="6">
        <v>225</v>
      </c>
      <c r="BL106" s="13">
        <v>9.2141365330275608E-3</v>
      </c>
      <c r="BM106" s="11">
        <v>94</v>
      </c>
      <c r="BN106" s="13">
        <v>3.8143158578152897E-3</v>
      </c>
      <c r="BO106" s="11">
        <v>319</v>
      </c>
      <c r="BP106" s="13">
        <v>1.3063598017936853E-2</v>
      </c>
      <c r="BQ106" s="6">
        <v>23905</v>
      </c>
      <c r="BR106" s="6">
        <v>24049</v>
      </c>
      <c r="BS106" s="6">
        <v>24130</v>
      </c>
      <c r="BT106" s="6">
        <v>24419</v>
      </c>
      <c r="BU106" s="6">
        <v>24480</v>
      </c>
      <c r="BV106" s="6">
        <v>24449</v>
      </c>
      <c r="BW106" s="6">
        <v>24644</v>
      </c>
      <c r="BX106" s="6">
        <v>24493</v>
      </c>
      <c r="BY106" s="6">
        <v>24540</v>
      </c>
      <c r="BZ106" s="6">
        <v>24786</v>
      </c>
      <c r="CA106" s="6">
        <v>24732</v>
      </c>
      <c r="CB106" s="6">
        <v>25040</v>
      </c>
      <c r="CC106" s="11">
        <v>24738</v>
      </c>
      <c r="CD106" s="11">
        <v>-23047</v>
      </c>
      <c r="CE106" s="11">
        <v>-14507</v>
      </c>
      <c r="CF106" s="11">
        <v>32154</v>
      </c>
      <c r="CG106" s="11">
        <v>17647</v>
      </c>
      <c r="CH106" s="6"/>
      <c r="CI106" s="6"/>
      <c r="CJ106" s="6"/>
      <c r="CK106" s="6"/>
      <c r="CL106" s="6"/>
      <c r="CM106" s="6"/>
      <c r="CN106" s="6"/>
      <c r="CO106" s="6"/>
      <c r="CP106" s="6"/>
      <c r="CQ106" s="6"/>
      <c r="CR106" s="6"/>
      <c r="CS106" s="6"/>
      <c r="CT106" s="6"/>
      <c r="CU106" s="6"/>
      <c r="CV106" s="6"/>
      <c r="CW106" s="6"/>
      <c r="CX106" s="6"/>
      <c r="CY106" s="6"/>
      <c r="CZ106" s="6"/>
      <c r="DA106" s="6"/>
      <c r="DB106" s="6"/>
      <c r="DC106" s="6"/>
      <c r="DD106" s="6"/>
      <c r="DE106" s="6"/>
      <c r="DF106" s="6"/>
      <c r="DG106" s="6"/>
      <c r="DH106" s="6"/>
      <c r="DI106" s="6"/>
      <c r="DJ106" s="6"/>
      <c r="DK106" s="6"/>
      <c r="DL106" s="6"/>
      <c r="DM106" s="6"/>
      <c r="DN106" s="6"/>
      <c r="DO106" s="6"/>
    </row>
    <row r="107" spans="1:119" hidden="1" x14ac:dyDescent="0.2">
      <c r="A107" s="6" t="s">
        <v>1</v>
      </c>
      <c r="B107" s="6" t="s">
        <v>1</v>
      </c>
      <c r="C107" s="6" t="s">
        <v>2</v>
      </c>
      <c r="D107" s="6" t="s">
        <v>339</v>
      </c>
      <c r="E107" s="6" t="s">
        <v>333</v>
      </c>
      <c r="F107" s="11">
        <v>1054</v>
      </c>
      <c r="G107" s="13">
        <v>5.96626287784E-2</v>
      </c>
      <c r="H107" s="11">
        <v>904.49157609999747</v>
      </c>
      <c r="I107" s="13">
        <v>5.1200572009934622E-2</v>
      </c>
      <c r="J107" s="11">
        <v>-445.6069138999992</v>
      </c>
      <c r="K107" s="13">
        <v>-2.3995876524587022E-2</v>
      </c>
      <c r="L107" s="11">
        <v>595.83363919999829</v>
      </c>
      <c r="M107" s="13">
        <v>3.2874417333105484E-2</v>
      </c>
      <c r="N107" s="11">
        <v>150.22672529999909</v>
      </c>
      <c r="O107" s="13">
        <v>8.0896903493755199E-3</v>
      </c>
      <c r="P107" s="7">
        <v>17665.653733800002</v>
      </c>
      <c r="Q107" s="7">
        <v>18642.203508499999</v>
      </c>
      <c r="R107" s="7">
        <v>18765.094768499999</v>
      </c>
      <c r="S107" s="7">
        <v>19715.1668642</v>
      </c>
      <c r="T107" s="7">
        <v>19439.739165200001</v>
      </c>
      <c r="U107" s="7">
        <v>19364.520335699999</v>
      </c>
      <c r="V107" s="7">
        <v>18570.145309899999</v>
      </c>
      <c r="W107" s="7">
        <v>17410.703272499999</v>
      </c>
      <c r="X107" s="7">
        <v>17697.325483100001</v>
      </c>
      <c r="Y107" s="7">
        <v>18124.538396</v>
      </c>
      <c r="Z107" s="7">
        <v>18361.618471999998</v>
      </c>
      <c r="AA107" s="7">
        <v>18216.825407600001</v>
      </c>
      <c r="AB107" s="7">
        <v>17881.357316000001</v>
      </c>
      <c r="AC107" s="7">
        <v>18455.037659400001</v>
      </c>
      <c r="AD107" s="7">
        <v>18426.616867799999</v>
      </c>
      <c r="AE107" s="7">
        <v>18516.463567700001</v>
      </c>
      <c r="AF107" s="7">
        <v>18720.372035199998</v>
      </c>
      <c r="AG107" s="9">
        <v>9721.7257347999985</v>
      </c>
      <c r="AH107" s="13">
        <v>0.4853734999903328</v>
      </c>
      <c r="AI107" s="9">
        <v>2102.026110499999</v>
      </c>
      <c r="AJ107" s="13">
        <v>0.1049471871719533</v>
      </c>
      <c r="AK107" s="9">
        <v>2772.4484291999979</v>
      </c>
      <c r="AL107" s="13">
        <v>0.12527218499820844</v>
      </c>
      <c r="AM107" s="9">
        <v>4847.2511951000015</v>
      </c>
      <c r="AN107" s="13">
        <v>0.19463866556569487</v>
      </c>
      <c r="AO107" s="9">
        <v>7619.6996242999994</v>
      </c>
      <c r="AP107" s="13">
        <v>0.34429366148445345</v>
      </c>
      <c r="AQ107" s="9">
        <v>20029.370649600001</v>
      </c>
      <c r="AR107" s="9">
        <v>20298.575084200002</v>
      </c>
      <c r="AS107" s="9">
        <v>20418.226083500002</v>
      </c>
      <c r="AT107" s="9">
        <v>21142.095203100002</v>
      </c>
      <c r="AU107" s="9">
        <v>21746.054547799999</v>
      </c>
      <c r="AV107" s="9">
        <v>22017.352327100001</v>
      </c>
      <c r="AW107" s="9">
        <v>22131.3967601</v>
      </c>
      <c r="AX107" s="9">
        <v>23459.1395558</v>
      </c>
      <c r="AY107" s="9">
        <v>24173.730956799998</v>
      </c>
      <c r="AZ107" s="9">
        <v>24903.845189299998</v>
      </c>
      <c r="BA107" s="9">
        <v>25659.153272200001</v>
      </c>
      <c r="BB107" s="9">
        <v>27026.670585899999</v>
      </c>
      <c r="BC107" s="9">
        <v>28722.2889283</v>
      </c>
      <c r="BD107" s="9">
        <v>28790.3244548</v>
      </c>
      <c r="BE107" s="9">
        <v>29469.859072899999</v>
      </c>
      <c r="BF107" s="9">
        <v>29751.0963844</v>
      </c>
      <c r="BG107" s="11">
        <v>167.25</v>
      </c>
      <c r="BH107" s="13">
        <v>0.29654255319148937</v>
      </c>
      <c r="BI107" s="6">
        <v>64</v>
      </c>
      <c r="BJ107" s="13">
        <v>0.11347517730496454</v>
      </c>
      <c r="BK107" s="6">
        <v>-20</v>
      </c>
      <c r="BL107" s="13">
        <v>-3.1847133757961783E-2</v>
      </c>
      <c r="BM107" s="11">
        <v>123.25</v>
      </c>
      <c r="BN107" s="13">
        <v>0.20271381578947367</v>
      </c>
      <c r="BO107" s="11">
        <v>103.25</v>
      </c>
      <c r="BP107" s="13">
        <v>0.16441082802547771</v>
      </c>
      <c r="BQ107" s="6">
        <v>564</v>
      </c>
      <c r="BR107" s="6">
        <v>584</v>
      </c>
      <c r="BS107" s="6">
        <v>597</v>
      </c>
      <c r="BT107" s="6">
        <v>628</v>
      </c>
      <c r="BU107" s="6">
        <v>606</v>
      </c>
      <c r="BV107" s="6">
        <v>605</v>
      </c>
      <c r="BW107" s="6">
        <v>608</v>
      </c>
      <c r="BX107" s="6">
        <v>614</v>
      </c>
      <c r="BY107" s="6">
        <v>662</v>
      </c>
      <c r="BZ107" s="6">
        <v>697</v>
      </c>
      <c r="CA107" s="6">
        <v>701</v>
      </c>
      <c r="CB107" s="6">
        <v>725</v>
      </c>
      <c r="CC107" s="11">
        <v>731.25</v>
      </c>
      <c r="CD107" s="11">
        <v>734.29300000000001</v>
      </c>
      <c r="CE107" s="11">
        <v>-1610.64</v>
      </c>
      <c r="CF107" s="11">
        <v>1931.07</v>
      </c>
      <c r="CG107" s="11">
        <v>320</v>
      </c>
      <c r="CH107" s="20">
        <v>4.5059500000000003</v>
      </c>
      <c r="CI107" s="20">
        <v>4.7741100000000003</v>
      </c>
      <c r="CJ107" s="20">
        <v>4.7700800000000001</v>
      </c>
      <c r="CK107" s="20">
        <v>4.9865899999999996</v>
      </c>
      <c r="CL107" s="20">
        <v>4.90815</v>
      </c>
      <c r="CM107" s="20">
        <v>4.9251300000000002</v>
      </c>
      <c r="CN107" s="20">
        <v>4.8337899999999996</v>
      </c>
      <c r="CO107" s="20">
        <v>4.73597</v>
      </c>
      <c r="CP107" s="20">
        <v>4.8068</v>
      </c>
      <c r="CQ107" s="20">
        <v>4.9753400000000001</v>
      </c>
      <c r="CR107" s="20">
        <v>5.0899599999999996</v>
      </c>
      <c r="CS107" s="20">
        <v>5.0547199999999997</v>
      </c>
      <c r="CT107" s="20">
        <v>5.0316299999999998</v>
      </c>
      <c r="CU107" s="20">
        <v>5.1978400000000002</v>
      </c>
      <c r="CV107" s="20">
        <v>5.1939099999999998</v>
      </c>
      <c r="CW107" s="20">
        <v>5.2778299999999998</v>
      </c>
      <c r="CX107" s="20">
        <v>5.2998599999999998</v>
      </c>
      <c r="CY107" s="6"/>
      <c r="CZ107" s="6"/>
      <c r="DA107" s="6"/>
      <c r="DB107" s="6"/>
      <c r="DC107" s="6"/>
      <c r="DD107" s="6"/>
      <c r="DE107" s="6"/>
      <c r="DF107" s="6"/>
      <c r="DG107" s="6"/>
      <c r="DH107" s="6"/>
      <c r="DI107" s="6"/>
      <c r="DJ107" s="6"/>
      <c r="DK107" s="6"/>
      <c r="DL107" s="6"/>
      <c r="DM107" s="6"/>
      <c r="DN107" s="6"/>
      <c r="DO107" s="6"/>
    </row>
    <row r="108" spans="1:119" hidden="1" x14ac:dyDescent="0.2">
      <c r="A108" s="6" t="s">
        <v>310</v>
      </c>
      <c r="B108" s="6" t="s">
        <v>310</v>
      </c>
      <c r="C108" s="6" t="s">
        <v>173</v>
      </c>
      <c r="D108" s="6" t="s">
        <v>339</v>
      </c>
      <c r="E108" s="6" t="s">
        <v>333</v>
      </c>
      <c r="F108" s="11">
        <v>-489</v>
      </c>
      <c r="G108" s="13">
        <v>-0.20409015024999999</v>
      </c>
      <c r="H108" s="11">
        <v>-160.82966142999976</v>
      </c>
      <c r="I108" s="13">
        <v>-6.7128889880325268E-2</v>
      </c>
      <c r="J108" s="11">
        <v>-287.86141700000007</v>
      </c>
      <c r="K108" s="13">
        <v>-0.12879681772445994</v>
      </c>
      <c r="L108" s="11">
        <v>-40.252604719999908</v>
      </c>
      <c r="M108" s="13">
        <v>-2.0672652733539788E-2</v>
      </c>
      <c r="N108" s="11">
        <v>-328.11402171999998</v>
      </c>
      <c r="O108" s="13">
        <v>-0.14680689857199694</v>
      </c>
      <c r="P108" s="7">
        <v>2395.8337716699998</v>
      </c>
      <c r="Q108" s="7">
        <v>2022.0432422199999</v>
      </c>
      <c r="R108" s="7">
        <v>1874.71649757</v>
      </c>
      <c r="S108" s="7">
        <v>1806.6520280300001</v>
      </c>
      <c r="T108" s="7">
        <v>2070.8754523100001</v>
      </c>
      <c r="U108" s="7">
        <v>2185.4909995200001</v>
      </c>
      <c r="V108" s="7">
        <v>2235.00411024</v>
      </c>
      <c r="W108" s="7">
        <v>2214.2277279300001</v>
      </c>
      <c r="X108" s="7">
        <v>1888.0551519600001</v>
      </c>
      <c r="Y108" s="7">
        <v>1947.14269324</v>
      </c>
      <c r="Z108" s="7">
        <v>2023.3162756300001</v>
      </c>
      <c r="AA108" s="7">
        <v>2026.0451094099999</v>
      </c>
      <c r="AB108" s="7">
        <v>2039.08105034</v>
      </c>
      <c r="AC108" s="7">
        <v>2023.73464085</v>
      </c>
      <c r="AD108" s="7">
        <v>1975.19977481</v>
      </c>
      <c r="AE108" s="7">
        <v>1906.81942478</v>
      </c>
      <c r="AF108" s="7">
        <v>1906.8900885200001</v>
      </c>
      <c r="AG108" s="9">
        <v>31988.964101900005</v>
      </c>
      <c r="AH108" s="13">
        <v>0.72702563477442395</v>
      </c>
      <c r="AI108" s="9">
        <v>20297.688326399999</v>
      </c>
      <c r="AJ108" s="13">
        <v>0.46131346088440162</v>
      </c>
      <c r="AK108" s="9">
        <v>-45.201538200002688</v>
      </c>
      <c r="AL108" s="13">
        <v>-7.0300655890224593E-4</v>
      </c>
      <c r="AM108" s="9">
        <v>11736.477313700008</v>
      </c>
      <c r="AN108" s="13">
        <v>0.18266247831940863</v>
      </c>
      <c r="AO108" s="9">
        <v>11691.275775500006</v>
      </c>
      <c r="AP108" s="13">
        <v>0.1818310588401825</v>
      </c>
      <c r="AQ108" s="9">
        <v>43999.7746597</v>
      </c>
      <c r="AR108" s="9">
        <v>44371.264331699997</v>
      </c>
      <c r="AS108" s="9">
        <v>45054.896938899998</v>
      </c>
      <c r="AT108" s="9">
        <v>51959.060035199996</v>
      </c>
      <c r="AU108" s="9">
        <v>52125.3017597</v>
      </c>
      <c r="AV108" s="9">
        <v>60018.734452600002</v>
      </c>
      <c r="AW108" s="9">
        <v>64297.462986099999</v>
      </c>
      <c r="AX108" s="9">
        <v>62764.887351199999</v>
      </c>
      <c r="AY108" s="9">
        <v>68276.366104600005</v>
      </c>
      <c r="AZ108" s="9">
        <v>64252.261447899997</v>
      </c>
      <c r="BA108" s="9">
        <v>71743.177387200005</v>
      </c>
      <c r="BB108" s="9">
        <v>74483.755395100001</v>
      </c>
      <c r="BC108" s="9">
        <v>77994.351522700003</v>
      </c>
      <c r="BD108" s="9">
        <v>79695.584537799994</v>
      </c>
      <c r="BE108" s="9">
        <v>77760.542876399995</v>
      </c>
      <c r="BF108" s="9">
        <v>75988.738761600005</v>
      </c>
      <c r="BG108" s="11">
        <v>-1.25</v>
      </c>
      <c r="BH108" s="13">
        <v>-1.1160714285714286E-2</v>
      </c>
      <c r="BI108" s="6">
        <v>-6</v>
      </c>
      <c r="BJ108" s="13">
        <v>-5.3571428571428568E-2</v>
      </c>
      <c r="BK108" s="6">
        <v>6</v>
      </c>
      <c r="BL108" s="13">
        <v>5.6603773584905662E-2</v>
      </c>
      <c r="BM108" s="11">
        <v>-1.25</v>
      </c>
      <c r="BN108" s="13">
        <v>-1.1160714285714286E-2</v>
      </c>
      <c r="BO108" s="11">
        <v>4.75</v>
      </c>
      <c r="BP108" s="13">
        <v>4.4811320754716978E-2</v>
      </c>
      <c r="BQ108" s="6">
        <v>112</v>
      </c>
      <c r="BR108" s="6">
        <v>113</v>
      </c>
      <c r="BS108" s="6">
        <v>106</v>
      </c>
      <c r="BT108" s="6">
        <v>106</v>
      </c>
      <c r="BU108" s="6">
        <v>110</v>
      </c>
      <c r="BV108" s="6">
        <v>113</v>
      </c>
      <c r="BW108" s="6">
        <v>112</v>
      </c>
      <c r="BX108" s="6">
        <v>108</v>
      </c>
      <c r="BY108" s="6">
        <v>109</v>
      </c>
      <c r="BZ108" s="6">
        <v>107</v>
      </c>
      <c r="CA108" s="6">
        <v>107</v>
      </c>
      <c r="CB108" s="6">
        <v>112</v>
      </c>
      <c r="CC108" s="11">
        <v>110.75</v>
      </c>
      <c r="CD108" s="11">
        <v>-999.4</v>
      </c>
      <c r="CE108" s="11">
        <v>248.56299999999999</v>
      </c>
      <c r="CF108" s="11">
        <v>261.89299999999997</v>
      </c>
      <c r="CG108" s="11">
        <v>511</v>
      </c>
      <c r="CH108" s="20">
        <v>2.15388</v>
      </c>
      <c r="CI108" s="20">
        <v>1.90649</v>
      </c>
      <c r="CJ108" s="20">
        <v>1.77938</v>
      </c>
      <c r="CK108" s="20">
        <v>1.65097</v>
      </c>
      <c r="CL108" s="20">
        <v>1.7624500000000001</v>
      </c>
      <c r="CM108" s="20">
        <v>1.70085</v>
      </c>
      <c r="CN108" s="20">
        <v>1.6519299999999999</v>
      </c>
      <c r="CO108" s="20">
        <v>1.54304</v>
      </c>
      <c r="CP108" s="20">
        <v>1.4432100000000001</v>
      </c>
      <c r="CQ108" s="20">
        <v>1.4751099999999999</v>
      </c>
      <c r="CR108" s="20">
        <v>1.3934200000000001</v>
      </c>
      <c r="CS108" s="20">
        <v>1.29609</v>
      </c>
      <c r="CT108" s="20">
        <v>1.3128299999999999</v>
      </c>
      <c r="CU108" s="20">
        <v>1.2798400000000001</v>
      </c>
      <c r="CV108" s="20">
        <v>1.41303</v>
      </c>
      <c r="CW108" s="20">
        <v>1.62371</v>
      </c>
      <c r="CX108" s="20">
        <v>1.59701</v>
      </c>
      <c r="CY108" s="6"/>
      <c r="CZ108" s="6"/>
      <c r="DA108" s="6"/>
      <c r="DB108" s="6"/>
      <c r="DC108" s="6"/>
      <c r="DD108" s="6"/>
      <c r="DE108" s="6"/>
      <c r="DF108" s="6"/>
      <c r="DG108" s="6"/>
      <c r="DH108" s="6"/>
      <c r="DI108" s="6"/>
      <c r="DJ108" s="6"/>
      <c r="DK108" s="6"/>
      <c r="DL108" s="6"/>
      <c r="DM108" s="6"/>
      <c r="DN108" s="6"/>
      <c r="DO108" s="6"/>
    </row>
    <row r="109" spans="1:119" hidden="1" x14ac:dyDescent="0.2">
      <c r="A109" s="6" t="s">
        <v>311</v>
      </c>
      <c r="B109" s="6" t="s">
        <v>311</v>
      </c>
      <c r="C109" s="6" t="s">
        <v>174</v>
      </c>
      <c r="D109" s="6" t="s">
        <v>339</v>
      </c>
      <c r="E109" s="6" t="s">
        <v>333</v>
      </c>
      <c r="F109" s="11">
        <v>-31</v>
      </c>
      <c r="G109" s="13">
        <v>-1.7425519955E-2</v>
      </c>
      <c r="H109" s="11">
        <v>43.834123999999974</v>
      </c>
      <c r="I109" s="13">
        <v>2.463617163649055E-2</v>
      </c>
      <c r="J109" s="11">
        <v>97.447566240000015</v>
      </c>
      <c r="K109" s="13">
        <v>5.3451783791622923E-2</v>
      </c>
      <c r="L109" s="11">
        <v>-173.03474373999984</v>
      </c>
      <c r="M109" s="13">
        <v>-9.0096901858615783E-2</v>
      </c>
      <c r="N109" s="11">
        <v>-75.587177499999825</v>
      </c>
      <c r="O109" s="13">
        <v>-4.1460958185434667E-2</v>
      </c>
      <c r="P109" s="7">
        <v>1779.258752</v>
      </c>
      <c r="Q109" s="7">
        <v>1741.4565640000001</v>
      </c>
      <c r="R109" s="7">
        <v>1707.7179369999999</v>
      </c>
      <c r="S109" s="7">
        <v>1774.197989</v>
      </c>
      <c r="T109" s="7">
        <v>1822.8313250000001</v>
      </c>
      <c r="U109" s="7">
        <v>1857.1864250000001</v>
      </c>
      <c r="V109" s="7">
        <v>1823.0928759999999</v>
      </c>
      <c r="W109" s="7">
        <v>1786.431875</v>
      </c>
      <c r="X109" s="7">
        <v>1849.351772</v>
      </c>
      <c r="Y109" s="7">
        <v>1920.5404422399999</v>
      </c>
      <c r="Z109" s="7">
        <v>1791.52889506</v>
      </c>
      <c r="AA109" s="7">
        <v>1726.9994194000001</v>
      </c>
      <c r="AB109" s="7">
        <v>1703.3256143599999</v>
      </c>
      <c r="AC109" s="7">
        <v>1702.9018447999999</v>
      </c>
      <c r="AD109" s="7">
        <v>1731.3169305599999</v>
      </c>
      <c r="AE109" s="7">
        <v>1750.7451661800001</v>
      </c>
      <c r="AF109" s="7">
        <v>1747.5056985000001</v>
      </c>
      <c r="AG109" s="9">
        <v>33062.515076099997</v>
      </c>
      <c r="AH109" s="13">
        <v>0.47569113920920714</v>
      </c>
      <c r="AI109" s="9">
        <v>11922.886376399998</v>
      </c>
      <c r="AJ109" s="13">
        <v>0.17154204361033337</v>
      </c>
      <c r="AK109" s="9">
        <v>11888.27414970001</v>
      </c>
      <c r="AL109" s="13">
        <v>0.14599907594523931</v>
      </c>
      <c r="AM109" s="9">
        <v>9251.3545499999891</v>
      </c>
      <c r="AN109" s="13">
        <v>9.9140784981622876E-2</v>
      </c>
      <c r="AO109" s="9">
        <v>21139.628699699999</v>
      </c>
      <c r="AP109" s="13">
        <v>0.25961432392266476</v>
      </c>
      <c r="AQ109" s="9">
        <v>69504.164258899997</v>
      </c>
      <c r="AR109" s="9">
        <v>71346.851155600001</v>
      </c>
      <c r="AS109" s="9">
        <v>72383.745192699993</v>
      </c>
      <c r="AT109" s="9">
        <v>72944.195333199998</v>
      </c>
      <c r="AU109" s="9">
        <v>74846.667998599994</v>
      </c>
      <c r="AV109" s="9">
        <v>79324.402287399993</v>
      </c>
      <c r="AW109" s="9">
        <v>81427.050635299995</v>
      </c>
      <c r="AX109" s="9">
        <v>83504.122885200006</v>
      </c>
      <c r="AY109" s="9">
        <v>88446.058237300007</v>
      </c>
      <c r="AZ109" s="9">
        <v>93315.324785000004</v>
      </c>
      <c r="BA109" s="9">
        <v>97296.379948000002</v>
      </c>
      <c r="BB109" s="9">
        <v>96868.807895200007</v>
      </c>
      <c r="BC109" s="9">
        <v>101477.946528</v>
      </c>
      <c r="BD109" s="9">
        <v>101715.350619</v>
      </c>
      <c r="BE109" s="9">
        <v>99561.2386921</v>
      </c>
      <c r="BF109" s="9">
        <v>102566.67933499999</v>
      </c>
      <c r="BG109" s="11">
        <v>12.25</v>
      </c>
      <c r="BH109" s="13">
        <v>0.12373737373737374</v>
      </c>
      <c r="BI109" s="6">
        <v>2</v>
      </c>
      <c r="BJ109" s="13">
        <v>2.0202020202020204E-2</v>
      </c>
      <c r="BK109" s="6">
        <v>4</v>
      </c>
      <c r="BL109" s="13">
        <v>3.9603960396039604E-2</v>
      </c>
      <c r="BM109" s="11">
        <v>6.25</v>
      </c>
      <c r="BN109" s="13">
        <v>5.9523809523809521E-2</v>
      </c>
      <c r="BO109" s="11">
        <v>10.25</v>
      </c>
      <c r="BP109" s="13">
        <v>0.10148514851485149</v>
      </c>
      <c r="BQ109" s="6">
        <v>99</v>
      </c>
      <c r="BR109" s="6">
        <v>99</v>
      </c>
      <c r="BS109" s="6">
        <v>100</v>
      </c>
      <c r="BT109" s="6">
        <v>101</v>
      </c>
      <c r="BU109" s="6">
        <v>101</v>
      </c>
      <c r="BV109" s="6">
        <v>104</v>
      </c>
      <c r="BW109" s="6">
        <v>105</v>
      </c>
      <c r="BX109" s="6">
        <v>111</v>
      </c>
      <c r="BY109" s="6">
        <v>112</v>
      </c>
      <c r="BZ109" s="6">
        <v>114</v>
      </c>
      <c r="CA109" s="6">
        <v>111</v>
      </c>
      <c r="CB109" s="6">
        <v>113</v>
      </c>
      <c r="CC109" s="11">
        <v>111.25</v>
      </c>
      <c r="CD109" s="11">
        <v>63.493699999999997</v>
      </c>
      <c r="CE109" s="11">
        <v>-289.74099999999999</v>
      </c>
      <c r="CF109" s="11">
        <v>194.494</v>
      </c>
      <c r="CG109" s="11">
        <v>-96</v>
      </c>
      <c r="CH109" s="20">
        <v>1.4599299999999999</v>
      </c>
      <c r="CI109" s="20">
        <v>1.43943</v>
      </c>
      <c r="CJ109" s="20">
        <v>1.44678</v>
      </c>
      <c r="CK109" s="20">
        <v>1.5362899999999999</v>
      </c>
      <c r="CL109" s="20">
        <v>1.62391</v>
      </c>
      <c r="CM109" s="20">
        <v>1.6754199999999999</v>
      </c>
      <c r="CN109" s="20">
        <v>1.66052</v>
      </c>
      <c r="CO109" s="20">
        <v>1.62842</v>
      </c>
      <c r="CP109" s="20">
        <v>1.66015</v>
      </c>
      <c r="CQ109" s="20">
        <v>1.76074</v>
      </c>
      <c r="CR109" s="20">
        <v>1.67283</v>
      </c>
      <c r="CS109" s="20">
        <v>1.6353599999999999</v>
      </c>
      <c r="CT109" s="20">
        <v>1.65595</v>
      </c>
      <c r="CU109" s="20">
        <v>1.6694599999999999</v>
      </c>
      <c r="CV109" s="20">
        <v>1.70116</v>
      </c>
      <c r="CW109" s="20">
        <v>1.7373400000000001</v>
      </c>
      <c r="CX109" s="20">
        <v>1.71201</v>
      </c>
      <c r="CY109" s="6"/>
      <c r="CZ109" s="6"/>
      <c r="DA109" s="6"/>
      <c r="DB109" s="6"/>
      <c r="DC109" s="6"/>
      <c r="DD109" s="6"/>
      <c r="DE109" s="6"/>
      <c r="DF109" s="6"/>
      <c r="DG109" s="6"/>
      <c r="DH109" s="6"/>
      <c r="DI109" s="6"/>
      <c r="DJ109" s="6"/>
      <c r="DK109" s="6"/>
      <c r="DL109" s="6"/>
      <c r="DM109" s="6"/>
      <c r="DN109" s="6"/>
      <c r="DO109" s="6"/>
    </row>
    <row r="110" spans="1:119" hidden="1" x14ac:dyDescent="0.2">
      <c r="A110" s="6" t="s">
        <v>312</v>
      </c>
      <c r="B110" s="6" t="s">
        <v>312</v>
      </c>
      <c r="C110" s="6" t="s">
        <v>175</v>
      </c>
      <c r="D110" s="6" t="s">
        <v>339</v>
      </c>
      <c r="E110" s="6" t="s">
        <v>333</v>
      </c>
      <c r="F110" s="11">
        <v>-375</v>
      </c>
      <c r="G110" s="13">
        <v>-2.0704505300400002E-2</v>
      </c>
      <c r="H110" s="11">
        <v>2660.2706704000011</v>
      </c>
      <c r="I110" s="13">
        <v>0.14688192367010949</v>
      </c>
      <c r="J110" s="11">
        <v>-3991.0569615000022</v>
      </c>
      <c r="K110" s="13">
        <v>-0.19213732667943265</v>
      </c>
      <c r="L110" s="11">
        <v>956.03423640000256</v>
      </c>
      <c r="M110" s="13">
        <v>5.6971771040785005E-2</v>
      </c>
      <c r="N110" s="11">
        <v>-3035.0227250999997</v>
      </c>
      <c r="O110" s="13">
        <v>-0.14611195942261676</v>
      </c>
      <c r="P110" s="7">
        <v>18111.6273802</v>
      </c>
      <c r="Q110" s="7">
        <v>17899.989735899999</v>
      </c>
      <c r="R110" s="7">
        <v>18715.375916699999</v>
      </c>
      <c r="S110" s="7">
        <v>19676.851710999999</v>
      </c>
      <c r="T110" s="7">
        <v>19897.5571886</v>
      </c>
      <c r="U110" s="7">
        <v>20453.767448300001</v>
      </c>
      <c r="V110" s="7">
        <v>20771.898050600001</v>
      </c>
      <c r="W110" s="7">
        <v>20414.779417099999</v>
      </c>
      <c r="X110" s="7">
        <v>18686.1198391</v>
      </c>
      <c r="Y110" s="7">
        <v>16780.841089099998</v>
      </c>
      <c r="Z110" s="7">
        <v>16414.586285199999</v>
      </c>
      <c r="AA110" s="7">
        <v>16254.886253299999</v>
      </c>
      <c r="AB110" s="7">
        <v>16257.1362742</v>
      </c>
      <c r="AC110" s="7">
        <v>16531.716001199999</v>
      </c>
      <c r="AD110" s="7">
        <v>17431.853746199999</v>
      </c>
      <c r="AE110" s="7">
        <v>17407.924612800001</v>
      </c>
      <c r="AF110" s="7">
        <v>17736.875325500001</v>
      </c>
      <c r="AG110" s="9">
        <v>9314.0585765000033</v>
      </c>
      <c r="AH110" s="13">
        <v>0.34750039905119107</v>
      </c>
      <c r="AI110" s="9">
        <v>2548.9000649000009</v>
      </c>
      <c r="AJ110" s="13">
        <v>9.5097511189069422E-2</v>
      </c>
      <c r="AK110" s="9">
        <v>1134.7060452999976</v>
      </c>
      <c r="AL110" s="13">
        <v>3.865867096155011E-2</v>
      </c>
      <c r="AM110" s="9">
        <v>5630.4524663000047</v>
      </c>
      <c r="AN110" s="13">
        <v>0.18468600887389619</v>
      </c>
      <c r="AO110" s="9">
        <v>6765.1585116000024</v>
      </c>
      <c r="AP110" s="13">
        <v>0.23048439548370417</v>
      </c>
      <c r="AQ110" s="9">
        <v>26803.0154841</v>
      </c>
      <c r="AR110" s="9">
        <v>26611.385675500002</v>
      </c>
      <c r="AS110" s="9">
        <v>27140.327203299999</v>
      </c>
      <c r="AT110" s="9">
        <v>27412.968710900001</v>
      </c>
      <c r="AU110" s="9">
        <v>27974.394691500001</v>
      </c>
      <c r="AV110" s="9">
        <v>28669.839825399999</v>
      </c>
      <c r="AW110" s="9">
        <v>29351.915549000001</v>
      </c>
      <c r="AX110" s="9">
        <v>31897.289620899999</v>
      </c>
      <c r="AY110" s="9">
        <v>31771.011397800001</v>
      </c>
      <c r="AZ110" s="9">
        <v>30486.621594299999</v>
      </c>
      <c r="BA110" s="9">
        <v>30405.6379438</v>
      </c>
      <c r="BB110" s="9">
        <v>32554.241541899999</v>
      </c>
      <c r="BC110" s="9">
        <v>32277.693979700001</v>
      </c>
      <c r="BD110" s="9">
        <v>35694.905880099999</v>
      </c>
      <c r="BE110" s="9">
        <v>36351.270238700003</v>
      </c>
      <c r="BF110" s="9">
        <v>36117.074060600004</v>
      </c>
      <c r="BG110" s="11">
        <v>-571.75</v>
      </c>
      <c r="BH110" s="13">
        <v>-0.23763507896924355</v>
      </c>
      <c r="BI110" s="6">
        <v>52</v>
      </c>
      <c r="BJ110" s="13">
        <v>2.1612635078969242E-2</v>
      </c>
      <c r="BK110" s="6">
        <v>-356</v>
      </c>
      <c r="BL110" s="13">
        <v>-0.14483319772172498</v>
      </c>
      <c r="BM110" s="11">
        <v>-267.75</v>
      </c>
      <c r="BN110" s="13">
        <v>-0.12737868696479543</v>
      </c>
      <c r="BO110" s="11">
        <v>-623.75</v>
      </c>
      <c r="BP110" s="13">
        <v>-0.25376322213181446</v>
      </c>
      <c r="BQ110" s="6">
        <v>2406</v>
      </c>
      <c r="BR110" s="6">
        <v>2424</v>
      </c>
      <c r="BS110" s="6">
        <v>2469</v>
      </c>
      <c r="BT110" s="6">
        <v>2458</v>
      </c>
      <c r="BU110" s="6">
        <v>2372</v>
      </c>
      <c r="BV110" s="6">
        <v>2211</v>
      </c>
      <c r="BW110" s="6">
        <v>2102</v>
      </c>
      <c r="BX110" s="6">
        <v>1976</v>
      </c>
      <c r="BY110" s="6">
        <v>1891</v>
      </c>
      <c r="BZ110" s="6">
        <v>1879</v>
      </c>
      <c r="CA110" s="6">
        <v>1851</v>
      </c>
      <c r="CB110" s="6">
        <v>1855</v>
      </c>
      <c r="CC110" s="11">
        <v>1834.25</v>
      </c>
      <c r="CD110" s="11">
        <v>-160.792</v>
      </c>
      <c r="CE110" s="11">
        <v>-2193.7800000000002</v>
      </c>
      <c r="CF110" s="11">
        <v>1979.82</v>
      </c>
      <c r="CG110" s="11">
        <v>-214</v>
      </c>
      <c r="CH110" s="20">
        <v>1.0246</v>
      </c>
      <c r="CI110" s="20">
        <v>1.01302</v>
      </c>
      <c r="CJ110" s="20">
        <v>1.0374300000000001</v>
      </c>
      <c r="CK110" s="20">
        <v>1.04525</v>
      </c>
      <c r="CL110" s="20">
        <v>1.01383</v>
      </c>
      <c r="CM110" s="20">
        <v>1.00508</v>
      </c>
      <c r="CN110" s="20">
        <v>1.04443</v>
      </c>
      <c r="CO110" s="20">
        <v>1.1025</v>
      </c>
      <c r="CP110" s="20">
        <v>1.1463399999999999</v>
      </c>
      <c r="CQ110" s="20">
        <v>1.12479</v>
      </c>
      <c r="CR110" s="20">
        <v>1.1323799999999999</v>
      </c>
      <c r="CS110" s="20">
        <v>1.12649</v>
      </c>
      <c r="CT110" s="20">
        <v>1.12869</v>
      </c>
      <c r="CU110" s="20">
        <v>1.1222700000000001</v>
      </c>
      <c r="CV110" s="20">
        <v>1.1532100000000001</v>
      </c>
      <c r="CW110" s="20">
        <v>1.1390800000000001</v>
      </c>
      <c r="CX110" s="20">
        <v>1.1474500000000001</v>
      </c>
      <c r="CY110" s="6"/>
      <c r="CZ110" s="6"/>
      <c r="DA110" s="6"/>
      <c r="DB110" s="6"/>
      <c r="DC110" s="6"/>
      <c r="DD110" s="6"/>
      <c r="DE110" s="6"/>
      <c r="DF110" s="6"/>
      <c r="DG110" s="6"/>
      <c r="DH110" s="6"/>
      <c r="DI110" s="6"/>
      <c r="DJ110" s="6"/>
      <c r="DK110" s="6"/>
      <c r="DL110" s="6"/>
      <c r="DM110" s="6"/>
      <c r="DN110" s="6"/>
      <c r="DO110" s="6"/>
    </row>
    <row r="111" spans="1:119" x14ac:dyDescent="0.2">
      <c r="A111" s="6" t="s">
        <v>792</v>
      </c>
      <c r="B111" s="6" t="s">
        <v>176</v>
      </c>
      <c r="C111" s="6" t="s">
        <v>177</v>
      </c>
      <c r="D111" s="6" t="s">
        <v>339</v>
      </c>
      <c r="E111" s="6" t="s">
        <v>333</v>
      </c>
      <c r="F111" s="11">
        <v>-16116</v>
      </c>
      <c r="G111" s="13">
        <v>-0.29900923967499998</v>
      </c>
      <c r="H111" s="11">
        <v>-7973.9536382000006</v>
      </c>
      <c r="I111" s="13">
        <v>-0.14794458961430054</v>
      </c>
      <c r="J111" s="11">
        <v>-7741.407876199999</v>
      </c>
      <c r="K111" s="13">
        <v>-0.16856891548537245</v>
      </c>
      <c r="L111" s="11">
        <v>-401.16992410000239</v>
      </c>
      <c r="M111" s="13">
        <v>-1.0506538389122263E-2</v>
      </c>
      <c r="N111" s="11">
        <v>-8142.5778003000014</v>
      </c>
      <c r="O111" s="13">
        <v>-0.17730437809273494</v>
      </c>
      <c r="P111" s="7">
        <v>53898.244329100002</v>
      </c>
      <c r="Q111" s="7">
        <v>50017.051602799998</v>
      </c>
      <c r="R111" s="7">
        <v>47883.825294499999</v>
      </c>
      <c r="S111" s="7">
        <v>48128.031764599997</v>
      </c>
      <c r="T111" s="7">
        <v>48197.708589200003</v>
      </c>
      <c r="U111" s="7">
        <v>48224.482875200003</v>
      </c>
      <c r="V111" s="7">
        <v>45924.290690900001</v>
      </c>
      <c r="W111" s="7">
        <v>44314.211786699998</v>
      </c>
      <c r="X111" s="7">
        <v>38694.0195265</v>
      </c>
      <c r="Y111" s="7">
        <v>38182.882814700002</v>
      </c>
      <c r="Z111" s="7">
        <v>38688.959235800001</v>
      </c>
      <c r="AA111" s="7">
        <v>39024.916929999999</v>
      </c>
      <c r="AB111" s="7">
        <v>37764.970371099997</v>
      </c>
      <c r="AC111" s="7">
        <v>37447.4192349</v>
      </c>
      <c r="AD111" s="7">
        <v>37720.836508400003</v>
      </c>
      <c r="AE111" s="7">
        <v>37141.670619600001</v>
      </c>
      <c r="AF111" s="7">
        <v>37781.7128906</v>
      </c>
      <c r="AG111" s="9">
        <v>18682.146853899998</v>
      </c>
      <c r="AH111" s="13">
        <v>0.58968020620506345</v>
      </c>
      <c r="AI111" s="9">
        <v>9026.1789119000023</v>
      </c>
      <c r="AJ111" s="13">
        <v>0.2849008244950112</v>
      </c>
      <c r="AK111" s="9">
        <v>4226.5903586999993</v>
      </c>
      <c r="AL111" s="13">
        <v>0.10382700313303532</v>
      </c>
      <c r="AM111" s="9">
        <v>5429.3775832999963</v>
      </c>
      <c r="AN111" s="13">
        <v>0.1208284465863045</v>
      </c>
      <c r="AO111" s="9">
        <v>9655.9679419999957</v>
      </c>
      <c r="AP111" s="13">
        <v>0.23720070522161585</v>
      </c>
      <c r="AQ111" s="9">
        <v>31681.827976100001</v>
      </c>
      <c r="AR111" s="9">
        <v>33449.634824000001</v>
      </c>
      <c r="AS111" s="9">
        <v>34662.894276799998</v>
      </c>
      <c r="AT111" s="9">
        <v>35838.378190700001</v>
      </c>
      <c r="AU111" s="9">
        <v>37412.123741099997</v>
      </c>
      <c r="AV111" s="9">
        <v>38973.6055108</v>
      </c>
      <c r="AW111" s="9">
        <v>40708.006888000004</v>
      </c>
      <c r="AX111" s="9">
        <v>41934.801838899999</v>
      </c>
      <c r="AY111" s="9">
        <v>42153.507748299999</v>
      </c>
      <c r="AZ111" s="9">
        <v>44934.597246700003</v>
      </c>
      <c r="BA111" s="9">
        <v>44805.312553800002</v>
      </c>
      <c r="BB111" s="9">
        <v>45965.217124399998</v>
      </c>
      <c r="BC111" s="9">
        <v>46879.563499099997</v>
      </c>
      <c r="BD111" s="9">
        <v>47993.992198</v>
      </c>
      <c r="BE111" s="9">
        <v>49660.174546900002</v>
      </c>
      <c r="BF111" s="9">
        <v>50363.974829999999</v>
      </c>
      <c r="BG111" s="11">
        <v>-259.75</v>
      </c>
      <c r="BH111" s="13">
        <v>-0.19427823485415108</v>
      </c>
      <c r="BI111" s="6">
        <v>-20</v>
      </c>
      <c r="BJ111" s="13">
        <v>-1.4958863126402393E-2</v>
      </c>
      <c r="BK111" s="6">
        <v>-117</v>
      </c>
      <c r="BL111" s="13">
        <v>-8.8838268792710701E-2</v>
      </c>
      <c r="BM111" s="11">
        <v>-122.75</v>
      </c>
      <c r="BN111" s="13">
        <v>-0.10229166666666667</v>
      </c>
      <c r="BO111" s="11">
        <v>-239.75</v>
      </c>
      <c r="BP111" s="13">
        <v>-0.18204252088078968</v>
      </c>
      <c r="BQ111" s="6">
        <v>1337</v>
      </c>
      <c r="BR111" s="6">
        <v>1327</v>
      </c>
      <c r="BS111" s="6">
        <v>1319</v>
      </c>
      <c r="BT111" s="6">
        <v>1317</v>
      </c>
      <c r="BU111" s="6">
        <v>1302</v>
      </c>
      <c r="BV111" s="6">
        <v>1267</v>
      </c>
      <c r="BW111" s="6">
        <v>1200</v>
      </c>
      <c r="BX111" s="6">
        <v>1145</v>
      </c>
      <c r="BY111" s="6">
        <v>1119</v>
      </c>
      <c r="BZ111" s="6">
        <v>1111</v>
      </c>
      <c r="CA111" s="6">
        <v>1096</v>
      </c>
      <c r="CB111" s="6">
        <v>1101</v>
      </c>
      <c r="CC111" s="11">
        <v>1077.25</v>
      </c>
      <c r="CD111" s="11">
        <v>-2983.38</v>
      </c>
      <c r="CE111" s="11">
        <v>-19024.900000000001</v>
      </c>
      <c r="CF111" s="11">
        <v>5891.73</v>
      </c>
      <c r="CG111" s="11">
        <v>-13133</v>
      </c>
      <c r="CH111" s="20">
        <v>1.59267</v>
      </c>
      <c r="CI111" s="20">
        <v>1.58006</v>
      </c>
      <c r="CJ111" s="20">
        <v>1.58379</v>
      </c>
      <c r="CK111" s="20">
        <v>1.6157600000000001</v>
      </c>
      <c r="CL111" s="20">
        <v>1.6343399999999999</v>
      </c>
      <c r="CM111" s="20">
        <v>1.65299</v>
      </c>
      <c r="CN111" s="20">
        <v>1.6307199999999999</v>
      </c>
      <c r="CO111" s="20">
        <v>1.65357</v>
      </c>
      <c r="CP111" s="20">
        <v>1.6159399999999999</v>
      </c>
      <c r="CQ111" s="20">
        <v>1.64819</v>
      </c>
      <c r="CR111" s="20">
        <v>1.6676200000000001</v>
      </c>
      <c r="CS111" s="20">
        <v>1.6776800000000001</v>
      </c>
      <c r="CT111" s="20">
        <v>1.6520600000000001</v>
      </c>
      <c r="CU111" s="20">
        <v>1.64107</v>
      </c>
      <c r="CV111" s="20">
        <v>1.6560299999999999</v>
      </c>
      <c r="CW111" s="20">
        <v>1.64802</v>
      </c>
      <c r="CX111" s="20">
        <v>1.66808</v>
      </c>
      <c r="CY111" s="6"/>
      <c r="CZ111" s="6"/>
      <c r="DA111" s="6"/>
      <c r="DB111" s="6"/>
      <c r="DC111" s="6"/>
      <c r="DD111" s="6"/>
      <c r="DE111" s="6"/>
      <c r="DF111" s="6"/>
      <c r="DG111" s="6"/>
      <c r="DH111" s="6"/>
      <c r="DI111" s="6"/>
      <c r="DJ111" s="6"/>
      <c r="DK111" s="6"/>
      <c r="DL111" s="6"/>
      <c r="DM111" s="6"/>
      <c r="DN111" s="6"/>
      <c r="DO111" s="6"/>
    </row>
    <row r="112" spans="1:119" hidden="1" x14ac:dyDescent="0.2">
      <c r="A112" s="6" t="s">
        <v>313</v>
      </c>
      <c r="B112" s="6" t="s">
        <v>313</v>
      </c>
      <c r="C112" s="6" t="s">
        <v>178</v>
      </c>
      <c r="D112" s="6" t="s">
        <v>339</v>
      </c>
      <c r="E112" s="6" t="s">
        <v>333</v>
      </c>
      <c r="F112" s="11">
        <v>-295</v>
      </c>
      <c r="G112" s="13">
        <v>-3.2131576081E-2</v>
      </c>
      <c r="H112" s="11">
        <v>476.63538066000001</v>
      </c>
      <c r="I112" s="13">
        <v>5.1916090626053429E-2</v>
      </c>
      <c r="J112" s="11">
        <v>-890.05759287000001</v>
      </c>
      <c r="K112" s="13">
        <v>-9.2162175130928281E-2</v>
      </c>
      <c r="L112" s="11">
        <v>118.24259304999941</v>
      </c>
      <c r="M112" s="13">
        <v>1.3486531722679501E-2</v>
      </c>
      <c r="N112" s="11">
        <v>-771.81499982000059</v>
      </c>
      <c r="O112" s="13">
        <v>-7.9918591506783196E-2</v>
      </c>
      <c r="P112" s="7">
        <v>9180.8796639400007</v>
      </c>
      <c r="Q112" s="7">
        <v>9002.1306576499992</v>
      </c>
      <c r="R112" s="7">
        <v>9101.3476658300006</v>
      </c>
      <c r="S112" s="7">
        <v>9104.8089249700006</v>
      </c>
      <c r="T112" s="7">
        <v>9127.4327700699996</v>
      </c>
      <c r="U112" s="7">
        <v>9418.3177421199998</v>
      </c>
      <c r="V112" s="7">
        <v>9657.5150446000007</v>
      </c>
      <c r="W112" s="7">
        <v>9404.4505351799999</v>
      </c>
      <c r="X112" s="7">
        <v>8832.4491514199999</v>
      </c>
      <c r="Y112" s="7">
        <v>8767.4574517300007</v>
      </c>
      <c r="Z112" s="7">
        <v>8787.5002719099994</v>
      </c>
      <c r="AA112" s="7">
        <v>8699.7400305499996</v>
      </c>
      <c r="AB112" s="7">
        <v>8907.1701858199995</v>
      </c>
      <c r="AC112" s="7">
        <v>9033.2854556999991</v>
      </c>
      <c r="AD112" s="7">
        <v>8765.8862026999996</v>
      </c>
      <c r="AE112" s="7">
        <v>8614.65882074</v>
      </c>
      <c r="AF112" s="7">
        <v>8885.7000447800001</v>
      </c>
      <c r="AG112" s="9">
        <v>19611.543726299999</v>
      </c>
      <c r="AH112" s="13">
        <v>0.66309484835985844</v>
      </c>
      <c r="AI112" s="9">
        <v>8066.9515958999982</v>
      </c>
      <c r="AJ112" s="13">
        <v>0.27275537917171511</v>
      </c>
      <c r="AK112" s="9">
        <v>4701.7023316999985</v>
      </c>
      <c r="AL112" s="13">
        <v>0.12490334297586608</v>
      </c>
      <c r="AM112" s="9">
        <v>6842.8897987000018</v>
      </c>
      <c r="AN112" s="13">
        <v>0.1616007122577128</v>
      </c>
      <c r="AO112" s="9">
        <v>11544.5921304</v>
      </c>
      <c r="AP112" s="13">
        <v>0.30668852442184824</v>
      </c>
      <c r="AQ112" s="9">
        <v>29575.774528800001</v>
      </c>
      <c r="AR112" s="9">
        <v>30276.168148199999</v>
      </c>
      <c r="AS112" s="9">
        <v>30785.493483999999</v>
      </c>
      <c r="AT112" s="9">
        <v>32540.368097300001</v>
      </c>
      <c r="AU112" s="9">
        <v>34766.316755100001</v>
      </c>
      <c r="AV112" s="9">
        <v>36050.832563900003</v>
      </c>
      <c r="AW112" s="9">
        <v>37642.726124699999</v>
      </c>
      <c r="AX112" s="9">
        <v>40395.575052499997</v>
      </c>
      <c r="AY112" s="9">
        <v>41036.0168376</v>
      </c>
      <c r="AZ112" s="9">
        <v>42344.428456399997</v>
      </c>
      <c r="BA112" s="9">
        <v>42733.176491500002</v>
      </c>
      <c r="BB112" s="9">
        <v>44710.178021599997</v>
      </c>
      <c r="BC112" s="9">
        <v>45689.800008300001</v>
      </c>
      <c r="BD112" s="9">
        <v>46802.140328200003</v>
      </c>
      <c r="BE112" s="9">
        <v>47675.611005500003</v>
      </c>
      <c r="BF112" s="9">
        <v>49187.318255099999</v>
      </c>
      <c r="BG112" s="11">
        <v>-75.25</v>
      </c>
      <c r="BH112" s="13">
        <v>-7.1124763705103969E-2</v>
      </c>
      <c r="BI112" s="6">
        <v>-42</v>
      </c>
      <c r="BJ112" s="13">
        <v>-3.9697542533081283E-2</v>
      </c>
      <c r="BK112" s="6">
        <v>-81</v>
      </c>
      <c r="BL112" s="13">
        <v>-7.9724409448818895E-2</v>
      </c>
      <c r="BM112" s="11">
        <v>47.75</v>
      </c>
      <c r="BN112" s="13">
        <v>5.1069518716577542E-2</v>
      </c>
      <c r="BO112" s="11">
        <v>-33.25</v>
      </c>
      <c r="BP112" s="13">
        <v>-3.2726377952755903E-2</v>
      </c>
      <c r="BQ112" s="6">
        <v>1058</v>
      </c>
      <c r="BR112" s="6">
        <v>1046</v>
      </c>
      <c r="BS112" s="6">
        <v>1040</v>
      </c>
      <c r="BT112" s="6">
        <v>1016</v>
      </c>
      <c r="BU112" s="6">
        <v>1007</v>
      </c>
      <c r="BV112" s="6">
        <v>972</v>
      </c>
      <c r="BW112" s="6">
        <v>935</v>
      </c>
      <c r="BX112" s="6">
        <v>937</v>
      </c>
      <c r="BY112" s="6">
        <v>950</v>
      </c>
      <c r="BZ112" s="6">
        <v>978</v>
      </c>
      <c r="CA112" s="6">
        <v>978</v>
      </c>
      <c r="CB112" s="6">
        <v>1001</v>
      </c>
      <c r="CC112" s="11">
        <v>982.75</v>
      </c>
      <c r="CD112" s="11">
        <v>-548.06299999999999</v>
      </c>
      <c r="CE112" s="11">
        <v>-750.69799999999998</v>
      </c>
      <c r="CF112" s="11">
        <v>1003.58</v>
      </c>
      <c r="CG112" s="11">
        <v>253</v>
      </c>
      <c r="CH112" s="20">
        <v>0.76188199999999995</v>
      </c>
      <c r="CI112" s="20">
        <v>0.75851800000000003</v>
      </c>
      <c r="CJ112" s="20">
        <v>0.76753700000000002</v>
      </c>
      <c r="CK112" s="20">
        <v>0.76090999999999998</v>
      </c>
      <c r="CL112" s="20">
        <v>0.75218499999999999</v>
      </c>
      <c r="CM112" s="20">
        <v>0.76336599999999999</v>
      </c>
      <c r="CN112" s="20">
        <v>0.78217400000000004</v>
      </c>
      <c r="CO112" s="20">
        <v>0.77990700000000002</v>
      </c>
      <c r="CP112" s="20">
        <v>0.77492099999999997</v>
      </c>
      <c r="CQ112" s="20">
        <v>0.78715000000000002</v>
      </c>
      <c r="CR112" s="20">
        <v>0.79127000000000003</v>
      </c>
      <c r="CS112" s="20">
        <v>0.78039000000000003</v>
      </c>
      <c r="CT112" s="20">
        <v>0.80843699999999996</v>
      </c>
      <c r="CU112" s="20">
        <v>0.82236299999999996</v>
      </c>
      <c r="CV112" s="20">
        <v>0.799979</v>
      </c>
      <c r="CW112" s="20">
        <v>0.796628</v>
      </c>
      <c r="CX112" s="20">
        <v>0.81095099999999998</v>
      </c>
      <c r="CY112" s="6"/>
      <c r="CZ112" s="6"/>
      <c r="DA112" s="6"/>
      <c r="DB112" s="6"/>
      <c r="DC112" s="6"/>
      <c r="DD112" s="6"/>
      <c r="DE112" s="6"/>
      <c r="DF112" s="6"/>
      <c r="DG112" s="6"/>
      <c r="DH112" s="6"/>
      <c r="DI112" s="6"/>
      <c r="DJ112" s="6"/>
      <c r="DK112" s="6"/>
      <c r="DL112" s="6"/>
      <c r="DM112" s="6"/>
      <c r="DN112" s="6"/>
      <c r="DO112" s="6"/>
    </row>
    <row r="113" spans="1:119" hidden="1" x14ac:dyDescent="0.2">
      <c r="A113" s="6" t="s">
        <v>793</v>
      </c>
      <c r="B113" s="6" t="s">
        <v>179</v>
      </c>
      <c r="C113" s="6" t="s">
        <v>180</v>
      </c>
      <c r="D113" s="6" t="s">
        <v>339</v>
      </c>
      <c r="E113" s="6" t="s">
        <v>333</v>
      </c>
      <c r="F113" s="11">
        <v>877</v>
      </c>
      <c r="G113" s="13">
        <v>2.40590365412E-2</v>
      </c>
      <c r="H113" s="11">
        <v>1002.6784956999982</v>
      </c>
      <c r="I113" s="13">
        <v>2.7506842556969197E-2</v>
      </c>
      <c r="J113" s="11">
        <v>-2640.0245591999992</v>
      </c>
      <c r="K113" s="13">
        <v>-7.0485905800288309E-2</v>
      </c>
      <c r="L113" s="11">
        <v>2514.7415256000022</v>
      </c>
      <c r="M113" s="13">
        <v>7.2232341306901732E-2</v>
      </c>
      <c r="N113" s="11">
        <v>-125.283033599997</v>
      </c>
      <c r="O113" s="13">
        <v>-3.3449264984791228E-3</v>
      </c>
      <c r="P113" s="7">
        <v>36451.966219800001</v>
      </c>
      <c r="Q113" s="7">
        <v>36252.939851800002</v>
      </c>
      <c r="R113" s="7">
        <v>36178.572449500003</v>
      </c>
      <c r="S113" s="7">
        <v>36587.584776000003</v>
      </c>
      <c r="T113" s="7">
        <v>37607.605097699998</v>
      </c>
      <c r="U113" s="7">
        <v>37742.372108399999</v>
      </c>
      <c r="V113" s="7">
        <v>37454.644715499999</v>
      </c>
      <c r="W113" s="7">
        <v>36686.212542200003</v>
      </c>
      <c r="X113" s="7">
        <v>35214.406957200001</v>
      </c>
      <c r="Y113" s="7">
        <v>34814.6201563</v>
      </c>
      <c r="Z113" s="7">
        <v>34711.652844999997</v>
      </c>
      <c r="AA113" s="7">
        <v>34864.510845500001</v>
      </c>
      <c r="AB113" s="7">
        <v>34710.407012299998</v>
      </c>
      <c r="AC113" s="7">
        <v>34847.103552699999</v>
      </c>
      <c r="AD113" s="7">
        <v>35711.329177200001</v>
      </c>
      <c r="AE113" s="7">
        <v>36304.935490900003</v>
      </c>
      <c r="AF113" s="7">
        <v>37329.361681900002</v>
      </c>
      <c r="AG113" s="9">
        <v>8275.6072038999991</v>
      </c>
      <c r="AH113" s="13">
        <v>0.42487405692319974</v>
      </c>
      <c r="AI113" s="9">
        <v>4398.716707399999</v>
      </c>
      <c r="AJ113" s="13">
        <v>0.22583244548486431</v>
      </c>
      <c r="AK113" s="9">
        <v>1362.5949799000009</v>
      </c>
      <c r="AL113" s="13">
        <v>5.7068442108577609E-2</v>
      </c>
      <c r="AM113" s="9">
        <v>2514.2955165999992</v>
      </c>
      <c r="AN113" s="13">
        <v>9.9619061487784183E-2</v>
      </c>
      <c r="AO113" s="9">
        <v>3876.8904965000002</v>
      </c>
      <c r="AP113" s="13">
        <v>0.16237260823978822</v>
      </c>
      <c r="AQ113" s="9">
        <v>19477.788933100001</v>
      </c>
      <c r="AR113" s="9">
        <v>20359.762222400001</v>
      </c>
      <c r="AS113" s="9">
        <v>21184.2278744</v>
      </c>
      <c r="AT113" s="9">
        <v>21653.6109999</v>
      </c>
      <c r="AU113" s="9">
        <v>22308.8862419</v>
      </c>
      <c r="AV113" s="9">
        <v>23025.852514099999</v>
      </c>
      <c r="AW113" s="9">
        <v>23876.5056405</v>
      </c>
      <c r="AX113" s="9">
        <v>24527.635884300002</v>
      </c>
      <c r="AY113" s="9">
        <v>24690.226179599998</v>
      </c>
      <c r="AZ113" s="9">
        <v>25239.1006204</v>
      </c>
      <c r="BA113" s="9">
        <v>25236.365543100001</v>
      </c>
      <c r="BB113" s="9">
        <v>25758.620772999999</v>
      </c>
      <c r="BC113" s="9">
        <v>26432.3712677</v>
      </c>
      <c r="BD113" s="9">
        <v>26734.895764100002</v>
      </c>
      <c r="BE113" s="9">
        <v>27117.619846500002</v>
      </c>
      <c r="BF113" s="9">
        <v>27753.396137</v>
      </c>
      <c r="BG113" s="11">
        <v>-534</v>
      </c>
      <c r="BH113" s="13">
        <v>-0.15406809001731103</v>
      </c>
      <c r="BI113" s="6">
        <v>-172</v>
      </c>
      <c r="BJ113" s="13">
        <v>-4.9624927870744372E-2</v>
      </c>
      <c r="BK113" s="6">
        <v>-213</v>
      </c>
      <c r="BL113" s="13">
        <v>-6.466302367941712E-2</v>
      </c>
      <c r="BM113" s="11">
        <v>-149</v>
      </c>
      <c r="BN113" s="13">
        <v>-4.8360921778643297E-2</v>
      </c>
      <c r="BO113" s="11">
        <v>-362</v>
      </c>
      <c r="BP113" s="13">
        <v>-0.10989678202792957</v>
      </c>
      <c r="BQ113" s="6">
        <v>3466</v>
      </c>
      <c r="BR113" s="6">
        <v>3392</v>
      </c>
      <c r="BS113" s="6">
        <v>3354</v>
      </c>
      <c r="BT113" s="6">
        <v>3294</v>
      </c>
      <c r="BU113" s="6">
        <v>3242</v>
      </c>
      <c r="BV113" s="6">
        <v>3147</v>
      </c>
      <c r="BW113" s="6">
        <v>3081</v>
      </c>
      <c r="BX113" s="6">
        <v>2996</v>
      </c>
      <c r="BY113" s="6">
        <v>2988</v>
      </c>
      <c r="BZ113" s="6">
        <v>2984</v>
      </c>
      <c r="CA113" s="6">
        <v>2964</v>
      </c>
      <c r="CB113" s="6">
        <v>2968</v>
      </c>
      <c r="CC113" s="11">
        <v>2932</v>
      </c>
      <c r="CD113" s="11">
        <v>-770.88</v>
      </c>
      <c r="CE113" s="11">
        <v>-2336.36</v>
      </c>
      <c r="CF113" s="11">
        <v>3984.64</v>
      </c>
      <c r="CG113" s="11">
        <v>1649</v>
      </c>
      <c r="CH113" s="20">
        <v>1.12727</v>
      </c>
      <c r="CI113" s="20">
        <v>1.1187499999999999</v>
      </c>
      <c r="CJ113" s="20">
        <v>1.12279</v>
      </c>
      <c r="CK113" s="20">
        <v>1.1269899999999999</v>
      </c>
      <c r="CL113" s="20">
        <v>1.15001</v>
      </c>
      <c r="CM113" s="20">
        <v>1.15141</v>
      </c>
      <c r="CN113" s="20">
        <v>1.15154</v>
      </c>
      <c r="CO113" s="20">
        <v>1.1633899999999999</v>
      </c>
      <c r="CP113" s="20">
        <v>1.16153</v>
      </c>
      <c r="CQ113" s="20">
        <v>1.16164</v>
      </c>
      <c r="CR113" s="20">
        <v>1.1635</v>
      </c>
      <c r="CS113" s="20">
        <v>1.17106</v>
      </c>
      <c r="CT113" s="20">
        <v>1.1805300000000001</v>
      </c>
      <c r="CU113" s="20">
        <v>1.18306</v>
      </c>
      <c r="CV113" s="20">
        <v>1.20519</v>
      </c>
      <c r="CW113" s="20">
        <v>1.2283599999999999</v>
      </c>
      <c r="CX113" s="20">
        <v>1.2481100000000001</v>
      </c>
      <c r="CY113" s="6"/>
      <c r="CZ113" s="6"/>
      <c r="DA113" s="6"/>
      <c r="DB113" s="6"/>
      <c r="DC113" s="6"/>
      <c r="DD113" s="6"/>
      <c r="DE113" s="6"/>
      <c r="DF113" s="6"/>
      <c r="DG113" s="6"/>
      <c r="DH113" s="6"/>
      <c r="DI113" s="6"/>
      <c r="DJ113" s="6"/>
      <c r="DK113" s="6"/>
      <c r="DL113" s="6"/>
      <c r="DM113" s="6"/>
      <c r="DN113" s="6"/>
      <c r="DO113" s="6"/>
    </row>
    <row r="114" spans="1:119" hidden="1" x14ac:dyDescent="0.2">
      <c r="A114" s="6" t="s">
        <v>794</v>
      </c>
      <c r="B114" s="6" t="s">
        <v>181</v>
      </c>
      <c r="C114" s="6" t="s">
        <v>182</v>
      </c>
      <c r="D114" s="6" t="s">
        <v>339</v>
      </c>
      <c r="E114" s="6" t="s">
        <v>333</v>
      </c>
      <c r="F114" s="11">
        <v>464</v>
      </c>
      <c r="G114" s="13">
        <v>4.8469654235900002E-2</v>
      </c>
      <c r="H114" s="11">
        <v>730.56947073999982</v>
      </c>
      <c r="I114" s="13">
        <v>7.6318256462524631E-2</v>
      </c>
      <c r="J114" s="11">
        <v>-1131.7583302099993</v>
      </c>
      <c r="K114" s="13">
        <v>-0.10984490389069658</v>
      </c>
      <c r="L114" s="11">
        <v>865.2629086099987</v>
      </c>
      <c r="M114" s="13">
        <v>9.4342768834862478E-2</v>
      </c>
      <c r="N114" s="11">
        <v>-266.49542160000055</v>
      </c>
      <c r="O114" s="13">
        <v>-2.5865207431281775E-2</v>
      </c>
      <c r="P114" s="7">
        <v>9572.6698250600002</v>
      </c>
      <c r="Q114" s="7">
        <v>9525.5947455099995</v>
      </c>
      <c r="R114" s="7">
        <v>9749.4192046900007</v>
      </c>
      <c r="S114" s="7">
        <v>9861.9102783300004</v>
      </c>
      <c r="T114" s="7">
        <v>9866.5249510600006</v>
      </c>
      <c r="U114" s="7">
        <v>10060.3419493</v>
      </c>
      <c r="V114" s="7">
        <v>10303.2392958</v>
      </c>
      <c r="W114" s="7">
        <v>9418.8274337000003</v>
      </c>
      <c r="X114" s="7">
        <v>9326.5940908199991</v>
      </c>
      <c r="Y114" s="7">
        <v>9171.4809655900008</v>
      </c>
      <c r="Z114" s="7">
        <v>9308.0776226199996</v>
      </c>
      <c r="AA114" s="7">
        <v>9203.8398016800002</v>
      </c>
      <c r="AB114" s="7">
        <v>10087.837487500001</v>
      </c>
      <c r="AC114" s="7">
        <v>9913.0582384200006</v>
      </c>
      <c r="AD114" s="7">
        <v>9878.4404940099994</v>
      </c>
      <c r="AE114" s="7">
        <v>9769.5325132599992</v>
      </c>
      <c r="AF114" s="7">
        <v>10036.743874199999</v>
      </c>
      <c r="AG114" s="9">
        <v>19549.740161599999</v>
      </c>
      <c r="AH114" s="13">
        <v>0.58506315446554291</v>
      </c>
      <c r="AI114" s="9">
        <v>8193.1864366000009</v>
      </c>
      <c r="AJ114" s="13">
        <v>0.2451966860990332</v>
      </c>
      <c r="AK114" s="9">
        <v>3068.7617093000008</v>
      </c>
      <c r="AL114" s="13">
        <v>7.3754236109985383E-2</v>
      </c>
      <c r="AM114" s="9">
        <v>8287.7920156999971</v>
      </c>
      <c r="AN114" s="13">
        <v>0.18550591257267729</v>
      </c>
      <c r="AO114" s="9">
        <v>11356.553724999998</v>
      </c>
      <c r="AP114" s="13">
        <v>0.2729419955583462</v>
      </c>
      <c r="AQ114" s="9">
        <v>33414.7519159</v>
      </c>
      <c r="AR114" s="9">
        <v>34889.871076199997</v>
      </c>
      <c r="AS114" s="9">
        <v>35482.284434100002</v>
      </c>
      <c r="AT114" s="9">
        <v>37266.668092799999</v>
      </c>
      <c r="AU114" s="9">
        <v>38566.165327299997</v>
      </c>
      <c r="AV114" s="9">
        <v>39744.541872000002</v>
      </c>
      <c r="AW114" s="9">
        <v>41607.938352500001</v>
      </c>
      <c r="AX114" s="9">
        <v>44224.700174600002</v>
      </c>
      <c r="AY114" s="9">
        <v>43662.714189400001</v>
      </c>
      <c r="AZ114" s="9">
        <v>44676.700061800002</v>
      </c>
      <c r="BA114" s="9">
        <v>46089.867378199997</v>
      </c>
      <c r="BB114" s="9">
        <v>47151.704167600001</v>
      </c>
      <c r="BC114" s="9">
        <v>49310.458141800002</v>
      </c>
      <c r="BD114" s="9">
        <v>51006.478650700003</v>
      </c>
      <c r="BE114" s="9">
        <v>52591.995285999998</v>
      </c>
      <c r="BF114" s="9">
        <v>52964.492077499999</v>
      </c>
      <c r="BG114" s="11">
        <v>-90</v>
      </c>
      <c r="BH114" s="13">
        <v>-8.8582677165354326E-2</v>
      </c>
      <c r="BI114" s="6">
        <v>14</v>
      </c>
      <c r="BJ114" s="13">
        <v>1.3779527559055118E-2</v>
      </c>
      <c r="BK114" s="6">
        <v>-80</v>
      </c>
      <c r="BL114" s="13">
        <v>-7.7669902912621352E-2</v>
      </c>
      <c r="BM114" s="11">
        <v>-24</v>
      </c>
      <c r="BN114" s="13">
        <v>-2.5263157894736842E-2</v>
      </c>
      <c r="BO114" s="11">
        <v>-104</v>
      </c>
      <c r="BP114" s="13">
        <v>-0.10097087378640776</v>
      </c>
      <c r="BQ114" s="6">
        <v>1016</v>
      </c>
      <c r="BR114" s="6">
        <v>1024</v>
      </c>
      <c r="BS114" s="6">
        <v>1040</v>
      </c>
      <c r="BT114" s="6">
        <v>1030</v>
      </c>
      <c r="BU114" s="6">
        <v>983</v>
      </c>
      <c r="BV114" s="6">
        <v>948</v>
      </c>
      <c r="BW114" s="6">
        <v>950</v>
      </c>
      <c r="BX114" s="6">
        <v>934</v>
      </c>
      <c r="BY114" s="6">
        <v>917</v>
      </c>
      <c r="BZ114" s="6">
        <v>898</v>
      </c>
      <c r="CA114" s="6">
        <v>899</v>
      </c>
      <c r="CB114" s="6">
        <v>943</v>
      </c>
      <c r="CC114" s="11">
        <v>926</v>
      </c>
      <c r="CD114" s="11">
        <v>-1185.7</v>
      </c>
      <c r="CE114" s="11">
        <v>603.36900000000003</v>
      </c>
      <c r="CF114" s="11">
        <v>1046.4100000000001</v>
      </c>
      <c r="CG114" s="11">
        <v>1649</v>
      </c>
      <c r="CH114" s="20">
        <v>1.00353</v>
      </c>
      <c r="CI114" s="20">
        <v>1.0225299999999999</v>
      </c>
      <c r="CJ114" s="20">
        <v>1.04965</v>
      </c>
      <c r="CK114" s="20">
        <v>1.04206</v>
      </c>
      <c r="CL114" s="20">
        <v>1.0218799999999999</v>
      </c>
      <c r="CM114" s="20">
        <v>1.0218400000000001</v>
      </c>
      <c r="CN114" s="20">
        <v>1.04349</v>
      </c>
      <c r="CO114" s="20">
        <v>0.97685200000000005</v>
      </c>
      <c r="CP114" s="20">
        <v>1.0203599999999999</v>
      </c>
      <c r="CQ114" s="20">
        <v>1.02058</v>
      </c>
      <c r="CR114" s="20">
        <v>1.0253699999999999</v>
      </c>
      <c r="CS114" s="20">
        <v>1.0060899999999999</v>
      </c>
      <c r="CT114" s="20">
        <v>1.1090599999999999</v>
      </c>
      <c r="CU114" s="20">
        <v>1.06877</v>
      </c>
      <c r="CV114" s="20">
        <v>1.0310999999999999</v>
      </c>
      <c r="CW114" s="20">
        <v>1.0068699999999999</v>
      </c>
      <c r="CX114" s="20">
        <v>1.0142199999999999</v>
      </c>
      <c r="CY114" s="6"/>
      <c r="CZ114" s="6"/>
      <c r="DA114" s="6"/>
      <c r="DB114" s="6"/>
      <c r="DC114" s="6"/>
      <c r="DD114" s="6"/>
      <c r="DE114" s="6"/>
      <c r="DF114" s="6"/>
      <c r="DG114" s="6"/>
      <c r="DH114" s="6"/>
      <c r="DI114" s="6"/>
      <c r="DJ114" s="6"/>
      <c r="DK114" s="6"/>
      <c r="DL114" s="6"/>
      <c r="DM114" s="6"/>
      <c r="DN114" s="6"/>
      <c r="DO114" s="6"/>
    </row>
    <row r="115" spans="1:119" hidden="1" x14ac:dyDescent="0.2">
      <c r="A115" s="6" t="s">
        <v>314</v>
      </c>
      <c r="B115" s="6" t="s">
        <v>314</v>
      </c>
      <c r="C115" s="6" t="s">
        <v>183</v>
      </c>
      <c r="D115" s="6" t="s">
        <v>339</v>
      </c>
      <c r="E115" s="6" t="s">
        <v>333</v>
      </c>
      <c r="F115" s="11">
        <v>-1127</v>
      </c>
      <c r="G115" s="13">
        <v>-0.32572254335299999</v>
      </c>
      <c r="H115" s="11">
        <v>-355.45980839000003</v>
      </c>
      <c r="I115" s="13">
        <v>-0.10272973925423522</v>
      </c>
      <c r="J115" s="11">
        <v>-362.0125244599999</v>
      </c>
      <c r="K115" s="13">
        <v>-0.11660200160945372</v>
      </c>
      <c r="L115" s="11">
        <v>-409.68237664000026</v>
      </c>
      <c r="M115" s="13">
        <v>-0.1493734050322276</v>
      </c>
      <c r="N115" s="11">
        <v>-771.69490110000015</v>
      </c>
      <c r="O115" s="13">
        <v>-0.24855816862770391</v>
      </c>
      <c r="P115" s="7">
        <v>3460.14514366</v>
      </c>
      <c r="Q115" s="7">
        <v>3510.4666929999999</v>
      </c>
      <c r="R115" s="7">
        <v>3332.69730553</v>
      </c>
      <c r="S115" s="7">
        <v>3238.34360023</v>
      </c>
      <c r="T115" s="7">
        <v>3183.6379602100001</v>
      </c>
      <c r="U115" s="7">
        <v>3168.1810211400002</v>
      </c>
      <c r="V115" s="7">
        <v>3104.68533527</v>
      </c>
      <c r="W115" s="7">
        <v>2913.3279035800001</v>
      </c>
      <c r="X115" s="7">
        <v>2821.3640565300002</v>
      </c>
      <c r="Y115" s="7">
        <v>2742.6728108100001</v>
      </c>
      <c r="Z115" s="7">
        <v>2622.3024948699999</v>
      </c>
      <c r="AA115" s="7">
        <v>2490.1492476799999</v>
      </c>
      <c r="AB115" s="7">
        <v>2464.3914510099999</v>
      </c>
      <c r="AC115" s="7">
        <v>2474.0262489800002</v>
      </c>
      <c r="AD115" s="7">
        <v>2389.5821522900001</v>
      </c>
      <c r="AE115" s="7">
        <v>2311.29860396</v>
      </c>
      <c r="AF115" s="7">
        <v>2332.9904341699998</v>
      </c>
      <c r="AG115" s="9">
        <v>16079.719544300002</v>
      </c>
      <c r="AH115" s="13">
        <v>0.54737908106335964</v>
      </c>
      <c r="AI115" s="9">
        <v>6950.2758493000001</v>
      </c>
      <c r="AJ115" s="13">
        <v>0.23659838077681561</v>
      </c>
      <c r="AK115" s="9">
        <v>3396.6373851000026</v>
      </c>
      <c r="AL115" s="13">
        <v>9.3504010422624823E-2</v>
      </c>
      <c r="AM115" s="9">
        <v>5732.8063098999992</v>
      </c>
      <c r="AN115" s="13">
        <v>0.14432047236370674</v>
      </c>
      <c r="AO115" s="9">
        <v>9129.4436950000018</v>
      </c>
      <c r="AP115" s="13">
        <v>0.25131902573842568</v>
      </c>
      <c r="AQ115" s="9">
        <v>29375.838610899998</v>
      </c>
      <c r="AR115" s="9">
        <v>31990.200963899999</v>
      </c>
      <c r="AS115" s="9">
        <v>34846.400264000004</v>
      </c>
      <c r="AT115" s="9">
        <v>34705.361167000003</v>
      </c>
      <c r="AU115" s="9">
        <v>34994.921064000002</v>
      </c>
      <c r="AV115" s="9">
        <v>35044.977395800001</v>
      </c>
      <c r="AW115" s="9">
        <v>36326.114460199999</v>
      </c>
      <c r="AX115" s="9">
        <v>38226.025435099997</v>
      </c>
      <c r="AY115" s="9">
        <v>41381.389846600003</v>
      </c>
      <c r="AZ115" s="9">
        <v>39722.751845300001</v>
      </c>
      <c r="BA115" s="9">
        <v>40201.953494699999</v>
      </c>
      <c r="BB115" s="9">
        <v>43041.468198299997</v>
      </c>
      <c r="BC115" s="9">
        <v>42877.232578900002</v>
      </c>
      <c r="BD115" s="9">
        <v>44111.512856000001</v>
      </c>
      <c r="BE115" s="9">
        <v>44169.575380000002</v>
      </c>
      <c r="BF115" s="9">
        <v>45455.5581552</v>
      </c>
      <c r="BG115" s="11">
        <v>-73.5</v>
      </c>
      <c r="BH115" s="13">
        <v>-0.20704225352112676</v>
      </c>
      <c r="BI115" s="6">
        <v>-9</v>
      </c>
      <c r="BJ115" s="13">
        <v>-2.5352112676056339E-2</v>
      </c>
      <c r="BK115" s="6">
        <v>-12</v>
      </c>
      <c r="BL115" s="13">
        <v>-3.4682080924855488E-2</v>
      </c>
      <c r="BM115" s="11">
        <v>-52.5</v>
      </c>
      <c r="BN115" s="13">
        <v>-0.15718562874251496</v>
      </c>
      <c r="BO115" s="11">
        <v>-64.5</v>
      </c>
      <c r="BP115" s="13">
        <v>-0.18641618497109827</v>
      </c>
      <c r="BQ115" s="6">
        <v>355</v>
      </c>
      <c r="BR115" s="6">
        <v>353</v>
      </c>
      <c r="BS115" s="6">
        <v>360</v>
      </c>
      <c r="BT115" s="6">
        <v>346</v>
      </c>
      <c r="BU115" s="6">
        <v>342</v>
      </c>
      <c r="BV115" s="6">
        <v>347</v>
      </c>
      <c r="BW115" s="6">
        <v>334</v>
      </c>
      <c r="BX115" s="6">
        <v>320</v>
      </c>
      <c r="BY115" s="6">
        <v>314</v>
      </c>
      <c r="BZ115" s="6">
        <v>312</v>
      </c>
      <c r="CA115" s="6">
        <v>305</v>
      </c>
      <c r="CB115" s="6">
        <v>287</v>
      </c>
      <c r="CC115" s="11">
        <v>281.5</v>
      </c>
      <c r="CD115" s="11">
        <v>-445.58100000000002</v>
      </c>
      <c r="CE115" s="11">
        <v>-1059.81</v>
      </c>
      <c r="CF115" s="11">
        <v>378.23599999999999</v>
      </c>
      <c r="CG115" s="11">
        <v>-682</v>
      </c>
      <c r="CH115" s="20">
        <v>0.46062700000000001</v>
      </c>
      <c r="CI115" s="20">
        <v>0.49202699999999999</v>
      </c>
      <c r="CJ115" s="20">
        <v>0.48918699999999998</v>
      </c>
      <c r="CK115" s="20">
        <v>0.48625099999999999</v>
      </c>
      <c r="CL115" s="20">
        <v>0.48632599999999998</v>
      </c>
      <c r="CM115" s="20">
        <v>0.48876500000000001</v>
      </c>
      <c r="CN115" s="20">
        <v>0.48852099999999998</v>
      </c>
      <c r="CO115" s="20">
        <v>0.47351500000000002</v>
      </c>
      <c r="CP115" s="20">
        <v>0.481437</v>
      </c>
      <c r="CQ115" s="20">
        <v>0.48827799999999999</v>
      </c>
      <c r="CR115" s="20">
        <v>0.479354</v>
      </c>
      <c r="CS115" s="20">
        <v>0.46082099999999998</v>
      </c>
      <c r="CT115" s="20">
        <v>0.46343400000000001</v>
      </c>
      <c r="CU115" s="20">
        <v>0.46604800000000002</v>
      </c>
      <c r="CV115" s="20">
        <v>0.45171099999999997</v>
      </c>
      <c r="CW115" s="20">
        <v>0.43610500000000002</v>
      </c>
      <c r="CX115" s="20">
        <v>0.43706</v>
      </c>
      <c r="CY115" s="6"/>
      <c r="CZ115" s="6"/>
      <c r="DA115" s="6"/>
      <c r="DB115" s="6"/>
      <c r="DC115" s="6"/>
      <c r="DD115" s="6"/>
      <c r="DE115" s="6"/>
      <c r="DF115" s="6"/>
      <c r="DG115" s="6"/>
      <c r="DH115" s="6"/>
      <c r="DI115" s="6"/>
      <c r="DJ115" s="6"/>
      <c r="DK115" s="6"/>
      <c r="DL115" s="6"/>
      <c r="DM115" s="6"/>
      <c r="DN115" s="6"/>
      <c r="DO115" s="6"/>
    </row>
    <row r="116" spans="1:119" hidden="1" x14ac:dyDescent="0.2">
      <c r="A116" s="6" t="s">
        <v>315</v>
      </c>
      <c r="B116" s="6" t="s">
        <v>315</v>
      </c>
      <c r="C116" s="6" t="s">
        <v>184</v>
      </c>
      <c r="D116" s="6" t="s">
        <v>339</v>
      </c>
      <c r="E116" s="6" t="s">
        <v>333</v>
      </c>
      <c r="F116" s="11">
        <v>-210</v>
      </c>
      <c r="G116" s="13">
        <v>-2.5362318840600001E-2</v>
      </c>
      <c r="H116" s="11">
        <v>498.57719324999925</v>
      </c>
      <c r="I116" s="13">
        <v>6.0212760258548111E-2</v>
      </c>
      <c r="J116" s="11">
        <v>-371.32486401999995</v>
      </c>
      <c r="K116" s="13">
        <v>-4.2297736937254853E-2</v>
      </c>
      <c r="L116" s="11">
        <v>-337.66689673000019</v>
      </c>
      <c r="M116" s="13">
        <v>-4.0162531026197587E-2</v>
      </c>
      <c r="N116" s="11">
        <v>-708.99176075000014</v>
      </c>
      <c r="O116" s="13">
        <v>-8.0761483791371991E-2</v>
      </c>
      <c r="P116" s="7">
        <v>8280.2580567500008</v>
      </c>
      <c r="Q116" s="7">
        <v>8325.0042023999995</v>
      </c>
      <c r="R116" s="7">
        <v>8439.8641912999992</v>
      </c>
      <c r="S116" s="7">
        <v>8549.6392008300008</v>
      </c>
      <c r="T116" s="7">
        <v>8642.7913268899993</v>
      </c>
      <c r="U116" s="7">
        <v>8757.4141548200005</v>
      </c>
      <c r="V116" s="7">
        <v>8778.8352500000001</v>
      </c>
      <c r="W116" s="7">
        <v>8562.5208196900003</v>
      </c>
      <c r="X116" s="7">
        <v>8562.71843506</v>
      </c>
      <c r="Y116" s="7">
        <v>8407.5103859800001</v>
      </c>
      <c r="Z116" s="7">
        <v>8290.7669488200008</v>
      </c>
      <c r="AA116" s="7">
        <v>8205.5566234899998</v>
      </c>
      <c r="AB116" s="7">
        <v>8171.3578284900004</v>
      </c>
      <c r="AC116" s="7">
        <v>8217.6673605800006</v>
      </c>
      <c r="AD116" s="7">
        <v>8138.1373676100002</v>
      </c>
      <c r="AE116" s="7">
        <v>8057.8650009900002</v>
      </c>
      <c r="AF116" s="7">
        <v>8069.8434892499999</v>
      </c>
      <c r="AG116" s="9">
        <v>21985.766308300001</v>
      </c>
      <c r="AH116" s="13">
        <v>0.70159634526964865</v>
      </c>
      <c r="AI116" s="9">
        <v>7068.9787578999967</v>
      </c>
      <c r="AJ116" s="13">
        <v>0.22558093230796764</v>
      </c>
      <c r="AK116" s="9">
        <v>6346.8068907000052</v>
      </c>
      <c r="AL116" s="13">
        <v>0.16525667090089197</v>
      </c>
      <c r="AM116" s="9">
        <v>8569.9806596999988</v>
      </c>
      <c r="AN116" s="13">
        <v>0.19149699309098603</v>
      </c>
      <c r="AO116" s="9">
        <v>14916.787550400004</v>
      </c>
      <c r="AP116" s="13">
        <v>0.38839981955762543</v>
      </c>
      <c r="AQ116" s="9">
        <v>31336.7742813</v>
      </c>
      <c r="AR116" s="9">
        <v>32798.011919199998</v>
      </c>
      <c r="AS116" s="9">
        <v>32777.141563099998</v>
      </c>
      <c r="AT116" s="9">
        <v>34424.167316699997</v>
      </c>
      <c r="AU116" s="9">
        <v>35902.054711899997</v>
      </c>
      <c r="AV116" s="9">
        <v>37163.671836900001</v>
      </c>
      <c r="AW116" s="9">
        <v>38405.753039199997</v>
      </c>
      <c r="AX116" s="9">
        <v>40339.309372099997</v>
      </c>
      <c r="AY116" s="9">
        <v>42748.457706599998</v>
      </c>
      <c r="AZ116" s="9">
        <v>44752.559929900002</v>
      </c>
      <c r="BA116" s="9">
        <v>45608.543206599999</v>
      </c>
      <c r="BB116" s="9">
        <v>47010.876036399997</v>
      </c>
      <c r="BC116" s="9">
        <v>49081.168220200001</v>
      </c>
      <c r="BD116" s="9">
        <v>50114.058564899999</v>
      </c>
      <c r="BE116" s="9">
        <v>51864.781000100003</v>
      </c>
      <c r="BF116" s="9">
        <v>53322.540589600001</v>
      </c>
      <c r="BG116" s="11">
        <v>-3.75</v>
      </c>
      <c r="BH116" s="13">
        <v>-2.9809220985691576E-3</v>
      </c>
      <c r="BI116" s="6">
        <v>40</v>
      </c>
      <c r="BJ116" s="13">
        <v>3.1796502384737677E-2</v>
      </c>
      <c r="BK116" s="6">
        <v>-14</v>
      </c>
      <c r="BL116" s="13">
        <v>-1.078582434514638E-2</v>
      </c>
      <c r="BM116" s="11">
        <v>-29.75</v>
      </c>
      <c r="BN116" s="13">
        <v>-2.3169781931464174E-2</v>
      </c>
      <c r="BO116" s="11">
        <v>-43.75</v>
      </c>
      <c r="BP116" s="13">
        <v>-3.3705701078582437E-2</v>
      </c>
      <c r="BQ116" s="6">
        <v>1258</v>
      </c>
      <c r="BR116" s="6">
        <v>1296</v>
      </c>
      <c r="BS116" s="6">
        <v>1294</v>
      </c>
      <c r="BT116" s="6">
        <v>1298</v>
      </c>
      <c r="BU116" s="6">
        <v>1294</v>
      </c>
      <c r="BV116" s="6">
        <v>1294</v>
      </c>
      <c r="BW116" s="6">
        <v>1284</v>
      </c>
      <c r="BX116" s="6">
        <v>1288</v>
      </c>
      <c r="BY116" s="6">
        <v>1287</v>
      </c>
      <c r="BZ116" s="6">
        <v>1290</v>
      </c>
      <c r="CA116" s="6">
        <v>1279</v>
      </c>
      <c r="CB116" s="6">
        <v>1270</v>
      </c>
      <c r="CC116" s="11">
        <v>1254.25</v>
      </c>
      <c r="CD116" s="11">
        <v>-456.93299999999999</v>
      </c>
      <c r="CE116" s="11">
        <v>-658.61300000000006</v>
      </c>
      <c r="CF116" s="11">
        <v>905.13199999999995</v>
      </c>
      <c r="CG116" s="11">
        <v>246</v>
      </c>
      <c r="CH116" s="20">
        <v>0.67576700000000001</v>
      </c>
      <c r="CI116" s="20">
        <v>0.67789600000000005</v>
      </c>
      <c r="CJ116" s="20">
        <v>0.67147699999999999</v>
      </c>
      <c r="CK116" s="20">
        <v>0.67649000000000004</v>
      </c>
      <c r="CL116" s="20">
        <v>0.67536200000000002</v>
      </c>
      <c r="CM116" s="20">
        <v>0.67584999999999995</v>
      </c>
      <c r="CN116" s="20">
        <v>0.69040900000000005</v>
      </c>
      <c r="CO116" s="20">
        <v>0.70172999999999996</v>
      </c>
      <c r="CP116" s="20">
        <v>0.72344200000000003</v>
      </c>
      <c r="CQ116" s="20">
        <v>0.72981300000000005</v>
      </c>
      <c r="CR116" s="20">
        <v>0.72772599999999998</v>
      </c>
      <c r="CS116" s="20">
        <v>0.72394400000000003</v>
      </c>
      <c r="CT116" s="20">
        <v>0.73520799999999997</v>
      </c>
      <c r="CU116" s="20">
        <v>0.74778599999999995</v>
      </c>
      <c r="CV116" s="20">
        <v>0.73724000000000001</v>
      </c>
      <c r="CW116" s="20">
        <v>0.73094400000000004</v>
      </c>
      <c r="CX116" s="20">
        <v>0.72273200000000004</v>
      </c>
      <c r="CY116" s="6"/>
      <c r="CZ116" s="6"/>
      <c r="DA116" s="6"/>
      <c r="DB116" s="6"/>
      <c r="DC116" s="6"/>
      <c r="DD116" s="6"/>
      <c r="DE116" s="6"/>
      <c r="DF116" s="6"/>
      <c r="DG116" s="6"/>
      <c r="DH116" s="6"/>
      <c r="DI116" s="6"/>
      <c r="DJ116" s="6"/>
      <c r="DK116" s="6"/>
      <c r="DL116" s="6"/>
      <c r="DM116" s="6"/>
      <c r="DN116" s="6"/>
      <c r="DO116" s="6"/>
    </row>
    <row r="117" spans="1:119" hidden="1" x14ac:dyDescent="0.2">
      <c r="A117" s="6" t="s">
        <v>316</v>
      </c>
      <c r="B117" s="6" t="s">
        <v>316</v>
      </c>
      <c r="C117" s="6" t="s">
        <v>185</v>
      </c>
      <c r="D117" s="6" t="s">
        <v>339</v>
      </c>
      <c r="E117" s="6" t="s">
        <v>333</v>
      </c>
      <c r="F117" s="11">
        <v>-87</v>
      </c>
      <c r="G117" s="13">
        <v>-3.26699211416E-2</v>
      </c>
      <c r="H117" s="11">
        <v>294.36987364000015</v>
      </c>
      <c r="I117" s="13">
        <v>0.11055896500777138</v>
      </c>
      <c r="J117" s="11">
        <v>-491.31437615999994</v>
      </c>
      <c r="K117" s="13">
        <v>-0.1661569274600396</v>
      </c>
      <c r="L117" s="11">
        <v>110.27198217999967</v>
      </c>
      <c r="M117" s="13">
        <v>4.4723917417086423E-2</v>
      </c>
      <c r="N117" s="11">
        <v>-381.04239398000027</v>
      </c>
      <c r="O117" s="13">
        <v>-0.12886419874495281</v>
      </c>
      <c r="P117" s="7">
        <v>2662.5599617299999</v>
      </c>
      <c r="Q117" s="7">
        <v>2512.9729464900001</v>
      </c>
      <c r="R117" s="7">
        <v>2756.0685576199999</v>
      </c>
      <c r="S117" s="7">
        <v>2728.7304337999999</v>
      </c>
      <c r="T117" s="7">
        <v>2840.3861838500002</v>
      </c>
      <c r="U117" s="7">
        <v>3024.5072128800002</v>
      </c>
      <c r="V117" s="7">
        <v>2956.9298353700001</v>
      </c>
      <c r="W117" s="7">
        <v>2853.8666455600001</v>
      </c>
      <c r="X117" s="7">
        <v>2624.9537558500001</v>
      </c>
      <c r="Y117" s="7">
        <v>2465.6154592100002</v>
      </c>
      <c r="Z117" s="7">
        <v>2332.91638491</v>
      </c>
      <c r="AA117" s="7">
        <v>2407.37642065</v>
      </c>
      <c r="AB117" s="7">
        <v>2391.5177703499999</v>
      </c>
      <c r="AC117" s="7">
        <v>2484.77875829</v>
      </c>
      <c r="AD117" s="7">
        <v>2458.9355777000001</v>
      </c>
      <c r="AE117" s="7">
        <v>2511.0237116200001</v>
      </c>
      <c r="AF117" s="7">
        <v>2575.8874413899998</v>
      </c>
      <c r="AG117" s="9">
        <v>8212.1790798000002</v>
      </c>
      <c r="AH117" s="13">
        <v>0.39061081689146071</v>
      </c>
      <c r="AI117" s="9">
        <v>2805.237718700002</v>
      </c>
      <c r="AJ117" s="13">
        <v>0.13343062617465859</v>
      </c>
      <c r="AK117" s="9">
        <v>634.0897346999991</v>
      </c>
      <c r="AL117" s="13">
        <v>2.660980141044807E-2</v>
      </c>
      <c r="AM117" s="9">
        <v>4772.8516263999991</v>
      </c>
      <c r="AN117" s="13">
        <v>0.19510277132008455</v>
      </c>
      <c r="AO117" s="9">
        <v>5406.9413610999982</v>
      </c>
      <c r="AP117" s="13">
        <v>0.22690421872998817</v>
      </c>
      <c r="AQ117" s="9">
        <v>21023.9417975</v>
      </c>
      <c r="AR117" s="9">
        <v>23033.987376500001</v>
      </c>
      <c r="AS117" s="9">
        <v>23145.279058</v>
      </c>
      <c r="AT117" s="9">
        <v>22224.774506599999</v>
      </c>
      <c r="AU117" s="9">
        <v>24126.652179100001</v>
      </c>
      <c r="AV117" s="9">
        <v>23647.551307000002</v>
      </c>
      <c r="AW117" s="9">
        <v>23829.179516200002</v>
      </c>
      <c r="AX117" s="9">
        <v>24503.975193400001</v>
      </c>
      <c r="AY117" s="9">
        <v>24559.024833399999</v>
      </c>
      <c r="AZ117" s="9">
        <v>24463.269250900001</v>
      </c>
      <c r="BA117" s="9">
        <v>24416.433975399999</v>
      </c>
      <c r="BB117" s="9">
        <v>25404.869137199999</v>
      </c>
      <c r="BC117" s="9">
        <v>26828.600439099999</v>
      </c>
      <c r="BD117" s="9">
        <v>27196.588511800001</v>
      </c>
      <c r="BE117" s="9">
        <v>29179.925213499999</v>
      </c>
      <c r="BF117" s="9">
        <v>29236.1208773</v>
      </c>
      <c r="BG117" s="11">
        <v>-116.25</v>
      </c>
      <c r="BH117" s="13">
        <v>-0.17640364188163885</v>
      </c>
      <c r="BI117" s="6">
        <v>10</v>
      </c>
      <c r="BJ117" s="13">
        <v>1.5174506828528073E-2</v>
      </c>
      <c r="BK117" s="6">
        <v>-97</v>
      </c>
      <c r="BL117" s="13">
        <v>-0.14499252615844543</v>
      </c>
      <c r="BM117" s="11">
        <v>-29.25</v>
      </c>
      <c r="BN117" s="13">
        <v>-5.113636363636364E-2</v>
      </c>
      <c r="BO117" s="11">
        <v>-126.25</v>
      </c>
      <c r="BP117" s="13">
        <v>-0.18871449925261585</v>
      </c>
      <c r="BQ117" s="6">
        <v>659</v>
      </c>
      <c r="BR117" s="6">
        <v>676</v>
      </c>
      <c r="BS117" s="6">
        <v>673</v>
      </c>
      <c r="BT117" s="6">
        <v>669</v>
      </c>
      <c r="BU117" s="6">
        <v>656</v>
      </c>
      <c r="BV117" s="6">
        <v>613</v>
      </c>
      <c r="BW117" s="6">
        <v>572</v>
      </c>
      <c r="BX117" s="6">
        <v>535</v>
      </c>
      <c r="BY117" s="6">
        <v>550</v>
      </c>
      <c r="BZ117" s="6">
        <v>548</v>
      </c>
      <c r="CA117" s="6">
        <v>551</v>
      </c>
      <c r="CB117" s="6">
        <v>550</v>
      </c>
      <c r="CC117" s="11">
        <v>542.75</v>
      </c>
      <c r="CD117" s="11">
        <v>-242.67500000000001</v>
      </c>
      <c r="CE117" s="11">
        <v>-135.047</v>
      </c>
      <c r="CF117" s="11">
        <v>291.05</v>
      </c>
      <c r="CG117" s="11">
        <v>156</v>
      </c>
      <c r="CH117" s="20">
        <v>0.52807599999999999</v>
      </c>
      <c r="CI117" s="20">
        <v>0.49306299999999997</v>
      </c>
      <c r="CJ117" s="20">
        <v>0.52685800000000005</v>
      </c>
      <c r="CK117" s="20">
        <v>0.50748599999999999</v>
      </c>
      <c r="CL117" s="20">
        <v>0.51216600000000001</v>
      </c>
      <c r="CM117" s="20">
        <v>0.54054199999999997</v>
      </c>
      <c r="CN117" s="20">
        <v>0.540663</v>
      </c>
      <c r="CO117" s="20">
        <v>0.54542800000000002</v>
      </c>
      <c r="CP117" s="20">
        <v>0.52657500000000002</v>
      </c>
      <c r="CQ117" s="20">
        <v>0.51845799999999997</v>
      </c>
      <c r="CR117" s="20">
        <v>0.502803</v>
      </c>
      <c r="CS117" s="20">
        <v>0.520231</v>
      </c>
      <c r="CT117" s="20">
        <v>0.52209300000000003</v>
      </c>
      <c r="CU117" s="20">
        <v>0.536192</v>
      </c>
      <c r="CV117" s="20">
        <v>0.52515999999999996</v>
      </c>
      <c r="CW117" s="20">
        <v>0.53778000000000004</v>
      </c>
      <c r="CX117" s="20">
        <v>0.54537599999999997</v>
      </c>
      <c r="CY117" s="6"/>
      <c r="CZ117" s="6"/>
      <c r="DA117" s="6"/>
      <c r="DB117" s="6"/>
      <c r="DC117" s="6"/>
      <c r="DD117" s="6"/>
      <c r="DE117" s="6"/>
      <c r="DF117" s="6"/>
      <c r="DG117" s="6"/>
      <c r="DH117" s="6"/>
      <c r="DI117" s="6"/>
      <c r="DJ117" s="6"/>
      <c r="DK117" s="6"/>
      <c r="DL117" s="6"/>
      <c r="DM117" s="6"/>
      <c r="DN117" s="6"/>
      <c r="DO117" s="6"/>
    </row>
    <row r="118" spans="1:119" hidden="1" x14ac:dyDescent="0.2">
      <c r="A118" s="6" t="s">
        <v>317</v>
      </c>
      <c r="B118" s="6" t="s">
        <v>317</v>
      </c>
      <c r="C118" s="6" t="s">
        <v>186</v>
      </c>
      <c r="D118" s="6" t="s">
        <v>339</v>
      </c>
      <c r="E118" s="6" t="s">
        <v>333</v>
      </c>
      <c r="F118" s="11">
        <v>2225</v>
      </c>
      <c r="G118" s="13">
        <v>0.49367650321700002</v>
      </c>
      <c r="H118" s="11">
        <v>411.99407061999955</v>
      </c>
      <c r="I118" s="13">
        <v>9.141213175299974E-2</v>
      </c>
      <c r="J118" s="11">
        <v>-301.61141339000005</v>
      </c>
      <c r="K118" s="13">
        <v>-6.1315724757483689E-2</v>
      </c>
      <c r="L118" s="11">
        <v>2114.5853978599998</v>
      </c>
      <c r="M118" s="13">
        <v>0.45796235547412262</v>
      </c>
      <c r="N118" s="11">
        <v>1812.9739844699998</v>
      </c>
      <c r="O118" s="13">
        <v>0.36856633697909874</v>
      </c>
      <c r="P118" s="7">
        <v>4506.9955455500003</v>
      </c>
      <c r="Q118" s="7">
        <v>4540.45142949</v>
      </c>
      <c r="R118" s="7">
        <v>4704.1131992399996</v>
      </c>
      <c r="S118" s="7">
        <v>4583.0789091500001</v>
      </c>
      <c r="T118" s="7">
        <v>4740.72972286</v>
      </c>
      <c r="U118" s="7">
        <v>5021.2451451699999</v>
      </c>
      <c r="V118" s="7">
        <v>4918.9896161699999</v>
      </c>
      <c r="W118" s="7">
        <v>4896.46806775</v>
      </c>
      <c r="X118" s="7">
        <v>4711.7737946799998</v>
      </c>
      <c r="Y118" s="7">
        <v>4617.3782027799998</v>
      </c>
      <c r="Z118" s="7">
        <v>4781.7394579399997</v>
      </c>
      <c r="AA118" s="7">
        <v>5682.4023083900001</v>
      </c>
      <c r="AB118" s="7">
        <v>5907.8371659300001</v>
      </c>
      <c r="AC118" s="7">
        <v>6042.2745833999998</v>
      </c>
      <c r="AD118" s="7">
        <v>6231.3864342400002</v>
      </c>
      <c r="AE118" s="7">
        <v>6426.9345801500003</v>
      </c>
      <c r="AF118" s="7">
        <v>6731.9636006399996</v>
      </c>
      <c r="AG118" s="9">
        <v>19683.026696200002</v>
      </c>
      <c r="AH118" s="13">
        <v>0.68142582835211307</v>
      </c>
      <c r="AI118" s="9">
        <v>3392.5643388999997</v>
      </c>
      <c r="AJ118" s="13">
        <v>0.11745048160296824</v>
      </c>
      <c r="AK118" s="9">
        <v>3070.3882415000007</v>
      </c>
      <c r="AL118" s="13">
        <v>9.5124353123107908E-2</v>
      </c>
      <c r="AM118" s="9">
        <v>13220.074115800002</v>
      </c>
      <c r="AN118" s="13">
        <v>0.3739976517582595</v>
      </c>
      <c r="AO118" s="9">
        <v>16290.462357300003</v>
      </c>
      <c r="AP118" s="13">
        <v>0.5046982895744333</v>
      </c>
      <c r="AQ118" s="9">
        <v>28885.061113399999</v>
      </c>
      <c r="AR118" s="9">
        <v>29213.0810681</v>
      </c>
      <c r="AS118" s="9">
        <v>30739.431706700001</v>
      </c>
      <c r="AT118" s="9">
        <v>30591.7789381</v>
      </c>
      <c r="AU118" s="9">
        <v>31374.547872200001</v>
      </c>
      <c r="AV118" s="9">
        <v>32525.0452534</v>
      </c>
      <c r="AW118" s="9">
        <v>32277.625452299999</v>
      </c>
      <c r="AX118" s="9">
        <v>33313.236189299998</v>
      </c>
      <c r="AY118" s="9">
        <v>35007.875962099999</v>
      </c>
      <c r="AZ118" s="9">
        <v>35348.0136938</v>
      </c>
      <c r="BA118" s="9">
        <v>35170.857408900003</v>
      </c>
      <c r="BB118" s="9">
        <v>45390.057805099997</v>
      </c>
      <c r="BC118" s="9">
        <v>46152.533397799998</v>
      </c>
      <c r="BD118" s="9">
        <v>47568.272467499999</v>
      </c>
      <c r="BE118" s="9">
        <v>46850.162012000001</v>
      </c>
      <c r="BF118" s="9">
        <v>48568.087809600001</v>
      </c>
      <c r="BG118" s="11">
        <v>-2.5</v>
      </c>
      <c r="BH118" s="13">
        <v>-2.5432349949135302E-3</v>
      </c>
      <c r="BI118" s="6">
        <v>12</v>
      </c>
      <c r="BJ118" s="13">
        <v>1.2207527975584944E-2</v>
      </c>
      <c r="BK118" s="6">
        <v>-44</v>
      </c>
      <c r="BL118" s="13">
        <v>-4.4221105527638194E-2</v>
      </c>
      <c r="BM118" s="11">
        <v>29.5</v>
      </c>
      <c r="BN118" s="13">
        <v>3.1019978969505785E-2</v>
      </c>
      <c r="BO118" s="11">
        <v>-14.5</v>
      </c>
      <c r="BP118" s="13">
        <v>-1.457286432160804E-2</v>
      </c>
      <c r="BQ118" s="6">
        <v>983</v>
      </c>
      <c r="BR118" s="6">
        <v>995</v>
      </c>
      <c r="BS118" s="6">
        <v>979</v>
      </c>
      <c r="BT118" s="6">
        <v>995</v>
      </c>
      <c r="BU118" s="6">
        <v>981</v>
      </c>
      <c r="BV118" s="6">
        <v>959</v>
      </c>
      <c r="BW118" s="6">
        <v>951</v>
      </c>
      <c r="BX118" s="6">
        <v>948</v>
      </c>
      <c r="BY118" s="6">
        <v>943</v>
      </c>
      <c r="BZ118" s="6">
        <v>944</v>
      </c>
      <c r="CA118" s="6">
        <v>949</v>
      </c>
      <c r="CB118" s="6">
        <v>1002</v>
      </c>
      <c r="CC118" s="11">
        <v>980.5</v>
      </c>
      <c r="CD118" s="11">
        <v>830.44100000000003</v>
      </c>
      <c r="CE118" s="11">
        <v>901.85900000000004</v>
      </c>
      <c r="CF118" s="11">
        <v>492.66899999999998</v>
      </c>
      <c r="CG118" s="11">
        <v>1395</v>
      </c>
      <c r="CH118" s="20">
        <v>0.28093499999999999</v>
      </c>
      <c r="CI118" s="20">
        <v>0.28713</v>
      </c>
      <c r="CJ118" s="20">
        <v>0.295566</v>
      </c>
      <c r="CK118" s="20">
        <v>0.28240599999999999</v>
      </c>
      <c r="CL118" s="20">
        <v>0.28162999999999999</v>
      </c>
      <c r="CM118" s="20">
        <v>0.28759299999999999</v>
      </c>
      <c r="CN118" s="20">
        <v>0.27759299999999998</v>
      </c>
      <c r="CO118" s="20">
        <v>0.27616499999999999</v>
      </c>
      <c r="CP118" s="20">
        <v>0.27271699999999999</v>
      </c>
      <c r="CQ118" s="20">
        <v>0.27018199999999998</v>
      </c>
      <c r="CR118" s="20">
        <v>0.27731800000000001</v>
      </c>
      <c r="CS118" s="20">
        <v>0.32496399999999998</v>
      </c>
      <c r="CT118" s="20">
        <v>0.33799200000000001</v>
      </c>
      <c r="CU118" s="20">
        <v>0.34159699999999998</v>
      </c>
      <c r="CV118" s="20">
        <v>0.34598400000000001</v>
      </c>
      <c r="CW118" s="20">
        <v>0.35434199999999999</v>
      </c>
      <c r="CX118" s="20">
        <v>0.36214600000000002</v>
      </c>
      <c r="CY118" s="6"/>
      <c r="CZ118" s="6"/>
      <c r="DA118" s="6"/>
      <c r="DB118" s="6"/>
      <c r="DC118" s="6"/>
      <c r="DD118" s="6"/>
      <c r="DE118" s="6"/>
      <c r="DF118" s="6"/>
      <c r="DG118" s="6"/>
      <c r="DH118" s="6"/>
      <c r="DI118" s="6"/>
      <c r="DJ118" s="6"/>
      <c r="DK118" s="6"/>
      <c r="DL118" s="6"/>
      <c r="DM118" s="6"/>
      <c r="DN118" s="6"/>
      <c r="DO118" s="6"/>
    </row>
    <row r="119" spans="1:119" hidden="1" x14ac:dyDescent="0.2">
      <c r="A119" s="6" t="s">
        <v>318</v>
      </c>
      <c r="B119" s="6" t="s">
        <v>318</v>
      </c>
      <c r="C119" s="6" t="s">
        <v>187</v>
      </c>
      <c r="D119" s="6" t="s">
        <v>339</v>
      </c>
      <c r="E119" s="6" t="s">
        <v>333</v>
      </c>
      <c r="F119" s="11">
        <v>-770</v>
      </c>
      <c r="G119" s="13">
        <v>-0.410447761194</v>
      </c>
      <c r="H119" s="11">
        <v>526.91222200000016</v>
      </c>
      <c r="I119" s="13">
        <v>0.28091616699940253</v>
      </c>
      <c r="J119" s="11">
        <v>-9.5931900000000496</v>
      </c>
      <c r="K119" s="13">
        <v>-3.9928298221312579E-3</v>
      </c>
      <c r="L119" s="11">
        <v>-1286.6757989900002</v>
      </c>
      <c r="M119" s="13">
        <v>-0.53768066811525039</v>
      </c>
      <c r="N119" s="11">
        <v>-1296.2689889900003</v>
      </c>
      <c r="O119" s="13">
        <v>-0.53952663053094763</v>
      </c>
      <c r="P119" s="7">
        <v>1875.692053</v>
      </c>
      <c r="Q119" s="7">
        <v>1897.5118279999999</v>
      </c>
      <c r="R119" s="7">
        <v>1835.5069759999999</v>
      </c>
      <c r="S119" s="7">
        <v>2027.5521100000001</v>
      </c>
      <c r="T119" s="7">
        <v>2264.6448559999999</v>
      </c>
      <c r="U119" s="7">
        <v>2244.8338239999998</v>
      </c>
      <c r="V119" s="7">
        <v>2402.6042750000001</v>
      </c>
      <c r="W119" s="7">
        <v>2378.7921569999999</v>
      </c>
      <c r="X119" s="7">
        <v>2383.0996</v>
      </c>
      <c r="Y119" s="7">
        <v>2393.0110850000001</v>
      </c>
      <c r="Z119" s="7">
        <v>2284.4164999999998</v>
      </c>
      <c r="AA119" s="7">
        <v>1040.147639</v>
      </c>
      <c r="AB119" s="7">
        <v>1123.92128</v>
      </c>
      <c r="AC119" s="7">
        <v>1169.771432</v>
      </c>
      <c r="AD119" s="7">
        <v>1111.2073809999999</v>
      </c>
      <c r="AE119" s="7">
        <v>1120.29681325</v>
      </c>
      <c r="AF119" s="7">
        <v>1106.3352860099999</v>
      </c>
      <c r="AG119" s="9">
        <v>10582.562033800008</v>
      </c>
      <c r="AH119" s="13">
        <v>0.17340441121524286</v>
      </c>
      <c r="AI119" s="9">
        <v>13057.711517900003</v>
      </c>
      <c r="AJ119" s="13">
        <v>0.21396187145872919</v>
      </c>
      <c r="AK119" s="9">
        <v>-6233.3073882000026</v>
      </c>
      <c r="AL119" s="13">
        <v>-8.4136185024069818E-2</v>
      </c>
      <c r="AM119" s="9">
        <v>3758.1579041000077</v>
      </c>
      <c r="AN119" s="13">
        <v>5.5387070423515559E-2</v>
      </c>
      <c r="AO119" s="9">
        <v>-2475.1494840999949</v>
      </c>
      <c r="AP119" s="13">
        <v>-3.340917140564835E-2</v>
      </c>
      <c r="AQ119" s="9">
        <v>61028.216984999999</v>
      </c>
      <c r="AR119" s="9">
        <v>58908.674540300002</v>
      </c>
      <c r="AS119" s="9">
        <v>66018.848425000004</v>
      </c>
      <c r="AT119" s="9">
        <v>64006.564361299999</v>
      </c>
      <c r="AU119" s="9">
        <v>65050.241617799998</v>
      </c>
      <c r="AV119" s="9">
        <v>78971.673735300006</v>
      </c>
      <c r="AW119" s="9">
        <v>74085.928502900002</v>
      </c>
      <c r="AX119" s="9">
        <v>65875.369289499999</v>
      </c>
      <c r="AY119" s="9">
        <v>65910.632000900005</v>
      </c>
      <c r="AZ119" s="9">
        <v>67852.621114699999</v>
      </c>
      <c r="BA119" s="9">
        <v>69348.264786400003</v>
      </c>
      <c r="BB119" s="9">
        <v>71799.971617699994</v>
      </c>
      <c r="BC119" s="9">
        <v>70560.683645600002</v>
      </c>
      <c r="BD119" s="9">
        <v>66892.4344919</v>
      </c>
      <c r="BE119" s="9">
        <v>69925.933836600001</v>
      </c>
      <c r="BF119" s="9">
        <v>71610.779018800007</v>
      </c>
      <c r="BG119" s="11">
        <v>1.75</v>
      </c>
      <c r="BH119" s="13">
        <v>1.8817204301075269E-2</v>
      </c>
      <c r="BI119" s="6">
        <v>7</v>
      </c>
      <c r="BJ119" s="13">
        <v>7.5268817204301078E-2</v>
      </c>
      <c r="BK119" s="6">
        <v>-3</v>
      </c>
      <c r="BL119" s="13">
        <v>-0.03</v>
      </c>
      <c r="BM119" s="11">
        <v>-2.25</v>
      </c>
      <c r="BN119" s="13">
        <v>-2.3195876288659795E-2</v>
      </c>
      <c r="BO119" s="11">
        <v>-5.25</v>
      </c>
      <c r="BP119" s="13">
        <v>-5.2499999999999998E-2</v>
      </c>
      <c r="BQ119" s="6">
        <v>93</v>
      </c>
      <c r="BR119" s="6">
        <v>98</v>
      </c>
      <c r="BS119" s="6">
        <v>98</v>
      </c>
      <c r="BT119" s="6">
        <v>100</v>
      </c>
      <c r="BU119" s="6">
        <v>104</v>
      </c>
      <c r="BV119" s="6">
        <v>98</v>
      </c>
      <c r="BW119" s="6">
        <v>97</v>
      </c>
      <c r="BX119" s="6">
        <v>88</v>
      </c>
      <c r="BY119" s="6">
        <v>91</v>
      </c>
      <c r="BZ119" s="6">
        <v>91</v>
      </c>
      <c r="CA119" s="6">
        <v>92</v>
      </c>
      <c r="CB119" s="6">
        <v>97</v>
      </c>
      <c r="CC119" s="11">
        <v>94.75</v>
      </c>
      <c r="CD119" s="11">
        <v>-1375.99</v>
      </c>
      <c r="CE119" s="11">
        <v>401.601</v>
      </c>
      <c r="CF119" s="11">
        <v>205.036</v>
      </c>
      <c r="CG119" s="11">
        <v>607</v>
      </c>
      <c r="CH119" s="20">
        <v>0.53800099999999995</v>
      </c>
      <c r="CI119" s="20">
        <v>0.54775099999999999</v>
      </c>
      <c r="CJ119" s="20">
        <v>0.53942000000000001</v>
      </c>
      <c r="CK119" s="20">
        <v>0.58358699999999997</v>
      </c>
      <c r="CL119" s="20">
        <v>0.63722900000000005</v>
      </c>
      <c r="CM119" s="20">
        <v>0.61995500000000003</v>
      </c>
      <c r="CN119" s="20">
        <v>0.65371500000000005</v>
      </c>
      <c r="CO119" s="20">
        <v>0.63834000000000002</v>
      </c>
      <c r="CP119" s="20">
        <v>0.64659699999999998</v>
      </c>
      <c r="CQ119" s="20">
        <v>0.65230900000000003</v>
      </c>
      <c r="CR119" s="20">
        <v>0.61311300000000002</v>
      </c>
      <c r="CS119" s="20">
        <v>0.270677</v>
      </c>
      <c r="CT119" s="20">
        <v>0.28771799999999997</v>
      </c>
      <c r="CU119" s="20">
        <v>0.29461199999999999</v>
      </c>
      <c r="CV119" s="20">
        <v>0.27774399999999999</v>
      </c>
      <c r="CW119" s="20">
        <v>0.28018399999999999</v>
      </c>
      <c r="CX119" s="20">
        <v>0.27096399999999998</v>
      </c>
      <c r="CY119" s="6"/>
      <c r="CZ119" s="6"/>
      <c r="DA119" s="6"/>
      <c r="DB119" s="6"/>
      <c r="DC119" s="6"/>
      <c r="DD119" s="6"/>
      <c r="DE119" s="6"/>
      <c r="DF119" s="6"/>
      <c r="DG119" s="6"/>
      <c r="DH119" s="6"/>
      <c r="DI119" s="6"/>
      <c r="DJ119" s="6"/>
      <c r="DK119" s="6"/>
      <c r="DL119" s="6"/>
      <c r="DM119" s="6"/>
      <c r="DN119" s="6"/>
      <c r="DO119" s="6"/>
    </row>
    <row r="120" spans="1:119" hidden="1" x14ac:dyDescent="0.2">
      <c r="A120" s="6" t="s">
        <v>319</v>
      </c>
      <c r="B120" s="6" t="s">
        <v>319</v>
      </c>
      <c r="C120" s="6" t="s">
        <v>188</v>
      </c>
      <c r="D120" s="6" t="s">
        <v>339</v>
      </c>
      <c r="E120" s="6" t="s">
        <v>333</v>
      </c>
      <c r="F120" s="11">
        <v>1536</v>
      </c>
      <c r="G120" s="13">
        <v>0.29493087557600001</v>
      </c>
      <c r="H120" s="11">
        <v>1821.0620962900002</v>
      </c>
      <c r="I120" s="13">
        <v>0.34964986711388174</v>
      </c>
      <c r="J120" s="11">
        <v>-1087.12207803</v>
      </c>
      <c r="K120" s="13">
        <v>-0.15465565761898742</v>
      </c>
      <c r="L120" s="11">
        <v>801.87094704999981</v>
      </c>
      <c r="M120" s="13">
        <v>0.13494547441089702</v>
      </c>
      <c r="N120" s="11">
        <v>-285.2511309800002</v>
      </c>
      <c r="O120" s="13">
        <v>-4.0580264295813927E-2</v>
      </c>
      <c r="P120" s="7">
        <v>5208.2447830499996</v>
      </c>
      <c r="Q120" s="7">
        <v>6084.1712494399999</v>
      </c>
      <c r="R120" s="7">
        <v>6224.39758325</v>
      </c>
      <c r="S120" s="7">
        <v>6279.7437737</v>
      </c>
      <c r="T120" s="7">
        <v>6901.7511901799999</v>
      </c>
      <c r="U120" s="7">
        <v>7259.4908575099998</v>
      </c>
      <c r="V120" s="7">
        <v>7029.3068793399998</v>
      </c>
      <c r="W120" s="7">
        <v>6793.7350467599999</v>
      </c>
      <c r="X120" s="7">
        <v>6448.4695209700003</v>
      </c>
      <c r="Y120" s="7">
        <v>5942.1848013099998</v>
      </c>
      <c r="Z120" s="7">
        <v>6638.0482272700001</v>
      </c>
      <c r="AA120" s="7">
        <v>7058.8342317200004</v>
      </c>
      <c r="AB120" s="7">
        <v>6588.0088699400003</v>
      </c>
      <c r="AC120" s="7">
        <v>6620.0019243200004</v>
      </c>
      <c r="AD120" s="7">
        <v>6740.8126631599998</v>
      </c>
      <c r="AE120" s="7">
        <v>6529.7714298399997</v>
      </c>
      <c r="AF120" s="7">
        <v>6744.0557483599996</v>
      </c>
      <c r="AG120" s="9">
        <v>8440.3426393000009</v>
      </c>
      <c r="AH120" s="13">
        <v>0.4482648340429975</v>
      </c>
      <c r="AI120" s="9">
        <v>1914.1214357000026</v>
      </c>
      <c r="AJ120" s="13">
        <v>0.10165858951235264</v>
      </c>
      <c r="AK120" s="9">
        <v>1926.2757351999971</v>
      </c>
      <c r="AL120" s="13">
        <v>9.2863708224301594E-2</v>
      </c>
      <c r="AM120" s="9">
        <v>4599.9454684000011</v>
      </c>
      <c r="AN120" s="13">
        <v>0.20291504418726439</v>
      </c>
      <c r="AO120" s="9">
        <v>6526.2212035999983</v>
      </c>
      <c r="AP120" s="13">
        <v>0.31462219586929341</v>
      </c>
      <c r="AQ120" s="9">
        <v>18828.919866799999</v>
      </c>
      <c r="AR120" s="9">
        <v>17789.129073600001</v>
      </c>
      <c r="AS120" s="9">
        <v>18842.2546563</v>
      </c>
      <c r="AT120" s="9">
        <v>18888.195088699998</v>
      </c>
      <c r="AU120" s="9">
        <v>18477.683676600001</v>
      </c>
      <c r="AV120" s="9">
        <v>18971.701181299999</v>
      </c>
      <c r="AW120" s="9">
        <v>20743.041302500002</v>
      </c>
      <c r="AX120" s="9">
        <v>21325.124723100002</v>
      </c>
      <c r="AY120" s="9">
        <v>21620.987970999999</v>
      </c>
      <c r="AZ120" s="9">
        <v>22669.317037699999</v>
      </c>
      <c r="BA120" s="9">
        <v>21803.453589100001</v>
      </c>
      <c r="BB120" s="9">
        <v>22012.3191673</v>
      </c>
      <c r="BC120" s="9">
        <v>23409.621148999999</v>
      </c>
      <c r="BD120" s="9">
        <v>25590.277949399999</v>
      </c>
      <c r="BE120" s="9">
        <v>26712.426638000001</v>
      </c>
      <c r="BF120" s="9">
        <v>27269.2625061</v>
      </c>
      <c r="BG120" s="11">
        <v>108</v>
      </c>
      <c r="BH120" s="13">
        <v>0.21135029354207435</v>
      </c>
      <c r="BI120" s="6">
        <v>69</v>
      </c>
      <c r="BJ120" s="13">
        <v>0.13502935420743639</v>
      </c>
      <c r="BK120" s="6">
        <v>-12</v>
      </c>
      <c r="BL120" s="13">
        <v>-2.0689655172413793E-2</v>
      </c>
      <c r="BM120" s="11">
        <v>51</v>
      </c>
      <c r="BN120" s="13">
        <v>8.9788732394366202E-2</v>
      </c>
      <c r="BO120" s="11">
        <v>39</v>
      </c>
      <c r="BP120" s="13">
        <v>6.7241379310344823E-2</v>
      </c>
      <c r="BQ120" s="6">
        <v>511</v>
      </c>
      <c r="BR120" s="6">
        <v>552</v>
      </c>
      <c r="BS120" s="6">
        <v>548</v>
      </c>
      <c r="BT120" s="6">
        <v>580</v>
      </c>
      <c r="BU120" s="6">
        <v>578</v>
      </c>
      <c r="BV120" s="6">
        <v>571</v>
      </c>
      <c r="BW120" s="6">
        <v>568</v>
      </c>
      <c r="BX120" s="6">
        <v>552</v>
      </c>
      <c r="BY120" s="6">
        <v>571</v>
      </c>
      <c r="BZ120" s="6">
        <v>580</v>
      </c>
      <c r="CA120" s="6">
        <v>589</v>
      </c>
      <c r="CB120" s="6">
        <v>625</v>
      </c>
      <c r="CC120" s="11">
        <v>619</v>
      </c>
      <c r="CD120" s="11">
        <v>497.88799999999998</v>
      </c>
      <c r="CE120" s="11">
        <v>468.59899999999999</v>
      </c>
      <c r="CF120" s="11">
        <v>569.32399999999996</v>
      </c>
      <c r="CG120" s="11">
        <v>1038</v>
      </c>
      <c r="CH120" s="20">
        <v>0.30454599999999998</v>
      </c>
      <c r="CI120" s="20">
        <v>0.35455399999999998</v>
      </c>
      <c r="CJ120" s="20">
        <v>0.36271500000000001</v>
      </c>
      <c r="CK120" s="20">
        <v>0.35421399999999997</v>
      </c>
      <c r="CL120" s="20">
        <v>0.37789400000000001</v>
      </c>
      <c r="CM120" s="20">
        <v>0.38834200000000002</v>
      </c>
      <c r="CN120" s="20">
        <v>0.378247</v>
      </c>
      <c r="CO120" s="20">
        <v>0.38850499999999999</v>
      </c>
      <c r="CP120" s="20">
        <v>0.40138800000000002</v>
      </c>
      <c r="CQ120" s="20">
        <v>0.36119899999999999</v>
      </c>
      <c r="CR120" s="20">
        <v>0.39510899999999999</v>
      </c>
      <c r="CS120" s="20">
        <v>0.41261700000000001</v>
      </c>
      <c r="CT120" s="20">
        <v>0.38314700000000002</v>
      </c>
      <c r="CU120" s="20">
        <v>0.37830000000000003</v>
      </c>
      <c r="CV120" s="20">
        <v>0.38124799999999998</v>
      </c>
      <c r="CW120" s="20">
        <v>0.367869</v>
      </c>
      <c r="CX120" s="20">
        <v>0.37158799999999997</v>
      </c>
      <c r="CY120" s="6"/>
      <c r="CZ120" s="6"/>
      <c r="DA120" s="6"/>
      <c r="DB120" s="6"/>
      <c r="DC120" s="6"/>
      <c r="DD120" s="6"/>
      <c r="DE120" s="6"/>
      <c r="DF120" s="6"/>
      <c r="DG120" s="6"/>
      <c r="DH120" s="6"/>
      <c r="DI120" s="6"/>
      <c r="DJ120" s="6"/>
      <c r="DK120" s="6"/>
      <c r="DL120" s="6"/>
      <c r="DM120" s="6"/>
      <c r="DN120" s="6"/>
      <c r="DO120" s="6"/>
    </row>
    <row r="121" spans="1:119" hidden="1" x14ac:dyDescent="0.2">
      <c r="A121" s="6" t="s">
        <v>320</v>
      </c>
      <c r="B121" s="6" t="s">
        <v>320</v>
      </c>
      <c r="C121" s="6" t="s">
        <v>189</v>
      </c>
      <c r="D121" s="6" t="s">
        <v>339</v>
      </c>
      <c r="E121" s="6" t="s">
        <v>333</v>
      </c>
      <c r="F121" s="11">
        <v>643</v>
      </c>
      <c r="G121" s="13">
        <v>0.46093189964199999</v>
      </c>
      <c r="H121" s="11">
        <v>248.42437251000001</v>
      </c>
      <c r="I121" s="13">
        <v>0.1781033340444895</v>
      </c>
      <c r="J121" s="11">
        <v>231.68379643999992</v>
      </c>
      <c r="K121" s="13">
        <v>0.14099058869349976</v>
      </c>
      <c r="L121" s="11">
        <v>162.82649246999995</v>
      </c>
      <c r="M121" s="13">
        <v>8.6843529995716623E-2</v>
      </c>
      <c r="N121" s="11">
        <v>394.51028890999987</v>
      </c>
      <c r="O121" s="13">
        <v>0.24007823910753409</v>
      </c>
      <c r="P121" s="7">
        <v>1394.8328022200001</v>
      </c>
      <c r="Q121" s="7">
        <v>1398.46198304</v>
      </c>
      <c r="R121" s="7">
        <v>1428.05941852</v>
      </c>
      <c r="S121" s="7">
        <v>1354.7711502</v>
      </c>
      <c r="T121" s="7">
        <v>1413.86655885</v>
      </c>
      <c r="U121" s="7">
        <v>1633.67919568</v>
      </c>
      <c r="V121" s="7">
        <v>1643.2571747300001</v>
      </c>
      <c r="W121" s="7">
        <v>1652.0416415699999</v>
      </c>
      <c r="X121" s="7">
        <v>1764.2296212799999</v>
      </c>
      <c r="Y121" s="7">
        <v>1874.94097117</v>
      </c>
      <c r="Z121" s="7">
        <v>1993.34407403</v>
      </c>
      <c r="AA121" s="7">
        <v>1896.7160286200001</v>
      </c>
      <c r="AB121" s="7">
        <v>1889.7924759299999</v>
      </c>
      <c r="AC121" s="7">
        <v>1952.2228526199999</v>
      </c>
      <c r="AD121" s="7">
        <v>1922.10367774</v>
      </c>
      <c r="AE121" s="7">
        <v>1910.1694022900001</v>
      </c>
      <c r="AF121" s="7">
        <v>2037.76746364</v>
      </c>
      <c r="AG121" s="9">
        <v>6808.7820558999992</v>
      </c>
      <c r="AH121" s="13">
        <v>0.30291127577237759</v>
      </c>
      <c r="AI121" s="9">
        <v>2071.4480361999995</v>
      </c>
      <c r="AJ121" s="13">
        <v>9.2155243359245478E-2</v>
      </c>
      <c r="AK121" s="9">
        <v>1007.5003561999984</v>
      </c>
      <c r="AL121" s="13">
        <v>4.1039951642789056E-2</v>
      </c>
      <c r="AM121" s="9">
        <v>3729.8336635000014</v>
      </c>
      <c r="AN121" s="13">
        <v>0.14594314463701324</v>
      </c>
      <c r="AO121" s="9">
        <v>4737.3340196999998</v>
      </c>
      <c r="AP121" s="13">
        <v>0.1929725958783019</v>
      </c>
      <c r="AQ121" s="9">
        <v>22477.809842300001</v>
      </c>
      <c r="AR121" s="9">
        <v>20520.184926800001</v>
      </c>
      <c r="AS121" s="9">
        <v>19771.1904388</v>
      </c>
      <c r="AT121" s="9">
        <v>21390.178965499999</v>
      </c>
      <c r="AU121" s="9">
        <v>22759.115828999998</v>
      </c>
      <c r="AV121" s="9">
        <v>23246.150194400001</v>
      </c>
      <c r="AW121" s="9">
        <v>24549.257878500001</v>
      </c>
      <c r="AX121" s="9">
        <v>23772.1404626</v>
      </c>
      <c r="AY121" s="9">
        <v>23991.5799468</v>
      </c>
      <c r="AZ121" s="9">
        <v>25556.758234699999</v>
      </c>
      <c r="BA121" s="9">
        <v>25890.968511999999</v>
      </c>
      <c r="BB121" s="9">
        <v>27517.796875600001</v>
      </c>
      <c r="BC121" s="9">
        <v>29270.426474200001</v>
      </c>
      <c r="BD121" s="9">
        <v>28181.681800499999</v>
      </c>
      <c r="BE121" s="9">
        <v>29557.973397199999</v>
      </c>
      <c r="BF121" s="9">
        <v>29286.5918982</v>
      </c>
      <c r="BG121" s="11">
        <v>6.25</v>
      </c>
      <c r="BH121" s="13">
        <v>0.13020833333333334</v>
      </c>
      <c r="BI121" s="6">
        <v>13</v>
      </c>
      <c r="BJ121" s="13">
        <v>0.27083333333333331</v>
      </c>
      <c r="BK121" s="6">
        <v>-2</v>
      </c>
      <c r="BL121" s="13">
        <v>-3.2786885245901641E-2</v>
      </c>
      <c r="BM121" s="11">
        <v>-4.75</v>
      </c>
      <c r="BN121" s="13">
        <v>-8.050847457627118E-2</v>
      </c>
      <c r="BO121" s="11">
        <v>-6.75</v>
      </c>
      <c r="BP121" s="13">
        <v>-0.11065573770491803</v>
      </c>
      <c r="BQ121" s="6">
        <v>48</v>
      </c>
      <c r="BR121" s="6">
        <v>47</v>
      </c>
      <c r="BS121" s="6">
        <v>61</v>
      </c>
      <c r="BT121" s="6">
        <v>61</v>
      </c>
      <c r="BU121" s="6">
        <v>58</v>
      </c>
      <c r="BV121" s="6">
        <v>63</v>
      </c>
      <c r="BW121" s="6">
        <v>59</v>
      </c>
      <c r="BX121" s="6">
        <v>55</v>
      </c>
      <c r="BY121" s="6">
        <v>56</v>
      </c>
      <c r="BZ121" s="6">
        <v>53</v>
      </c>
      <c r="CA121" s="6">
        <v>54</v>
      </c>
      <c r="CB121" s="6">
        <v>58</v>
      </c>
      <c r="CC121" s="11">
        <v>54.25</v>
      </c>
      <c r="CD121" s="11">
        <v>-14.613300000000001</v>
      </c>
      <c r="CE121" s="11">
        <v>505.07600000000002</v>
      </c>
      <c r="CF121" s="11">
        <v>152.47200000000001</v>
      </c>
      <c r="CG121" s="11">
        <v>657</v>
      </c>
      <c r="CH121" s="20">
        <v>0.24446799999999999</v>
      </c>
      <c r="CI121" s="20">
        <v>0.233429</v>
      </c>
      <c r="CJ121" s="20">
        <v>0.23148299999999999</v>
      </c>
      <c r="CK121" s="20">
        <v>0.211754</v>
      </c>
      <c r="CL121" s="20">
        <v>0.21932099999999999</v>
      </c>
      <c r="CM121" s="20">
        <v>0.248805</v>
      </c>
      <c r="CN121" s="20">
        <v>0.24781300000000001</v>
      </c>
      <c r="CO121" s="20">
        <v>0.246082</v>
      </c>
      <c r="CP121" s="20">
        <v>0.25323699999999999</v>
      </c>
      <c r="CQ121" s="20">
        <v>0.26478800000000002</v>
      </c>
      <c r="CR121" s="20">
        <v>0.27767500000000001</v>
      </c>
      <c r="CS121" s="20">
        <v>0.26197700000000002</v>
      </c>
      <c r="CT121" s="20">
        <v>0.26309399999999999</v>
      </c>
      <c r="CU121" s="20">
        <v>0.27025100000000002</v>
      </c>
      <c r="CV121" s="20">
        <v>0.26619599999999999</v>
      </c>
      <c r="CW121" s="20">
        <v>0.263853</v>
      </c>
      <c r="CX121" s="20">
        <v>0.27429500000000001</v>
      </c>
      <c r="CY121" s="6"/>
      <c r="CZ121" s="6"/>
      <c r="DA121" s="6"/>
      <c r="DB121" s="6"/>
      <c r="DC121" s="6"/>
      <c r="DD121" s="6"/>
      <c r="DE121" s="6"/>
      <c r="DF121" s="6"/>
      <c r="DG121" s="6"/>
      <c r="DH121" s="6"/>
      <c r="DI121" s="6"/>
      <c r="DJ121" s="6"/>
      <c r="DK121" s="6"/>
      <c r="DL121" s="6"/>
      <c r="DM121" s="6"/>
      <c r="DN121" s="6"/>
      <c r="DO121" s="6"/>
    </row>
    <row r="122" spans="1:119" hidden="1" x14ac:dyDescent="0.2">
      <c r="A122" s="6" t="s">
        <v>321</v>
      </c>
      <c r="B122" s="6" t="s">
        <v>321</v>
      </c>
      <c r="C122" s="6" t="s">
        <v>190</v>
      </c>
      <c r="D122" s="6" t="s">
        <v>339</v>
      </c>
      <c r="E122" s="6" t="s">
        <v>333</v>
      </c>
      <c r="F122" s="11">
        <v>9263</v>
      </c>
      <c r="G122" s="13">
        <v>0.37480780124599999</v>
      </c>
      <c r="H122" s="11">
        <v>1098.7401648000014</v>
      </c>
      <c r="I122" s="13">
        <v>4.4458769406629295E-2</v>
      </c>
      <c r="J122" s="11">
        <v>1743.9444130999982</v>
      </c>
      <c r="K122" s="13">
        <v>6.7562198664976716E-2</v>
      </c>
      <c r="L122" s="11">
        <v>6420.8378411000012</v>
      </c>
      <c r="M122" s="13">
        <v>0.23300736614443959</v>
      </c>
      <c r="N122" s="11">
        <v>8164.7822541999994</v>
      </c>
      <c r="O122" s="13">
        <v>0.31631205477126989</v>
      </c>
      <c r="P122" s="7">
        <v>24713.688198399999</v>
      </c>
      <c r="Q122" s="7">
        <v>25070.9153855</v>
      </c>
      <c r="R122" s="7">
        <v>25478.8244299</v>
      </c>
      <c r="S122" s="7">
        <v>25506.536907500002</v>
      </c>
      <c r="T122" s="7">
        <v>25630.147087000001</v>
      </c>
      <c r="U122" s="7">
        <v>25893.065799100001</v>
      </c>
      <c r="V122" s="7">
        <v>25812.428363200001</v>
      </c>
      <c r="W122" s="7">
        <v>26227.6340036</v>
      </c>
      <c r="X122" s="7">
        <v>27117.011535400001</v>
      </c>
      <c r="Y122" s="7">
        <v>27556.372776299999</v>
      </c>
      <c r="Z122" s="7">
        <v>27195.597227400001</v>
      </c>
      <c r="AA122" s="7">
        <v>29146.500371499998</v>
      </c>
      <c r="AB122" s="7">
        <v>32186.957376900002</v>
      </c>
      <c r="AC122" s="7">
        <v>32147.647372300002</v>
      </c>
      <c r="AD122" s="7">
        <v>32523.1292565</v>
      </c>
      <c r="AE122" s="7">
        <v>32788.8639816</v>
      </c>
      <c r="AF122" s="7">
        <v>33977.2106174</v>
      </c>
      <c r="AG122" s="9">
        <v>9793.9497228</v>
      </c>
      <c r="AH122" s="13">
        <v>0.45606410438696737</v>
      </c>
      <c r="AI122" s="9">
        <v>5515.454540900002</v>
      </c>
      <c r="AJ122" s="13">
        <v>0.25683211642661585</v>
      </c>
      <c r="AK122" s="9">
        <v>3326.486782699998</v>
      </c>
      <c r="AL122" s="13">
        <v>0.12324705581533332</v>
      </c>
      <c r="AM122" s="9">
        <v>952.00839919999999</v>
      </c>
      <c r="AN122" s="13">
        <v>3.1401922856200866E-2</v>
      </c>
      <c r="AO122" s="9">
        <v>4278.495181899998</v>
      </c>
      <c r="AP122" s="13">
        <v>0.15851917321050121</v>
      </c>
      <c r="AQ122" s="9">
        <v>21474.940975599999</v>
      </c>
      <c r="AR122" s="9">
        <v>22337.411940999998</v>
      </c>
      <c r="AS122" s="9">
        <v>22982.8593</v>
      </c>
      <c r="AT122" s="9">
        <v>23914.081408599999</v>
      </c>
      <c r="AU122" s="9">
        <v>24951.285910099999</v>
      </c>
      <c r="AV122" s="9">
        <v>25736.113921600001</v>
      </c>
      <c r="AW122" s="9">
        <v>26990.395516500001</v>
      </c>
      <c r="AX122" s="9">
        <v>28383.949165000002</v>
      </c>
      <c r="AY122" s="9">
        <v>29169.080522</v>
      </c>
      <c r="AZ122" s="9">
        <v>30316.882299199999</v>
      </c>
      <c r="BA122" s="9">
        <v>30403.711667700001</v>
      </c>
      <c r="BB122" s="9">
        <v>29925.098110899999</v>
      </c>
      <c r="BC122" s="9">
        <v>28587.332562399999</v>
      </c>
      <c r="BD122" s="9">
        <v>28866.182689400001</v>
      </c>
      <c r="BE122" s="9">
        <v>30182.2775683</v>
      </c>
      <c r="BF122" s="9">
        <v>31268.890698399999</v>
      </c>
      <c r="BG122" s="11">
        <v>4730.5</v>
      </c>
      <c r="BH122" s="13">
        <v>3.1642140468227424</v>
      </c>
      <c r="BI122" s="6">
        <v>53</v>
      </c>
      <c r="BJ122" s="13">
        <v>3.5451505016722409E-2</v>
      </c>
      <c r="BK122" s="6">
        <v>18</v>
      </c>
      <c r="BL122" s="13">
        <v>1.1627906976744186E-2</v>
      </c>
      <c r="BM122" s="11">
        <v>4659.5</v>
      </c>
      <c r="BN122" s="13">
        <v>2.9754150702426565</v>
      </c>
      <c r="BO122" s="11">
        <v>4677.5</v>
      </c>
      <c r="BP122" s="13">
        <v>3.021640826873385</v>
      </c>
      <c r="BQ122" s="6">
        <v>1495</v>
      </c>
      <c r="BR122" s="6">
        <v>1514</v>
      </c>
      <c r="BS122" s="6">
        <v>1534</v>
      </c>
      <c r="BT122" s="6">
        <v>1548</v>
      </c>
      <c r="BU122" s="6">
        <v>1565</v>
      </c>
      <c r="BV122" s="6">
        <v>1558</v>
      </c>
      <c r="BW122" s="6">
        <v>1566</v>
      </c>
      <c r="BX122" s="6">
        <v>1587</v>
      </c>
      <c r="BY122" s="6">
        <v>1674</v>
      </c>
      <c r="BZ122" s="6">
        <v>6152</v>
      </c>
      <c r="CA122" s="6">
        <v>6151</v>
      </c>
      <c r="CB122" s="6">
        <v>6275</v>
      </c>
      <c r="CC122" s="11">
        <v>6225.5</v>
      </c>
      <c r="CD122" s="11">
        <v>-2437.88</v>
      </c>
      <c r="CE122" s="11">
        <v>8999.9</v>
      </c>
      <c r="CF122" s="11">
        <v>2701.5</v>
      </c>
      <c r="CG122" s="11">
        <v>11702</v>
      </c>
      <c r="CH122" s="20">
        <v>0.87704700000000002</v>
      </c>
      <c r="CI122" s="20">
        <v>0.85350599999999999</v>
      </c>
      <c r="CJ122" s="20">
        <v>0.84087199999999995</v>
      </c>
      <c r="CK122" s="20">
        <v>0.82488099999999998</v>
      </c>
      <c r="CL122" s="20">
        <v>0.81371300000000002</v>
      </c>
      <c r="CM122" s="20">
        <v>0.804539</v>
      </c>
      <c r="CN122" s="20">
        <v>0.79242500000000005</v>
      </c>
      <c r="CO122" s="20">
        <v>0.79797300000000004</v>
      </c>
      <c r="CP122" s="20">
        <v>0.80113900000000005</v>
      </c>
      <c r="CQ122" s="20">
        <v>0.806029</v>
      </c>
      <c r="CR122" s="20">
        <v>0.79864599999999997</v>
      </c>
      <c r="CS122" s="20">
        <v>0.83471700000000004</v>
      </c>
      <c r="CT122" s="20">
        <v>0.92422300000000002</v>
      </c>
      <c r="CU122" s="20">
        <v>0.91976400000000003</v>
      </c>
      <c r="CV122" s="20">
        <v>0.92162599999999995</v>
      </c>
      <c r="CW122" s="20">
        <v>0.92115999999999998</v>
      </c>
      <c r="CX122" s="20">
        <v>0.92476100000000006</v>
      </c>
      <c r="CY122" s="6"/>
      <c r="CZ122" s="6"/>
      <c r="DA122" s="6"/>
      <c r="DB122" s="6"/>
      <c r="DC122" s="6"/>
      <c r="DD122" s="6"/>
      <c r="DE122" s="6"/>
      <c r="DF122" s="6"/>
      <c r="DG122" s="6"/>
      <c r="DH122" s="6"/>
      <c r="DI122" s="6"/>
      <c r="DJ122" s="6"/>
      <c r="DK122" s="6"/>
      <c r="DL122" s="6"/>
      <c r="DM122" s="6"/>
      <c r="DN122" s="6"/>
      <c r="DO122" s="6"/>
    </row>
    <row r="123" spans="1:119" hidden="1" x14ac:dyDescent="0.2">
      <c r="A123" s="6" t="s">
        <v>322</v>
      </c>
      <c r="B123" s="6" t="s">
        <v>322</v>
      </c>
      <c r="C123" s="6" t="s">
        <v>191</v>
      </c>
      <c r="D123" s="6" t="s">
        <v>339</v>
      </c>
      <c r="E123" s="6" t="s">
        <v>333</v>
      </c>
      <c r="F123" s="11">
        <v>-273</v>
      </c>
      <c r="G123" s="13">
        <v>-9.7954790096900002E-2</v>
      </c>
      <c r="H123" s="11">
        <v>528.61847366999973</v>
      </c>
      <c r="I123" s="13">
        <v>0.18966073155873645</v>
      </c>
      <c r="J123" s="11">
        <v>-794.75319652999997</v>
      </c>
      <c r="K123" s="13">
        <v>-0.23968686869676761</v>
      </c>
      <c r="L123" s="11">
        <v>-7.0125237600000219</v>
      </c>
      <c r="M123" s="13">
        <v>-2.7815944615872247E-3</v>
      </c>
      <c r="N123" s="11">
        <v>-801.76572028999999</v>
      </c>
      <c r="O123" s="13">
        <v>-0.24180175149187272</v>
      </c>
      <c r="P123" s="7">
        <v>2787.1793455900001</v>
      </c>
      <c r="Q123" s="7">
        <v>3352.22306415</v>
      </c>
      <c r="R123" s="7">
        <v>3071.7085649000001</v>
      </c>
      <c r="S123" s="7">
        <v>3117.49247582</v>
      </c>
      <c r="T123" s="7">
        <v>3134.4509925000002</v>
      </c>
      <c r="U123" s="7">
        <v>3236.2572786000001</v>
      </c>
      <c r="V123" s="7">
        <v>3315.7978192599999</v>
      </c>
      <c r="W123" s="7">
        <v>3104.8238523</v>
      </c>
      <c r="X123" s="7">
        <v>3062.5888587499999</v>
      </c>
      <c r="Y123" s="7">
        <v>2521.0446227299999</v>
      </c>
      <c r="Z123" s="7">
        <v>2483.5377055200001</v>
      </c>
      <c r="AA123" s="7">
        <v>2536.57924413</v>
      </c>
      <c r="AB123" s="7">
        <v>2441.6678839000001</v>
      </c>
      <c r="AC123" s="7">
        <v>2411.8860296900002</v>
      </c>
      <c r="AD123" s="7">
        <v>2424.02100759</v>
      </c>
      <c r="AE123" s="7">
        <v>2474.8164511800001</v>
      </c>
      <c r="AF123" s="7">
        <v>2514.0320989699999</v>
      </c>
      <c r="AG123" s="9">
        <v>7720.635260099998</v>
      </c>
      <c r="AH123" s="13">
        <v>0.51426990389240135</v>
      </c>
      <c r="AI123" s="9">
        <v>5016.5515436999976</v>
      </c>
      <c r="AJ123" s="13">
        <v>0.33415145170534333</v>
      </c>
      <c r="AK123" s="9">
        <v>-1471.1923709999974</v>
      </c>
      <c r="AL123" s="13">
        <v>-7.3451793472991661E-2</v>
      </c>
      <c r="AM123" s="9">
        <v>4175.2760873999978</v>
      </c>
      <c r="AN123" s="13">
        <v>0.22498321509611929</v>
      </c>
      <c r="AO123" s="9">
        <v>2704.0837164000004</v>
      </c>
      <c r="AP123" s="13">
        <v>0.13500600097299781</v>
      </c>
      <c r="AQ123" s="9">
        <v>15012.807869300001</v>
      </c>
      <c r="AR123" s="9">
        <v>18573.939143200001</v>
      </c>
      <c r="AS123" s="9">
        <v>18184.722152599999</v>
      </c>
      <c r="AT123" s="9">
        <v>18394.907537300001</v>
      </c>
      <c r="AU123" s="9">
        <v>18525.988624400001</v>
      </c>
      <c r="AV123" s="9">
        <v>19146.060192299999</v>
      </c>
      <c r="AW123" s="9">
        <v>20029.359412999998</v>
      </c>
      <c r="AX123" s="9">
        <v>20123.019313100001</v>
      </c>
      <c r="AY123" s="9">
        <v>20385.278698800001</v>
      </c>
      <c r="AZ123" s="9">
        <v>18558.167042000001</v>
      </c>
      <c r="BA123" s="9">
        <v>18442.586127800001</v>
      </c>
      <c r="BB123" s="9">
        <v>18781.511083000001</v>
      </c>
      <c r="BC123" s="9">
        <v>19996.538804200001</v>
      </c>
      <c r="BD123" s="9">
        <v>21708.501241999998</v>
      </c>
      <c r="BE123" s="9">
        <v>22468.1227535</v>
      </c>
      <c r="BF123" s="9">
        <v>22733.443129399999</v>
      </c>
      <c r="BG123" s="11">
        <v>-49</v>
      </c>
      <c r="BH123" s="13">
        <v>-0.16666666666666666</v>
      </c>
      <c r="BI123" s="6">
        <v>-7</v>
      </c>
      <c r="BJ123" s="13">
        <v>-2.3809523809523808E-2</v>
      </c>
      <c r="BK123" s="6">
        <v>-15</v>
      </c>
      <c r="BL123" s="13">
        <v>-5.2264808362369339E-2</v>
      </c>
      <c r="BM123" s="11">
        <v>-27</v>
      </c>
      <c r="BN123" s="13">
        <v>-9.9264705882352935E-2</v>
      </c>
      <c r="BO123" s="11">
        <v>-42</v>
      </c>
      <c r="BP123" s="13">
        <v>-0.14634146341463414</v>
      </c>
      <c r="BQ123" s="6">
        <v>294</v>
      </c>
      <c r="BR123" s="6">
        <v>295</v>
      </c>
      <c r="BS123" s="6">
        <v>288</v>
      </c>
      <c r="BT123" s="6">
        <v>287</v>
      </c>
      <c r="BU123" s="6">
        <v>277</v>
      </c>
      <c r="BV123" s="6">
        <v>272</v>
      </c>
      <c r="BW123" s="6">
        <v>272</v>
      </c>
      <c r="BX123" s="6">
        <v>270</v>
      </c>
      <c r="BY123" s="6">
        <v>260</v>
      </c>
      <c r="BZ123" s="6">
        <v>257</v>
      </c>
      <c r="CA123" s="6">
        <v>252</v>
      </c>
      <c r="CB123" s="6">
        <v>251</v>
      </c>
      <c r="CC123" s="11">
        <v>245</v>
      </c>
      <c r="CD123" s="11">
        <v>-1084.8499999999999</v>
      </c>
      <c r="CE123" s="11">
        <v>507.03399999999999</v>
      </c>
      <c r="CF123" s="11">
        <v>304.67200000000003</v>
      </c>
      <c r="CG123" s="11">
        <v>812</v>
      </c>
      <c r="CH123" s="20">
        <v>0.64575499999999997</v>
      </c>
      <c r="CI123" s="20">
        <v>0.75861800000000001</v>
      </c>
      <c r="CJ123" s="20">
        <v>0.68401699999999999</v>
      </c>
      <c r="CK123" s="20">
        <v>0.67892399999999997</v>
      </c>
      <c r="CL123" s="20">
        <v>0.675091</v>
      </c>
      <c r="CM123" s="20">
        <v>0.68842599999999998</v>
      </c>
      <c r="CN123" s="20">
        <v>0.69866399999999995</v>
      </c>
      <c r="CO123" s="20">
        <v>0.660524</v>
      </c>
      <c r="CP123" s="20">
        <v>0.658771</v>
      </c>
      <c r="CQ123" s="20">
        <v>0.54985700000000004</v>
      </c>
      <c r="CR123" s="20">
        <v>0.54443699999999995</v>
      </c>
      <c r="CS123" s="20">
        <v>0.54956300000000002</v>
      </c>
      <c r="CT123" s="20">
        <v>0.53101399999999999</v>
      </c>
      <c r="CU123" s="20">
        <v>0.51586500000000002</v>
      </c>
      <c r="CV123" s="20">
        <v>0.50928499999999999</v>
      </c>
      <c r="CW123" s="20">
        <v>0.51289399999999996</v>
      </c>
      <c r="CX123" s="20">
        <v>0.50976600000000005</v>
      </c>
      <c r="CY123" s="6"/>
      <c r="CZ123" s="6"/>
      <c r="DA123" s="6"/>
      <c r="DB123" s="6"/>
      <c r="DC123" s="6"/>
      <c r="DD123" s="6"/>
      <c r="DE123" s="6"/>
      <c r="DF123" s="6"/>
      <c r="DG123" s="6"/>
      <c r="DH123" s="6"/>
      <c r="DI123" s="6"/>
      <c r="DJ123" s="6"/>
      <c r="DK123" s="6"/>
      <c r="DL123" s="6"/>
      <c r="DM123" s="6"/>
      <c r="DN123" s="6"/>
      <c r="DO123" s="6"/>
    </row>
    <row r="124" spans="1:119" hidden="1" x14ac:dyDescent="0.2">
      <c r="A124" s="6" t="s">
        <v>323</v>
      </c>
      <c r="B124" s="6" t="s">
        <v>323</v>
      </c>
      <c r="C124" s="6" t="s">
        <v>324</v>
      </c>
      <c r="D124" s="6" t="s">
        <v>339</v>
      </c>
      <c r="E124" s="6" t="s">
        <v>333</v>
      </c>
      <c r="F124" s="11">
        <v>998</v>
      </c>
      <c r="G124" s="13">
        <v>5.19845817273E-2</v>
      </c>
      <c r="H124" s="11">
        <v>1342.4681963000003</v>
      </c>
      <c r="I124" s="13">
        <v>6.9927363849325977E-2</v>
      </c>
      <c r="J124" s="11">
        <v>-1032.0935305000021</v>
      </c>
      <c r="K124" s="13">
        <v>-5.0246742459692018E-2</v>
      </c>
      <c r="L124" s="11">
        <v>687.14070150000043</v>
      </c>
      <c r="M124" s="13">
        <v>3.5222788716942184E-2</v>
      </c>
      <c r="N124" s="11">
        <v>-344.95282900000166</v>
      </c>
      <c r="O124" s="13">
        <v>-1.6793784136122175E-2</v>
      </c>
      <c r="P124" s="7">
        <v>19198.0381127</v>
      </c>
      <c r="Q124" s="7">
        <v>19707.8614074</v>
      </c>
      <c r="R124" s="7">
        <v>19801.511783000002</v>
      </c>
      <c r="S124" s="7">
        <v>20106.328279199999</v>
      </c>
      <c r="T124" s="7">
        <v>20490.747606299999</v>
      </c>
      <c r="U124" s="7">
        <v>20701.829630600001</v>
      </c>
      <c r="V124" s="7">
        <v>20540.506309</v>
      </c>
      <c r="W124" s="7">
        <v>19930.688742599999</v>
      </c>
      <c r="X124" s="7">
        <v>19337.8244304</v>
      </c>
      <c r="Y124" s="7">
        <v>19508.412778499998</v>
      </c>
      <c r="Z124" s="7">
        <v>18850.6775972</v>
      </c>
      <c r="AA124" s="7">
        <v>18701.389608199999</v>
      </c>
      <c r="AB124" s="7">
        <v>19088.3665802</v>
      </c>
      <c r="AC124" s="7">
        <v>19216.421776300002</v>
      </c>
      <c r="AD124" s="7">
        <v>19478.887342999999</v>
      </c>
      <c r="AE124" s="7">
        <v>20031.7384126</v>
      </c>
      <c r="AF124" s="7">
        <v>20195.553479999999</v>
      </c>
      <c r="AG124" s="9">
        <v>4524.7923245999991</v>
      </c>
      <c r="AH124" s="13">
        <v>0.39034478607304551</v>
      </c>
      <c r="AI124" s="9">
        <v>1706.3619077000003</v>
      </c>
      <c r="AJ124" s="13">
        <v>0.14720442973771891</v>
      </c>
      <c r="AK124" s="9">
        <v>1205.6687954999998</v>
      </c>
      <c r="AL124" s="13">
        <v>9.0664430364385595E-2</v>
      </c>
      <c r="AM124" s="9">
        <v>1612.7616213999991</v>
      </c>
      <c r="AN124" s="13">
        <v>0.11119568809280742</v>
      </c>
      <c r="AO124" s="9">
        <v>2818.4304168999988</v>
      </c>
      <c r="AP124" s="13">
        <v>0.21194161217710333</v>
      </c>
      <c r="AQ124" s="9">
        <v>11591.783689800001</v>
      </c>
      <c r="AR124" s="9">
        <v>11502.0681594</v>
      </c>
      <c r="AS124" s="9">
        <v>11834.2137427</v>
      </c>
      <c r="AT124" s="9">
        <v>12240.0953443</v>
      </c>
      <c r="AU124" s="9">
        <v>12473.809930400001</v>
      </c>
      <c r="AV124" s="9">
        <v>12616.596620300001</v>
      </c>
      <c r="AW124" s="9">
        <v>13298.145597500001</v>
      </c>
      <c r="AX124" s="9">
        <v>13635.5327409</v>
      </c>
      <c r="AY124" s="9">
        <v>13812.1528894</v>
      </c>
      <c r="AZ124" s="9">
        <v>14503.814393000001</v>
      </c>
      <c r="BA124" s="9">
        <v>14375.5480181</v>
      </c>
      <c r="BB124" s="9">
        <v>14889.772617500001</v>
      </c>
      <c r="BC124" s="9">
        <v>14777.6676396</v>
      </c>
      <c r="BD124" s="9">
        <v>14939.9868752</v>
      </c>
      <c r="BE124" s="9">
        <v>15608.284855</v>
      </c>
      <c r="BF124" s="9">
        <v>16116.5760144</v>
      </c>
      <c r="BG124" s="11">
        <v>-132.75</v>
      </c>
      <c r="BH124" s="13">
        <v>-8.3912768647281921E-2</v>
      </c>
      <c r="BI124" s="6">
        <v>12</v>
      </c>
      <c r="BJ124" s="13">
        <v>7.5853350189633373E-3</v>
      </c>
      <c r="BK124" s="6">
        <v>-44</v>
      </c>
      <c r="BL124" s="13">
        <v>-2.7603513174404015E-2</v>
      </c>
      <c r="BM124" s="11">
        <v>-100.75</v>
      </c>
      <c r="BN124" s="13">
        <v>-6.5000000000000002E-2</v>
      </c>
      <c r="BO124" s="11">
        <v>-144.75</v>
      </c>
      <c r="BP124" s="13">
        <v>-9.0809284818067756E-2</v>
      </c>
      <c r="BQ124" s="6">
        <v>1582</v>
      </c>
      <c r="BR124" s="6">
        <v>1585</v>
      </c>
      <c r="BS124" s="6">
        <v>1603</v>
      </c>
      <c r="BT124" s="6">
        <v>1594</v>
      </c>
      <c r="BU124" s="6">
        <v>1572</v>
      </c>
      <c r="BV124" s="6">
        <v>1547</v>
      </c>
      <c r="BW124" s="6">
        <v>1550</v>
      </c>
      <c r="BX124" s="6">
        <v>1507</v>
      </c>
      <c r="BY124" s="6">
        <v>1479</v>
      </c>
      <c r="BZ124" s="6">
        <v>1492</v>
      </c>
      <c r="CA124" s="6">
        <v>1477</v>
      </c>
      <c r="CB124" s="6">
        <v>1478</v>
      </c>
      <c r="CC124" s="11">
        <v>1449.25</v>
      </c>
      <c r="CD124" s="11">
        <v>-5466.8</v>
      </c>
      <c r="CE124" s="11">
        <v>4365.74</v>
      </c>
      <c r="CF124" s="11">
        <v>2098.58</v>
      </c>
      <c r="CG124" s="11">
        <v>6465</v>
      </c>
      <c r="CH124" s="20">
        <v>0.91805000000000003</v>
      </c>
      <c r="CI124" s="20">
        <v>0.92705700000000002</v>
      </c>
      <c r="CJ124" s="20">
        <v>0.91403599999999996</v>
      </c>
      <c r="CK124" s="20">
        <v>0.90471800000000002</v>
      </c>
      <c r="CL124" s="20">
        <v>0.90446499999999996</v>
      </c>
      <c r="CM124" s="20">
        <v>0.89784399999999998</v>
      </c>
      <c r="CN124" s="20">
        <v>0.88511099999999998</v>
      </c>
      <c r="CO124" s="20">
        <v>0.87064399999999997</v>
      </c>
      <c r="CP124" s="20">
        <v>0.86094400000000004</v>
      </c>
      <c r="CQ124" s="20">
        <v>0.87115799999999999</v>
      </c>
      <c r="CR124" s="20">
        <v>0.83589000000000002</v>
      </c>
      <c r="CS124" s="20">
        <v>0.81372299999999997</v>
      </c>
      <c r="CT124" s="20">
        <v>0.82386599999999999</v>
      </c>
      <c r="CU124" s="20">
        <v>0.81769800000000004</v>
      </c>
      <c r="CV124" s="20">
        <v>0.81309200000000004</v>
      </c>
      <c r="CW124" s="20">
        <v>0.82702399999999998</v>
      </c>
      <c r="CX124" s="20">
        <v>0.81644300000000003</v>
      </c>
      <c r="CY124" s="6"/>
      <c r="CZ124" s="6"/>
      <c r="DA124" s="6"/>
      <c r="DB124" s="6"/>
      <c r="DC124" s="6"/>
      <c r="DD124" s="6"/>
      <c r="DE124" s="6"/>
      <c r="DF124" s="6"/>
      <c r="DG124" s="6"/>
      <c r="DH124" s="6"/>
      <c r="DI124" s="6"/>
      <c r="DJ124" s="6"/>
      <c r="DK124" s="6"/>
      <c r="DL124" s="6"/>
      <c r="DM124" s="6"/>
      <c r="DN124" s="6"/>
      <c r="DO124" s="6"/>
    </row>
    <row r="125" spans="1:119" hidden="1" x14ac:dyDescent="0.2">
      <c r="A125" s="6" t="s">
        <v>325</v>
      </c>
      <c r="B125" s="6" t="s">
        <v>325</v>
      </c>
      <c r="C125" s="6" t="s">
        <v>326</v>
      </c>
      <c r="D125" s="6" t="s">
        <v>339</v>
      </c>
      <c r="E125" s="6" t="s">
        <v>333</v>
      </c>
      <c r="F125" s="11">
        <v>-775</v>
      </c>
      <c r="G125" s="13">
        <v>-5.3692670084500002E-2</v>
      </c>
      <c r="H125" s="11">
        <v>4385.7761574000015</v>
      </c>
      <c r="I125" s="13">
        <v>0.30384620684054719</v>
      </c>
      <c r="J125" s="11">
        <v>874.3885182999984</v>
      </c>
      <c r="K125" s="13">
        <v>4.6460666443369929E-2</v>
      </c>
      <c r="L125" s="11">
        <v>-6035.1180316999998</v>
      </c>
      <c r="M125" s="13">
        <v>-0.30643886710501395</v>
      </c>
      <c r="N125" s="11">
        <v>-5160.7295134000015</v>
      </c>
      <c r="O125" s="13">
        <v>-0.27421555465149422</v>
      </c>
      <c r="P125" s="7">
        <v>14434.1974942</v>
      </c>
      <c r="Q125" s="7">
        <v>15997.2933498</v>
      </c>
      <c r="R125" s="7">
        <v>16804.3872629</v>
      </c>
      <c r="S125" s="7">
        <v>17681.246893</v>
      </c>
      <c r="T125" s="7">
        <v>18262.346643299999</v>
      </c>
      <c r="U125" s="7">
        <v>18316.606184600001</v>
      </c>
      <c r="V125" s="7">
        <v>18819.973651600001</v>
      </c>
      <c r="W125" s="7">
        <v>18479.762870899998</v>
      </c>
      <c r="X125" s="7">
        <v>19111.143491399998</v>
      </c>
      <c r="Y125" s="7">
        <v>19694.3621699</v>
      </c>
      <c r="Z125" s="7">
        <v>19534.448340800001</v>
      </c>
      <c r="AA125" s="7">
        <v>19763.401794199999</v>
      </c>
      <c r="AB125" s="7">
        <v>13881.012472</v>
      </c>
      <c r="AC125" s="7">
        <v>13912.9222708</v>
      </c>
      <c r="AD125" s="7">
        <v>13775.605888</v>
      </c>
      <c r="AE125" s="7">
        <v>13709.2455759</v>
      </c>
      <c r="AF125" s="7">
        <v>13659.2441382</v>
      </c>
      <c r="AG125" s="9">
        <v>4960.5655415000019</v>
      </c>
      <c r="AH125" s="13">
        <v>0.31112804577480985</v>
      </c>
      <c r="AI125" s="9">
        <v>-405.07340829999885</v>
      </c>
      <c r="AJ125" s="13">
        <v>-2.5406316450283361E-2</v>
      </c>
      <c r="AK125" s="9">
        <v>-514.69677530000081</v>
      </c>
      <c r="AL125" s="13">
        <v>-3.3123469769766836E-2</v>
      </c>
      <c r="AM125" s="9">
        <v>5880.3357251000016</v>
      </c>
      <c r="AN125" s="13">
        <v>0.39139518642808063</v>
      </c>
      <c r="AO125" s="9">
        <v>5365.6389498000008</v>
      </c>
      <c r="AP125" s="13">
        <v>0.34530735003263102</v>
      </c>
      <c r="AQ125" s="9">
        <v>15943.807088</v>
      </c>
      <c r="AR125" s="9">
        <v>15586.0960627</v>
      </c>
      <c r="AS125" s="9">
        <v>15295.891331500001</v>
      </c>
      <c r="AT125" s="9">
        <v>14977.889492300001</v>
      </c>
      <c r="AU125" s="9">
        <v>15086.0628234</v>
      </c>
      <c r="AV125" s="9">
        <v>15579.7950079</v>
      </c>
      <c r="AW125" s="9">
        <v>15538.733679700001</v>
      </c>
      <c r="AX125" s="9">
        <v>15702.659364200001</v>
      </c>
      <c r="AY125" s="9">
        <v>15321.9766062</v>
      </c>
      <c r="AZ125" s="9">
        <v>15024.0369044</v>
      </c>
      <c r="BA125" s="9">
        <v>15311.475156</v>
      </c>
      <c r="BB125" s="9">
        <v>15662.1981158</v>
      </c>
      <c r="BC125" s="9">
        <v>19226.715961499998</v>
      </c>
      <c r="BD125" s="9">
        <v>19805.4879568</v>
      </c>
      <c r="BE125" s="9">
        <v>20492.931774500001</v>
      </c>
      <c r="BF125" s="9">
        <v>20904.372629500001</v>
      </c>
      <c r="BG125" s="11">
        <v>-2234.5</v>
      </c>
      <c r="BH125" s="13">
        <v>-0.60555555555555551</v>
      </c>
      <c r="BI125" s="6">
        <v>344</v>
      </c>
      <c r="BJ125" s="13">
        <v>9.322493224932249E-2</v>
      </c>
      <c r="BK125" s="6">
        <v>1288</v>
      </c>
      <c r="BL125" s="13">
        <v>0.31928606841844326</v>
      </c>
      <c r="BM125" s="11">
        <v>-3866.5</v>
      </c>
      <c r="BN125" s="13">
        <v>-0.72651258925216089</v>
      </c>
      <c r="BO125" s="11">
        <v>-2578.5</v>
      </c>
      <c r="BP125" s="13">
        <v>-0.63919186911254333</v>
      </c>
      <c r="BQ125" s="6">
        <v>3690</v>
      </c>
      <c r="BR125" s="6">
        <v>3795</v>
      </c>
      <c r="BS125" s="6">
        <v>3798</v>
      </c>
      <c r="BT125" s="6">
        <v>4034</v>
      </c>
      <c r="BU125" s="6">
        <v>4391</v>
      </c>
      <c r="BV125" s="6">
        <v>4776</v>
      </c>
      <c r="BW125" s="6">
        <v>5322</v>
      </c>
      <c r="BX125" s="6">
        <v>5593</v>
      </c>
      <c r="BY125" s="6">
        <v>5684</v>
      </c>
      <c r="BZ125" s="6">
        <v>1423</v>
      </c>
      <c r="CA125" s="6">
        <v>1465</v>
      </c>
      <c r="CB125" s="6">
        <v>1475</v>
      </c>
      <c r="CC125" s="11">
        <v>1455.5</v>
      </c>
      <c r="CD125" s="11">
        <v>-2219.86</v>
      </c>
      <c r="CE125" s="11">
        <v>-132.92500000000001</v>
      </c>
      <c r="CF125" s="11">
        <v>1577.83</v>
      </c>
      <c r="CG125" s="11">
        <v>1445</v>
      </c>
      <c r="CH125" s="20">
        <v>1.0161800000000001</v>
      </c>
      <c r="CI125" s="20">
        <v>1.1032500000000001</v>
      </c>
      <c r="CJ125" s="20">
        <v>1.1437600000000001</v>
      </c>
      <c r="CK125" s="20">
        <v>1.1943600000000001</v>
      </c>
      <c r="CL125" s="20">
        <v>1.2301899999999999</v>
      </c>
      <c r="CM125" s="20">
        <v>1.22367</v>
      </c>
      <c r="CN125" s="20">
        <v>1.2553799999999999</v>
      </c>
      <c r="CO125" s="20">
        <v>1.2484500000000001</v>
      </c>
      <c r="CP125" s="20">
        <v>1.28904</v>
      </c>
      <c r="CQ125" s="20">
        <v>1.34226</v>
      </c>
      <c r="CR125" s="20">
        <v>1.3413299999999999</v>
      </c>
      <c r="CS125" s="20">
        <v>1.3419000000000001</v>
      </c>
      <c r="CT125" s="20">
        <v>1.01983</v>
      </c>
      <c r="CU125" s="20">
        <v>1.0184899999999999</v>
      </c>
      <c r="CV125" s="20">
        <v>1.0088200000000001</v>
      </c>
      <c r="CW125" s="20">
        <v>1.00353</v>
      </c>
      <c r="CX125" s="20">
        <v>0.98780299999999999</v>
      </c>
      <c r="CY125" s="6"/>
      <c r="CZ125" s="6"/>
      <c r="DA125" s="6"/>
      <c r="DB125" s="6"/>
      <c r="DC125" s="6"/>
      <c r="DD125" s="6"/>
      <c r="DE125" s="6"/>
      <c r="DF125" s="6"/>
      <c r="DG125" s="6"/>
      <c r="DH125" s="6"/>
      <c r="DI125" s="6"/>
      <c r="DJ125" s="6"/>
      <c r="DK125" s="6"/>
      <c r="DL125" s="6"/>
      <c r="DM125" s="6"/>
      <c r="DN125" s="6"/>
      <c r="DO125" s="6"/>
    </row>
    <row r="126" spans="1:119" hidden="1" x14ac:dyDescent="0.2">
      <c r="A126" s="6" t="s">
        <v>327</v>
      </c>
      <c r="B126" s="6" t="s">
        <v>327</v>
      </c>
      <c r="C126" s="6" t="s">
        <v>194</v>
      </c>
      <c r="D126" s="6" t="s">
        <v>339</v>
      </c>
      <c r="E126" s="6" t="s">
        <v>333</v>
      </c>
      <c r="F126" s="11">
        <v>-1912</v>
      </c>
      <c r="G126" s="13">
        <v>-3.3797040991300001E-2</v>
      </c>
      <c r="H126" s="11">
        <v>1948.052539999997</v>
      </c>
      <c r="I126" s="13">
        <v>3.443419575284494E-2</v>
      </c>
      <c r="J126" s="11">
        <v>-733.25680999999895</v>
      </c>
      <c r="K126" s="13">
        <v>-1.2529753136058547E-2</v>
      </c>
      <c r="L126" s="11">
        <v>-3126.6156760000013</v>
      </c>
      <c r="M126" s="13">
        <v>-5.4104936476889139E-2</v>
      </c>
      <c r="N126" s="11">
        <v>-3859.8724860000002</v>
      </c>
      <c r="O126" s="13">
        <v>-6.5956768115450135E-2</v>
      </c>
      <c r="P126" s="7">
        <v>56573.197004000001</v>
      </c>
      <c r="Q126" s="7">
        <v>56763.375295999998</v>
      </c>
      <c r="R126" s="7">
        <v>57333.358693000002</v>
      </c>
      <c r="S126" s="7">
        <v>56975.868682</v>
      </c>
      <c r="T126" s="7">
        <v>57075.549720000003</v>
      </c>
      <c r="U126" s="7">
        <v>57697.479432</v>
      </c>
      <c r="V126" s="7">
        <v>58521.249543999998</v>
      </c>
      <c r="W126" s="7">
        <v>58496.714784000003</v>
      </c>
      <c r="X126" s="7">
        <v>58767.144258</v>
      </c>
      <c r="Y126" s="7">
        <v>57787.992733999999</v>
      </c>
      <c r="Z126" s="7">
        <v>56459.309364000001</v>
      </c>
      <c r="AA126" s="7">
        <v>55811.012992999997</v>
      </c>
      <c r="AB126" s="7">
        <v>55630.936091000003</v>
      </c>
      <c r="AC126" s="7">
        <v>55549.729441000003</v>
      </c>
      <c r="AD126" s="7">
        <v>55058.052283999998</v>
      </c>
      <c r="AE126" s="7">
        <v>54877.989200000004</v>
      </c>
      <c r="AF126" s="7">
        <v>54661.377057999998</v>
      </c>
      <c r="AG126" s="9">
        <v>14436.601830499996</v>
      </c>
      <c r="AH126" s="13">
        <v>0.474176249540397</v>
      </c>
      <c r="AI126" s="9">
        <v>8178.8055735000016</v>
      </c>
      <c r="AJ126" s="13">
        <v>0.26863630361882812</v>
      </c>
      <c r="AK126" s="9">
        <v>3860.3523204999947</v>
      </c>
      <c r="AL126" s="13">
        <v>9.9945817960359729E-2</v>
      </c>
      <c r="AM126" s="9">
        <v>2397.4439364999998</v>
      </c>
      <c r="AN126" s="13">
        <v>5.643062377394744E-2</v>
      </c>
      <c r="AO126" s="9">
        <v>6257.7962569999945</v>
      </c>
      <c r="AP126" s="13">
        <v>0.16201644658540768</v>
      </c>
      <c r="AQ126" s="9">
        <v>30445.645146700001</v>
      </c>
      <c r="AR126" s="9">
        <v>31484.9435902</v>
      </c>
      <c r="AS126" s="9">
        <v>32846.272077200003</v>
      </c>
      <c r="AT126" s="9">
        <v>34810.144674800002</v>
      </c>
      <c r="AU126" s="9">
        <v>35955.347090800002</v>
      </c>
      <c r="AV126" s="9">
        <v>37444.1403488</v>
      </c>
      <c r="AW126" s="9">
        <v>38624.450720200002</v>
      </c>
      <c r="AX126" s="9">
        <v>39942.339901899999</v>
      </c>
      <c r="AY126" s="9">
        <v>41187.934154100003</v>
      </c>
      <c r="AZ126" s="9">
        <v>42484.803040699997</v>
      </c>
      <c r="BA126" s="9">
        <v>42417.453292799997</v>
      </c>
      <c r="BB126" s="9">
        <v>42541.389596000001</v>
      </c>
      <c r="BC126" s="9">
        <v>43516.5202967</v>
      </c>
      <c r="BD126" s="9">
        <v>43323.766951099999</v>
      </c>
      <c r="BE126" s="9">
        <v>44350.704238500002</v>
      </c>
      <c r="BF126" s="9">
        <v>44882.246977199997</v>
      </c>
      <c r="BG126" s="11">
        <v>-48.5</v>
      </c>
      <c r="BH126" s="13">
        <v>-1.6846127127474818E-2</v>
      </c>
      <c r="BI126" s="6">
        <v>78</v>
      </c>
      <c r="BJ126" s="13">
        <v>2.7092740534907955E-2</v>
      </c>
      <c r="BK126" s="6">
        <v>19</v>
      </c>
      <c r="BL126" s="13">
        <v>6.4254311802502536E-3</v>
      </c>
      <c r="BM126" s="11">
        <v>-145.5</v>
      </c>
      <c r="BN126" s="13">
        <v>-4.8891129032258063E-2</v>
      </c>
      <c r="BO126" s="11">
        <v>-126.5</v>
      </c>
      <c r="BP126" s="13">
        <v>-4.2779844436929323E-2</v>
      </c>
      <c r="BQ126" s="6">
        <v>2879</v>
      </c>
      <c r="BR126" s="6">
        <v>2834</v>
      </c>
      <c r="BS126" s="6">
        <v>2870</v>
      </c>
      <c r="BT126" s="6">
        <v>2957</v>
      </c>
      <c r="BU126" s="6">
        <v>2939</v>
      </c>
      <c r="BV126" s="6">
        <v>2984</v>
      </c>
      <c r="BW126" s="6">
        <v>2976</v>
      </c>
      <c r="BX126" s="6">
        <v>2929</v>
      </c>
      <c r="BY126" s="6">
        <v>2883</v>
      </c>
      <c r="BZ126" s="6">
        <v>2876</v>
      </c>
      <c r="CA126" s="6">
        <v>2861</v>
      </c>
      <c r="CB126" s="6">
        <v>2854</v>
      </c>
      <c r="CC126" s="11">
        <v>2830.5</v>
      </c>
      <c r="CD126" s="11">
        <v>-4779.37</v>
      </c>
      <c r="CE126" s="11">
        <v>-3316.58</v>
      </c>
      <c r="CF126" s="11">
        <v>6184.13</v>
      </c>
      <c r="CG126" s="11">
        <v>2867</v>
      </c>
      <c r="CH126" s="20">
        <v>1.19899</v>
      </c>
      <c r="CI126" s="20">
        <v>1.1761600000000001</v>
      </c>
      <c r="CJ126" s="20">
        <v>1.18109</v>
      </c>
      <c r="CK126" s="20">
        <v>1.1733</v>
      </c>
      <c r="CL126" s="20">
        <v>1.1748000000000001</v>
      </c>
      <c r="CM126" s="20">
        <v>1.18557</v>
      </c>
      <c r="CN126" s="20">
        <v>1.2092799999999999</v>
      </c>
      <c r="CO126" s="20">
        <v>1.2119800000000001</v>
      </c>
      <c r="CP126" s="20">
        <v>1.20204</v>
      </c>
      <c r="CQ126" s="20">
        <v>1.18753</v>
      </c>
      <c r="CR126" s="20">
        <v>1.19635</v>
      </c>
      <c r="CS126" s="20">
        <v>1.2090799999999999</v>
      </c>
      <c r="CT126" s="20">
        <v>1.23864</v>
      </c>
      <c r="CU126" s="20">
        <v>1.2556700000000001</v>
      </c>
      <c r="CV126" s="20">
        <v>1.25573</v>
      </c>
      <c r="CW126" s="20">
        <v>1.2574099999999999</v>
      </c>
      <c r="CX126" s="20">
        <v>1.2459800000000001</v>
      </c>
      <c r="CY126" s="6"/>
      <c r="CZ126" s="6"/>
      <c r="DA126" s="6"/>
      <c r="DB126" s="6"/>
      <c r="DC126" s="6"/>
      <c r="DD126" s="6"/>
      <c r="DE126" s="6"/>
      <c r="DF126" s="6"/>
      <c r="DG126" s="6"/>
      <c r="DH126" s="6"/>
      <c r="DI126" s="6"/>
      <c r="DJ126" s="6"/>
      <c r="DK126" s="6"/>
      <c r="DL126" s="6"/>
      <c r="DM126" s="6"/>
      <c r="DN126" s="6"/>
      <c r="DO126" s="6"/>
    </row>
    <row r="127" spans="1:119" hidden="1" x14ac:dyDescent="0.2">
      <c r="A127" s="32" t="s">
        <v>791</v>
      </c>
      <c r="B127" s="32" t="s">
        <v>791</v>
      </c>
      <c r="C127" s="32" t="s">
        <v>329</v>
      </c>
      <c r="D127" s="4" t="s">
        <v>155</v>
      </c>
      <c r="E127" s="4" t="s">
        <v>156</v>
      </c>
      <c r="F127" s="1">
        <v>38937</v>
      </c>
      <c r="G127" s="2">
        <v>0.87494944047500001</v>
      </c>
      <c r="H127" s="1">
        <v>16850.310953</v>
      </c>
      <c r="I127" s="2">
        <v>0.3786447928041255</v>
      </c>
      <c r="J127" s="1">
        <v>8485.5778057999996</v>
      </c>
      <c r="K127" s="2">
        <v>0.13830984803175128</v>
      </c>
      <c r="L127" s="1">
        <v>13601.841033899997</v>
      </c>
      <c r="M127" s="2">
        <v>0.19476408995636035</v>
      </c>
      <c r="N127" s="1">
        <v>22087.418839699996</v>
      </c>
      <c r="O127" s="2">
        <v>0.36001172967201817</v>
      </c>
      <c r="P127" s="1">
        <v>44501.631273500003</v>
      </c>
      <c r="Q127" s="1">
        <v>44948.122353600003</v>
      </c>
      <c r="R127" s="1">
        <v>48151.976749100002</v>
      </c>
      <c r="S127" s="1">
        <v>54627.086032300002</v>
      </c>
      <c r="T127" s="1">
        <v>56234.631010199999</v>
      </c>
      <c r="U127" s="1">
        <v>59562.531188300003</v>
      </c>
      <c r="V127" s="1">
        <v>61351.942226500003</v>
      </c>
      <c r="W127" s="1">
        <v>65295.489860000001</v>
      </c>
      <c r="X127" s="1">
        <v>69093.946343999996</v>
      </c>
      <c r="Y127" s="1">
        <v>69837.520032300003</v>
      </c>
      <c r="Z127" s="1">
        <v>71939.875936600001</v>
      </c>
      <c r="AA127" s="1">
        <v>70245.137910799996</v>
      </c>
      <c r="AB127" s="1">
        <v>75589.022661900002</v>
      </c>
      <c r="AC127" s="1">
        <v>76955.781363899994</v>
      </c>
      <c r="AD127" s="1">
        <v>75946.750874499994</v>
      </c>
      <c r="AE127" s="1">
        <v>79823.946072399995</v>
      </c>
      <c r="AF127" s="1">
        <v>83439.361066199999</v>
      </c>
      <c r="AG127" s="1">
        <v>26598.628068899998</v>
      </c>
      <c r="AH127" s="2">
        <v>0.51361607658768182</v>
      </c>
      <c r="AI127" s="1">
        <v>13686.443921899998</v>
      </c>
      <c r="AJ127" s="2">
        <v>0.26428346647783757</v>
      </c>
      <c r="AK127" s="1">
        <v>4022.0157384999984</v>
      </c>
      <c r="AL127" s="2">
        <v>6.1429740322844532E-2</v>
      </c>
      <c r="AM127" s="1">
        <v>8890.1684085000015</v>
      </c>
      <c r="AN127" s="2">
        <v>0.1279244768953324</v>
      </c>
      <c r="AO127" s="1">
        <v>12912.184147</v>
      </c>
      <c r="AP127" s="2">
        <v>0.19721258461479294</v>
      </c>
      <c r="AQ127" s="3">
        <v>51786.985029000003</v>
      </c>
      <c r="AR127" s="3">
        <v>53187.1539261</v>
      </c>
      <c r="AS127" s="3">
        <v>55465.772454600003</v>
      </c>
      <c r="AT127" s="3">
        <v>57329.126628999999</v>
      </c>
      <c r="AU127" s="3">
        <v>59775.689081099998</v>
      </c>
      <c r="AV127" s="3">
        <v>61841.563191499998</v>
      </c>
      <c r="AW127" s="3">
        <v>65473.428950900001</v>
      </c>
      <c r="AX127" s="3">
        <v>67558.6165397</v>
      </c>
      <c r="AY127" s="3">
        <v>69239.168356599999</v>
      </c>
      <c r="AZ127" s="3">
        <v>69495.444689399999</v>
      </c>
      <c r="BA127" s="3">
        <v>68648.612821699993</v>
      </c>
      <c r="BB127" s="3">
        <v>72809.399804200002</v>
      </c>
      <c r="BC127" s="3">
        <v>73331.0331401</v>
      </c>
      <c r="BD127" s="3">
        <v>75417.106004100002</v>
      </c>
      <c r="BE127" s="3">
        <v>77632.319862499993</v>
      </c>
      <c r="BF127" s="3">
        <v>78385.613097900001</v>
      </c>
      <c r="BG127" s="1">
        <v>8072.1461799000008</v>
      </c>
      <c r="BH127" s="2">
        <v>0.95910252259381501</v>
      </c>
      <c r="BI127" s="1">
        <v>2474.2727697000009</v>
      </c>
      <c r="BJ127" s="2">
        <v>0.29398392969066062</v>
      </c>
      <c r="BK127" s="1">
        <v>1459.4925698000006</v>
      </c>
      <c r="BL127" s="2">
        <v>0.13401364538262103</v>
      </c>
      <c r="BM127" s="1">
        <v>4138.3808403999992</v>
      </c>
      <c r="BN127" s="2">
        <v>0.33508833290755347</v>
      </c>
      <c r="BO127" s="1">
        <v>5597.8734101999999</v>
      </c>
      <c r="BP127" s="2">
        <v>0.51400838730830101</v>
      </c>
      <c r="BQ127" s="1">
        <v>8416.3538200999992</v>
      </c>
      <c r="BR127" s="1">
        <v>9094.6111329699997</v>
      </c>
      <c r="BS127" s="1">
        <v>9818.5453800600008</v>
      </c>
      <c r="BT127" s="1">
        <v>10890.6265898</v>
      </c>
      <c r="BU127" s="1">
        <v>11638.330027399999</v>
      </c>
      <c r="BV127" s="1">
        <v>11755.097917700001</v>
      </c>
      <c r="BW127" s="1">
        <v>12350.119159600001</v>
      </c>
      <c r="BX127" s="1">
        <v>12864</v>
      </c>
      <c r="BY127" s="1">
        <v>13650</v>
      </c>
      <c r="BZ127" s="1">
        <v>14303</v>
      </c>
      <c r="CA127" s="1">
        <v>15097</v>
      </c>
      <c r="CB127" s="1">
        <v>16139</v>
      </c>
      <c r="CC127" s="1">
        <v>16488.5</v>
      </c>
      <c r="CD127" s="1">
        <v>34073.199999999997</v>
      </c>
      <c r="CE127" s="27">
        <v>0</v>
      </c>
      <c r="CF127" s="27">
        <v>4864.5600000000004</v>
      </c>
      <c r="CG127" s="27">
        <v>4865</v>
      </c>
      <c r="CH127" s="27"/>
      <c r="CI127" s="27"/>
      <c r="CJ127" s="27"/>
      <c r="CK127" s="27"/>
      <c r="CL127" s="27"/>
      <c r="CM127" s="27"/>
      <c r="CN127" s="27"/>
      <c r="CO127" s="27"/>
      <c r="CP127" s="27"/>
      <c r="CQ127" s="27"/>
      <c r="CR127" s="27"/>
      <c r="CS127" s="27"/>
      <c r="CT127" s="27"/>
      <c r="CU127" s="27"/>
      <c r="CV127" s="27"/>
      <c r="CW127" s="27"/>
      <c r="CX127" s="27"/>
      <c r="CY127" s="23"/>
      <c r="CZ127" s="23"/>
      <c r="DA127" s="24"/>
      <c r="DB127" s="25"/>
      <c r="DC127" s="25"/>
      <c r="DD127" s="25"/>
      <c r="DE127" s="25"/>
      <c r="DF127" s="25"/>
      <c r="DG127" s="25"/>
      <c r="DH127" s="25"/>
      <c r="DI127" s="25"/>
      <c r="DJ127" s="25"/>
      <c r="DK127" s="25"/>
      <c r="DL127" s="25"/>
      <c r="DM127" s="25"/>
      <c r="DN127" s="25"/>
    </row>
  </sheetData>
  <autoFilter ref="A1:DO127">
    <filterColumn colId="2">
      <filters>
        <filter val="Manufacturing"/>
      </filters>
    </filterColumn>
  </autoFilter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s q m i d = " 3 3 5 3 2 9 3 9 - b a 4 0 - 4 5 6 4 - 9 9 5 d - 7 b 0 f 9 1 1 6 d 4 9 7 "   x m l n s = " h t t p : / / s c h e m a s . m i c r o s o f t . c o m / D a t a M a s h u p " > A A A A A O I H A A B Q S w M E F A A C A A g A 4 E H S S n m R y T e m A A A A + A A A A B I A H A B D b 2 5 m a W c v U G F j a 2 F n Z S 5 4 b W w g o h g A K K A U A A A A A A A A A A A A A A A A A A A A A A A A A A A A h Y 8 x D o I w G E a v Q r r T l k L E k J 8 y u E p i Q j S u p F R o h G J o s d z N w S N 5 B U k U d X P 8 X t 7 w v s f t D t n U t d 5 V D k b 1 O k U B p s i T W v S V 0 n W K R n v y 1 y j j s C v F u a y l N 8 v a J J O p U t R Y e 0 k I c c 5 h F + J + q A m j N C D H f F u I R n Y l + s j q v + w r b W y p h U Q c D q 8 Y z n C 0 w l E c M h y z A M i C I V f 6 q 7 C 5 G F M g P x A 2 Y 2 v H Q X K p / X 0 B Z J l A 3 i / 4 E 1 B L A w Q U A A I A C A D g Q d J K D 8 r p q 6 Q A A A D p A A A A E w A c A F t D b 2 5 0 Z W 5 0 X 1 R 5 c G V z X S 5 4 b W w g o h g A K K A U A A A A A A A A A A A A A A A A A A A A A A A A A A A A b Y 5 L D s I w D E S v E n m f u r B A C D V l A d y A C 0 T B / Y j m o 8 Z F 4 W w s O B J X I G 1 3 i K V n 5 n n m 8 3 p X x 2 Q H 8 a A x 9 t 4 p 2 B Q l C H L G 3 3 r X K p i 4 k X s 4 1 t X 1 G S i K H H V R Q c c c D o j R d G R 1 L H w g l 5 3 G j 1 Z z P s c W g z Z 3 3 R J u y 3 K H x j s m x 5 L n H 1 B X Z 2 r 0 N L C 4 p C y v t R k H c V p z c 5 U C p s S 4 y P i X s D 9 5 H c L Q G 8 3 Z x C R t l H Y h c R l e f w F Q S w M E F A A C A A g A 4 E H S S o l i o 4 P a B A A A O x o A A B M A H A B G b 3 J t d W x h c y 9 T Z W N 0 a W 9 u M S 5 t I K I Y A C i g F A A A A A A A A A A A A A A A A A A A A A A A A A A A A M 1 Y X W / i O B R 9 r 9 T / Y L E a b a s N C A c C Z U d 9 6 A C d Z X d o u w P V a l U q l A a X R p P E y H F m Q F X / + 9 o J J c 6 H w 4 2 0 W i 0 v p T 7 n f v h c 3 8 T c k D j c p Q G a J X / x x 9 O T 0 5 P w x W Z k h X 5 q D G k U 8 N 2 Q r k i I z s z z B r p E H u G n J 0 h 8 Z j R i D h E r 4 6 1 D v N Z f l H 1 7 o v T b 2 b X r k d a Q B p w E P D x r D H 9 d 3 I e E h Q s n Y m z n b x Y j 6 k S + x B Y j m 9 u L s U M D 6 u 8 W 4 + l s s p j e o i Q k k v 8 i c + W u X Y 7 M d h s 3 z T b u t 7 Z e u G 2 c G y i I P M 9 A n E X k 3 E i y K e S 6 n L 0 Q w m X G S a K v D x N O / M v C l o w / 3 G B 1 2 U j Y j 2 8 P M q n H g 9 M 7 R n 3 K h R a / E X s l d i H 9 z e 0 n s c M 9 s l 8 / 0 8 U 3 0 M O e e e V 5 M 8 f 2 b B Z e y s Q f l c x f 7 G A t Y s x 3 G 5 I G m D M 7 C J 8 p 8 4 f U i / x A g j J M I S P j 9 b X x e T J D v 1 M 3 Q F O b O y 9 I J i E i c 2 G C O N n y N w O 9 7 v N D N 7 Z f g t 3 M / 7 6 e 3 M 0 K w I w z 9 x s R W T g l R p 9 m V 8 t 9 q E n A e 9 2 W z D G B 9 I g 0 m r v c K / q b E s 7 o h n o u L 4 Y S 5 4 X Z 3 v I 2 K l q 5 D q O x a d F K G 0 r u d T n j N i / J M M Z i s Y r Y / W S 4 F A e x o 0 d G x W B f 7 4 c 6 q w M 0 K i m X r D q + e A f s Y K e u D 9 T 1 t / P T E z c o P U 5 q P 8 u j j f + / L R y n l 7 R N o W t j 7 N / q V S X Q f 9 O e 8 u F K W b H 8 I x I 6 z N 3 I B 2 / p E S 0 s l j a v 1 B Y 1 k V Q X J b k W I 6 m c D y k r d h R E / h N h W V q 7 D y P l f b 2 f 0 h i M 4 7 U r H R 1 I e k c C z G + u 6 C g l H c + o e m t 9 g C M s H r Z P Y b m 9 W Y F 1 K r B u B W Z V Y L 0 K r F + B X V R g A z 0 m h N Z j F b r g C l 1 w h S 6 4 Q h d c o Q u u 0 A V X 6 b J v k x 7 g / A t S 5 S H J N N I S A 1 t p a R 5 v p m U H 2 E 7 L r r 6 h K r e Y k o 4 3 V L V W f Z B W c 8 p t D 4 1 t F r j B W t t a E F Y H x O q C W B a I 1 Q O x + i D W B Y g 1 g L B E C S E s k P Y Y p D 0 G a Y 9 B 2 m O Q 9 h i m f a 6 p l 5 a 2 X 5 V z u u w B u r p f x T l 4 K t z i S l p 6 U M U 5 e M L t E l o X 3 d k 7 R j 1 P 3 D s + R a E b k D B E X 6 h j y 5 t F W H o b s O q b 9 O q b 9 O u b X N Q 3 G d Q 2 E Y r W N s H 1 T c z 6 J p 3 6 J v W r j + t X H x + t f r 7 t h t T f E O 5 y 9 z t B 4 + d n c Q U u I U 2 C V Q t N 3 a 2 e c W P z n z 3 0 m d E f / E X P G m 8 3 A h C p 6 S 7 A U 9 s T v 8 s / I P q M v p K 1 c u F W n F w T H 8 C 6 W h O E u 8 3 0 l 1 k e G z T N s n e 9 x E y z a X Z 1 m N X s 6 L C O 1 e z q s K 7 V t H S Y Z T V 7 O q x n / V K 1 O 4 g K c q c A X r x r C E 8 q A O D F a g B 4 s T I A X q w S g C c U O 8 K K T 5 n + Z J X 5 / b 5 u H V 5 e 6 I 4 w e T X V v c T e 2 w 3 9 G V H u k q C s E + J 7 E p D Y g R K 7 U K I F J f a g x D 6 U e A E l D o B E 8 Z I A E q G V w d D K Y G h l M L Q y G F o Z D K 0 M P l 4 Z 4 F x q S t i a l A + m k l n L D Q n F s 1 0 O O J P Z j b E f j 7 w Z x R G 1 o U w z 3 4 z G D f m R D G g a h r S X A 6 T W F / L M b y N O W D r j E e 8 P O 1 i J X F L + I X q C x d 8 T 6 C x J z 0 C q d 6 S b w u Y G r + q s N T d e z U x U 1 R l q d m q a H Z R m Z 6 P Z c W h m A p o d e m b H n O p g M z v K z E w v s / N K d U S Z j i W T l / a 7 L i 2 N J i k h p 4 4 C K D q l q z n F F L q q n b J c v p r R M 1 3 P K q v w M x o r / I z a 2 a g l 7 r M V y K 0 f a p G u q 1 U p r o 5 y X j K V K l k e 5 Y V P q 1 d Y F X X M 9 G 5 J f 3 z 8 B 1 B L A Q I t A B Q A A g A I A O B B 0 k p 5 k c k 3 p g A A A P g A A A A S A A A A A A A A A A A A A A A A A A A A A A B D b 2 5 m a W c v U G F j a 2 F n Z S 5 4 b W x Q S w E C L Q A U A A I A C A D g Q d J K D 8 r p q 6 Q A A A D p A A A A E w A A A A A A A A A A A A A A A A D y A A A A W 0 N v b n R l b n R f V H l w Z X N d L n h t b F B L A Q I t A B Q A A g A I A O B B 0 k q J Y q O D 2 g Q A A D s a A A A T A A A A A A A A A A A A A A A A A O M B A A B G b 3 J t d W x h c y 9 T Z W N 0 a W 9 u M S 5 t U E s F B g A A A A A D A A M A w g A A A A o H A A A A A B A B A A D v u 7 8 8 P 3 h t b C B 2 Z X J z a W 9 u P S I x L j A i I G V u Y 2 9 k a W 5 n P S J 1 d G Y t O C I / P j x Q Z X J t a X N z a W 9 u T G l z d C B 4 b W x u c z p 4 c 2 Q 9 I m h 0 d H A 6 L y 9 3 d 3 c u d z M u b 3 J n L z I w M D E v W E 1 M U 2 N o Z W 1 h I i B 4 b W x u c z p 4 c 2 k 9 I m h 0 d H A 6 L y 9 3 d 3 c u d z M u b 3 J n L z I w M D E v W E 1 M U 2 N o Z W 1 h L W l u c 3 R h b m N l I j 4 8 Q 2 F u R X Z h b H V h d G V G d X R 1 c m V Q Y W N r Y W d l c z 5 m Y W x z Z T w v Q 2 F u R X Z h b H V h d G V G d X R 1 c m V Q Y W N r Y W d l c z 4 8 R m l y Z X d h b G x F b m F i b G V k P n R y d W U 8 L 0 Z p c m V 3 Y W x s R W 5 h Y m x l Z D 4 8 L 1 B l c m 1 p c 3 N p b 2 5 M a X N 0 P n 3 E A A A A A A A A W 8 Q A A O + 7 v z w / e G 1 s I H Z l c n N p b 2 4 9 I j E u M C I g Z W 5 j b 2 R p b m c 9 I n V 0 Z i 0 4 I j 8 + P E x v Y 2 F s U G F j a 2 F n Z U 1 l d G F k Y X R h R m l s Z S B 4 b W x u c z p 4 c 2 Q 9 I m h 0 d H A 6 L y 9 3 d 3 c u d z M u b 3 J n L z I w M D E v W E 1 M U 2 N o Z W 1 h I i B 4 b W x u c z p 4 c 2 k 9 I m h 0 d H A 6 L y 9 3 d 3 c u d z M u b 3 J n L z I w M D E v W E 1 M U 2 N o Z W 1 h L W l u c 3 R h b m N l I j 4 8 S X R l b X M + P E l 0 Z W 0 + P E l 0 Z W 1 M b 2 N h d G l v b j 4 8 S X R l b V R 5 c G U + Q W x s R m 9 y b X V s Y X M 8 L 0 l 0 Z W 1 U e X B l P j x J d G V t U G F 0 a C A v P j w v S X R l b U x v Y 2 F 0 a W 9 u P j x T d G F i b G V F b n R y a W V z P j x F b n R y e S B U e X B l P S J S Z W x h d G l v b n N o a X B z I i B W Y W x 1 Z T 0 i c 0 F B Q U F B Q T 0 9 I i A v P j w v U 3 R h Y m x l R W 5 0 c m l l c z 4 8 L 0 l 0 Z W 0 + P E l 0 Z W 0 + P E l 0 Z W 1 M b 2 N h d G l v b j 4 8 S X R l b V R 5 c G U + R m 9 y b X V s Y T w v S X R l b V R 5 c G U + P E l 0 Z W 1 Q Y X R o P l N l Y 3 R p b 2 4 x L 0 N v d W 5 0 e U N v Z G V z J T I w K D I p P C 9 J d G V t U G F 0 a D 4 8 L 0 l 0 Z W 1 M b 2 N h d G l v b j 4 8 U 3 R h Y m x l R W 5 0 c m l l c z 4 8 R W 5 0 c n k g V H l w Z T 0 i S X N Q c m l 2 Y X R l I i B W Y W x 1 Z T 0 i b D A i I C 8 + P E V u d H J 5 I F R 5 c G U 9 I k 5 h b W V V c G R h d G V k Q W Z 0 Z X J G a W x s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E i I C 8 + P E V u d H J 5 I F R 5 c G U 9 I l J l c 3 V s d F R 5 c G U i I F Z h b H V l P S J z V G F i b G U i I C 8 + P E V u d H J 5 I F R 5 c G U 9 I k J 1 Z m Z l c k 5 l e H R S Z W Z y Z X N o I i B W Y W x 1 Z T 0 i b D E i I C 8 + P E V u d H J 5 I F R 5 c G U 9 I l J l b G F 0 a W 9 u c 2 h p c E l u Z m 9 D b 2 5 0 Y W l u Z X I i I F Z h b H V l P S J z e y Z x d W 9 0 O 2 N v b H V t b k N v d W 5 0 J n F 1 b 3 Q 7 O j E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D b 3 V u d H l D b 2 R l c y A o M i k v Q 2 h h b m d l Z C B U e X B l L n t H S V M g S m 9 p b i B N Y X R j a C B D b 2 R l L D B 9 J n F 1 b 3 Q 7 L C Z x d W 9 0 O 1 N l Y 3 R p b 2 4 x L 0 N v d W 5 0 e U N v Z G V z I C g y K S 9 D a G F u Z 2 V k I F R 5 c G U u e 0 N v d W 5 0 e S B O Y W 1 l L D F 9 J n F 1 b 3 Q 7 L C Z x d W 9 0 O 1 N l Y 3 R p b 2 4 x L 0 N v d W 5 0 e U N v Z G V z I C g y K S 9 D a G F u Z 2 V k I F R 5 c G U u e 0 N O V F l G S V B T L D J 9 J n F 1 b 3 Q 7 L C Z x d W 9 0 O 1 N l Y 3 R p b 2 4 x L 0 N v d W 5 0 e U N v Z G V z I C g y K S 9 D a G F u Z 2 V k I F R 5 c G U u e 1 N 0 c m l r Z W Z v c m N l L D N 9 J n F 1 b 3 Q 7 L C Z x d W 9 0 O 1 N l Y 3 R p b 2 4 x L 0 N v d W 5 0 e U N v Z G V z I C g y K S 9 D a G F u Z 2 V k I F R 5 c G U u e 0 N C U 0 F f Q 2 9 k Z S w 0 f S Z x d W 9 0 O y w m c X V v d D t T Z W N 0 a W 9 u M S 9 D b 3 V u d H l D b 2 R l c y A o M i k v Q 2 h h b m d l Z C B U e X B l L n t D U 0 F f Q 2 9 k Z S w 1 f S Z x d W 9 0 O y w m c X V v d D t T Z W N 0 a W 9 u M S 9 D b 3 V u d H l D b 2 R l c y A o M i k v Q 2 h h b m d l Z C B U e X B l L n t D Q l N B X 1 R p d G x l L D Z 9 J n F 1 b 3 Q 7 L C Z x d W 9 0 O 1 N l Y 3 R p b 2 4 x L 0 N v d W 5 0 e U N v Z G V z I C g y K S 9 D a G F u Z 2 V k I F R 5 c G U u e 0 1 l d H J v c G 9 s a X Q s N 3 0 m c X V v d D s s J n F 1 b 3 Q 7 U 2 V j d G l v b j E v Q 2 9 1 b n R 5 Q 2 9 k Z X M g K D I p L 0 N o Y W 5 n Z W Q g V H l w Z S 5 7 Q 2 V u d H J h b F 9 P d S w 4 f S Z x d W 9 0 O y w m c X V v d D t T Z W N 0 a W 9 u M S 9 D b 3 V u d H l D b 2 R l c y A o M i k v Q 2 h h b m d l Z C B U e X B l L n t N a W N y b 0 1 l d H J v L D l 9 J n F 1 b 3 Q 7 L C Z x d W 9 0 O 1 N l Y 3 R p b 2 4 x L 0 N v d W 5 0 e U N v Z G V z I C g y K S 9 D a G F u Z 2 V k I F R 5 c G U u e 0 N T Q V 9 U a X R s Z S w x M H 0 m c X V v d D s s J n F 1 b 3 Q 7 U 2 V j d G l v b j E v Q 2 9 1 b n R 5 Q 2 9 k Z X M g K D I p L 0 N o Y W 5 n Z W Q g V H l w Z S 5 7 R k l Q U 1 9 T d G F 0 Z S w x M X 0 m c X V v d D s s J n F 1 b 3 Q 7 U 2 V j d G l v b j E v Q 2 9 1 b n R 5 Q 2 9 k Z X M g K D I p L 0 N o Y W 5 n Z W Q g V H l w Z S 5 7 R k l Q U 1 9 D b 3 V u d C w x M n 0 m c X V v d D s s J n F 1 b 3 Q 7 U 2 V j d G l v b j E v Q 2 9 1 b n R 5 Q 2 9 k Z X M g K D I p L 0 N o Y W 5 n Z W Q g V H l w Z S 5 7 V U l D X z I w M T M s M T N 9 J n F 1 b 3 Q 7 L C Z x d W 9 0 O 1 N l Y 3 R p b 2 4 x L 0 N v d W 5 0 e U N v Z G V z I C g y K S 9 D a G F u Z 2 V k I F R 5 c G U u e 1 V J Q 1 8 y M D E z R G U s M T R 9 J n F 1 b 3 Q 7 L C Z x d W 9 0 O 1 N l Y 3 R p b 2 4 x L 0 N v d W 5 0 e U N v Z G V z I C g y K S 9 D a G F u Z 2 V k I F R 5 c G U u e 1 J V Q 0 N f M j A x M y w x N X 0 m c X V v d D s s J n F 1 b 3 Q 7 U 2 V j d G l v b j E v Q 2 9 1 b n R 5 Q 2 9 k Z X M g K D I p L 0 N o Y W 5 n Z W Q g V H l w Z S 5 7 U l V D Q 1 8 y M D E z R C w x N n 0 m c X V v d D s s J n F 1 b 3 Q 7 U 2 V j d G l v b j E v Q 2 9 1 b n R 5 Q 2 9 k Z X M g K D I p L 0 N o Y W 5 n Z W Q g V H l w Z S 5 7 Q 2 9 s d W 1 u M T g s M T d 9 J n F 1 b 3 Q 7 L C Z x d W 9 0 O 1 N l Y 3 R p b 2 4 x L 0 N v d W 5 0 e U N v Z G V z I C g y K S 9 D a G F u Z 2 V k I F R 5 c G U u e 0 N v b H V t b j E 5 L D E 4 f S Z x d W 9 0 O 1 0 s J n F 1 b 3 Q 7 Q 2 9 s d W 1 u Q 2 9 1 b n Q m c X V v d D s 6 M T k s J n F 1 b 3 Q 7 S 2 V 5 Q 2 9 s d W 1 u T m F t Z X M m c X V v d D s 6 W 1 0 s J n F 1 b 3 Q 7 Q 2 9 s d W 1 u S W R l b n R p d G l l c y Z x d W 9 0 O z p b J n F 1 b 3 Q 7 U 2 V j d G l v b j E v Q 2 9 1 b n R 5 Q 2 9 k Z X M g K D I p L 0 N o Y W 5 n Z W Q g V H l w Z S 5 7 R 0 l T I E p v a W 4 g T W F 0 Y 2 g g Q 2 9 k Z S w w f S Z x d W 9 0 O y w m c X V v d D t T Z W N 0 a W 9 u M S 9 D b 3 V u d H l D b 2 R l c y A o M i k v Q 2 h h b m d l Z C B U e X B l L n t D b 3 V u d H k g T m F t Z S w x f S Z x d W 9 0 O y w m c X V v d D t T Z W N 0 a W 9 u M S 9 D b 3 V u d H l D b 2 R l c y A o M i k v Q 2 h h b m d l Z C B U e X B l L n t D T l R Z R k l Q U y w y f S Z x d W 9 0 O y w m c X V v d D t T Z W N 0 a W 9 u M S 9 D b 3 V u d H l D b 2 R l c y A o M i k v Q 2 h h b m d l Z C B U e X B l L n t T d H J p a 2 V m b 3 J j Z S w z f S Z x d W 9 0 O y w m c X V v d D t T Z W N 0 a W 9 u M S 9 D b 3 V u d H l D b 2 R l c y A o M i k v Q 2 h h b m d l Z C B U e X B l L n t D Q l N B X 0 N v Z G U s N H 0 m c X V v d D s s J n F 1 b 3 Q 7 U 2 V j d G l v b j E v Q 2 9 1 b n R 5 Q 2 9 k Z X M g K D I p L 0 N o Y W 5 n Z W Q g V H l w Z S 5 7 Q 1 N B X 0 N v Z G U s N X 0 m c X V v d D s s J n F 1 b 3 Q 7 U 2 V j d G l v b j E v Q 2 9 1 b n R 5 Q 2 9 k Z X M g K D I p L 0 N o Y W 5 n Z W Q g V H l w Z S 5 7 Q 0 J T Q V 9 U a X R s Z S w 2 f S Z x d W 9 0 O y w m c X V v d D t T Z W N 0 a W 9 u M S 9 D b 3 V u d H l D b 2 R l c y A o M i k v Q 2 h h b m d l Z C B U e X B l L n t N Z X R y b 3 B v b G l 0 L D d 9 J n F 1 b 3 Q 7 L C Z x d W 9 0 O 1 N l Y 3 R p b 2 4 x L 0 N v d W 5 0 e U N v Z G V z I C g y K S 9 D a G F u Z 2 V k I F R 5 c G U u e 0 N l b n R y Y W x f T 3 U s O H 0 m c X V v d D s s J n F 1 b 3 Q 7 U 2 V j d G l v b j E v Q 2 9 1 b n R 5 Q 2 9 k Z X M g K D I p L 0 N o Y W 5 n Z W Q g V H l w Z S 5 7 T W l j c m 9 N Z X R y b y w 5 f S Z x d W 9 0 O y w m c X V v d D t T Z W N 0 a W 9 u M S 9 D b 3 V u d H l D b 2 R l c y A o M i k v Q 2 h h b m d l Z C B U e X B l L n t D U 0 F f V G l 0 b G U s M T B 9 J n F 1 b 3 Q 7 L C Z x d W 9 0 O 1 N l Y 3 R p b 2 4 x L 0 N v d W 5 0 e U N v Z G V z I C g y K S 9 D a G F u Z 2 V k I F R 5 c G U u e 0 Z J U F N f U 3 R h d G U s M T F 9 J n F 1 b 3 Q 7 L C Z x d W 9 0 O 1 N l Y 3 R p b 2 4 x L 0 N v d W 5 0 e U N v Z G V z I C g y K S 9 D a G F u Z 2 V k I F R 5 c G U u e 0 Z J U F N f Q 2 9 1 b n Q s M T J 9 J n F 1 b 3 Q 7 L C Z x d W 9 0 O 1 N l Y 3 R p b 2 4 x L 0 N v d W 5 0 e U N v Z G V z I C g y K S 9 D a G F u Z 2 V k I F R 5 c G U u e 1 V J Q 1 8 y M D E z L D E z f S Z x d W 9 0 O y w m c X V v d D t T Z W N 0 a W 9 u M S 9 D b 3 V u d H l D b 2 R l c y A o M i k v Q 2 h h b m d l Z C B U e X B l L n t V S U N f M j A x M 0 R l L D E 0 f S Z x d W 9 0 O y w m c X V v d D t T Z W N 0 a W 9 u M S 9 D b 3 V u d H l D b 2 R l c y A o M i k v Q 2 h h b m d l Z C B U e X B l L n t S V U N D X z I w M T M s M T V 9 J n F 1 b 3 Q 7 L C Z x d W 9 0 O 1 N l Y 3 R p b 2 4 x L 0 N v d W 5 0 e U N v Z G V z I C g y K S 9 D a G F u Z 2 V k I F R 5 c G U u e 1 J V Q 0 N f M j A x M 0 Q s M T Z 9 J n F 1 b 3 Q 7 L C Z x d W 9 0 O 1 N l Y 3 R p b 2 4 x L 0 N v d W 5 0 e U N v Z G V z I C g y K S 9 D a G F u Z 2 V k I F R 5 c G U u e 0 N v b H V t b j E 4 L D E 3 f S Z x d W 9 0 O y w m c X V v d D t T Z W N 0 a W 9 u M S 9 D b 3 V u d H l D b 2 R l c y A o M i k v Q 2 h h b m d l Z C B U e X B l L n t D b 2 x 1 b W 4 x O S w x O H 0 m c X V v d D t d L C Z x d W 9 0 O 1 J l b G F 0 a W 9 u c 2 h p c E l u Z m 8 m c X V v d D s 6 W 1 1 9 I i A v P j x F b n R y e S B U e X B l P S J G a W x s T G F z d F V w Z G F 0 Z W Q i I F Z h b H V l P S J k M j A x N y 0 w N i 0 x N l Q x N j o y O T o y N C 4 4 M z Y 0 M T g 0 W i I g L z 4 8 R W 5 0 c n k g V H l w Z T 0 i R m l s b E V y c m 9 y Q 2 9 k Z S I g V m F s d W U 9 I n N V b m t u b 3 d u I i A v P j x F b n R y e S B U e X B l P S J G a W x s Q 2 9 s d W 1 u T m F t Z X M i I F Z h b H V l P S J z W y Z x d W 9 0 O 0 d J U y B K b 2 l u I E 1 h d G N o I E N v Z G U m c X V v d D s s J n F 1 b 3 Q 7 Q 2 9 1 b n R 5 I E 5 h b W U m c X V v d D s s J n F 1 b 3 Q 7 Q 0 5 U W U Z J U F M m c X V v d D s s J n F 1 b 3 Q 7 U 3 R y a W t l Z m 9 y Y 2 U m c X V v d D s s J n F 1 b 3 Q 7 Q 0 J T Q V 9 D b 2 R l J n F 1 b 3 Q 7 L C Z x d W 9 0 O 0 N T Q V 9 D b 2 R l J n F 1 b 3 Q 7 L C Z x d W 9 0 O 0 N C U 0 F f V G l 0 b G U m c X V v d D s s J n F 1 b 3 Q 7 T W V 0 c m 9 w b 2 x p d C Z x d W 9 0 O y w m c X V v d D t D Z W 5 0 c m F s X 0 9 1 J n F 1 b 3 Q 7 L C Z x d W 9 0 O 0 1 p Y 3 J v T W V 0 c m 8 m c X V v d D s s J n F 1 b 3 Q 7 Q 1 N B X 1 R p d G x l J n F 1 b 3 Q 7 L C Z x d W 9 0 O 0 Z J U F N f U 3 R h d G U m c X V v d D s s J n F 1 b 3 Q 7 R k l Q U 1 9 D b 3 V u d C Z x d W 9 0 O y w m c X V v d D t V S U N f M j A x M y Z x d W 9 0 O y w m c X V v d D t V S U N f M j A x M 0 R l J n F 1 b 3 Q 7 L C Z x d W 9 0 O 1 J V Q 0 N f M j A x M y Z x d W 9 0 O y w m c X V v d D t S V U N D X z I w M T N E J n F 1 b 3 Q 7 L C Z x d W 9 0 O 0 N v b H V t b j E 4 J n F 1 b 3 Q 7 L C Z x d W 9 0 O 0 N v b H V t b j E 5 J n F 1 b 3 Q 7 X S I g L z 4 8 R W 5 0 c n k g V H l w Z T 0 i R m l s b E N v b H V t b l R 5 c G V z I i B W Y W x 1 Z T 0 i c 0 J n W U d C Z 0 1 E Q m d Z R 0 J n W U R B d 0 1 H Q X d Z Q U F B P T 0 i I C 8 + P E V u d H J 5 I F R 5 c G U 9 I k Z p b G x F c n J v c k N v d W 5 0 I i B W Y W x 1 Z T 0 i b D A i I C 8 + P E V u d H J 5 I F R 5 c G U 9 I k Z p b G x D b 3 V u d C I g V m F s d W U 9 I m w x M T U i I C 8 + P E V u d H J 5 I F R 5 c G U 9 I k Z p b G x T d G F 0 d X M i I F Z h b H V l P S J z Q 2 9 t c G x l d G U i I C 8 + P E V u d H J 5 I F R 5 c G U 9 I k Z p b G x l Z E N v b X B s Z X R l U m V z d W x 0 V G 9 X b 3 J r c 2 h l Z X Q i I F Z h b H V l P S J s M C I g L z 4 8 R W 5 0 c n k g V H l w Z T 0 i Q W R k Z W R U b 0 R h d G F N b 2 R l b C I g V m F s d W U 9 I m w x I i A v P j x F b n R y e S B U e X B l P S J R d W V y e U l E I i B W Y W x 1 Z T 0 i c 2 M z N D V k N T Z l L T U 0 N j c t N D l i Y y 1 i O D U 2 L W Y y Y T J j N 2 M 3 N G E z Z C I g L z 4 8 L 1 N 0 Y W J s Z U V u d H J p Z X M + P C 9 J d G V t P j x J d G V t P j x J d G V t T G 9 j Y X R p b 2 4 + P E l 0 Z W 1 U e X B l P k Z v c m 1 1 b G E 8 L 0 l 0 Z W 1 U e X B l P j x J d G V t U G F 0 a D 5 T Z W N 0 a W 9 u M S 9 D b 3 V u d H l D b 2 R l c y U y M C g y K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b 3 V u d H l D b 2 R l c y U y M C g y K S 9 D b 3 V u d H l D b 2 R l c y U y M C g y K V 9 T a G V l d D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v d W 5 0 e U N v Z G V z J T I w K D I p L 1 B y b 2 1 v d G V k J T I w S G V h Z G V y c z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v d W 5 0 e U N v Z G V z J T I w K D I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R G F 0 Y T E 8 L 0 l 0 Z W 1 Q Y X R o P j w v S X R l b U x v Y 2 F 0 a W 9 u P j x T d G F i b G V F b n R y a W V z P j x F b n R y e S B U e X B l P S J J c 1 B y a X Z h d G U i I F Z h b H V l P S J s M C I g L z 4 8 R W 5 0 c n k g V H l w Z T 0 i T m F t Z V V w Z G F 0 Z W R B Z n R l c k Z p b G w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S I g L z 4 8 R W 5 0 c n k g V H l w Z T 0 i U m V z d W x 0 V H l w Z S I g V m F s d W U 9 I n N U Y W J s Z S I g L z 4 8 R W 5 0 c n k g V H l w Z T 0 i Q n V m Z m V y T m V 4 d F J l Z n J l c 2 g i I F Z h b H V l P S J s M S I g L z 4 8 R W 5 0 c n k g V H l w Z T 0 i U m V s Y X R p b 2 5 z a G l w S W 5 m b 0 N v b n R h a W 5 l c i I g V m F s d W U 9 I n N 7 J n F 1 b 3 Q 7 Y 2 9 s d W 1 u Q 2 9 1 b n Q m c X V v d D s 6 M T E 4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E Y X R h M S 9 D a G F u Z 2 V k I F R 5 c G U u e 1 N l Y 3 R v c i w w f S Z x d W 9 0 O y w m c X V v d D t T Z W N 0 a W 9 u M S 9 E Y X R h M S 9 D a G F u Z 2 V k I F R 5 c G U u e 0 R l c 2 N y a X B 0 a W 9 u L D F 9 J n F 1 b 3 Q 7 L C Z x d W 9 0 O 1 N l Y 3 R p b 2 4 x L 0 R h d G E x L 0 N o Y W 5 n Z W Q g V H l w Z S 5 7 R k l Q U y w y f S Z x d W 9 0 O y w m c X V v d D t T Z W N 0 a W 9 u M S 9 E Y X R h M S 9 D a G F u Z 2 V k I F R 5 c G U u e 0 5 h b W U s M 3 0 m c X V v d D s s J n F 1 b 3 Q 7 U 2 V j d G l v b j E v R G F 0 Y T E v Q 2 h h b m d l Z C B U e X B l L n s y M D A x I C 0 g M j A x N y B D a G F u Z 2 U s N H 0 m c X V v d D s s J n F 1 b 3 Q 7 U 2 V j d G l v b j E v R G F 0 Y T E v Q 2 h h b m d l Z C B U e X B l L n s y M D A x I C 0 g M j A x N y A l I E N o Y W 5 n Z S w 1 f S Z x d W 9 0 O y w m c X V v d D t T Z W N 0 a W 9 u M S 9 E Y X R h M S 9 D a G F u Z 2 V k I F R 5 c G U u e z I w M D E g L S A y M D A 3 I E N o Y W 5 n Z S w 2 f S Z x d W 9 0 O y w m c X V v d D t T Z W N 0 a W 9 u M S 9 E Y X R h M S 9 D a G F u Z 2 V k I F R 5 c G U u e z I w M D E g L S A y M D A 3 I C U g Q 2 h h b m d l L D d 9 J n F 1 b 3 Q 7 L C Z x d W 9 0 O 1 N l Y 3 R p b 2 4 x L 0 R h d G E x L 0 N o Y W 5 n Z W Q g V H l w Z S 5 7 M j A w N y A t I D I w M T A g Q 2 h h b m d l L D h 9 J n F 1 b 3 Q 7 L C Z x d W 9 0 O 1 N l Y 3 R p b 2 4 x L 0 R h d G E x L 0 N o Y W 5 n Z W Q g V H l w Z S 5 7 M j A w N y A t I D I w M T A g J S B D a G F u Z 2 U s O X 0 m c X V v d D s s J n F 1 b 3 Q 7 U 2 V j d G l v b j E v R G F 0 Y T E v Q 2 h h b m d l Z C B U e X B l L n s y M D E w I C 0 g M j A x N y B D a G F u Z 2 U s M T B 9 J n F 1 b 3 Q 7 L C Z x d W 9 0 O 1 N l Y 3 R p b 2 4 x L 0 R h d G E x L 0 N o Y W 5 n Z W Q g V H l w Z S 5 7 M j A x M C A t I D I w M T c g J S B D a G F u Z 2 U s M T F 9 J n F 1 b 3 Q 7 L C Z x d W 9 0 O 1 N l Y 3 R p b 2 4 x L 0 R h d G E x L 0 N o Y W 5 n Z W Q g V H l w Z S 5 7 M j A w N y A t I D I w M T c g Q 2 h h b m d l L D E y f S Z x d W 9 0 O y w m c X V v d D t T Z W N 0 a W 9 u M S 9 E Y X R h M S 9 D a G F u Z 2 V k I F R 5 c G U u e z I w M D c g L S A y M D E 3 I C U g Q 2 h h b m d l L D E z f S Z x d W 9 0 O y w m c X V v d D t T Z W N 0 a W 9 u M S 9 E Y X R h M S 9 D a G F u Z 2 V k I F R 5 c G U u e z I w M D E g S m 9 i c y w x N H 0 m c X V v d D s s J n F 1 b 3 Q 7 U 2 V j d G l v b j E v R G F 0 Y T E v Q 2 h h b m d l Z C B U e X B l L n s y M D A y I E p v Y n M s M T V 9 J n F 1 b 3 Q 7 L C Z x d W 9 0 O 1 N l Y 3 R p b 2 4 x L 0 R h d G E x L 0 N o Y W 5 n Z W Q g V H l w Z S 5 7 M j A w M y B K b 2 J z L D E 2 f S Z x d W 9 0 O y w m c X V v d D t T Z W N 0 a W 9 u M S 9 E Y X R h M S 9 D a G F u Z 2 V k I F R 5 c G U u e z I w M D Q g S m 9 i c y w x N 3 0 m c X V v d D s s J n F 1 b 3 Q 7 U 2 V j d G l v b j E v R G F 0 Y T E v Q 2 h h b m d l Z C B U e X B l L n s y M D A 1 I E p v Y n M s M T h 9 J n F 1 b 3 Q 7 L C Z x d W 9 0 O 1 N l Y 3 R p b 2 4 x L 0 R h d G E x L 0 N o Y W 5 n Z W Q g V H l w Z S 5 7 M j A w N i B K b 2 J z L D E 5 f S Z x d W 9 0 O y w m c X V v d D t T Z W N 0 a W 9 u M S 9 E Y X R h M S 9 D a G F u Z 2 V k I F R 5 c G U u e z I w M D c g S m 9 i c y w y M H 0 m c X V v d D s s J n F 1 b 3 Q 7 U 2 V j d G l v b j E v R G F 0 Y T E v Q 2 h h b m d l Z C B U e X B l L n s y M D A 4 I E p v Y n M s M j F 9 J n F 1 b 3 Q 7 L C Z x d W 9 0 O 1 N l Y 3 R p b 2 4 x L 0 R h d G E x L 0 N o Y W 5 n Z W Q g V H l w Z S 5 7 M j A w O S B K b 2 J z L D I y f S Z x d W 9 0 O y w m c X V v d D t T Z W N 0 a W 9 u M S 9 E Y X R h M S 9 D a G F u Z 2 V k I F R 5 c G U u e z I w M T A g S m 9 i c y w y M 3 0 m c X V v d D s s J n F 1 b 3 Q 7 U 2 V j d G l v b j E v R G F 0 Y T E v Q 2 h h b m d l Z C B U e X B l L n s y M D E x I E p v Y n M s M j R 9 J n F 1 b 3 Q 7 L C Z x d W 9 0 O 1 N l Y 3 R p b 2 4 x L 0 R h d G E x L 0 N o Y W 5 n Z W Q g V H l w Z S 5 7 M j A x M i B K b 2 J z L D I 1 f S Z x d W 9 0 O y w m c X V v d D t T Z W N 0 a W 9 u M S 9 E Y X R h M S 9 D a G F u Z 2 V k I F R 5 c G U u e z I w M T M g S m 9 i c y w y N n 0 m c X V v d D s s J n F 1 b 3 Q 7 U 2 V j d G l v b j E v R G F 0 Y T E v Q 2 h h b m d l Z C B U e X B l L n s y M D E 0 I E p v Y n M s M j d 9 J n F 1 b 3 Q 7 L C Z x d W 9 0 O 1 N l Y 3 R p b 2 4 x L 0 R h d G E x L 0 N o Y W 5 n Z W Q g V H l w Z S 5 7 M j A x N S B K b 2 J z L D I 4 f S Z x d W 9 0 O y w m c X V v d D t T Z W N 0 a W 9 u M S 9 E Y X R h M S 9 D a G F u Z 2 V k I F R 5 c G U u e z I w M T Y g S m 9 i c y w y O X 0 m c X V v d D s s J n F 1 b 3 Q 7 U 2 V j d G l v b j E v R G F 0 Y T E v Q 2 h h b m d l Z C B U e X B l L n s y M D E 3 I E p v Y n M s M z B 9 J n F 1 b 3 Q 7 L C Z x d W 9 0 O 1 N l Y 3 R p b 2 4 x L 0 R h d G E x L 0 N o Y W 5 n Z W Q g V H l w Z S 5 7 M j A w M S A t I D I w M T Y g Q 2 h h b m d l L D M x f S Z x d W 9 0 O y w m c X V v d D t T Z W N 0 a W 9 u M S 9 E Y X R h M S 9 D a G F u Z 2 V k I F R 5 c G U u e z I w M D E g L S A y M D E 2 I C U g Q 2 h h b m d l L D M y f S Z x d W 9 0 O y w m c X V v d D t T Z W N 0 a W 9 u M S 9 E Y X R h M S 9 D a G F u Z 2 V k I F R 5 c G U u e z I w M D E g L S A y M D A 3 I E N o Y W 5 n Z V 8 x L D M z f S Z x d W 9 0 O y w m c X V v d D t T Z W N 0 a W 9 u M S 9 E Y X R h M S 9 D a G F u Z 2 V k I F R 5 c G U u e z I w M D E g L S A y M D A 3 I C U g Q 2 h h b m d l X z I s M z R 9 J n F 1 b 3 Q 7 L C Z x d W 9 0 O 1 N l Y 3 R p b 2 4 x L 0 R h d G E x L 0 N o Y W 5 n Z W Q g V H l w Z S 5 7 M j A w N y A t I D I w M T A g Q 2 h h b m d l X z M s M z V 9 J n F 1 b 3 Q 7 L C Z x d W 9 0 O 1 N l Y 3 R p b 2 4 x L 0 R h d G E x L 0 N o Y W 5 n Z W Q g V H l w Z S 5 7 M j A w N y A t I D I w M T A g J S B D a G F u Z 2 V f N C w z N n 0 m c X V v d D s s J n F 1 b 3 Q 7 U 2 V j d G l v b j E v R G F 0 Y T E v Q 2 h h b m d l Z C B U e X B l L n s y M D E w I C 0 g M j A x N i B D a G F u Z 2 U s M z d 9 J n F 1 b 3 Q 7 L C Z x d W 9 0 O 1 N l Y 3 R p b 2 4 x L 0 R h d G E x L 0 N o Y W 5 n Z W Q g V H l w Z S 5 7 M j A x M C A t I D I w M T Y g J S B D a G F u Z 2 U s M z h 9 J n F 1 b 3 Q 7 L C Z x d W 9 0 O 1 N l Y 3 R p b 2 4 x L 0 R h d G E x L 0 N o Y W 5 n Z W Q g V H l w Z S 5 7 M j A w N y A t I D I w M T Y g Q 2 h h b m d l L D M 5 f S Z x d W 9 0 O y w m c X V v d D t T Z W N 0 a W 9 u M S 9 E Y X R h M S 9 D a G F u Z 2 V k I F R 5 c G U u e z I w M D c g L S A y M D E 2 I C U g Q 2 h h b m d l L D Q w f S Z x d W 9 0 O y w m c X V v d D t T Z W N 0 a W 9 u M S 9 E Y X R h M S 9 D a G F u Z 2 V k I F R 5 c G U u e z I w M D E g V G 9 0 Y W w g R W F y b m l u Z 3 M s N D F 9 J n F 1 b 3 Q 7 L C Z x d W 9 0 O 1 N l Y 3 R p b 2 4 x L 0 R h d G E x L 0 N o Y W 5 n Z W Q g V H l w Z S 5 7 M j A w M i B U b 3 R h b C B F Y X J u a W 5 n c y w 0 M n 0 m c X V v d D s s J n F 1 b 3 Q 7 U 2 V j d G l v b j E v R G F 0 Y T E v Q 2 h h b m d l Z C B U e X B l L n s y M D A z I F R v d G F s I E V h c m 5 p b m d z L D Q z f S Z x d W 9 0 O y w m c X V v d D t T Z W N 0 a W 9 u M S 9 E Y X R h M S 9 D a G F u Z 2 V k I F R 5 c G U u e z I w M D Q g V G 9 0 Y W w g R W F y b m l u Z 3 M s N D R 9 J n F 1 b 3 Q 7 L C Z x d W 9 0 O 1 N l Y 3 R p b 2 4 x L 0 R h d G E x L 0 N o Y W 5 n Z W Q g V H l w Z S 5 7 M j A w N S B U b 3 R h b C B F Y X J u a W 5 n c y w 0 N X 0 m c X V v d D s s J n F 1 b 3 Q 7 U 2 V j d G l v b j E v R G F 0 Y T E v Q 2 h h b m d l Z C B U e X B l L n s y M D A 2 I F R v d G F s I E V h c m 5 p b m d z L D Q 2 f S Z x d W 9 0 O y w m c X V v d D t T Z W N 0 a W 9 u M S 9 E Y X R h M S 9 D a G F u Z 2 V k I F R 5 c G U u e z I w M D c g V G 9 0 Y W w g R W F y b m l u Z 3 M s N D d 9 J n F 1 b 3 Q 7 L C Z x d W 9 0 O 1 N l Y 3 R p b 2 4 x L 0 R h d G E x L 0 N o Y W 5 n Z W Q g V H l w Z S 5 7 M j A w O C B U b 3 R h b C B F Y X J u a W 5 n c y w 0 O H 0 m c X V v d D s s J n F 1 b 3 Q 7 U 2 V j d G l v b j E v R G F 0 Y T E v Q 2 h h b m d l Z C B U e X B l L n s y M D A 5 I F R v d G F s I E V h c m 5 p b m d z L D Q 5 f S Z x d W 9 0 O y w m c X V v d D t T Z W N 0 a W 9 u M S 9 E Y X R h M S 9 D a G F u Z 2 V k I F R 5 c G U u e z I w M T A g V G 9 0 Y W w g R W F y b m l u Z 3 M s N T B 9 J n F 1 b 3 Q 7 L C Z x d W 9 0 O 1 N l Y 3 R p b 2 4 x L 0 R h d G E x L 0 N o Y W 5 n Z W Q g V H l w Z S 5 7 M j A x M S B U b 3 R h b C B F Y X J u a W 5 n c y w 1 M X 0 m c X V v d D s s J n F 1 b 3 Q 7 U 2 V j d G l v b j E v R G F 0 Y T E v Q 2 h h b m d l Z C B U e X B l L n s y M D E y I F R v d G F s I E V h c m 5 p b m d z L D U y f S Z x d W 9 0 O y w m c X V v d D t T Z W N 0 a W 9 u M S 9 E Y X R h M S 9 D a G F u Z 2 V k I F R 5 c G U u e z I w M T M g V G 9 0 Y W w g R W F y b m l u Z 3 M s N T N 9 J n F 1 b 3 Q 7 L C Z x d W 9 0 O 1 N l Y 3 R p b 2 4 x L 0 R h d G E x L 0 N o Y W 5 n Z W Q g V H l w Z S 5 7 M j A x N C B U b 3 R h b C B F Y X J u a W 5 n c y w 1 N H 0 m c X V v d D s s J n F 1 b 3 Q 7 U 2 V j d G l v b j E v R G F 0 Y T E v Q 2 h h b m d l Z C B U e X B l L n s y M D E 1 I F R v d G F s I E V h c m 5 p b m d z L D U 1 f S Z x d W 9 0 O y w m c X V v d D t T Z W N 0 a W 9 u M S 9 E Y X R h M S 9 D a G F u Z 2 V k I F R 5 c G U u e z I w M T Y g V G 9 0 Y W w g R W F y b m l u Z 3 M s N T Z 9 J n F 1 b 3 Q 7 L C Z x d W 9 0 O 1 N l Y 3 R p b 2 4 x L 0 R h d G E x L 0 N o Y W 5 n Z W Q g V H l w Z S 5 7 M j A w M S A t I D I w M T Y g Q 2 h h b m d l X z U s N T d 9 J n F 1 b 3 Q 7 L C Z x d W 9 0 O 1 N l Y 3 R p b 2 4 x L 0 R h d G E x L 0 N o Y W 5 n Z W Q g V H l w Z S 5 7 M j A w M S A t I D I w M T Y g J S B D a G F u Z 2 V f N i w 1 O H 0 m c X V v d D s s J n F 1 b 3 Q 7 U 2 V j d G l v b j E v R G F 0 Y T E v Q 2 h h b m d l Z C B U e X B l L n s y M D A x I C 0 g M j A w N y B D a G F u Z 2 V f N y w 1 O X 0 m c X V v d D s s J n F 1 b 3 Q 7 U 2 V j d G l v b j E v R G F 0 Y T E v Q 2 h h b m d l Z C B U e X B l L n s y M D A x I C 0 g M j A w N y A l I E N o Y W 5 n Z V 8 4 L D Y w f S Z x d W 9 0 O y w m c X V v d D t T Z W N 0 a W 9 u M S 9 E Y X R h M S 9 D a G F u Z 2 V k I F R 5 c G U u e z I w M D c g L S A y M D E w I E N o Y W 5 n Z V 8 5 L D Y x f S Z x d W 9 0 O y w m c X V v d D t T Z W N 0 a W 9 u M S 9 E Y X R h M S 9 D a G F u Z 2 V k I F R 5 c G U u e z I w M D c g L S A y M D E w I C U g Q 2 h h b m d l X z E w L D Y y f S Z x d W 9 0 O y w m c X V v d D t T Z W N 0 a W 9 u M S 9 E Y X R h M S 9 D a G F u Z 2 V k I F R 5 c G U u e z I w M D Q g U G F 5 c m 9 s b G V k I E J 1 c 2 l u Z X N z I E x v Y 2 F 0 a W 9 u c y w 2 M 3 0 m c X V v d D s s J n F 1 b 3 Q 7 U 2 V j d G l v b j E v R G F 0 Y T E v Q 2 h h b m d l Z C B U e X B l L n s y M D A 1 I F B h e X J v b G x l Z C B C d X N p b m V z c y B M b 2 N h d G l v b n M s N j R 9 J n F 1 b 3 Q 7 L C Z x d W 9 0 O 1 N l Y 3 R p b 2 4 x L 0 R h d G E x L 0 N o Y W 5 n Z W Q g V H l w Z S 5 7 M j A w N i B Q Y X l y b 2 x s Z W Q g Q n V z a W 5 l c 3 M g T G 9 j Y X R p b 2 5 z L D Y 1 f S Z x d W 9 0 O y w m c X V v d D t T Z W N 0 a W 9 u M S 9 E Y X R h M S 9 D a G F u Z 2 V k I F R 5 c G U u e z I w M D c g U G F 5 c m 9 s b G V k I E J 1 c 2 l u Z X N z I E x v Y 2 F 0 a W 9 u c y w 2 N n 0 m c X V v d D s s J n F 1 b 3 Q 7 U 2 V j d G l v b j E v R G F 0 Y T E v Q 2 h h b m d l Z C B U e X B l L n s y M D A 4 I F B h e X J v b G x l Z C B C d X N p b m V z c y B M b 2 N h d G l v b n M s N j d 9 J n F 1 b 3 Q 7 L C Z x d W 9 0 O 1 N l Y 3 R p b 2 4 x L 0 R h d G E x L 0 N o Y W 5 n Z W Q g V H l w Z S 5 7 M j A w O S B Q Y X l y b 2 x s Z W Q g Q n V z a W 5 l c 3 M g T G 9 j Y X R p b 2 5 z L D Y 4 f S Z x d W 9 0 O y w m c X V v d D t T Z W N 0 a W 9 u M S 9 E Y X R h M S 9 D a G F u Z 2 V k I F R 5 c G U u e z I w M T A g U G F 5 c m 9 s b G V k I E J 1 c 2 l u Z X N z I E x v Y 2 F 0 a W 9 u c y w 2 O X 0 m c X V v d D s s J n F 1 b 3 Q 7 U 2 V j d G l v b j E v R G F 0 Y T E v Q 2 h h b m d l Z C B U e X B l L n s y M D E x I F B h e X J v b G x l Z C B C d X N p b m V z c y B M b 2 N h d G l v b n M s N z B 9 J n F 1 b 3 Q 7 L C Z x d W 9 0 O 1 N l Y 3 R p b 2 4 x L 0 R h d G E x L 0 N o Y W 5 n Z W Q g V H l w Z S 5 7 M j A x M i B Q Y X l y b 2 x s Z W Q g Q n V z a W 5 l c 3 M g T G 9 j Y X R p b 2 5 z L D c x f S Z x d W 9 0 O y w m c X V v d D t T Z W N 0 a W 9 u M S 9 E Y X R h M S 9 D a G F u Z 2 V k I F R 5 c G U u e z I w M T M g U G F 5 c m 9 s b G V k I E J 1 c 2 l u Z X N z I E x v Y 2 F 0 a W 9 u c y w 3 M n 0 m c X V v d D s s J n F 1 b 3 Q 7 U 2 V j d G l v b j E v R G F 0 Y T E v Q 2 h h b m d l Z C B U e X B l L n s y M D E 0 I F B h e X J v b G x l Z C B C d X N p b m V z c y B M b 2 N h d G l v b n M s N z N 9 J n F 1 b 3 Q 7 L C Z x d W 9 0 O 1 N l Y 3 R p b 2 4 x L 0 R h d G E x L 0 N o Y W 5 n Z W Q g V H l w Z S 5 7 M j A x N S B Q Y X l y b 2 x s Z W Q g Q n V z a W 5 l c 3 M g T G 9 j Y X R p b 2 5 z L D c 0 f S Z x d W 9 0 O y w m c X V v d D t T Z W N 0 a W 9 u M S 9 E Y X R h M S 9 D a G F u Z 2 V k I F R 5 c G U u e z I w M T Y g U G F 5 c m 9 s b G V k I E J 1 c 2 l u Z X N z I E x v Y 2 F 0 a W 9 u c y w 3 N X 0 m c X V v d D s s J n F 1 b 3 Q 7 U 2 V j d G l v b j E v R G F 0 Y T E v Q 2 h h b m d l Z C B U e X B l L n t D b 2 1 w Z X R p d G l 2 Z S B F Z m Z l Y 3 Q s N z Z 9 J n F 1 b 3 Q 7 L C Z x d W 9 0 O 1 N l Y 3 R p b 2 4 x L 0 R h d G E x L 0 N o Y W 5 n Z W Q g V H l w Z S 5 7 S W 5 k L i B N a X g g R W Z m Z W N 0 L D c 3 f S Z x d W 9 0 O y w m c X V v d D t T Z W N 0 a W 9 u M S 9 E Y X R h M S 9 D a G F u Z 2 V k I F R 5 c G U u e 0 5 h d F x 1 M D A y N 2 w g R 3 J v d 3 R o I E V m Z m V j d C w 3 O H 0 m c X V v d D s s J n F 1 b 3 Q 7 U 2 V j d G l v b j E v R G F 0 Y T E v Q 2 h h b m d l Z C B U e X B l L n t F e H B l Y 3 R l Z C B D a G F u Z 2 U s N z l 9 J n F 1 b 3 Q 7 L C Z x d W 9 0 O 1 N l Y 3 R p b 2 4 x L 0 R h d G E x L 0 N o Y W 5 n Z W Q g V H l w Z S 5 7 T W F s Z X M g J S B v Z i B S Z W d p b 2 4 s O D B 9 J n F 1 b 3 Q 7 L C Z x d W 9 0 O 1 N l Y 3 R p b 2 4 x L 0 R h d G E x L 0 N o Y W 5 n Z W Q g V H l w Z S 5 7 R m V t Y W x l c y A l I G 9 m I F J l Z 2 l v b i w 4 M X 0 m c X V v d D s s J n F 1 b 3 Q 7 U 2 V j d G l v b j E v R G F 0 Y T E v Q 2 h h b m d l Z C B U e X B l L n t B Z 2 U g M T Q t M T g s O D J 9 J n F 1 b 3 Q 7 L C Z x d W 9 0 O 1 N l Y 3 R p b 2 4 x L 0 R h d G E x L 0 N o Y W 5 n Z W Q g V H l w Z S 5 7 Q W d l I D E 5 L T I x L D g z f S Z x d W 9 0 O y w m c X V v d D t T Z W N 0 a W 9 u M S 9 E Y X R h M S 9 D a G F u Z 2 V k I F R 5 c G U u e 0 F n Z S A y M i 0 y N C w 4 N H 0 m c X V v d D s s J n F 1 b 3 Q 7 U 2 V j d G l v b j E v R G F 0 Y T E v Q 2 h h b m d l Z C B U e X B l L n t B Z 2 U g M j U t M z Q s O D V 9 J n F 1 b 3 Q 7 L C Z x d W 9 0 O 1 N l Y 3 R p b 2 4 x L 0 R h d G E x L 0 N o Y W 5 n Z W Q g V H l w Z S 5 7 Q W d l I D M 1 L T Q 0 L D g 2 f S Z x d W 9 0 O y w m c X V v d D t T Z W N 0 a W 9 u M S 9 E Y X R h M S 9 D a G F u Z 2 V k I F R 5 c G U u e 0 F n Z S A 0 N S 0 1 N C w 4 N 3 0 m c X V v d D s s J n F 1 b 3 Q 7 U 2 V j d G l v b j E v R G F 0 Y T E v Q 2 h h b m d l Z C B U e X B l L n t B Z 2 U g N T U t N j Q s O D h 9 J n F 1 b 3 Q 7 L C Z x d W 9 0 O 1 N l Y 3 R p b 2 4 x L 0 R h d G E x L 0 N o Y W 5 n Z W Q g V H l w Z S 5 7 Q W d l I D Y 1 K y w 4 O X 0 m c X V v d D s s J n F 1 b 3 Q 7 U 2 V j d G l v b j E v R G F 0 Y T E v Q 2 h h b m d l Z C B U e X B l L n t B Z 2 U g M T Q t M T g g J S B v Z i B S Z W d p b 2 4 s O T B 9 J n F 1 b 3 Q 7 L C Z x d W 9 0 O 1 N l Y 3 R p b 2 4 x L 0 R h d G E x L 0 N o Y W 5 n Z W Q g V H l w Z S 5 7 Q W d l I D E 5 L T I x I C U g b 2 Y g U m V n a W 9 u L D k x f S Z x d W 9 0 O y w m c X V v d D t T Z W N 0 a W 9 u M S 9 E Y X R h M S 9 D a G F u Z 2 V k I F R 5 c G U u e 0 F n Z S A y M i 0 y N C A l I G 9 m I F J l Z 2 l v b i w 5 M n 0 m c X V v d D s s J n F 1 b 3 Q 7 U 2 V j d G l v b j E v R G F 0 Y T E v Q 2 h h b m d l Z C B U e X B l L n t B Z 2 U g M j U t M z Q g J S B v Z i B S Z W d p b 2 4 s O T N 9 J n F 1 b 3 Q 7 L C Z x d W 9 0 O 1 N l Y 3 R p b 2 4 x L 0 R h d G E x L 0 N o Y W 5 n Z W Q g V H l w Z S 5 7 Q W d l I D M 1 L T Q 0 I C U g b 2 Y g U m V n a W 9 u L D k 0 f S Z x d W 9 0 O y w m c X V v d D t T Z W N 0 a W 9 u M S 9 E Y X R h M S 9 D a G F u Z 2 V k I F R 5 c G U u e 0 F n Z S A 0 N S 0 1 N C A l I G 9 m I F J l Z 2 l v b i w 5 N X 0 m c X V v d D s s J n F 1 b 3 Q 7 U 2 V j d G l v b j E v R G F 0 Y T E v Q 2 h h b m d l Z C B U e X B l L n t B Z 2 U g N T U t N j Q g J S B v Z i B S Z W d p b 2 4 s O T Z 9 J n F 1 b 3 Q 7 L C Z x d W 9 0 O 1 N l Y 3 R p b 2 4 x L 0 R h d G E x L 0 N o Y W 5 n Z W Q g V H l w Z S 5 7 Q W d l I D Y 1 K y A l I G 9 m I F J l Z 2 l v b i w 5 N 3 0 m c X V v d D s s J n F 1 b 3 Q 7 U 2 V j d G l v b j E v R G F 0 Y T E v Q 2 h h b m d l Z C B U e X B l L n t N Y W x l c y w 5 O H 0 m c X V v d D s s J n F 1 b 3 Q 7 U 2 V j d G l v b j E v R G F 0 Y T E v Q 2 h h b m d l Z C B U e X B l L n t G Z W 1 h b G V z L D k 5 f S Z x d W 9 0 O y w m c X V v d D t T Z W N 0 a W 9 u M S 9 E Y X R h M S 9 D a G F u Z 2 V k I F R 5 c G U u e 0 F 2 Z y 4 g R W F y b m l u Z 3 M g U G V y I E p v Y i w x M D B 9 J n F 1 b 3 Q 7 L C Z x d W 9 0 O 1 N l Y 3 R p b 2 4 x L 0 R h d G E x L 0 N o Y W 5 n Z W Q g V H l w Z S 5 7 M j A w M S B M b 2 N h d G l v b i B R d W 9 0 a W V u d C w x M D F 9 J n F 1 b 3 Q 7 L C Z x d W 9 0 O 1 N l Y 3 R p b 2 4 x L 0 R h d G E x L 0 N o Y W 5 n Z W Q g V H l w Z S 5 7 M j A w M i B M b 2 N h d G l v b i B R d W 9 0 a W V u d C w x M D J 9 J n F 1 b 3 Q 7 L C Z x d W 9 0 O 1 N l Y 3 R p b 2 4 x L 0 R h d G E x L 0 N o Y W 5 n Z W Q g V H l w Z S 5 7 M j A w M y B M b 2 N h d G l v b i B R d W 9 0 a W V u d C w x M D N 9 J n F 1 b 3 Q 7 L C Z x d W 9 0 O 1 N l Y 3 R p b 2 4 x L 0 R h d G E x L 0 N o Y W 5 n Z W Q g V H l w Z S 5 7 M j A w N C B M b 2 N h d G l v b i B R d W 9 0 a W V u d C w x M D R 9 J n F 1 b 3 Q 7 L C Z x d W 9 0 O 1 N l Y 3 R p b 2 4 x L 0 R h d G E x L 0 N o Y W 5 n Z W Q g V H l w Z S 5 7 M j A w N S B M b 2 N h d G l v b i B R d W 9 0 a W V u d C w x M D V 9 J n F 1 b 3 Q 7 L C Z x d W 9 0 O 1 N l Y 3 R p b 2 4 x L 0 R h d G E x L 0 N o Y W 5 n Z W Q g V H l w Z S 5 7 M j A w N i B M b 2 N h d G l v b i B R d W 9 0 a W V u d C w x M D Z 9 J n F 1 b 3 Q 7 L C Z x d W 9 0 O 1 N l Y 3 R p b 2 4 x L 0 R h d G E x L 0 N o Y W 5 n Z W Q g V H l w Z S 5 7 M j A w N y B M b 2 N h d G l v b i B R d W 9 0 a W V u d C w x M D d 9 J n F 1 b 3 Q 7 L C Z x d W 9 0 O 1 N l Y 3 R p b 2 4 x L 0 R h d G E x L 0 N o Y W 5 n Z W Q g V H l w Z S 5 7 M j A w O C B M b 2 N h d G l v b i B R d W 9 0 a W V u d C w x M D h 9 J n F 1 b 3 Q 7 L C Z x d W 9 0 O 1 N l Y 3 R p b 2 4 x L 0 R h d G E x L 0 N o Y W 5 n Z W Q g V H l w Z S 5 7 M j A w O S B M b 2 N h d G l v b i B R d W 9 0 a W V u d C w x M D l 9 J n F 1 b 3 Q 7 L C Z x d W 9 0 O 1 N l Y 3 R p b 2 4 x L 0 R h d G E x L 0 N o Y W 5 n Z W Q g V H l w Z S 5 7 M j A x M C B M b 2 N h d G l v b i B R d W 9 0 a W V u d C w x M T B 9 J n F 1 b 3 Q 7 L C Z x d W 9 0 O 1 N l Y 3 R p b 2 4 x L 0 R h d G E x L 0 N o Y W 5 n Z W Q g V H l w Z S 5 7 M j A x M S B M b 2 N h d G l v b i B R d W 9 0 a W V u d C w x M T F 9 J n F 1 b 3 Q 7 L C Z x d W 9 0 O 1 N l Y 3 R p b 2 4 x L 0 R h d G E x L 0 N o Y W 5 n Z W Q g V H l w Z S 5 7 M j A x M i B M b 2 N h d G l v b i B R d W 9 0 a W V u d C w x M T J 9 J n F 1 b 3 Q 7 L C Z x d W 9 0 O 1 N l Y 3 R p b 2 4 x L 0 R h d G E x L 0 N o Y W 5 n Z W Q g V H l w Z S 5 7 M j A x M y B M b 2 N h d G l v b i B R d W 9 0 a W V u d C w x M T N 9 J n F 1 b 3 Q 7 L C Z x d W 9 0 O 1 N l Y 3 R p b 2 4 x L 0 R h d G E x L 0 N o Y W 5 n Z W Q g V H l w Z S 5 7 M j A x N C B M b 2 N h d G l v b i B R d W 9 0 a W V u d C w x M T R 9 J n F 1 b 3 Q 7 L C Z x d W 9 0 O 1 N l Y 3 R p b 2 4 x L 0 R h d G E x L 0 N o Y W 5 n Z W Q g V H l w Z S 5 7 M j A x N S B M b 2 N h d G l v b i B R d W 9 0 a W V u d C w x M T V 9 J n F 1 b 3 Q 7 L C Z x d W 9 0 O 1 N l Y 3 R p b 2 4 x L 0 R h d G E x L 0 N o Y W 5 n Z W Q g V H l w Z S 5 7 M j A x N i B M b 2 N h d G l v b i B R d W 9 0 a W V u d C w x M T Z 9 J n F 1 b 3 Q 7 L C Z x d W 9 0 O 1 N l Y 3 R p b 2 4 x L 0 R h d G E x L 0 N o Y W 5 n Z W Q g V H l w Z S 5 7 M j A x N y B M b 2 N h d G l v b i B R d W 9 0 a W V u d C w x M T d 9 J n F 1 b 3 Q 7 X S w m c X V v d D t D b 2 x 1 b W 5 D b 3 V u d C Z x d W 9 0 O z o x M T g s J n F 1 b 3 Q 7 S 2 V 5 Q 2 9 s d W 1 u T m F t Z X M m c X V v d D s 6 W 1 0 s J n F 1 b 3 Q 7 Q 2 9 s d W 1 u S W R l b n R p d G l l c y Z x d W 9 0 O z p b J n F 1 b 3 Q 7 U 2 V j d G l v b j E v R G F 0 Y T E v Q 2 h h b m d l Z C B U e X B l L n t T Z W N 0 b 3 I s M H 0 m c X V v d D s s J n F 1 b 3 Q 7 U 2 V j d G l v b j E v R G F 0 Y T E v Q 2 h h b m d l Z C B U e X B l L n t E Z X N j c m l w d G l v b i w x f S Z x d W 9 0 O y w m c X V v d D t T Z W N 0 a W 9 u M S 9 E Y X R h M S 9 D a G F u Z 2 V k I F R 5 c G U u e 0 Z J U F M s M n 0 m c X V v d D s s J n F 1 b 3 Q 7 U 2 V j d G l v b j E v R G F 0 Y T E v Q 2 h h b m d l Z C B U e X B l L n t O Y W 1 l L D N 9 J n F 1 b 3 Q 7 L C Z x d W 9 0 O 1 N l Y 3 R p b 2 4 x L 0 R h d G E x L 0 N o Y W 5 n Z W Q g V H l w Z S 5 7 M j A w M S A t I D I w M T c g Q 2 h h b m d l L D R 9 J n F 1 b 3 Q 7 L C Z x d W 9 0 O 1 N l Y 3 R p b 2 4 x L 0 R h d G E x L 0 N o Y W 5 n Z W Q g V H l w Z S 5 7 M j A w M S A t I D I w M T c g J S B D a G F u Z 2 U s N X 0 m c X V v d D s s J n F 1 b 3 Q 7 U 2 V j d G l v b j E v R G F 0 Y T E v Q 2 h h b m d l Z C B U e X B l L n s y M D A x I C 0 g M j A w N y B D a G F u Z 2 U s N n 0 m c X V v d D s s J n F 1 b 3 Q 7 U 2 V j d G l v b j E v R G F 0 Y T E v Q 2 h h b m d l Z C B U e X B l L n s y M D A x I C 0 g M j A w N y A l I E N o Y W 5 n Z S w 3 f S Z x d W 9 0 O y w m c X V v d D t T Z W N 0 a W 9 u M S 9 E Y X R h M S 9 D a G F u Z 2 V k I F R 5 c G U u e z I w M D c g L S A y M D E w I E N o Y W 5 n Z S w 4 f S Z x d W 9 0 O y w m c X V v d D t T Z W N 0 a W 9 u M S 9 E Y X R h M S 9 D a G F u Z 2 V k I F R 5 c G U u e z I w M D c g L S A y M D E w I C U g Q 2 h h b m d l L D l 9 J n F 1 b 3 Q 7 L C Z x d W 9 0 O 1 N l Y 3 R p b 2 4 x L 0 R h d G E x L 0 N o Y W 5 n Z W Q g V H l w Z S 5 7 M j A x M C A t I D I w M T c g Q 2 h h b m d l L D E w f S Z x d W 9 0 O y w m c X V v d D t T Z W N 0 a W 9 u M S 9 E Y X R h M S 9 D a G F u Z 2 V k I F R 5 c G U u e z I w M T A g L S A y M D E 3 I C U g Q 2 h h b m d l L D E x f S Z x d W 9 0 O y w m c X V v d D t T Z W N 0 a W 9 u M S 9 E Y X R h M S 9 D a G F u Z 2 V k I F R 5 c G U u e z I w M D c g L S A y M D E 3 I E N o Y W 5 n Z S w x M n 0 m c X V v d D s s J n F 1 b 3 Q 7 U 2 V j d G l v b j E v R G F 0 Y T E v Q 2 h h b m d l Z C B U e X B l L n s y M D A 3 I C 0 g M j A x N y A l I E N o Y W 5 n Z S w x M 3 0 m c X V v d D s s J n F 1 b 3 Q 7 U 2 V j d G l v b j E v R G F 0 Y T E v Q 2 h h b m d l Z C B U e X B l L n s y M D A x I E p v Y n M s M T R 9 J n F 1 b 3 Q 7 L C Z x d W 9 0 O 1 N l Y 3 R p b 2 4 x L 0 R h d G E x L 0 N o Y W 5 n Z W Q g V H l w Z S 5 7 M j A w M i B K b 2 J z L D E 1 f S Z x d W 9 0 O y w m c X V v d D t T Z W N 0 a W 9 u M S 9 E Y X R h M S 9 D a G F u Z 2 V k I F R 5 c G U u e z I w M D M g S m 9 i c y w x N n 0 m c X V v d D s s J n F 1 b 3 Q 7 U 2 V j d G l v b j E v R G F 0 Y T E v Q 2 h h b m d l Z C B U e X B l L n s y M D A 0 I E p v Y n M s M T d 9 J n F 1 b 3 Q 7 L C Z x d W 9 0 O 1 N l Y 3 R p b 2 4 x L 0 R h d G E x L 0 N o Y W 5 n Z W Q g V H l w Z S 5 7 M j A w N S B K b 2 J z L D E 4 f S Z x d W 9 0 O y w m c X V v d D t T Z W N 0 a W 9 u M S 9 E Y X R h M S 9 D a G F u Z 2 V k I F R 5 c G U u e z I w M D Y g S m 9 i c y w x O X 0 m c X V v d D s s J n F 1 b 3 Q 7 U 2 V j d G l v b j E v R G F 0 Y T E v Q 2 h h b m d l Z C B U e X B l L n s y M D A 3 I E p v Y n M s M j B 9 J n F 1 b 3 Q 7 L C Z x d W 9 0 O 1 N l Y 3 R p b 2 4 x L 0 R h d G E x L 0 N o Y W 5 n Z W Q g V H l w Z S 5 7 M j A w O C B K b 2 J z L D I x f S Z x d W 9 0 O y w m c X V v d D t T Z W N 0 a W 9 u M S 9 E Y X R h M S 9 D a G F u Z 2 V k I F R 5 c G U u e z I w M D k g S m 9 i c y w y M n 0 m c X V v d D s s J n F 1 b 3 Q 7 U 2 V j d G l v b j E v R G F 0 Y T E v Q 2 h h b m d l Z C B U e X B l L n s y M D E w I E p v Y n M s M j N 9 J n F 1 b 3 Q 7 L C Z x d W 9 0 O 1 N l Y 3 R p b 2 4 x L 0 R h d G E x L 0 N o Y W 5 n Z W Q g V H l w Z S 5 7 M j A x M S B K b 2 J z L D I 0 f S Z x d W 9 0 O y w m c X V v d D t T Z W N 0 a W 9 u M S 9 E Y X R h M S 9 D a G F u Z 2 V k I F R 5 c G U u e z I w M T I g S m 9 i c y w y N X 0 m c X V v d D s s J n F 1 b 3 Q 7 U 2 V j d G l v b j E v R G F 0 Y T E v Q 2 h h b m d l Z C B U e X B l L n s y M D E z I E p v Y n M s M j Z 9 J n F 1 b 3 Q 7 L C Z x d W 9 0 O 1 N l Y 3 R p b 2 4 x L 0 R h d G E x L 0 N o Y W 5 n Z W Q g V H l w Z S 5 7 M j A x N C B K b 2 J z L D I 3 f S Z x d W 9 0 O y w m c X V v d D t T Z W N 0 a W 9 u M S 9 E Y X R h M S 9 D a G F u Z 2 V k I F R 5 c G U u e z I w M T U g S m 9 i c y w y O H 0 m c X V v d D s s J n F 1 b 3 Q 7 U 2 V j d G l v b j E v R G F 0 Y T E v Q 2 h h b m d l Z C B U e X B l L n s y M D E 2 I E p v Y n M s M j l 9 J n F 1 b 3 Q 7 L C Z x d W 9 0 O 1 N l Y 3 R p b 2 4 x L 0 R h d G E x L 0 N o Y W 5 n Z W Q g V H l w Z S 5 7 M j A x N y B K b 2 J z L D M w f S Z x d W 9 0 O y w m c X V v d D t T Z W N 0 a W 9 u M S 9 E Y X R h M S 9 D a G F u Z 2 V k I F R 5 c G U u e z I w M D E g L S A y M D E 2 I E N o Y W 5 n Z S w z M X 0 m c X V v d D s s J n F 1 b 3 Q 7 U 2 V j d G l v b j E v R G F 0 Y T E v Q 2 h h b m d l Z C B U e X B l L n s y M D A x I C 0 g M j A x N i A l I E N o Y W 5 n Z S w z M n 0 m c X V v d D s s J n F 1 b 3 Q 7 U 2 V j d G l v b j E v R G F 0 Y T E v Q 2 h h b m d l Z C B U e X B l L n s y M D A x I C 0 g M j A w N y B D a G F u Z 2 V f M S w z M 3 0 m c X V v d D s s J n F 1 b 3 Q 7 U 2 V j d G l v b j E v R G F 0 Y T E v Q 2 h h b m d l Z C B U e X B l L n s y M D A x I C 0 g M j A w N y A l I E N o Y W 5 n Z V 8 y L D M 0 f S Z x d W 9 0 O y w m c X V v d D t T Z W N 0 a W 9 u M S 9 E Y X R h M S 9 D a G F u Z 2 V k I F R 5 c G U u e z I w M D c g L S A y M D E w I E N o Y W 5 n Z V 8 z L D M 1 f S Z x d W 9 0 O y w m c X V v d D t T Z W N 0 a W 9 u M S 9 E Y X R h M S 9 D a G F u Z 2 V k I F R 5 c G U u e z I w M D c g L S A y M D E w I C U g Q 2 h h b m d l X z Q s M z Z 9 J n F 1 b 3 Q 7 L C Z x d W 9 0 O 1 N l Y 3 R p b 2 4 x L 0 R h d G E x L 0 N o Y W 5 n Z W Q g V H l w Z S 5 7 M j A x M C A t I D I w M T Y g Q 2 h h b m d l L D M 3 f S Z x d W 9 0 O y w m c X V v d D t T Z W N 0 a W 9 u M S 9 E Y X R h M S 9 D a G F u Z 2 V k I F R 5 c G U u e z I w M T A g L S A y M D E 2 I C U g Q 2 h h b m d l L D M 4 f S Z x d W 9 0 O y w m c X V v d D t T Z W N 0 a W 9 u M S 9 E Y X R h M S 9 D a G F u Z 2 V k I F R 5 c G U u e z I w M D c g L S A y M D E 2 I E N o Y W 5 n Z S w z O X 0 m c X V v d D s s J n F 1 b 3 Q 7 U 2 V j d G l v b j E v R G F 0 Y T E v Q 2 h h b m d l Z C B U e X B l L n s y M D A 3 I C 0 g M j A x N i A l I E N o Y W 5 n Z S w 0 M H 0 m c X V v d D s s J n F 1 b 3 Q 7 U 2 V j d G l v b j E v R G F 0 Y T E v Q 2 h h b m d l Z C B U e X B l L n s y M D A x I F R v d G F s I E V h c m 5 p b m d z L D Q x f S Z x d W 9 0 O y w m c X V v d D t T Z W N 0 a W 9 u M S 9 E Y X R h M S 9 D a G F u Z 2 V k I F R 5 c G U u e z I w M D I g V G 9 0 Y W w g R W F y b m l u Z 3 M s N D J 9 J n F 1 b 3 Q 7 L C Z x d W 9 0 O 1 N l Y 3 R p b 2 4 x L 0 R h d G E x L 0 N o Y W 5 n Z W Q g V H l w Z S 5 7 M j A w M y B U b 3 R h b C B F Y X J u a W 5 n c y w 0 M 3 0 m c X V v d D s s J n F 1 b 3 Q 7 U 2 V j d G l v b j E v R G F 0 Y T E v Q 2 h h b m d l Z C B U e X B l L n s y M D A 0 I F R v d G F s I E V h c m 5 p b m d z L D Q 0 f S Z x d W 9 0 O y w m c X V v d D t T Z W N 0 a W 9 u M S 9 E Y X R h M S 9 D a G F u Z 2 V k I F R 5 c G U u e z I w M D U g V G 9 0 Y W w g R W F y b m l u Z 3 M s N D V 9 J n F 1 b 3 Q 7 L C Z x d W 9 0 O 1 N l Y 3 R p b 2 4 x L 0 R h d G E x L 0 N o Y W 5 n Z W Q g V H l w Z S 5 7 M j A w N i B U b 3 R h b C B F Y X J u a W 5 n c y w 0 N n 0 m c X V v d D s s J n F 1 b 3 Q 7 U 2 V j d G l v b j E v R G F 0 Y T E v Q 2 h h b m d l Z C B U e X B l L n s y M D A 3 I F R v d G F s I E V h c m 5 p b m d z L D Q 3 f S Z x d W 9 0 O y w m c X V v d D t T Z W N 0 a W 9 u M S 9 E Y X R h M S 9 D a G F u Z 2 V k I F R 5 c G U u e z I w M D g g V G 9 0 Y W w g R W F y b m l u Z 3 M s N D h 9 J n F 1 b 3 Q 7 L C Z x d W 9 0 O 1 N l Y 3 R p b 2 4 x L 0 R h d G E x L 0 N o Y W 5 n Z W Q g V H l w Z S 5 7 M j A w O S B U b 3 R h b C B F Y X J u a W 5 n c y w 0 O X 0 m c X V v d D s s J n F 1 b 3 Q 7 U 2 V j d G l v b j E v R G F 0 Y T E v Q 2 h h b m d l Z C B U e X B l L n s y M D E w I F R v d G F s I E V h c m 5 p b m d z L D U w f S Z x d W 9 0 O y w m c X V v d D t T Z W N 0 a W 9 u M S 9 E Y X R h M S 9 D a G F u Z 2 V k I F R 5 c G U u e z I w M T E g V G 9 0 Y W w g R W F y b m l u Z 3 M s N T F 9 J n F 1 b 3 Q 7 L C Z x d W 9 0 O 1 N l Y 3 R p b 2 4 x L 0 R h d G E x L 0 N o Y W 5 n Z W Q g V H l w Z S 5 7 M j A x M i B U b 3 R h b C B F Y X J u a W 5 n c y w 1 M n 0 m c X V v d D s s J n F 1 b 3 Q 7 U 2 V j d G l v b j E v R G F 0 Y T E v Q 2 h h b m d l Z C B U e X B l L n s y M D E z I F R v d G F s I E V h c m 5 p b m d z L D U z f S Z x d W 9 0 O y w m c X V v d D t T Z W N 0 a W 9 u M S 9 E Y X R h M S 9 D a G F u Z 2 V k I F R 5 c G U u e z I w M T Q g V G 9 0 Y W w g R W F y b m l u Z 3 M s N T R 9 J n F 1 b 3 Q 7 L C Z x d W 9 0 O 1 N l Y 3 R p b 2 4 x L 0 R h d G E x L 0 N o Y W 5 n Z W Q g V H l w Z S 5 7 M j A x N S B U b 3 R h b C B F Y X J u a W 5 n c y w 1 N X 0 m c X V v d D s s J n F 1 b 3 Q 7 U 2 V j d G l v b j E v R G F 0 Y T E v Q 2 h h b m d l Z C B U e X B l L n s y M D E 2 I F R v d G F s I E V h c m 5 p b m d z L D U 2 f S Z x d W 9 0 O y w m c X V v d D t T Z W N 0 a W 9 u M S 9 E Y X R h M S 9 D a G F u Z 2 V k I F R 5 c G U u e z I w M D E g L S A y M D E 2 I E N o Y W 5 n Z V 8 1 L D U 3 f S Z x d W 9 0 O y w m c X V v d D t T Z W N 0 a W 9 u M S 9 E Y X R h M S 9 D a G F u Z 2 V k I F R 5 c G U u e z I w M D E g L S A y M D E 2 I C U g Q 2 h h b m d l X z Y s N T h 9 J n F 1 b 3 Q 7 L C Z x d W 9 0 O 1 N l Y 3 R p b 2 4 x L 0 R h d G E x L 0 N o Y W 5 n Z W Q g V H l w Z S 5 7 M j A w M S A t I D I w M D c g Q 2 h h b m d l X z c s N T l 9 J n F 1 b 3 Q 7 L C Z x d W 9 0 O 1 N l Y 3 R p b 2 4 x L 0 R h d G E x L 0 N o Y W 5 n Z W Q g V H l w Z S 5 7 M j A w M S A t I D I w M D c g J S B D a G F u Z 2 V f O C w 2 M H 0 m c X V v d D s s J n F 1 b 3 Q 7 U 2 V j d G l v b j E v R G F 0 Y T E v Q 2 h h b m d l Z C B U e X B l L n s y M D A 3 I C 0 g M j A x M C B D a G F u Z 2 V f O S w 2 M X 0 m c X V v d D s s J n F 1 b 3 Q 7 U 2 V j d G l v b j E v R G F 0 Y T E v Q 2 h h b m d l Z C B U e X B l L n s y M D A 3 I C 0 g M j A x M C A l I E N o Y W 5 n Z V 8 x M C w 2 M n 0 m c X V v d D s s J n F 1 b 3 Q 7 U 2 V j d G l v b j E v R G F 0 Y T E v Q 2 h h b m d l Z C B U e X B l L n s y M D A 0 I F B h e X J v b G x l Z C B C d X N p b m V z c y B M b 2 N h d G l v b n M s N j N 9 J n F 1 b 3 Q 7 L C Z x d W 9 0 O 1 N l Y 3 R p b 2 4 x L 0 R h d G E x L 0 N o Y W 5 n Z W Q g V H l w Z S 5 7 M j A w N S B Q Y X l y b 2 x s Z W Q g Q n V z a W 5 l c 3 M g T G 9 j Y X R p b 2 5 z L D Y 0 f S Z x d W 9 0 O y w m c X V v d D t T Z W N 0 a W 9 u M S 9 E Y X R h M S 9 D a G F u Z 2 V k I F R 5 c G U u e z I w M D Y g U G F 5 c m 9 s b G V k I E J 1 c 2 l u Z X N z I E x v Y 2 F 0 a W 9 u c y w 2 N X 0 m c X V v d D s s J n F 1 b 3 Q 7 U 2 V j d G l v b j E v R G F 0 Y T E v Q 2 h h b m d l Z C B U e X B l L n s y M D A 3 I F B h e X J v b G x l Z C B C d X N p b m V z c y B M b 2 N h d G l v b n M s N j Z 9 J n F 1 b 3 Q 7 L C Z x d W 9 0 O 1 N l Y 3 R p b 2 4 x L 0 R h d G E x L 0 N o Y W 5 n Z W Q g V H l w Z S 5 7 M j A w O C B Q Y X l y b 2 x s Z W Q g Q n V z a W 5 l c 3 M g T G 9 j Y X R p b 2 5 z L D Y 3 f S Z x d W 9 0 O y w m c X V v d D t T Z W N 0 a W 9 u M S 9 E Y X R h M S 9 D a G F u Z 2 V k I F R 5 c G U u e z I w M D k g U G F 5 c m 9 s b G V k I E J 1 c 2 l u Z X N z I E x v Y 2 F 0 a W 9 u c y w 2 O H 0 m c X V v d D s s J n F 1 b 3 Q 7 U 2 V j d G l v b j E v R G F 0 Y T E v Q 2 h h b m d l Z C B U e X B l L n s y M D E w I F B h e X J v b G x l Z C B C d X N p b m V z c y B M b 2 N h d G l v b n M s N j l 9 J n F 1 b 3 Q 7 L C Z x d W 9 0 O 1 N l Y 3 R p b 2 4 x L 0 R h d G E x L 0 N o Y W 5 n Z W Q g V H l w Z S 5 7 M j A x M S B Q Y X l y b 2 x s Z W Q g Q n V z a W 5 l c 3 M g T G 9 j Y X R p b 2 5 z L D c w f S Z x d W 9 0 O y w m c X V v d D t T Z W N 0 a W 9 u M S 9 E Y X R h M S 9 D a G F u Z 2 V k I F R 5 c G U u e z I w M T I g U G F 5 c m 9 s b G V k I E J 1 c 2 l u Z X N z I E x v Y 2 F 0 a W 9 u c y w 3 M X 0 m c X V v d D s s J n F 1 b 3 Q 7 U 2 V j d G l v b j E v R G F 0 Y T E v Q 2 h h b m d l Z C B U e X B l L n s y M D E z I F B h e X J v b G x l Z C B C d X N p b m V z c y B M b 2 N h d G l v b n M s N z J 9 J n F 1 b 3 Q 7 L C Z x d W 9 0 O 1 N l Y 3 R p b 2 4 x L 0 R h d G E x L 0 N o Y W 5 n Z W Q g V H l w Z S 5 7 M j A x N C B Q Y X l y b 2 x s Z W Q g Q n V z a W 5 l c 3 M g T G 9 j Y X R p b 2 5 z L D c z f S Z x d W 9 0 O y w m c X V v d D t T Z W N 0 a W 9 u M S 9 E Y X R h M S 9 D a G F u Z 2 V k I F R 5 c G U u e z I w M T U g U G F 5 c m 9 s b G V k I E J 1 c 2 l u Z X N z I E x v Y 2 F 0 a W 9 u c y w 3 N H 0 m c X V v d D s s J n F 1 b 3 Q 7 U 2 V j d G l v b j E v R G F 0 Y T E v Q 2 h h b m d l Z C B U e X B l L n s y M D E 2 I F B h e X J v b G x l Z C B C d X N p b m V z c y B M b 2 N h d G l v b n M s N z V 9 J n F 1 b 3 Q 7 L C Z x d W 9 0 O 1 N l Y 3 R p b 2 4 x L 0 R h d G E x L 0 N o Y W 5 n Z W Q g V H l w Z S 5 7 Q 2 9 t c G V 0 a X R p d m U g R W Z m Z W N 0 L D c 2 f S Z x d W 9 0 O y w m c X V v d D t T Z W N 0 a W 9 u M S 9 E Y X R h M S 9 D a G F u Z 2 V k I F R 5 c G U u e 0 l u Z C 4 g T W l 4 I E V m Z m V j d C w 3 N 3 0 m c X V v d D s s J n F 1 b 3 Q 7 U 2 V j d G l v b j E v R G F 0 Y T E v Q 2 h h b m d l Z C B U e X B l L n t O Y X R c d T A w M j d s I E d y b 3 d 0 a C B F Z m Z l Y 3 Q s N z h 9 J n F 1 b 3 Q 7 L C Z x d W 9 0 O 1 N l Y 3 R p b 2 4 x L 0 R h d G E x L 0 N o Y W 5 n Z W Q g V H l w Z S 5 7 R X h w Z W N 0 Z W Q g Q 2 h h b m d l L D c 5 f S Z x d W 9 0 O y w m c X V v d D t T Z W N 0 a W 9 u M S 9 E Y X R h M S 9 D a G F u Z 2 V k I F R 5 c G U u e 0 1 h b G V z I C U g b 2 Y g U m V n a W 9 u L D g w f S Z x d W 9 0 O y w m c X V v d D t T Z W N 0 a W 9 u M S 9 E Y X R h M S 9 D a G F u Z 2 V k I F R 5 c G U u e 0 Z l b W F s Z X M g J S B v Z i B S Z W d p b 2 4 s O D F 9 J n F 1 b 3 Q 7 L C Z x d W 9 0 O 1 N l Y 3 R p b 2 4 x L 0 R h d G E x L 0 N o Y W 5 n Z W Q g V H l w Z S 5 7 Q W d l I D E 0 L T E 4 L D g y f S Z x d W 9 0 O y w m c X V v d D t T Z W N 0 a W 9 u M S 9 E Y X R h M S 9 D a G F u Z 2 V k I F R 5 c G U u e 0 F n Z S A x O S 0 y M S w 4 M 3 0 m c X V v d D s s J n F 1 b 3 Q 7 U 2 V j d G l v b j E v R G F 0 Y T E v Q 2 h h b m d l Z C B U e X B l L n t B Z 2 U g M j I t M j Q s O D R 9 J n F 1 b 3 Q 7 L C Z x d W 9 0 O 1 N l Y 3 R p b 2 4 x L 0 R h d G E x L 0 N o Y W 5 n Z W Q g V H l w Z S 5 7 Q W d l I D I 1 L T M 0 L D g 1 f S Z x d W 9 0 O y w m c X V v d D t T Z W N 0 a W 9 u M S 9 E Y X R h M S 9 D a G F u Z 2 V k I F R 5 c G U u e 0 F n Z S A z N S 0 0 N C w 4 N n 0 m c X V v d D s s J n F 1 b 3 Q 7 U 2 V j d G l v b j E v R G F 0 Y T E v Q 2 h h b m d l Z C B U e X B l L n t B Z 2 U g N D U t N T Q s O D d 9 J n F 1 b 3 Q 7 L C Z x d W 9 0 O 1 N l Y 3 R p b 2 4 x L 0 R h d G E x L 0 N o Y W 5 n Z W Q g V H l w Z S 5 7 Q W d l I D U 1 L T Y 0 L D g 4 f S Z x d W 9 0 O y w m c X V v d D t T Z W N 0 a W 9 u M S 9 E Y X R h M S 9 D a G F u Z 2 V k I F R 5 c G U u e 0 F n Z S A 2 N S s s O D l 9 J n F 1 b 3 Q 7 L C Z x d W 9 0 O 1 N l Y 3 R p b 2 4 x L 0 R h d G E x L 0 N o Y W 5 n Z W Q g V H l w Z S 5 7 Q W d l I D E 0 L T E 4 I C U g b 2 Y g U m V n a W 9 u L D k w f S Z x d W 9 0 O y w m c X V v d D t T Z W N 0 a W 9 u M S 9 E Y X R h M S 9 D a G F u Z 2 V k I F R 5 c G U u e 0 F n Z S A x O S 0 y M S A l I G 9 m I F J l Z 2 l v b i w 5 M X 0 m c X V v d D s s J n F 1 b 3 Q 7 U 2 V j d G l v b j E v R G F 0 Y T E v Q 2 h h b m d l Z C B U e X B l L n t B Z 2 U g M j I t M j Q g J S B v Z i B S Z W d p b 2 4 s O T J 9 J n F 1 b 3 Q 7 L C Z x d W 9 0 O 1 N l Y 3 R p b 2 4 x L 0 R h d G E x L 0 N o Y W 5 n Z W Q g V H l w Z S 5 7 Q W d l I D I 1 L T M 0 I C U g b 2 Y g U m V n a W 9 u L D k z f S Z x d W 9 0 O y w m c X V v d D t T Z W N 0 a W 9 u M S 9 E Y X R h M S 9 D a G F u Z 2 V k I F R 5 c G U u e 0 F n Z S A z N S 0 0 N C A l I G 9 m I F J l Z 2 l v b i w 5 N H 0 m c X V v d D s s J n F 1 b 3 Q 7 U 2 V j d G l v b j E v R G F 0 Y T E v Q 2 h h b m d l Z C B U e X B l L n t B Z 2 U g N D U t N T Q g J S B v Z i B S Z W d p b 2 4 s O T V 9 J n F 1 b 3 Q 7 L C Z x d W 9 0 O 1 N l Y 3 R p b 2 4 x L 0 R h d G E x L 0 N o Y W 5 n Z W Q g V H l w Z S 5 7 Q W d l I D U 1 L T Y 0 I C U g b 2 Y g U m V n a W 9 u L D k 2 f S Z x d W 9 0 O y w m c X V v d D t T Z W N 0 a W 9 u M S 9 E Y X R h M S 9 D a G F u Z 2 V k I F R 5 c G U u e 0 F n Z S A 2 N S s g J S B v Z i B S Z W d p b 2 4 s O T d 9 J n F 1 b 3 Q 7 L C Z x d W 9 0 O 1 N l Y 3 R p b 2 4 x L 0 R h d G E x L 0 N o Y W 5 n Z W Q g V H l w Z S 5 7 T W F s Z X M s O T h 9 J n F 1 b 3 Q 7 L C Z x d W 9 0 O 1 N l Y 3 R p b 2 4 x L 0 R h d G E x L 0 N o Y W 5 n Z W Q g V H l w Z S 5 7 R m V t Y W x l c y w 5 O X 0 m c X V v d D s s J n F 1 b 3 Q 7 U 2 V j d G l v b j E v R G F 0 Y T E v Q 2 h h b m d l Z C B U e X B l L n t B d m c u I E V h c m 5 p b m d z I F B l c i B K b 2 I s M T A w f S Z x d W 9 0 O y w m c X V v d D t T Z W N 0 a W 9 u M S 9 E Y X R h M S 9 D a G F u Z 2 V k I F R 5 c G U u e z I w M D E g T G 9 j Y X R p b 2 4 g U X V v d G l l b n Q s M T A x f S Z x d W 9 0 O y w m c X V v d D t T Z W N 0 a W 9 u M S 9 E Y X R h M S 9 D a G F u Z 2 V k I F R 5 c G U u e z I w M D I g T G 9 j Y X R p b 2 4 g U X V v d G l l b n Q s M T A y f S Z x d W 9 0 O y w m c X V v d D t T Z W N 0 a W 9 u M S 9 E Y X R h M S 9 D a G F u Z 2 V k I F R 5 c G U u e z I w M D M g T G 9 j Y X R p b 2 4 g U X V v d G l l b n Q s M T A z f S Z x d W 9 0 O y w m c X V v d D t T Z W N 0 a W 9 u M S 9 E Y X R h M S 9 D a G F u Z 2 V k I F R 5 c G U u e z I w M D Q g T G 9 j Y X R p b 2 4 g U X V v d G l l b n Q s M T A 0 f S Z x d W 9 0 O y w m c X V v d D t T Z W N 0 a W 9 u M S 9 E Y X R h M S 9 D a G F u Z 2 V k I F R 5 c G U u e z I w M D U g T G 9 j Y X R p b 2 4 g U X V v d G l l b n Q s M T A 1 f S Z x d W 9 0 O y w m c X V v d D t T Z W N 0 a W 9 u M S 9 E Y X R h M S 9 D a G F u Z 2 V k I F R 5 c G U u e z I w M D Y g T G 9 j Y X R p b 2 4 g U X V v d G l l b n Q s M T A 2 f S Z x d W 9 0 O y w m c X V v d D t T Z W N 0 a W 9 u M S 9 E Y X R h M S 9 D a G F u Z 2 V k I F R 5 c G U u e z I w M D c g T G 9 j Y X R p b 2 4 g U X V v d G l l b n Q s M T A 3 f S Z x d W 9 0 O y w m c X V v d D t T Z W N 0 a W 9 u M S 9 E Y X R h M S 9 D a G F u Z 2 V k I F R 5 c G U u e z I w M D g g T G 9 j Y X R p b 2 4 g U X V v d G l l b n Q s M T A 4 f S Z x d W 9 0 O y w m c X V v d D t T Z W N 0 a W 9 u M S 9 E Y X R h M S 9 D a G F u Z 2 V k I F R 5 c G U u e z I w M D k g T G 9 j Y X R p b 2 4 g U X V v d G l l b n Q s M T A 5 f S Z x d W 9 0 O y w m c X V v d D t T Z W N 0 a W 9 u M S 9 E Y X R h M S 9 D a G F u Z 2 V k I F R 5 c G U u e z I w M T A g T G 9 j Y X R p b 2 4 g U X V v d G l l b n Q s M T E w f S Z x d W 9 0 O y w m c X V v d D t T Z W N 0 a W 9 u M S 9 E Y X R h M S 9 D a G F u Z 2 V k I F R 5 c G U u e z I w M T E g T G 9 j Y X R p b 2 4 g U X V v d G l l b n Q s M T E x f S Z x d W 9 0 O y w m c X V v d D t T Z W N 0 a W 9 u M S 9 E Y X R h M S 9 D a G F u Z 2 V k I F R 5 c G U u e z I w M T I g T G 9 j Y X R p b 2 4 g U X V v d G l l b n Q s M T E y f S Z x d W 9 0 O y w m c X V v d D t T Z W N 0 a W 9 u M S 9 E Y X R h M S 9 D a G F u Z 2 V k I F R 5 c G U u e z I w M T M g T G 9 j Y X R p b 2 4 g U X V v d G l l b n Q s M T E z f S Z x d W 9 0 O y w m c X V v d D t T Z W N 0 a W 9 u M S 9 E Y X R h M S 9 D a G F u Z 2 V k I F R 5 c G U u e z I w M T Q g T G 9 j Y X R p b 2 4 g U X V v d G l l b n Q s M T E 0 f S Z x d W 9 0 O y w m c X V v d D t T Z W N 0 a W 9 u M S 9 E Y X R h M S 9 D a G F u Z 2 V k I F R 5 c G U u e z I w M T U g T G 9 j Y X R p b 2 4 g U X V v d G l l b n Q s M T E 1 f S Z x d W 9 0 O y w m c X V v d D t T Z W N 0 a W 9 u M S 9 E Y X R h M S 9 D a G F u Z 2 V k I F R 5 c G U u e z I w M T Y g T G 9 j Y X R p b 2 4 g U X V v d G l l b n Q s M T E 2 f S Z x d W 9 0 O y w m c X V v d D t T Z W N 0 a W 9 u M S 9 E Y X R h M S 9 D a G F u Z 2 V k I F R 5 c G U u e z I w M T c g T G 9 j Y X R p b 2 4 g U X V v d G l l b n Q s M T E 3 f S Z x d W 9 0 O 1 0 s J n F 1 b 3 Q 7 U m V s Y X R p b 2 5 z a G l w S W 5 m b y Z x d W 9 0 O z p b X X 0 i I C 8 + P E V u d H J 5 I F R 5 c G U 9 I k Z p b G x M Y X N 0 V X B k Y X R l Z C I g V m F s d W U 9 I m Q y M D E 3 L T A 2 L T E 2 V D E 2 O j I 4 O j Q 4 L j g 4 M j E 2 N j R a I i A v P j x F b n R y e S B U e X B l P S J G a W x s R X J y b 3 J D b 2 R l I i B W Y W x 1 Z T 0 i c 1 V u a 2 5 v d 2 4 i I C 8 + P E V u d H J 5 I F R 5 c G U 9 I k Z p b G x D b 2 x 1 b W 5 O Y W 1 l c y I g V m F s d W U 9 I n N b J n F 1 b 3 Q 7 U 2 V j d G 9 y J n F 1 b 3 Q 7 L C Z x d W 9 0 O 0 R l c 2 N y a X B 0 a W 9 u J n F 1 b 3 Q 7 L C Z x d W 9 0 O 0 Z J U F M m c X V v d D s s J n F 1 b 3 Q 7 T m F t Z S Z x d W 9 0 O y w m c X V v d D s y M D A x I C 0 g M j A x N y B D a G F u Z 2 U m c X V v d D s s J n F 1 b 3 Q 7 M j A w M S A t I D I w M T c g J S B D a G F u Z 2 U m c X V v d D s s J n F 1 b 3 Q 7 M j A w M S A t I D I w M D c g Q 2 h h b m d l J n F 1 b 3 Q 7 L C Z x d W 9 0 O z I w M D E g L S A y M D A 3 I C U g Q 2 h h b m d l J n F 1 b 3 Q 7 L C Z x d W 9 0 O z I w M D c g L S A y M D E w I E N o Y W 5 n Z S Z x d W 9 0 O y w m c X V v d D s y M D A 3 I C 0 g M j A x M C A l I E N o Y W 5 n Z S Z x d W 9 0 O y w m c X V v d D s y M D E w I C 0 g M j A x N y B D a G F u Z 2 U m c X V v d D s s J n F 1 b 3 Q 7 M j A x M C A t I D I w M T c g J S B D a G F u Z 2 U m c X V v d D s s J n F 1 b 3 Q 7 M j A w N y A t I D I w M T c g Q 2 h h b m d l J n F 1 b 3 Q 7 L C Z x d W 9 0 O z I w M D c g L S A y M D E 3 I C U g Q 2 h h b m d l J n F 1 b 3 Q 7 L C Z x d W 9 0 O z I w M D E g S m 9 i c y Z x d W 9 0 O y w m c X V v d D s y M D A y I E p v Y n M m c X V v d D s s J n F 1 b 3 Q 7 M j A w M y B K b 2 J z J n F 1 b 3 Q 7 L C Z x d W 9 0 O z I w M D Q g S m 9 i c y Z x d W 9 0 O y w m c X V v d D s y M D A 1 I E p v Y n M m c X V v d D s s J n F 1 b 3 Q 7 M j A w N i B K b 2 J z J n F 1 b 3 Q 7 L C Z x d W 9 0 O z I w M D c g S m 9 i c y Z x d W 9 0 O y w m c X V v d D s y M D A 4 I E p v Y n M m c X V v d D s s J n F 1 b 3 Q 7 M j A w O S B K b 2 J z J n F 1 b 3 Q 7 L C Z x d W 9 0 O z I w M T A g S m 9 i c y Z x d W 9 0 O y w m c X V v d D s y M D E x I E p v Y n M m c X V v d D s s J n F 1 b 3 Q 7 M j A x M i B K b 2 J z J n F 1 b 3 Q 7 L C Z x d W 9 0 O z I w M T M g S m 9 i c y Z x d W 9 0 O y w m c X V v d D s y M D E 0 I E p v Y n M m c X V v d D s s J n F 1 b 3 Q 7 M j A x N S B K b 2 J z J n F 1 b 3 Q 7 L C Z x d W 9 0 O z I w M T Y g S m 9 i c y Z x d W 9 0 O y w m c X V v d D s y M D E 3 I E p v Y n M m c X V v d D s s J n F 1 b 3 Q 7 M j A w M S A t I D I w M T Y g Q 2 h h b m d l J n F 1 b 3 Q 7 L C Z x d W 9 0 O z I w M D E g L S A y M D E 2 I C U g Q 2 h h b m d l J n F 1 b 3 Q 7 L C Z x d W 9 0 O z I w M D E g L S A y M D A 3 I E N o Y W 5 n Z V 8 x J n F 1 b 3 Q 7 L C Z x d W 9 0 O z I w M D E g L S A y M D A 3 I C U g Q 2 h h b m d l X z I m c X V v d D s s J n F 1 b 3 Q 7 M j A w N y A t I D I w M T A g Q 2 h h b m d l X z M m c X V v d D s s J n F 1 b 3 Q 7 M j A w N y A t I D I w M T A g J S B D a G F u Z 2 V f N C Z x d W 9 0 O y w m c X V v d D s y M D E w I C 0 g M j A x N i B D a G F u Z 2 U m c X V v d D s s J n F 1 b 3 Q 7 M j A x M C A t I D I w M T Y g J S B D a G F u Z 2 U m c X V v d D s s J n F 1 b 3 Q 7 M j A w N y A t I D I w M T Y g Q 2 h h b m d l J n F 1 b 3 Q 7 L C Z x d W 9 0 O z I w M D c g L S A y M D E 2 I C U g Q 2 h h b m d l J n F 1 b 3 Q 7 L C Z x d W 9 0 O z I w M D E g V G 9 0 Y W w g R W F y b m l u Z 3 M m c X V v d D s s J n F 1 b 3 Q 7 M j A w M i B U b 3 R h b C B F Y X J u a W 5 n c y Z x d W 9 0 O y w m c X V v d D s y M D A z I F R v d G F s I E V h c m 5 p b m d z J n F 1 b 3 Q 7 L C Z x d W 9 0 O z I w M D Q g V G 9 0 Y W w g R W F y b m l u Z 3 M m c X V v d D s s J n F 1 b 3 Q 7 M j A w N S B U b 3 R h b C B F Y X J u a W 5 n c y Z x d W 9 0 O y w m c X V v d D s y M D A 2 I F R v d G F s I E V h c m 5 p b m d z J n F 1 b 3 Q 7 L C Z x d W 9 0 O z I w M D c g V G 9 0 Y W w g R W F y b m l u Z 3 M m c X V v d D s s J n F 1 b 3 Q 7 M j A w O C B U b 3 R h b C B F Y X J u a W 5 n c y Z x d W 9 0 O y w m c X V v d D s y M D A 5 I F R v d G F s I E V h c m 5 p b m d z J n F 1 b 3 Q 7 L C Z x d W 9 0 O z I w M T A g V G 9 0 Y W w g R W F y b m l u Z 3 M m c X V v d D s s J n F 1 b 3 Q 7 M j A x M S B U b 3 R h b C B F Y X J u a W 5 n c y Z x d W 9 0 O y w m c X V v d D s y M D E y I F R v d G F s I E V h c m 5 p b m d z J n F 1 b 3 Q 7 L C Z x d W 9 0 O z I w M T M g V G 9 0 Y W w g R W F y b m l u Z 3 M m c X V v d D s s J n F 1 b 3 Q 7 M j A x N C B U b 3 R h b C B F Y X J u a W 5 n c y Z x d W 9 0 O y w m c X V v d D s y M D E 1 I F R v d G F s I E V h c m 5 p b m d z J n F 1 b 3 Q 7 L C Z x d W 9 0 O z I w M T Y g V G 9 0 Y W w g R W F y b m l u Z 3 M m c X V v d D s s J n F 1 b 3 Q 7 M j A w M S A t I D I w M T Y g Q 2 h h b m d l X z U m c X V v d D s s J n F 1 b 3 Q 7 M j A w M S A t I D I w M T Y g J S B D a G F u Z 2 V f N i Z x d W 9 0 O y w m c X V v d D s y M D A x I C 0 g M j A w N y B D a G F u Z 2 V f N y Z x d W 9 0 O y w m c X V v d D s y M D A x I C 0 g M j A w N y A l I E N o Y W 5 n Z V 8 4 J n F 1 b 3 Q 7 L C Z x d W 9 0 O z I w M D c g L S A y M D E w I E N o Y W 5 n Z V 8 5 J n F 1 b 3 Q 7 L C Z x d W 9 0 O z I w M D c g L S A y M D E w I C U g Q 2 h h b m d l X z E w J n F 1 b 3 Q 7 L C Z x d W 9 0 O z I w M D Q g U G F 5 c m 9 s b G V k I E J 1 c 2 l u Z X N z I E x v Y 2 F 0 a W 9 u c y Z x d W 9 0 O y w m c X V v d D s y M D A 1 I F B h e X J v b G x l Z C B C d X N p b m V z c y B M b 2 N h d G l v b n M m c X V v d D s s J n F 1 b 3 Q 7 M j A w N i B Q Y X l y b 2 x s Z W Q g Q n V z a W 5 l c 3 M g T G 9 j Y X R p b 2 5 z J n F 1 b 3 Q 7 L C Z x d W 9 0 O z I w M D c g U G F 5 c m 9 s b G V k I E J 1 c 2 l u Z X N z I E x v Y 2 F 0 a W 9 u c y Z x d W 9 0 O y w m c X V v d D s y M D A 4 I F B h e X J v b G x l Z C B C d X N p b m V z c y B M b 2 N h d G l v b n M m c X V v d D s s J n F 1 b 3 Q 7 M j A w O S B Q Y X l y b 2 x s Z W Q g Q n V z a W 5 l c 3 M g T G 9 j Y X R p b 2 5 z J n F 1 b 3 Q 7 L C Z x d W 9 0 O z I w M T A g U G F 5 c m 9 s b G V k I E J 1 c 2 l u Z X N z I E x v Y 2 F 0 a W 9 u c y Z x d W 9 0 O y w m c X V v d D s y M D E x I F B h e X J v b G x l Z C B C d X N p b m V z c y B M b 2 N h d G l v b n M m c X V v d D s s J n F 1 b 3 Q 7 M j A x M i B Q Y X l y b 2 x s Z W Q g Q n V z a W 5 l c 3 M g T G 9 j Y X R p b 2 5 z J n F 1 b 3 Q 7 L C Z x d W 9 0 O z I w M T M g U G F 5 c m 9 s b G V k I E J 1 c 2 l u Z X N z I E x v Y 2 F 0 a W 9 u c y Z x d W 9 0 O y w m c X V v d D s y M D E 0 I F B h e X J v b G x l Z C B C d X N p b m V z c y B M b 2 N h d G l v b n M m c X V v d D s s J n F 1 b 3 Q 7 M j A x N S B Q Y X l y b 2 x s Z W Q g Q n V z a W 5 l c 3 M g T G 9 j Y X R p b 2 5 z J n F 1 b 3 Q 7 L C Z x d W 9 0 O z I w M T Y g U G F 5 c m 9 s b G V k I E J 1 c 2 l u Z X N z I E x v Y 2 F 0 a W 9 u c y Z x d W 9 0 O y w m c X V v d D t D b 2 1 w Z X R p d G l 2 Z S B F Z m Z l Y 3 Q m c X V v d D s s J n F 1 b 3 Q 7 S W 5 k L i B N a X g g R W Z m Z W N 0 J n F 1 b 3 Q 7 L C Z x d W 9 0 O 0 5 h d F x 1 M D A y N 2 w g R 3 J v d 3 R o I E V m Z m V j d C Z x d W 9 0 O y w m c X V v d D t F e H B l Y 3 R l Z C B D a G F u Z 2 U m c X V v d D s s J n F 1 b 3 Q 7 T W F s Z X M g J S B v Z i B S Z W d p b 2 4 m c X V v d D s s J n F 1 b 3 Q 7 R m V t Y W x l c y A l I G 9 m I F J l Z 2 l v b i Z x d W 9 0 O y w m c X V v d D t B Z 2 U g M T Q t M T g m c X V v d D s s J n F 1 b 3 Q 7 Q W d l I D E 5 L T I x J n F 1 b 3 Q 7 L C Z x d W 9 0 O 0 F n Z S A y M i 0 y N C Z x d W 9 0 O y w m c X V v d D t B Z 2 U g M j U t M z Q m c X V v d D s s J n F 1 b 3 Q 7 Q W d l I D M 1 L T Q 0 J n F 1 b 3 Q 7 L C Z x d W 9 0 O 0 F n Z S A 0 N S 0 1 N C Z x d W 9 0 O y w m c X V v d D t B Z 2 U g N T U t N j Q m c X V v d D s s J n F 1 b 3 Q 7 Q W d l I D Y 1 K y Z x d W 9 0 O y w m c X V v d D t B Z 2 U g M T Q t M T g g J S B v Z i B S Z W d p b 2 4 m c X V v d D s s J n F 1 b 3 Q 7 Q W d l I D E 5 L T I x I C U g b 2 Y g U m V n a W 9 u J n F 1 b 3 Q 7 L C Z x d W 9 0 O 0 F n Z S A y M i 0 y N C A l I G 9 m I F J l Z 2 l v b i Z x d W 9 0 O y w m c X V v d D t B Z 2 U g M j U t M z Q g J S B v Z i B S Z W d p b 2 4 m c X V v d D s s J n F 1 b 3 Q 7 Q W d l I D M 1 L T Q 0 I C U g b 2 Y g U m V n a W 9 u J n F 1 b 3 Q 7 L C Z x d W 9 0 O 0 F n Z S A 0 N S 0 1 N C A l I G 9 m I F J l Z 2 l v b i Z x d W 9 0 O y w m c X V v d D t B Z 2 U g N T U t N j Q g J S B v Z i B S Z W d p b 2 4 m c X V v d D s s J n F 1 b 3 Q 7 Q W d l I D Y 1 K y A l I G 9 m I F J l Z 2 l v b i Z x d W 9 0 O y w m c X V v d D t N Y W x l c y Z x d W 9 0 O y w m c X V v d D t G Z W 1 h b G V z J n F 1 b 3 Q 7 L C Z x d W 9 0 O 0 F 2 Z y 4 g R W F y b m l u Z 3 M g U G V y I E p v Y i Z x d W 9 0 O y w m c X V v d D s y M D A x I E x v Y 2 F 0 a W 9 u I F F 1 b 3 R p Z W 5 0 J n F 1 b 3 Q 7 L C Z x d W 9 0 O z I w M D I g T G 9 j Y X R p b 2 4 g U X V v d G l l b n Q m c X V v d D s s J n F 1 b 3 Q 7 M j A w M y B M b 2 N h d G l v b i B R d W 9 0 a W V u d C Z x d W 9 0 O y w m c X V v d D s y M D A 0 I E x v Y 2 F 0 a W 9 u I F F 1 b 3 R p Z W 5 0 J n F 1 b 3 Q 7 L C Z x d W 9 0 O z I w M D U g T G 9 j Y X R p b 2 4 g U X V v d G l l b n Q m c X V v d D s s J n F 1 b 3 Q 7 M j A w N i B M b 2 N h d G l v b i B R d W 9 0 a W V u d C Z x d W 9 0 O y w m c X V v d D s y M D A 3 I E x v Y 2 F 0 a W 9 u I F F 1 b 3 R p Z W 5 0 J n F 1 b 3 Q 7 L C Z x d W 9 0 O z I w M D g g T G 9 j Y X R p b 2 4 g U X V v d G l l b n Q m c X V v d D s s J n F 1 b 3 Q 7 M j A w O S B M b 2 N h d G l v b i B R d W 9 0 a W V u d C Z x d W 9 0 O y w m c X V v d D s y M D E w I E x v Y 2 F 0 a W 9 u I F F 1 b 3 R p Z W 5 0 J n F 1 b 3 Q 7 L C Z x d W 9 0 O z I w M T E g T G 9 j Y X R p b 2 4 g U X V v d G l l b n Q m c X V v d D s s J n F 1 b 3 Q 7 M j A x M i B M b 2 N h d G l v b i B R d W 9 0 a W V u d C Z x d W 9 0 O y w m c X V v d D s y M D E z I E x v Y 2 F 0 a W 9 u I F F 1 b 3 R p Z W 5 0 J n F 1 b 3 Q 7 L C Z x d W 9 0 O z I w M T Q g T G 9 j Y X R p b 2 4 g U X V v d G l l b n Q m c X V v d D s s J n F 1 b 3 Q 7 M j A x N S B M b 2 N h d G l v b i B R d W 9 0 a W V u d C Z x d W 9 0 O y w m c X V v d D s y M D E 2 I E x v Y 2 F 0 a W 9 u I F F 1 b 3 R p Z W 5 0 J n F 1 b 3 Q 7 L C Z x d W 9 0 O z I w M T c g T G 9 j Y X R p b 2 4 g U X V v d G l l b n Q m c X V v d D t d I i A v P j x F b n R y e S B U e X B l P S J G a W x s Q 2 9 s d W 1 u V H l w Z X M i I F Z h b H V l P S J z Q X d Z R 0 J n T U Z C U U F G Q U F V Q U J R Q U Z C U V V G Q l F V R k J R V U Z C U V V G Q l F V R k J R V U F C U U F G Q U F V Q U J R Q U Z C U V V G Q l F V R k J R V U Z C U V V G Q l F V R k F B Q U F B Q U F B Q X d N R E F 3 T U R B d 0 1 E Q X d N R E J R V U Z C U U 1 G Q l F V R k J R V U Z C U V V G Q l F V R k J R V U Z C U V V G Q l F V R k J R V U Z C U V V G Q l F V R k J R V U Z C U V V G Q l E 9 P S I g L z 4 8 R W 5 0 c n k g V H l w Z T 0 i R m l s b E V y c m 9 y Q 2 9 1 b n Q i I F Z h b H V l P S J s N D c 2 I i A v P j x F b n R y e S B U e X B l P S J G a W x s Q 2 9 1 b n Q i I F Z h b H V l P S J s M j Q 1 M C I g L z 4 8 R W 5 0 c n k g V H l w Z T 0 i R m l s b F N 0 Y X R 1 c y I g V m F s d W U 9 I n N D b 2 1 w b G V 0 Z S I g L z 4 8 R W 5 0 c n k g V H l w Z T 0 i R m l s b G V k Q 2 9 t c G x l d G V S Z X N 1 b H R U b 1 d v c m t z a G V l d C I g V m F s d W U 9 I m w w I i A v P j x F b n R y e S B U e X B l P S J B Z G R l Z F R v R G F 0 Y U 1 v Z G V s I i B W Y W x 1 Z T 0 i b D E i I C 8 + P E V u d H J 5 I F R 5 c G U 9 I l F 1 Z X J 5 S U Q i I F Z h b H V l P S J z N 2 I y O W E 5 Y T c t Y 2 E x O S 0 0 Y T R i L T g 2 N W E t M W U 5 Z j Q 2 N G F m Y T J m I i A v P j w v U 3 R h Y m x l R W 5 0 c m l l c z 4 8 L 0 l 0 Z W 0 + P E l 0 Z W 0 + P E l 0 Z W 1 M b 2 N h d G l v b j 4 8 S X R l b V R 5 c G U + R m 9 y b X V s Y T w v S X R l b V R 5 c G U + P E l 0 Z W 1 Q Y X R o P l N l Y 3 R p b 2 4 x L 0 R h d G E x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R h d G E x L 0 R h d G E x X 1 N o Z W V 0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R G F 0 Y T E v U H J v b W 9 0 Z W Q l M j B I Z W F k Z X J z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R G F 0 Y T E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N Z X J n Z T E 8 L 0 l 0 Z W 1 Q Y X R o P j w v S X R l b U x v Y 2 F 0 a W 9 u P j x T d G F i b G V F b n R y a W V z P j x F b n R y e S B U e X B l P S J J c 1 B y a X Z h d G U i I F Z h b H V l P S J s M C I g L z 4 8 R W 5 0 c n k g V H l w Z T 0 i U m V z d W x 0 V H l w Z S I g V m F s d W U 9 I n N U Y W J s Z S I g L z 4 8 R W 5 0 c n k g V H l w Z T 0 i Q n V m Z m V y T m V 4 d F J l Z n J l c 2 g i I F Z h b H V l P S J s M S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R m l s b F N 0 Y X R 1 c y I g V m F s d W U 9 I n N D b 2 1 w b G V 0 Z S I g L z 4 8 R W 5 0 c n k g V H l w Z T 0 i R m l s b E N v d W 5 0 I i B W Y W x 1 Z T 0 i b D I 0 N T A i I C 8 + P E V u d H J 5 I F R 5 c G U 9 I k Z p b G x F c n J v c k N v d W 5 0 I i B W Y W x 1 Z T 0 i b D Q 3 N i I g L z 4 8 R W 5 0 c n k g V H l w Z T 0 i R m l s b E N v b H V t b l R 5 c G V z I i B W Y W x 1 Z T 0 i c 0 F 3 W U d C Z 0 1 G Q l F B R k F B V U F C U U F G Q l F V R k J R V U Z C U V V G Q l F V R k J R V U Z C U V V B Q l F B R k F B V U F C U U F G Q l F V R k J R V U Z C U V V G Q l F V R k J R V U Z B Q U F B Q U F B Q U F 3 T U R B d 0 1 E Q X d N R E F 3 T U R C U V V G Q l F N R k J R V U Z C U V V G Q l F V R k J R V U Z C U V V G Q l F V R k J R V U Z C U V V G Q l F V R k J R V U Z C U V V G Q l F V R k J R W U d C Z 1 l E Q X d Z R 0 J n W U d B d 0 1 E Q m d N R 0 F B Q T 0 i I C 8 + P E V u d H J 5 I F R 5 c G U 9 I k Z p b G x D b 2 x 1 b W 5 O Y W 1 l c y I g V m F s d W U 9 I n N b J n F 1 b 3 Q 7 U 2 V j d G 9 y J n F 1 b 3 Q 7 L C Z x d W 9 0 O 0 R l c 2 N y a X B 0 a W 9 u J n F 1 b 3 Q 7 L C Z x d W 9 0 O 0 Z J U F M m c X V v d D s s J n F 1 b 3 Q 7 T m F t Z S Z x d W 9 0 O y w m c X V v d D s y M D A x I C 0 g M j A x N y B D a G F u Z 2 U m c X V v d D s s J n F 1 b 3 Q 7 M j A w M S A t I D I w M T c g J S B D a G F u Z 2 U m c X V v d D s s J n F 1 b 3 Q 7 M j A w M S A t I D I w M D c g Q 2 h h b m d l J n F 1 b 3 Q 7 L C Z x d W 9 0 O z I w M D E g L S A y M D A 3 I C U g Q 2 h h b m d l J n F 1 b 3 Q 7 L C Z x d W 9 0 O z I w M D c g L S A y M D E w I E N o Y W 5 n Z S Z x d W 9 0 O y w m c X V v d D s y M D A 3 I C 0 g M j A x M C A l I E N o Y W 5 n Z S Z x d W 9 0 O y w m c X V v d D s y M D E w I C 0 g M j A x N y B D a G F u Z 2 U m c X V v d D s s J n F 1 b 3 Q 7 M j A x M C A t I D I w M T c g J S B D a G F u Z 2 U m c X V v d D s s J n F 1 b 3 Q 7 M j A w N y A t I D I w M T c g Q 2 h h b m d l J n F 1 b 3 Q 7 L C Z x d W 9 0 O z I w M D c g L S A y M D E 3 I C U g Q 2 h h b m d l J n F 1 b 3 Q 7 L C Z x d W 9 0 O z I w M D E g S m 9 i c y Z x d W 9 0 O y w m c X V v d D s y M D A y I E p v Y n M m c X V v d D s s J n F 1 b 3 Q 7 M j A w M y B K b 2 J z J n F 1 b 3 Q 7 L C Z x d W 9 0 O z I w M D Q g S m 9 i c y Z x d W 9 0 O y w m c X V v d D s y M D A 1 I E p v Y n M m c X V v d D s s J n F 1 b 3 Q 7 M j A w N i B K b 2 J z J n F 1 b 3 Q 7 L C Z x d W 9 0 O z I w M D c g S m 9 i c y Z x d W 9 0 O y w m c X V v d D s y M D A 4 I E p v Y n M m c X V v d D s s J n F 1 b 3 Q 7 M j A w O S B K b 2 J z J n F 1 b 3 Q 7 L C Z x d W 9 0 O z I w M T A g S m 9 i c y Z x d W 9 0 O y w m c X V v d D s y M D E x I E p v Y n M m c X V v d D s s J n F 1 b 3 Q 7 M j A x M i B K b 2 J z J n F 1 b 3 Q 7 L C Z x d W 9 0 O z I w M T M g S m 9 i c y Z x d W 9 0 O y w m c X V v d D s y M D E 0 I E p v Y n M m c X V v d D s s J n F 1 b 3 Q 7 M j A x N S B K b 2 J z J n F 1 b 3 Q 7 L C Z x d W 9 0 O z I w M T Y g S m 9 i c y Z x d W 9 0 O y w m c X V v d D s y M D E 3 I E p v Y n M m c X V v d D s s J n F 1 b 3 Q 7 M j A w M S A t I D I w M T Y g Q 2 h h b m d l J n F 1 b 3 Q 7 L C Z x d W 9 0 O z I w M D E g L S A y M D E 2 I C U g Q 2 h h b m d l J n F 1 b 3 Q 7 L C Z x d W 9 0 O z I w M D E g L S A y M D A 3 I E N o Y W 5 n Z V 8 x J n F 1 b 3 Q 7 L C Z x d W 9 0 O z I w M D E g L S A y M D A 3 I C U g Q 2 h h b m d l X z I m c X V v d D s s J n F 1 b 3 Q 7 M j A w N y A t I D I w M T A g Q 2 h h b m d l X z M m c X V v d D s s J n F 1 b 3 Q 7 M j A w N y A t I D I w M T A g J S B D a G F u Z 2 V f N C Z x d W 9 0 O y w m c X V v d D s y M D E w I C 0 g M j A x N i B D a G F u Z 2 U m c X V v d D s s J n F 1 b 3 Q 7 M j A x M C A t I D I w M T Y g J S B D a G F u Z 2 U m c X V v d D s s J n F 1 b 3 Q 7 M j A w N y A t I D I w M T Y g Q 2 h h b m d l J n F 1 b 3 Q 7 L C Z x d W 9 0 O z I w M D c g L S A y M D E 2 I C U g Q 2 h h b m d l J n F 1 b 3 Q 7 L C Z x d W 9 0 O z I w M D E g V G 9 0 Y W w g R W F y b m l u Z 3 M m c X V v d D s s J n F 1 b 3 Q 7 M j A w M i B U b 3 R h b C B F Y X J u a W 5 n c y Z x d W 9 0 O y w m c X V v d D s y M D A z I F R v d G F s I E V h c m 5 p b m d z J n F 1 b 3 Q 7 L C Z x d W 9 0 O z I w M D Q g V G 9 0 Y W w g R W F y b m l u Z 3 M m c X V v d D s s J n F 1 b 3 Q 7 M j A w N S B U b 3 R h b C B F Y X J u a W 5 n c y Z x d W 9 0 O y w m c X V v d D s y M D A 2 I F R v d G F s I E V h c m 5 p b m d z J n F 1 b 3 Q 7 L C Z x d W 9 0 O z I w M D c g V G 9 0 Y W w g R W F y b m l u Z 3 M m c X V v d D s s J n F 1 b 3 Q 7 M j A w O C B U b 3 R h b C B F Y X J u a W 5 n c y Z x d W 9 0 O y w m c X V v d D s y M D A 5 I F R v d G F s I E V h c m 5 p b m d z J n F 1 b 3 Q 7 L C Z x d W 9 0 O z I w M T A g V G 9 0 Y W w g R W F y b m l u Z 3 M m c X V v d D s s J n F 1 b 3 Q 7 M j A x M S B U b 3 R h b C B F Y X J u a W 5 n c y Z x d W 9 0 O y w m c X V v d D s y M D E y I F R v d G F s I E V h c m 5 p b m d z J n F 1 b 3 Q 7 L C Z x d W 9 0 O z I w M T M g V G 9 0 Y W w g R W F y b m l u Z 3 M m c X V v d D s s J n F 1 b 3 Q 7 M j A x N C B U b 3 R h b C B F Y X J u a W 5 n c y Z x d W 9 0 O y w m c X V v d D s y M D E 1 I F R v d G F s I E V h c m 5 p b m d z J n F 1 b 3 Q 7 L C Z x d W 9 0 O z I w M T Y g V G 9 0 Y W w g R W F y b m l u Z 3 M m c X V v d D s s J n F 1 b 3 Q 7 M j A w M S A t I D I w M T Y g Q 2 h h b m d l X z U m c X V v d D s s J n F 1 b 3 Q 7 M j A w M S A t I D I w M T Y g J S B D a G F u Z 2 V f N i Z x d W 9 0 O y w m c X V v d D s y M D A x I C 0 g M j A w N y B D a G F u Z 2 V f N y Z x d W 9 0 O y w m c X V v d D s y M D A x I C 0 g M j A w N y A l I E N o Y W 5 n Z V 8 4 J n F 1 b 3 Q 7 L C Z x d W 9 0 O z I w M D c g L S A y M D E w I E N o Y W 5 n Z V 8 5 J n F 1 b 3 Q 7 L C Z x d W 9 0 O z I w M D c g L S A y M D E w I C U g Q 2 h h b m d l X z E w J n F 1 b 3 Q 7 L C Z x d W 9 0 O z I w M D Q g U G F 5 c m 9 s b G V k I E J 1 c 2 l u Z X N z I E x v Y 2 F 0 a W 9 u c y Z x d W 9 0 O y w m c X V v d D s y M D A 1 I F B h e X J v b G x l Z C B C d X N p b m V z c y B M b 2 N h d G l v b n M m c X V v d D s s J n F 1 b 3 Q 7 M j A w N i B Q Y X l y b 2 x s Z W Q g Q n V z a W 5 l c 3 M g T G 9 j Y X R p b 2 5 z J n F 1 b 3 Q 7 L C Z x d W 9 0 O z I w M D c g U G F 5 c m 9 s b G V k I E J 1 c 2 l u Z X N z I E x v Y 2 F 0 a W 9 u c y Z x d W 9 0 O y w m c X V v d D s y M D A 4 I F B h e X J v b G x l Z C B C d X N p b m V z c y B M b 2 N h d G l v b n M m c X V v d D s s J n F 1 b 3 Q 7 M j A w O S B Q Y X l y b 2 x s Z W Q g Q n V z a W 5 l c 3 M g T G 9 j Y X R p b 2 5 z J n F 1 b 3 Q 7 L C Z x d W 9 0 O z I w M T A g U G F 5 c m 9 s b G V k I E J 1 c 2 l u Z X N z I E x v Y 2 F 0 a W 9 u c y Z x d W 9 0 O y w m c X V v d D s y M D E x I F B h e X J v b G x l Z C B C d X N p b m V z c y B M b 2 N h d G l v b n M m c X V v d D s s J n F 1 b 3 Q 7 M j A x M i B Q Y X l y b 2 x s Z W Q g Q n V z a W 5 l c 3 M g T G 9 j Y X R p b 2 5 z J n F 1 b 3 Q 7 L C Z x d W 9 0 O z I w M T M g U G F 5 c m 9 s b G V k I E J 1 c 2 l u Z X N z I E x v Y 2 F 0 a W 9 u c y Z x d W 9 0 O y w m c X V v d D s y M D E 0 I F B h e X J v b G x l Z C B C d X N p b m V z c y B M b 2 N h d G l v b n M m c X V v d D s s J n F 1 b 3 Q 7 M j A x N S B Q Y X l y b 2 x s Z W Q g Q n V z a W 5 l c 3 M g T G 9 j Y X R p b 2 5 z J n F 1 b 3 Q 7 L C Z x d W 9 0 O z I w M T Y g U G F 5 c m 9 s b G V k I E J 1 c 2 l u Z X N z I E x v Y 2 F 0 a W 9 u c y Z x d W 9 0 O y w m c X V v d D t D b 2 1 w Z X R p d G l 2 Z S B F Z m Z l Y 3 Q m c X V v d D s s J n F 1 b 3 Q 7 S W 5 k L i B N a X g g R W Z m Z W N 0 J n F 1 b 3 Q 7 L C Z x d W 9 0 O 0 5 h d F x 1 M D A y N 2 w g R 3 J v d 3 R o I E V m Z m V j d C Z x d W 9 0 O y w m c X V v d D t F e H B l Y 3 R l Z C B D a G F u Z 2 U m c X V v d D s s J n F 1 b 3 Q 7 T W F s Z X M g J S B v Z i B S Z W d p b 2 4 m c X V v d D s s J n F 1 b 3 Q 7 R m V t Y W x l c y A l I G 9 m I F J l Z 2 l v b i Z x d W 9 0 O y w m c X V v d D t B Z 2 U g M T Q t M T g m c X V v d D s s J n F 1 b 3 Q 7 Q W d l I D E 5 L T I x J n F 1 b 3 Q 7 L C Z x d W 9 0 O 0 F n Z S A y M i 0 y N C Z x d W 9 0 O y w m c X V v d D t B Z 2 U g M j U t M z Q m c X V v d D s s J n F 1 b 3 Q 7 Q W d l I D M 1 L T Q 0 J n F 1 b 3 Q 7 L C Z x d W 9 0 O 0 F n Z S A 0 N S 0 1 N C Z x d W 9 0 O y w m c X V v d D t B Z 2 U g N T U t N j Q m c X V v d D s s J n F 1 b 3 Q 7 Q W d l I D Y 1 K y Z x d W 9 0 O y w m c X V v d D t B Z 2 U g M T Q t M T g g J S B v Z i B S Z W d p b 2 4 m c X V v d D s s J n F 1 b 3 Q 7 Q W d l I D E 5 L T I x I C U g b 2 Y g U m V n a W 9 u J n F 1 b 3 Q 7 L C Z x d W 9 0 O 0 F n Z S A y M i 0 y N C A l I G 9 m I F J l Z 2 l v b i Z x d W 9 0 O y w m c X V v d D t B Z 2 U g M j U t M z Q g J S B v Z i B S Z W d p b 2 4 m c X V v d D s s J n F 1 b 3 Q 7 Q W d l I D M 1 L T Q 0 I C U g b 2 Y g U m V n a W 9 u J n F 1 b 3 Q 7 L C Z x d W 9 0 O 0 F n Z S A 0 N S 0 1 N C A l I G 9 m I F J l Z 2 l v b i Z x d W 9 0 O y w m c X V v d D t B Z 2 U g N T U t N j Q g J S B v Z i B S Z W d p b 2 4 m c X V v d D s s J n F 1 b 3 Q 7 Q W d l I D Y 1 K y A l I G 9 m I F J l Z 2 l v b i Z x d W 9 0 O y w m c X V v d D t N Y W x l c y Z x d W 9 0 O y w m c X V v d D t G Z W 1 h b G V z J n F 1 b 3 Q 7 L C Z x d W 9 0 O 0 F 2 Z y 4 g R W F y b m l u Z 3 M g U G V y I E p v Y i Z x d W 9 0 O y w m c X V v d D s y M D A x I E x v Y 2 F 0 a W 9 u I F F 1 b 3 R p Z W 5 0 J n F 1 b 3 Q 7 L C Z x d W 9 0 O z I w M D I g T G 9 j Y X R p b 2 4 g U X V v d G l l b n Q m c X V v d D s s J n F 1 b 3 Q 7 M j A w M y B M b 2 N h d G l v b i B R d W 9 0 a W V u d C Z x d W 9 0 O y w m c X V v d D s y M D A 0 I E x v Y 2 F 0 a W 9 u I F F 1 b 3 R p Z W 5 0 J n F 1 b 3 Q 7 L C Z x d W 9 0 O z I w M D U g T G 9 j Y X R p b 2 4 g U X V v d G l l b n Q m c X V v d D s s J n F 1 b 3 Q 7 M j A w N i B M b 2 N h d G l v b i B R d W 9 0 a W V u d C Z x d W 9 0 O y w m c X V v d D s y M D A 3 I E x v Y 2 F 0 a W 9 u I F F 1 b 3 R p Z W 5 0 J n F 1 b 3 Q 7 L C Z x d W 9 0 O z I w M D g g T G 9 j Y X R p b 2 4 g U X V v d G l l b n Q m c X V v d D s s J n F 1 b 3 Q 7 M j A w O S B M b 2 N h d G l v b i B R d W 9 0 a W V u d C Z x d W 9 0 O y w m c X V v d D s y M D E w I E x v Y 2 F 0 a W 9 u I F F 1 b 3 R p Z W 5 0 J n F 1 b 3 Q 7 L C Z x d W 9 0 O z I w M T E g T G 9 j Y X R p b 2 4 g U X V v d G l l b n Q m c X V v d D s s J n F 1 b 3 Q 7 M j A x M i B M b 2 N h d G l v b i B R d W 9 0 a W V u d C Z x d W 9 0 O y w m c X V v d D s y M D E z I E x v Y 2 F 0 a W 9 u I F F 1 b 3 R p Z W 5 0 J n F 1 b 3 Q 7 L C Z x d W 9 0 O z I w M T Q g T G 9 j Y X R p b 2 4 g U X V v d G l l b n Q m c X V v d D s s J n F 1 b 3 Q 7 M j A x N S B M b 2 N h d G l v b i B R d W 9 0 a W V u d C Z x d W 9 0 O y w m c X V v d D s y M D E 2 I E x v Y 2 F 0 a W 9 u I F F 1 b 3 R p Z W 5 0 J n F 1 b 3 Q 7 L C Z x d W 9 0 O z I w M T c g T G 9 j Y X R p b 2 4 g U X V v d G l l b n Q m c X V v d D s s J n F 1 b 3 Q 7 T m V 3 Q 2 9 s d W 1 u L k d J U y B K b 2 l u I E 1 h d G N o I E N v Z G U m c X V v d D s s J n F 1 b 3 Q 7 T m V 3 Q 2 9 s d W 1 u L k N v d W 5 0 e S B O Y W 1 l J n F 1 b 3 Q 7 L C Z x d W 9 0 O 0 5 l d 0 N v b H V t b i 5 D T l R Z R k l Q U y Z x d W 9 0 O y w m c X V v d D t O Z X d D b 2 x 1 b W 4 u U 3 R y a W t l Z m 9 y Y 2 U m c X V v d D s s J n F 1 b 3 Q 7 T m V 3 Q 2 9 s d W 1 u L k N C U 0 F f Q 2 9 k Z S Z x d W 9 0 O y w m c X V v d D t O Z X d D b 2 x 1 b W 4 u Q 1 N B X 0 N v Z G U m c X V v d D s s J n F 1 b 3 Q 7 T m V 3 Q 2 9 s d W 1 u L k N C U 0 F f V G l 0 b G U m c X V v d D s s J n F 1 b 3 Q 7 T m V 3 Q 2 9 s d W 1 u L k 1 l d H J v c G 9 s a X Q m c X V v d D s s J n F 1 b 3 Q 7 T m V 3 Q 2 9 s d W 1 u L k N l b n R y Y W x f T 3 U m c X V v d D s s J n F 1 b 3 Q 7 T m V 3 Q 2 9 s d W 1 u L k 1 p Y 3 J v T W V 0 c m 8 m c X V v d D s s J n F 1 b 3 Q 7 T m V 3 Q 2 9 s d W 1 u L k N T Q V 9 U a X R s Z S Z x d W 9 0 O y w m c X V v d D t O Z X d D b 2 x 1 b W 4 u R k l Q U 1 9 T d G F 0 Z S Z x d W 9 0 O y w m c X V v d D t O Z X d D b 2 x 1 b W 4 u R k l Q U 1 9 D b 3 V u d C Z x d W 9 0 O y w m c X V v d D t O Z X d D b 2 x 1 b W 4 u V U l D X z I w M T M m c X V v d D s s J n F 1 b 3 Q 7 T m V 3 Q 2 9 s d W 1 u L l V J Q 1 8 y M D E z R G U m c X V v d D s s J n F 1 b 3 Q 7 T m V 3 Q 2 9 s d W 1 u L l J V Q 0 N f M j A x M y Z x d W 9 0 O y w m c X V v d D t O Z X d D b 2 x 1 b W 4 u U l V D Q 1 8 y M D E z R C Z x d W 9 0 O y w m c X V v d D t O Z X d D b 2 x 1 b W 4 u Q 2 9 s d W 1 u M T g m c X V v d D s s J n F 1 b 3 Q 7 T m V 3 Q 2 9 s d W 1 u L k N v b H V t b j E 5 J n F 1 b 3 Q 7 X S I g L z 4 8 R W 5 0 c n k g V H l w Z T 0 i R m l s b E V y c m 9 y Q 2 9 k Z S I g V m F s d W U 9 I n N V b m t u b 3 d u I i A v P j x F b n R y e S B U e X B l P S J G a W x s T G F z d F V w Z G F 0 Z W Q i I F Z h b H V l P S J k M j A x N y 0 w N i 0 x N l Q x N j o z M z o x O S 4 5 M D c 3 N z c 5 W i I g L z 4 8 R W 5 0 c n k g V H l w Z T 0 i R m l s b G V k Q 2 9 t c G x l d G V S Z X N 1 b H R U b 1 d v c m t z a G V l d C I g V m F s d W U 9 I m w x I i A v P j x F b n R y e S B U e X B l P S J B Z G R l Z F R v R G F 0 Y U 1 v Z G V s I i B W Y W x 1 Z T 0 i b D A i I C 8 + P E V u d H J 5 I F R 5 c G U 9 I l J l Y 2 9 2 Z X J 5 V G F y Z 2 V 0 U 2 h l Z X Q i I F Z h b H V l P S J z U 2 h l Z X Q y I i A v P j x F b n R y e S B U e X B l P S J S Z W N v d m V y e V R h c m d l d E N v b H V t b i I g V m F s d W U 9 I m w x I i A v P j x F b n R y e S B U e X B l P S J S Z W N v d m V y e V R h c m d l d F J v d y I g V m F s d W U 9 I m w x I i A v P j x F b n R y e S B U e X B l P S J O Y W 1 l V X B k Y X R l Z E F m d G V y R m l s b C I g V m F s d W U 9 I m w w I i A v P j x F b n R y e S B U e X B l P S J S Z W x h d G l v b n N o a X B J b m Z v Q 2 9 u d G F p b m V y I i B W Y W x 1 Z T 0 i c 3 s m c X V v d D t j b 2 x 1 b W 5 D b 3 V u d C Z x d W 9 0 O z o x M z c s J n F 1 b 3 Q 7 a 2 V 5 Q 2 9 s d W 1 u T m F t Z X M m c X V v d D s 6 W 1 0 s J n F 1 b 3 Q 7 c X V l c n l S Z W x h d G l v b n N o a X B z J n F 1 b 3 Q 7 O l t 7 J n F 1 b 3 Q 7 a 2 V 5 Q 2 9 s d W 1 u Q 2 9 1 b n Q m c X V v d D s 6 M S w m c X V v d D t r Z X l D b 2 x 1 b W 4 m c X V v d D s 6 M i w m c X V v d D t v d G h l c k t l e U N v b H V t b k l k Z W 5 0 a X R 5 J n F 1 b 3 Q 7 O i Z x d W 9 0 O 1 N l Y 3 R p b 2 4 x L 0 N v d W 5 0 e U N v Z G V z I C g y K S 9 D a G F u Z 2 V k I F R 5 c G U u e 0 N O V F l G S V B T L D J 9 J n F 1 b 3 Q 7 L C Z x d W 9 0 O 0 t l e U N v b H V t b k N v d W 5 0 J n F 1 b 3 Q 7 O j F 9 X S w m c X V v d D t j b 2 x 1 b W 5 J Z G V u d G l 0 a W V z J n F 1 b 3 Q 7 O l s m c X V v d D t T Z W N 0 a W 9 u M S 9 E Y X R h M S 9 D a G F u Z 2 V k I F R 5 c G U u e 1 N l Y 3 R v c i w w f S Z x d W 9 0 O y w m c X V v d D t T Z W N 0 a W 9 u M S 9 E Y X R h M S 9 D a G F u Z 2 V k I F R 5 c G U u e 0 R l c 2 N y a X B 0 a W 9 u L D F 9 J n F 1 b 3 Q 7 L C Z x d W 9 0 O 1 N l Y 3 R p b 2 4 x L 0 R h d G E x L 0 N o Y W 5 n Z W Q g V H l w Z S 5 7 R k l Q U y w y f S Z x d W 9 0 O y w m c X V v d D t T Z W N 0 a W 9 u M S 9 E Y X R h M S 9 D a G F u Z 2 V k I F R 5 c G U u e 0 5 h b W U s M 3 0 m c X V v d D s s J n F 1 b 3 Q 7 U 2 V j d G l v b j E v R G F 0 Y T E v Q 2 h h b m d l Z C B U e X B l L n s y M D A x I C 0 g M j A x N y B D a G F u Z 2 U s N H 0 m c X V v d D s s J n F 1 b 3 Q 7 U 2 V j d G l v b j E v R G F 0 Y T E v Q 2 h h b m d l Z C B U e X B l L n s y M D A x I C 0 g M j A x N y A l I E N o Y W 5 n Z S w 1 f S Z x d W 9 0 O y w m c X V v d D t T Z W N 0 a W 9 u M S 9 E Y X R h M S 9 D a G F u Z 2 V k I F R 5 c G U u e z I w M D E g L S A y M D A 3 I E N o Y W 5 n Z S w 2 f S Z x d W 9 0 O y w m c X V v d D t T Z W N 0 a W 9 u M S 9 E Y X R h M S 9 D a G F u Z 2 V k I F R 5 c G U u e z I w M D E g L S A y M D A 3 I C U g Q 2 h h b m d l L D d 9 J n F 1 b 3 Q 7 L C Z x d W 9 0 O 1 N l Y 3 R p b 2 4 x L 0 R h d G E x L 0 N o Y W 5 n Z W Q g V H l w Z S 5 7 M j A w N y A t I D I w M T A g Q 2 h h b m d l L D h 9 J n F 1 b 3 Q 7 L C Z x d W 9 0 O 1 N l Y 3 R p b 2 4 x L 0 R h d G E x L 0 N o Y W 5 n Z W Q g V H l w Z S 5 7 M j A w N y A t I D I w M T A g J S B D a G F u Z 2 U s O X 0 m c X V v d D s s J n F 1 b 3 Q 7 U 2 V j d G l v b j E v R G F 0 Y T E v Q 2 h h b m d l Z C B U e X B l L n s y M D E w I C 0 g M j A x N y B D a G F u Z 2 U s M T B 9 J n F 1 b 3 Q 7 L C Z x d W 9 0 O 1 N l Y 3 R p b 2 4 x L 0 R h d G E x L 0 N o Y W 5 n Z W Q g V H l w Z S 5 7 M j A x M C A t I D I w M T c g J S B D a G F u Z 2 U s M T F 9 J n F 1 b 3 Q 7 L C Z x d W 9 0 O 1 N l Y 3 R p b 2 4 x L 0 R h d G E x L 0 N o Y W 5 n Z W Q g V H l w Z S 5 7 M j A w N y A t I D I w M T c g Q 2 h h b m d l L D E y f S Z x d W 9 0 O y w m c X V v d D t T Z W N 0 a W 9 u M S 9 E Y X R h M S 9 D a G F u Z 2 V k I F R 5 c G U u e z I w M D c g L S A y M D E 3 I C U g Q 2 h h b m d l L D E z f S Z x d W 9 0 O y w m c X V v d D t T Z W N 0 a W 9 u M S 9 E Y X R h M S 9 D a G F u Z 2 V k I F R 5 c G U u e z I w M D E g S m 9 i c y w x N H 0 m c X V v d D s s J n F 1 b 3 Q 7 U 2 V j d G l v b j E v R G F 0 Y T E v Q 2 h h b m d l Z C B U e X B l L n s y M D A y I E p v Y n M s M T V 9 J n F 1 b 3 Q 7 L C Z x d W 9 0 O 1 N l Y 3 R p b 2 4 x L 0 R h d G E x L 0 N o Y W 5 n Z W Q g V H l w Z S 5 7 M j A w M y B K b 2 J z L D E 2 f S Z x d W 9 0 O y w m c X V v d D t T Z W N 0 a W 9 u M S 9 E Y X R h M S 9 D a G F u Z 2 V k I F R 5 c G U u e z I w M D Q g S m 9 i c y w x N 3 0 m c X V v d D s s J n F 1 b 3 Q 7 U 2 V j d G l v b j E v R G F 0 Y T E v Q 2 h h b m d l Z C B U e X B l L n s y M D A 1 I E p v Y n M s M T h 9 J n F 1 b 3 Q 7 L C Z x d W 9 0 O 1 N l Y 3 R p b 2 4 x L 0 R h d G E x L 0 N o Y W 5 n Z W Q g V H l w Z S 5 7 M j A w N i B K b 2 J z L D E 5 f S Z x d W 9 0 O y w m c X V v d D t T Z W N 0 a W 9 u M S 9 E Y X R h M S 9 D a G F u Z 2 V k I F R 5 c G U u e z I w M D c g S m 9 i c y w y M H 0 m c X V v d D s s J n F 1 b 3 Q 7 U 2 V j d G l v b j E v R G F 0 Y T E v Q 2 h h b m d l Z C B U e X B l L n s y M D A 4 I E p v Y n M s M j F 9 J n F 1 b 3 Q 7 L C Z x d W 9 0 O 1 N l Y 3 R p b 2 4 x L 0 R h d G E x L 0 N o Y W 5 n Z W Q g V H l w Z S 5 7 M j A w O S B K b 2 J z L D I y f S Z x d W 9 0 O y w m c X V v d D t T Z W N 0 a W 9 u M S 9 E Y X R h M S 9 D a G F u Z 2 V k I F R 5 c G U u e z I w M T A g S m 9 i c y w y M 3 0 m c X V v d D s s J n F 1 b 3 Q 7 U 2 V j d G l v b j E v R G F 0 Y T E v Q 2 h h b m d l Z C B U e X B l L n s y M D E x I E p v Y n M s M j R 9 J n F 1 b 3 Q 7 L C Z x d W 9 0 O 1 N l Y 3 R p b 2 4 x L 0 R h d G E x L 0 N o Y W 5 n Z W Q g V H l w Z S 5 7 M j A x M i B K b 2 J z L D I 1 f S Z x d W 9 0 O y w m c X V v d D t T Z W N 0 a W 9 u M S 9 E Y X R h M S 9 D a G F u Z 2 V k I F R 5 c G U u e z I w M T M g S m 9 i c y w y N n 0 m c X V v d D s s J n F 1 b 3 Q 7 U 2 V j d G l v b j E v R G F 0 Y T E v Q 2 h h b m d l Z C B U e X B l L n s y M D E 0 I E p v Y n M s M j d 9 J n F 1 b 3 Q 7 L C Z x d W 9 0 O 1 N l Y 3 R p b 2 4 x L 0 R h d G E x L 0 N o Y W 5 n Z W Q g V H l w Z S 5 7 M j A x N S B K b 2 J z L D I 4 f S Z x d W 9 0 O y w m c X V v d D t T Z W N 0 a W 9 u M S 9 E Y X R h M S 9 D a G F u Z 2 V k I F R 5 c G U u e z I w M T Y g S m 9 i c y w y O X 0 m c X V v d D s s J n F 1 b 3 Q 7 U 2 V j d G l v b j E v R G F 0 Y T E v Q 2 h h b m d l Z C B U e X B l L n s y M D E 3 I E p v Y n M s M z B 9 J n F 1 b 3 Q 7 L C Z x d W 9 0 O 1 N l Y 3 R p b 2 4 x L 0 R h d G E x L 0 N o Y W 5 n Z W Q g V H l w Z S 5 7 M j A w M S A t I D I w M T Y g Q 2 h h b m d l L D M x f S Z x d W 9 0 O y w m c X V v d D t T Z W N 0 a W 9 u M S 9 E Y X R h M S 9 D a G F u Z 2 V k I F R 5 c G U u e z I w M D E g L S A y M D E 2 I C U g Q 2 h h b m d l L D M y f S Z x d W 9 0 O y w m c X V v d D t T Z W N 0 a W 9 u M S 9 E Y X R h M S 9 D a G F u Z 2 V k I F R 5 c G U u e z I w M D E g L S A y M D A 3 I E N o Y W 5 n Z V 8 x L D M z f S Z x d W 9 0 O y w m c X V v d D t T Z W N 0 a W 9 u M S 9 E Y X R h M S 9 D a G F u Z 2 V k I F R 5 c G U u e z I w M D E g L S A y M D A 3 I C U g Q 2 h h b m d l X z I s M z R 9 J n F 1 b 3 Q 7 L C Z x d W 9 0 O 1 N l Y 3 R p b 2 4 x L 0 R h d G E x L 0 N o Y W 5 n Z W Q g V H l w Z S 5 7 M j A w N y A t I D I w M T A g Q 2 h h b m d l X z M s M z V 9 J n F 1 b 3 Q 7 L C Z x d W 9 0 O 1 N l Y 3 R p b 2 4 x L 0 R h d G E x L 0 N o Y W 5 n Z W Q g V H l w Z S 5 7 M j A w N y A t I D I w M T A g J S B D a G F u Z 2 V f N C w z N n 0 m c X V v d D s s J n F 1 b 3 Q 7 U 2 V j d G l v b j E v R G F 0 Y T E v Q 2 h h b m d l Z C B U e X B l L n s y M D E w I C 0 g M j A x N i B D a G F u Z 2 U s M z d 9 J n F 1 b 3 Q 7 L C Z x d W 9 0 O 1 N l Y 3 R p b 2 4 x L 0 R h d G E x L 0 N o Y W 5 n Z W Q g V H l w Z S 5 7 M j A x M C A t I D I w M T Y g J S B D a G F u Z 2 U s M z h 9 J n F 1 b 3 Q 7 L C Z x d W 9 0 O 1 N l Y 3 R p b 2 4 x L 0 R h d G E x L 0 N o Y W 5 n Z W Q g V H l w Z S 5 7 M j A w N y A t I D I w M T Y g Q 2 h h b m d l L D M 5 f S Z x d W 9 0 O y w m c X V v d D t T Z W N 0 a W 9 u M S 9 E Y X R h M S 9 D a G F u Z 2 V k I F R 5 c G U u e z I w M D c g L S A y M D E 2 I C U g Q 2 h h b m d l L D Q w f S Z x d W 9 0 O y w m c X V v d D t T Z W N 0 a W 9 u M S 9 E Y X R h M S 9 D a G F u Z 2 V k I F R 5 c G U u e z I w M D E g V G 9 0 Y W w g R W F y b m l u Z 3 M s N D F 9 J n F 1 b 3 Q 7 L C Z x d W 9 0 O 1 N l Y 3 R p b 2 4 x L 0 R h d G E x L 0 N o Y W 5 n Z W Q g V H l w Z S 5 7 M j A w M i B U b 3 R h b C B F Y X J u a W 5 n c y w 0 M n 0 m c X V v d D s s J n F 1 b 3 Q 7 U 2 V j d G l v b j E v R G F 0 Y T E v Q 2 h h b m d l Z C B U e X B l L n s y M D A z I F R v d G F s I E V h c m 5 p b m d z L D Q z f S Z x d W 9 0 O y w m c X V v d D t T Z W N 0 a W 9 u M S 9 E Y X R h M S 9 D a G F u Z 2 V k I F R 5 c G U u e z I w M D Q g V G 9 0 Y W w g R W F y b m l u Z 3 M s N D R 9 J n F 1 b 3 Q 7 L C Z x d W 9 0 O 1 N l Y 3 R p b 2 4 x L 0 R h d G E x L 0 N o Y W 5 n Z W Q g V H l w Z S 5 7 M j A w N S B U b 3 R h b C B F Y X J u a W 5 n c y w 0 N X 0 m c X V v d D s s J n F 1 b 3 Q 7 U 2 V j d G l v b j E v R G F 0 Y T E v Q 2 h h b m d l Z C B U e X B l L n s y M D A 2 I F R v d G F s I E V h c m 5 p b m d z L D Q 2 f S Z x d W 9 0 O y w m c X V v d D t T Z W N 0 a W 9 u M S 9 E Y X R h M S 9 D a G F u Z 2 V k I F R 5 c G U u e z I w M D c g V G 9 0 Y W w g R W F y b m l u Z 3 M s N D d 9 J n F 1 b 3 Q 7 L C Z x d W 9 0 O 1 N l Y 3 R p b 2 4 x L 0 R h d G E x L 0 N o Y W 5 n Z W Q g V H l w Z S 5 7 M j A w O C B U b 3 R h b C B F Y X J u a W 5 n c y w 0 O H 0 m c X V v d D s s J n F 1 b 3 Q 7 U 2 V j d G l v b j E v R G F 0 Y T E v Q 2 h h b m d l Z C B U e X B l L n s y M D A 5 I F R v d G F s I E V h c m 5 p b m d z L D Q 5 f S Z x d W 9 0 O y w m c X V v d D t T Z W N 0 a W 9 u M S 9 E Y X R h M S 9 D a G F u Z 2 V k I F R 5 c G U u e z I w M T A g V G 9 0 Y W w g R W F y b m l u Z 3 M s N T B 9 J n F 1 b 3 Q 7 L C Z x d W 9 0 O 1 N l Y 3 R p b 2 4 x L 0 R h d G E x L 0 N o Y W 5 n Z W Q g V H l w Z S 5 7 M j A x M S B U b 3 R h b C B F Y X J u a W 5 n c y w 1 M X 0 m c X V v d D s s J n F 1 b 3 Q 7 U 2 V j d G l v b j E v R G F 0 Y T E v Q 2 h h b m d l Z C B U e X B l L n s y M D E y I F R v d G F s I E V h c m 5 p b m d z L D U y f S Z x d W 9 0 O y w m c X V v d D t T Z W N 0 a W 9 u M S 9 E Y X R h M S 9 D a G F u Z 2 V k I F R 5 c G U u e z I w M T M g V G 9 0 Y W w g R W F y b m l u Z 3 M s N T N 9 J n F 1 b 3 Q 7 L C Z x d W 9 0 O 1 N l Y 3 R p b 2 4 x L 0 R h d G E x L 0 N o Y W 5 n Z W Q g V H l w Z S 5 7 M j A x N C B U b 3 R h b C B F Y X J u a W 5 n c y w 1 N H 0 m c X V v d D s s J n F 1 b 3 Q 7 U 2 V j d G l v b j E v R G F 0 Y T E v Q 2 h h b m d l Z C B U e X B l L n s y M D E 1 I F R v d G F s I E V h c m 5 p b m d z L D U 1 f S Z x d W 9 0 O y w m c X V v d D t T Z W N 0 a W 9 u M S 9 E Y X R h M S 9 D a G F u Z 2 V k I F R 5 c G U u e z I w M T Y g V G 9 0 Y W w g R W F y b m l u Z 3 M s N T Z 9 J n F 1 b 3 Q 7 L C Z x d W 9 0 O 1 N l Y 3 R p b 2 4 x L 0 R h d G E x L 0 N o Y W 5 n Z W Q g V H l w Z S 5 7 M j A w M S A t I D I w M T Y g Q 2 h h b m d l X z U s N T d 9 J n F 1 b 3 Q 7 L C Z x d W 9 0 O 1 N l Y 3 R p b 2 4 x L 0 R h d G E x L 0 N o Y W 5 n Z W Q g V H l w Z S 5 7 M j A w M S A t I D I w M T Y g J S B D a G F u Z 2 V f N i w 1 O H 0 m c X V v d D s s J n F 1 b 3 Q 7 U 2 V j d G l v b j E v R G F 0 Y T E v Q 2 h h b m d l Z C B U e X B l L n s y M D A x I C 0 g M j A w N y B D a G F u Z 2 V f N y w 1 O X 0 m c X V v d D s s J n F 1 b 3 Q 7 U 2 V j d G l v b j E v R G F 0 Y T E v Q 2 h h b m d l Z C B U e X B l L n s y M D A x I C 0 g M j A w N y A l I E N o Y W 5 n Z V 8 4 L D Y w f S Z x d W 9 0 O y w m c X V v d D t T Z W N 0 a W 9 u M S 9 E Y X R h M S 9 D a G F u Z 2 V k I F R 5 c G U u e z I w M D c g L S A y M D E w I E N o Y W 5 n Z V 8 5 L D Y x f S Z x d W 9 0 O y w m c X V v d D t T Z W N 0 a W 9 u M S 9 E Y X R h M S 9 D a G F u Z 2 V k I F R 5 c G U u e z I w M D c g L S A y M D E w I C U g Q 2 h h b m d l X z E w L D Y y f S Z x d W 9 0 O y w m c X V v d D t T Z W N 0 a W 9 u M S 9 E Y X R h M S 9 D a G F u Z 2 V k I F R 5 c G U u e z I w M D Q g U G F 5 c m 9 s b G V k I E J 1 c 2 l u Z X N z I E x v Y 2 F 0 a W 9 u c y w 2 M 3 0 m c X V v d D s s J n F 1 b 3 Q 7 U 2 V j d G l v b j E v R G F 0 Y T E v Q 2 h h b m d l Z C B U e X B l L n s y M D A 1 I F B h e X J v b G x l Z C B C d X N p b m V z c y B M b 2 N h d G l v b n M s N j R 9 J n F 1 b 3 Q 7 L C Z x d W 9 0 O 1 N l Y 3 R p b 2 4 x L 0 R h d G E x L 0 N o Y W 5 n Z W Q g V H l w Z S 5 7 M j A w N i B Q Y X l y b 2 x s Z W Q g Q n V z a W 5 l c 3 M g T G 9 j Y X R p b 2 5 z L D Y 1 f S Z x d W 9 0 O y w m c X V v d D t T Z W N 0 a W 9 u M S 9 E Y X R h M S 9 D a G F u Z 2 V k I F R 5 c G U u e z I w M D c g U G F 5 c m 9 s b G V k I E J 1 c 2 l u Z X N z I E x v Y 2 F 0 a W 9 u c y w 2 N n 0 m c X V v d D s s J n F 1 b 3 Q 7 U 2 V j d G l v b j E v R G F 0 Y T E v Q 2 h h b m d l Z C B U e X B l L n s y M D A 4 I F B h e X J v b G x l Z C B C d X N p b m V z c y B M b 2 N h d G l v b n M s N j d 9 J n F 1 b 3 Q 7 L C Z x d W 9 0 O 1 N l Y 3 R p b 2 4 x L 0 R h d G E x L 0 N o Y W 5 n Z W Q g V H l w Z S 5 7 M j A w O S B Q Y X l y b 2 x s Z W Q g Q n V z a W 5 l c 3 M g T G 9 j Y X R p b 2 5 z L D Y 4 f S Z x d W 9 0 O y w m c X V v d D t T Z W N 0 a W 9 u M S 9 E Y X R h M S 9 D a G F u Z 2 V k I F R 5 c G U u e z I w M T A g U G F 5 c m 9 s b G V k I E J 1 c 2 l u Z X N z I E x v Y 2 F 0 a W 9 u c y w 2 O X 0 m c X V v d D s s J n F 1 b 3 Q 7 U 2 V j d G l v b j E v R G F 0 Y T E v Q 2 h h b m d l Z C B U e X B l L n s y M D E x I F B h e X J v b G x l Z C B C d X N p b m V z c y B M b 2 N h d G l v b n M s N z B 9 J n F 1 b 3 Q 7 L C Z x d W 9 0 O 1 N l Y 3 R p b 2 4 x L 0 R h d G E x L 0 N o Y W 5 n Z W Q g V H l w Z S 5 7 M j A x M i B Q Y X l y b 2 x s Z W Q g Q n V z a W 5 l c 3 M g T G 9 j Y X R p b 2 5 z L D c x f S Z x d W 9 0 O y w m c X V v d D t T Z W N 0 a W 9 u M S 9 E Y X R h M S 9 D a G F u Z 2 V k I F R 5 c G U u e z I w M T M g U G F 5 c m 9 s b G V k I E J 1 c 2 l u Z X N z I E x v Y 2 F 0 a W 9 u c y w 3 M n 0 m c X V v d D s s J n F 1 b 3 Q 7 U 2 V j d G l v b j E v R G F 0 Y T E v Q 2 h h b m d l Z C B U e X B l L n s y M D E 0 I F B h e X J v b G x l Z C B C d X N p b m V z c y B M b 2 N h d G l v b n M s N z N 9 J n F 1 b 3 Q 7 L C Z x d W 9 0 O 1 N l Y 3 R p b 2 4 x L 0 R h d G E x L 0 N o Y W 5 n Z W Q g V H l w Z S 5 7 M j A x N S B Q Y X l y b 2 x s Z W Q g Q n V z a W 5 l c 3 M g T G 9 j Y X R p b 2 5 z L D c 0 f S Z x d W 9 0 O y w m c X V v d D t T Z W N 0 a W 9 u M S 9 E Y X R h M S 9 D a G F u Z 2 V k I F R 5 c G U u e z I w M T Y g U G F 5 c m 9 s b G V k I E J 1 c 2 l u Z X N z I E x v Y 2 F 0 a W 9 u c y w 3 N X 0 m c X V v d D s s J n F 1 b 3 Q 7 U 2 V j d G l v b j E v R G F 0 Y T E v Q 2 h h b m d l Z C B U e X B l L n t D b 2 1 w Z X R p d G l 2 Z S B F Z m Z l Y 3 Q s N z Z 9 J n F 1 b 3 Q 7 L C Z x d W 9 0 O 1 N l Y 3 R p b 2 4 x L 0 R h d G E x L 0 N o Y W 5 n Z W Q g V H l w Z S 5 7 S W 5 k L i B N a X g g R W Z m Z W N 0 L D c 3 f S Z x d W 9 0 O y w m c X V v d D t T Z W N 0 a W 9 u M S 9 E Y X R h M S 9 D a G F u Z 2 V k I F R 5 c G U u e 0 5 h d F x 1 M D A y N 2 w g R 3 J v d 3 R o I E V m Z m V j d C w 3 O H 0 m c X V v d D s s J n F 1 b 3 Q 7 U 2 V j d G l v b j E v R G F 0 Y T E v Q 2 h h b m d l Z C B U e X B l L n t F e H B l Y 3 R l Z C B D a G F u Z 2 U s N z l 9 J n F 1 b 3 Q 7 L C Z x d W 9 0 O 1 N l Y 3 R p b 2 4 x L 0 R h d G E x L 0 N o Y W 5 n Z W Q g V H l w Z S 5 7 T W F s Z X M g J S B v Z i B S Z W d p b 2 4 s O D B 9 J n F 1 b 3 Q 7 L C Z x d W 9 0 O 1 N l Y 3 R p b 2 4 x L 0 R h d G E x L 0 N o Y W 5 n Z W Q g V H l w Z S 5 7 R m V t Y W x l c y A l I G 9 m I F J l Z 2 l v b i w 4 M X 0 m c X V v d D s s J n F 1 b 3 Q 7 U 2 V j d G l v b j E v R G F 0 Y T E v Q 2 h h b m d l Z C B U e X B l L n t B Z 2 U g M T Q t M T g s O D J 9 J n F 1 b 3 Q 7 L C Z x d W 9 0 O 1 N l Y 3 R p b 2 4 x L 0 R h d G E x L 0 N o Y W 5 n Z W Q g V H l w Z S 5 7 Q W d l I D E 5 L T I x L D g z f S Z x d W 9 0 O y w m c X V v d D t T Z W N 0 a W 9 u M S 9 E Y X R h M S 9 D a G F u Z 2 V k I F R 5 c G U u e 0 F n Z S A y M i 0 y N C w 4 N H 0 m c X V v d D s s J n F 1 b 3 Q 7 U 2 V j d G l v b j E v R G F 0 Y T E v Q 2 h h b m d l Z C B U e X B l L n t B Z 2 U g M j U t M z Q s O D V 9 J n F 1 b 3 Q 7 L C Z x d W 9 0 O 1 N l Y 3 R p b 2 4 x L 0 R h d G E x L 0 N o Y W 5 n Z W Q g V H l w Z S 5 7 Q W d l I D M 1 L T Q 0 L D g 2 f S Z x d W 9 0 O y w m c X V v d D t T Z W N 0 a W 9 u M S 9 E Y X R h M S 9 D a G F u Z 2 V k I F R 5 c G U u e 0 F n Z S A 0 N S 0 1 N C w 4 N 3 0 m c X V v d D s s J n F 1 b 3 Q 7 U 2 V j d G l v b j E v R G F 0 Y T E v Q 2 h h b m d l Z C B U e X B l L n t B Z 2 U g N T U t N j Q s O D h 9 J n F 1 b 3 Q 7 L C Z x d W 9 0 O 1 N l Y 3 R p b 2 4 x L 0 R h d G E x L 0 N o Y W 5 n Z W Q g V H l w Z S 5 7 Q W d l I D Y 1 K y w 4 O X 0 m c X V v d D s s J n F 1 b 3 Q 7 U 2 V j d G l v b j E v R G F 0 Y T E v Q 2 h h b m d l Z C B U e X B l L n t B Z 2 U g M T Q t M T g g J S B v Z i B S Z W d p b 2 4 s O T B 9 J n F 1 b 3 Q 7 L C Z x d W 9 0 O 1 N l Y 3 R p b 2 4 x L 0 R h d G E x L 0 N o Y W 5 n Z W Q g V H l w Z S 5 7 Q W d l I D E 5 L T I x I C U g b 2 Y g U m V n a W 9 u L D k x f S Z x d W 9 0 O y w m c X V v d D t T Z W N 0 a W 9 u M S 9 E Y X R h M S 9 D a G F u Z 2 V k I F R 5 c G U u e 0 F n Z S A y M i 0 y N C A l I G 9 m I F J l Z 2 l v b i w 5 M n 0 m c X V v d D s s J n F 1 b 3 Q 7 U 2 V j d G l v b j E v R G F 0 Y T E v Q 2 h h b m d l Z C B U e X B l L n t B Z 2 U g M j U t M z Q g J S B v Z i B S Z W d p b 2 4 s O T N 9 J n F 1 b 3 Q 7 L C Z x d W 9 0 O 1 N l Y 3 R p b 2 4 x L 0 R h d G E x L 0 N o Y W 5 n Z W Q g V H l w Z S 5 7 Q W d l I D M 1 L T Q 0 I C U g b 2 Y g U m V n a W 9 u L D k 0 f S Z x d W 9 0 O y w m c X V v d D t T Z W N 0 a W 9 u M S 9 E Y X R h M S 9 D a G F u Z 2 V k I F R 5 c G U u e 0 F n Z S A 0 N S 0 1 N C A l I G 9 m I F J l Z 2 l v b i w 5 N X 0 m c X V v d D s s J n F 1 b 3 Q 7 U 2 V j d G l v b j E v R G F 0 Y T E v Q 2 h h b m d l Z C B U e X B l L n t B Z 2 U g N T U t N j Q g J S B v Z i B S Z W d p b 2 4 s O T Z 9 J n F 1 b 3 Q 7 L C Z x d W 9 0 O 1 N l Y 3 R p b 2 4 x L 0 R h d G E x L 0 N o Y W 5 n Z W Q g V H l w Z S 5 7 Q W d l I D Y 1 K y A l I G 9 m I F J l Z 2 l v b i w 5 N 3 0 m c X V v d D s s J n F 1 b 3 Q 7 U 2 V j d G l v b j E v R G F 0 Y T E v Q 2 h h b m d l Z C B U e X B l L n t N Y W x l c y w 5 O H 0 m c X V v d D s s J n F 1 b 3 Q 7 U 2 V j d G l v b j E v R G F 0 Y T E v Q 2 h h b m d l Z C B U e X B l L n t G Z W 1 h b G V z L D k 5 f S Z x d W 9 0 O y w m c X V v d D t T Z W N 0 a W 9 u M S 9 E Y X R h M S 9 D a G F u Z 2 V k I F R 5 c G U u e 0 F 2 Z y 4 g R W F y b m l u Z 3 M g U G V y I E p v Y i w x M D B 9 J n F 1 b 3 Q 7 L C Z x d W 9 0 O 1 N l Y 3 R p b 2 4 x L 0 R h d G E x L 0 N o Y W 5 n Z W Q g V H l w Z S 5 7 M j A w M S B M b 2 N h d G l v b i B R d W 9 0 a W V u d C w x M D F 9 J n F 1 b 3 Q 7 L C Z x d W 9 0 O 1 N l Y 3 R p b 2 4 x L 0 R h d G E x L 0 N o Y W 5 n Z W Q g V H l w Z S 5 7 M j A w M i B M b 2 N h d G l v b i B R d W 9 0 a W V u d C w x M D J 9 J n F 1 b 3 Q 7 L C Z x d W 9 0 O 1 N l Y 3 R p b 2 4 x L 0 R h d G E x L 0 N o Y W 5 n Z W Q g V H l w Z S 5 7 M j A w M y B M b 2 N h d G l v b i B R d W 9 0 a W V u d C w x M D N 9 J n F 1 b 3 Q 7 L C Z x d W 9 0 O 1 N l Y 3 R p b 2 4 x L 0 R h d G E x L 0 N o Y W 5 n Z W Q g V H l w Z S 5 7 M j A w N C B M b 2 N h d G l v b i B R d W 9 0 a W V u d C w x M D R 9 J n F 1 b 3 Q 7 L C Z x d W 9 0 O 1 N l Y 3 R p b 2 4 x L 0 R h d G E x L 0 N o Y W 5 n Z W Q g V H l w Z S 5 7 M j A w N S B M b 2 N h d G l v b i B R d W 9 0 a W V u d C w x M D V 9 J n F 1 b 3 Q 7 L C Z x d W 9 0 O 1 N l Y 3 R p b 2 4 x L 0 R h d G E x L 0 N o Y W 5 n Z W Q g V H l w Z S 5 7 M j A w N i B M b 2 N h d G l v b i B R d W 9 0 a W V u d C w x M D Z 9 J n F 1 b 3 Q 7 L C Z x d W 9 0 O 1 N l Y 3 R p b 2 4 x L 0 R h d G E x L 0 N o Y W 5 n Z W Q g V H l w Z S 5 7 M j A w N y B M b 2 N h d G l v b i B R d W 9 0 a W V u d C w x M D d 9 J n F 1 b 3 Q 7 L C Z x d W 9 0 O 1 N l Y 3 R p b 2 4 x L 0 R h d G E x L 0 N o Y W 5 n Z W Q g V H l w Z S 5 7 M j A w O C B M b 2 N h d G l v b i B R d W 9 0 a W V u d C w x M D h 9 J n F 1 b 3 Q 7 L C Z x d W 9 0 O 1 N l Y 3 R p b 2 4 x L 0 R h d G E x L 0 N o Y W 5 n Z W Q g V H l w Z S 5 7 M j A w O S B M b 2 N h d G l v b i B R d W 9 0 a W V u d C w x M D l 9 J n F 1 b 3 Q 7 L C Z x d W 9 0 O 1 N l Y 3 R p b 2 4 x L 0 R h d G E x L 0 N o Y W 5 n Z W Q g V H l w Z S 5 7 M j A x M C B M b 2 N h d G l v b i B R d W 9 0 a W V u d C w x M T B 9 J n F 1 b 3 Q 7 L C Z x d W 9 0 O 1 N l Y 3 R p b 2 4 x L 0 R h d G E x L 0 N o Y W 5 n Z W Q g V H l w Z S 5 7 M j A x M S B M b 2 N h d G l v b i B R d W 9 0 a W V u d C w x M T F 9 J n F 1 b 3 Q 7 L C Z x d W 9 0 O 1 N l Y 3 R p b 2 4 x L 0 R h d G E x L 0 N o Y W 5 n Z W Q g V H l w Z S 5 7 M j A x M i B M b 2 N h d G l v b i B R d W 9 0 a W V u d C w x M T J 9 J n F 1 b 3 Q 7 L C Z x d W 9 0 O 1 N l Y 3 R p b 2 4 x L 0 R h d G E x L 0 N o Y W 5 n Z W Q g V H l w Z S 5 7 M j A x M y B M b 2 N h d G l v b i B R d W 9 0 a W V u d C w x M T N 9 J n F 1 b 3 Q 7 L C Z x d W 9 0 O 1 N l Y 3 R p b 2 4 x L 0 R h d G E x L 0 N o Y W 5 n Z W Q g V H l w Z S 5 7 M j A x N C B M b 2 N h d G l v b i B R d W 9 0 a W V u d C w x M T R 9 J n F 1 b 3 Q 7 L C Z x d W 9 0 O 1 N l Y 3 R p b 2 4 x L 0 R h d G E x L 0 N o Y W 5 n Z W Q g V H l w Z S 5 7 M j A x N S B M b 2 N h d G l v b i B R d W 9 0 a W V u d C w x M T V 9 J n F 1 b 3 Q 7 L C Z x d W 9 0 O 1 N l Y 3 R p b 2 4 x L 0 R h d G E x L 0 N o Y W 5 n Z W Q g V H l w Z S 5 7 M j A x N i B M b 2 N h d G l v b i B R d W 9 0 a W V u d C w x M T Z 9 J n F 1 b 3 Q 7 L C Z x d W 9 0 O 1 N l Y 3 R p b 2 4 x L 0 R h d G E x L 0 N o Y W 5 n Z W Q g V H l w Z S 5 7 M j A x N y B M b 2 N h d G l v b i B R d W 9 0 a W V u d C w x M T d 9 J n F 1 b 3 Q 7 L C Z x d W 9 0 O 1 N l Y 3 R p b 2 4 x L 0 N v d W 5 0 e U N v Z G V z I C g y K S 9 D a G F u Z 2 V k I F R 5 c G U u e 0 d J U y B K b 2 l u I E 1 h d G N o I E N v Z G U s M H 0 m c X V v d D s s J n F 1 b 3 Q 7 U 2 V j d G l v b j E v Q 2 9 1 b n R 5 Q 2 9 k Z X M g K D I p L 0 N o Y W 5 n Z W Q g V H l w Z S 5 7 Q 2 9 1 b n R 5 I E 5 h b W U s M X 0 m c X V v d D s s J n F 1 b 3 Q 7 U 2 V j d G l v b j E v Q 2 9 1 b n R 5 Q 2 9 k Z X M g K D I p L 0 N o Y W 5 n Z W Q g V H l w Z S 5 7 Q 0 5 U W U Z J U F M s M n 0 m c X V v d D s s J n F 1 b 3 Q 7 U 2 V j d G l v b j E v Q 2 9 1 b n R 5 Q 2 9 k Z X M g K D I p L 0 N o Y W 5 n Z W Q g V H l w Z S 5 7 U 3 R y a W t l Z m 9 y Y 2 U s M 3 0 m c X V v d D s s J n F 1 b 3 Q 7 U 2 V j d G l v b j E v Q 2 9 1 b n R 5 Q 2 9 k Z X M g K D I p L 0 N o Y W 5 n Z W Q g V H l w Z S 5 7 Q 0 J T Q V 9 D b 2 R l L D R 9 J n F 1 b 3 Q 7 L C Z x d W 9 0 O 1 N l Y 3 R p b 2 4 x L 0 N v d W 5 0 e U N v Z G V z I C g y K S 9 D a G F u Z 2 V k I F R 5 c G U u e 0 N T Q V 9 D b 2 R l L D V 9 J n F 1 b 3 Q 7 L C Z x d W 9 0 O 1 N l Y 3 R p b 2 4 x L 0 N v d W 5 0 e U N v Z G V z I C g y K S 9 D a G F u Z 2 V k I F R 5 c G U u e 0 N C U 0 F f V G l 0 b G U s N n 0 m c X V v d D s s J n F 1 b 3 Q 7 U 2 V j d G l v b j E v Q 2 9 1 b n R 5 Q 2 9 k Z X M g K D I p L 0 N o Y W 5 n Z W Q g V H l w Z S 5 7 T W V 0 c m 9 w b 2 x p d C w 3 f S Z x d W 9 0 O y w m c X V v d D t T Z W N 0 a W 9 u M S 9 D b 3 V u d H l D b 2 R l c y A o M i k v Q 2 h h b m d l Z C B U e X B l L n t D Z W 5 0 c m F s X 0 9 1 L D h 9 J n F 1 b 3 Q 7 L C Z x d W 9 0 O 1 N l Y 3 R p b 2 4 x L 0 N v d W 5 0 e U N v Z G V z I C g y K S 9 D a G F u Z 2 V k I F R 5 c G U u e 0 1 p Y 3 J v T W V 0 c m 8 s O X 0 m c X V v d D s s J n F 1 b 3 Q 7 U 2 V j d G l v b j E v Q 2 9 1 b n R 5 Q 2 9 k Z X M g K D I p L 0 N o Y W 5 n Z W Q g V H l w Z S 5 7 Q 1 N B X 1 R p d G x l L D E w f S Z x d W 9 0 O y w m c X V v d D t T Z W N 0 a W 9 u M S 9 D b 3 V u d H l D b 2 R l c y A o M i k v Q 2 h h b m d l Z C B U e X B l L n t G S V B T X 1 N 0 Y X R l L D E x f S Z x d W 9 0 O y w m c X V v d D t T Z W N 0 a W 9 u M S 9 D b 3 V u d H l D b 2 R l c y A o M i k v Q 2 h h b m d l Z C B U e X B l L n t G S V B T X 0 N v d W 5 0 L D E y f S Z x d W 9 0 O y w m c X V v d D t T Z W N 0 a W 9 u M S 9 D b 3 V u d H l D b 2 R l c y A o M i k v Q 2 h h b m d l Z C B U e X B l L n t V S U N f M j A x M y w x M 3 0 m c X V v d D s s J n F 1 b 3 Q 7 U 2 V j d G l v b j E v Q 2 9 1 b n R 5 Q 2 9 k Z X M g K D I p L 0 N o Y W 5 n Z W Q g V H l w Z S 5 7 V U l D X z I w M T N E Z S w x N H 0 m c X V v d D s s J n F 1 b 3 Q 7 U 2 V j d G l v b j E v Q 2 9 1 b n R 5 Q 2 9 k Z X M g K D I p L 0 N o Y W 5 n Z W Q g V H l w Z S 5 7 U l V D Q 1 8 y M D E z L D E 1 f S Z x d W 9 0 O y w m c X V v d D t T Z W N 0 a W 9 u M S 9 D b 3 V u d H l D b 2 R l c y A o M i k v Q 2 h h b m d l Z C B U e X B l L n t S V U N D X z I w M T N E L D E 2 f S Z x d W 9 0 O y w m c X V v d D t T Z W N 0 a W 9 u M S 9 D b 3 V u d H l D b 2 R l c y A o M i k v Q 2 h h b m d l Z C B U e X B l L n t D b 2 x 1 b W 4 x O C w x N 3 0 m c X V v d D s s J n F 1 b 3 Q 7 U 2 V j d G l v b j E v Q 2 9 1 b n R 5 Q 2 9 k Z X M g K D I p L 0 N o Y W 5 n Z W Q g V H l w Z S 5 7 Q 2 9 s d W 1 u M T k s M T h 9 J n F 1 b 3 Q 7 X S w m c X V v d D t D b 2 x 1 b W 5 D b 3 V u d C Z x d W 9 0 O z o x M z c s J n F 1 b 3 Q 7 S 2 V 5 Q 2 9 s d W 1 u T m F t Z X M m c X V v d D s 6 W 1 0 s J n F 1 b 3 Q 7 Q 2 9 s d W 1 u S W R l b n R p d G l l c y Z x d W 9 0 O z p b J n F 1 b 3 Q 7 U 2 V j d G l v b j E v R G F 0 Y T E v Q 2 h h b m d l Z C B U e X B l L n t T Z W N 0 b 3 I s M H 0 m c X V v d D s s J n F 1 b 3 Q 7 U 2 V j d G l v b j E v R G F 0 Y T E v Q 2 h h b m d l Z C B U e X B l L n t E Z X N j c m l w d G l v b i w x f S Z x d W 9 0 O y w m c X V v d D t T Z W N 0 a W 9 u M S 9 E Y X R h M S 9 D a G F u Z 2 V k I F R 5 c G U u e 0 Z J U F M s M n 0 m c X V v d D s s J n F 1 b 3 Q 7 U 2 V j d G l v b j E v R G F 0 Y T E v Q 2 h h b m d l Z C B U e X B l L n t O Y W 1 l L D N 9 J n F 1 b 3 Q 7 L C Z x d W 9 0 O 1 N l Y 3 R p b 2 4 x L 0 R h d G E x L 0 N o Y W 5 n Z W Q g V H l w Z S 5 7 M j A w M S A t I D I w M T c g Q 2 h h b m d l L D R 9 J n F 1 b 3 Q 7 L C Z x d W 9 0 O 1 N l Y 3 R p b 2 4 x L 0 R h d G E x L 0 N o Y W 5 n Z W Q g V H l w Z S 5 7 M j A w M S A t I D I w M T c g J S B D a G F u Z 2 U s N X 0 m c X V v d D s s J n F 1 b 3 Q 7 U 2 V j d G l v b j E v R G F 0 Y T E v Q 2 h h b m d l Z C B U e X B l L n s y M D A x I C 0 g M j A w N y B D a G F u Z 2 U s N n 0 m c X V v d D s s J n F 1 b 3 Q 7 U 2 V j d G l v b j E v R G F 0 Y T E v Q 2 h h b m d l Z C B U e X B l L n s y M D A x I C 0 g M j A w N y A l I E N o Y W 5 n Z S w 3 f S Z x d W 9 0 O y w m c X V v d D t T Z W N 0 a W 9 u M S 9 E Y X R h M S 9 D a G F u Z 2 V k I F R 5 c G U u e z I w M D c g L S A y M D E w I E N o Y W 5 n Z S w 4 f S Z x d W 9 0 O y w m c X V v d D t T Z W N 0 a W 9 u M S 9 E Y X R h M S 9 D a G F u Z 2 V k I F R 5 c G U u e z I w M D c g L S A y M D E w I C U g Q 2 h h b m d l L D l 9 J n F 1 b 3 Q 7 L C Z x d W 9 0 O 1 N l Y 3 R p b 2 4 x L 0 R h d G E x L 0 N o Y W 5 n Z W Q g V H l w Z S 5 7 M j A x M C A t I D I w M T c g Q 2 h h b m d l L D E w f S Z x d W 9 0 O y w m c X V v d D t T Z W N 0 a W 9 u M S 9 E Y X R h M S 9 D a G F u Z 2 V k I F R 5 c G U u e z I w M T A g L S A y M D E 3 I C U g Q 2 h h b m d l L D E x f S Z x d W 9 0 O y w m c X V v d D t T Z W N 0 a W 9 u M S 9 E Y X R h M S 9 D a G F u Z 2 V k I F R 5 c G U u e z I w M D c g L S A y M D E 3 I E N o Y W 5 n Z S w x M n 0 m c X V v d D s s J n F 1 b 3 Q 7 U 2 V j d G l v b j E v R G F 0 Y T E v Q 2 h h b m d l Z C B U e X B l L n s y M D A 3 I C 0 g M j A x N y A l I E N o Y W 5 n Z S w x M 3 0 m c X V v d D s s J n F 1 b 3 Q 7 U 2 V j d G l v b j E v R G F 0 Y T E v Q 2 h h b m d l Z C B U e X B l L n s y M D A x I E p v Y n M s M T R 9 J n F 1 b 3 Q 7 L C Z x d W 9 0 O 1 N l Y 3 R p b 2 4 x L 0 R h d G E x L 0 N o Y W 5 n Z W Q g V H l w Z S 5 7 M j A w M i B K b 2 J z L D E 1 f S Z x d W 9 0 O y w m c X V v d D t T Z W N 0 a W 9 u M S 9 E Y X R h M S 9 D a G F u Z 2 V k I F R 5 c G U u e z I w M D M g S m 9 i c y w x N n 0 m c X V v d D s s J n F 1 b 3 Q 7 U 2 V j d G l v b j E v R G F 0 Y T E v Q 2 h h b m d l Z C B U e X B l L n s y M D A 0 I E p v Y n M s M T d 9 J n F 1 b 3 Q 7 L C Z x d W 9 0 O 1 N l Y 3 R p b 2 4 x L 0 R h d G E x L 0 N o Y W 5 n Z W Q g V H l w Z S 5 7 M j A w N S B K b 2 J z L D E 4 f S Z x d W 9 0 O y w m c X V v d D t T Z W N 0 a W 9 u M S 9 E Y X R h M S 9 D a G F u Z 2 V k I F R 5 c G U u e z I w M D Y g S m 9 i c y w x O X 0 m c X V v d D s s J n F 1 b 3 Q 7 U 2 V j d G l v b j E v R G F 0 Y T E v Q 2 h h b m d l Z C B U e X B l L n s y M D A 3 I E p v Y n M s M j B 9 J n F 1 b 3 Q 7 L C Z x d W 9 0 O 1 N l Y 3 R p b 2 4 x L 0 R h d G E x L 0 N o Y W 5 n Z W Q g V H l w Z S 5 7 M j A w O C B K b 2 J z L D I x f S Z x d W 9 0 O y w m c X V v d D t T Z W N 0 a W 9 u M S 9 E Y X R h M S 9 D a G F u Z 2 V k I F R 5 c G U u e z I w M D k g S m 9 i c y w y M n 0 m c X V v d D s s J n F 1 b 3 Q 7 U 2 V j d G l v b j E v R G F 0 Y T E v Q 2 h h b m d l Z C B U e X B l L n s y M D E w I E p v Y n M s M j N 9 J n F 1 b 3 Q 7 L C Z x d W 9 0 O 1 N l Y 3 R p b 2 4 x L 0 R h d G E x L 0 N o Y W 5 n Z W Q g V H l w Z S 5 7 M j A x M S B K b 2 J z L D I 0 f S Z x d W 9 0 O y w m c X V v d D t T Z W N 0 a W 9 u M S 9 E Y X R h M S 9 D a G F u Z 2 V k I F R 5 c G U u e z I w M T I g S m 9 i c y w y N X 0 m c X V v d D s s J n F 1 b 3 Q 7 U 2 V j d G l v b j E v R G F 0 Y T E v Q 2 h h b m d l Z C B U e X B l L n s y M D E z I E p v Y n M s M j Z 9 J n F 1 b 3 Q 7 L C Z x d W 9 0 O 1 N l Y 3 R p b 2 4 x L 0 R h d G E x L 0 N o Y W 5 n Z W Q g V H l w Z S 5 7 M j A x N C B K b 2 J z L D I 3 f S Z x d W 9 0 O y w m c X V v d D t T Z W N 0 a W 9 u M S 9 E Y X R h M S 9 D a G F u Z 2 V k I F R 5 c G U u e z I w M T U g S m 9 i c y w y O H 0 m c X V v d D s s J n F 1 b 3 Q 7 U 2 V j d G l v b j E v R G F 0 Y T E v Q 2 h h b m d l Z C B U e X B l L n s y M D E 2 I E p v Y n M s M j l 9 J n F 1 b 3 Q 7 L C Z x d W 9 0 O 1 N l Y 3 R p b 2 4 x L 0 R h d G E x L 0 N o Y W 5 n Z W Q g V H l w Z S 5 7 M j A x N y B K b 2 J z L D M w f S Z x d W 9 0 O y w m c X V v d D t T Z W N 0 a W 9 u M S 9 E Y X R h M S 9 D a G F u Z 2 V k I F R 5 c G U u e z I w M D E g L S A y M D E 2 I E N o Y W 5 n Z S w z M X 0 m c X V v d D s s J n F 1 b 3 Q 7 U 2 V j d G l v b j E v R G F 0 Y T E v Q 2 h h b m d l Z C B U e X B l L n s y M D A x I C 0 g M j A x N i A l I E N o Y W 5 n Z S w z M n 0 m c X V v d D s s J n F 1 b 3 Q 7 U 2 V j d G l v b j E v R G F 0 Y T E v Q 2 h h b m d l Z C B U e X B l L n s y M D A x I C 0 g M j A w N y B D a G F u Z 2 V f M S w z M 3 0 m c X V v d D s s J n F 1 b 3 Q 7 U 2 V j d G l v b j E v R G F 0 Y T E v Q 2 h h b m d l Z C B U e X B l L n s y M D A x I C 0 g M j A w N y A l I E N o Y W 5 n Z V 8 y L D M 0 f S Z x d W 9 0 O y w m c X V v d D t T Z W N 0 a W 9 u M S 9 E Y X R h M S 9 D a G F u Z 2 V k I F R 5 c G U u e z I w M D c g L S A y M D E w I E N o Y W 5 n Z V 8 z L D M 1 f S Z x d W 9 0 O y w m c X V v d D t T Z W N 0 a W 9 u M S 9 E Y X R h M S 9 D a G F u Z 2 V k I F R 5 c G U u e z I w M D c g L S A y M D E w I C U g Q 2 h h b m d l X z Q s M z Z 9 J n F 1 b 3 Q 7 L C Z x d W 9 0 O 1 N l Y 3 R p b 2 4 x L 0 R h d G E x L 0 N o Y W 5 n Z W Q g V H l w Z S 5 7 M j A x M C A t I D I w M T Y g Q 2 h h b m d l L D M 3 f S Z x d W 9 0 O y w m c X V v d D t T Z W N 0 a W 9 u M S 9 E Y X R h M S 9 D a G F u Z 2 V k I F R 5 c G U u e z I w M T A g L S A y M D E 2 I C U g Q 2 h h b m d l L D M 4 f S Z x d W 9 0 O y w m c X V v d D t T Z W N 0 a W 9 u M S 9 E Y X R h M S 9 D a G F u Z 2 V k I F R 5 c G U u e z I w M D c g L S A y M D E 2 I E N o Y W 5 n Z S w z O X 0 m c X V v d D s s J n F 1 b 3 Q 7 U 2 V j d G l v b j E v R G F 0 Y T E v Q 2 h h b m d l Z C B U e X B l L n s y M D A 3 I C 0 g M j A x N i A l I E N o Y W 5 n Z S w 0 M H 0 m c X V v d D s s J n F 1 b 3 Q 7 U 2 V j d G l v b j E v R G F 0 Y T E v Q 2 h h b m d l Z C B U e X B l L n s y M D A x I F R v d G F s I E V h c m 5 p b m d z L D Q x f S Z x d W 9 0 O y w m c X V v d D t T Z W N 0 a W 9 u M S 9 E Y X R h M S 9 D a G F u Z 2 V k I F R 5 c G U u e z I w M D I g V G 9 0 Y W w g R W F y b m l u Z 3 M s N D J 9 J n F 1 b 3 Q 7 L C Z x d W 9 0 O 1 N l Y 3 R p b 2 4 x L 0 R h d G E x L 0 N o Y W 5 n Z W Q g V H l w Z S 5 7 M j A w M y B U b 3 R h b C B F Y X J u a W 5 n c y w 0 M 3 0 m c X V v d D s s J n F 1 b 3 Q 7 U 2 V j d G l v b j E v R G F 0 Y T E v Q 2 h h b m d l Z C B U e X B l L n s y M D A 0 I F R v d G F s I E V h c m 5 p b m d z L D Q 0 f S Z x d W 9 0 O y w m c X V v d D t T Z W N 0 a W 9 u M S 9 E Y X R h M S 9 D a G F u Z 2 V k I F R 5 c G U u e z I w M D U g V G 9 0 Y W w g R W F y b m l u Z 3 M s N D V 9 J n F 1 b 3 Q 7 L C Z x d W 9 0 O 1 N l Y 3 R p b 2 4 x L 0 R h d G E x L 0 N o Y W 5 n Z W Q g V H l w Z S 5 7 M j A w N i B U b 3 R h b C B F Y X J u a W 5 n c y w 0 N n 0 m c X V v d D s s J n F 1 b 3 Q 7 U 2 V j d G l v b j E v R G F 0 Y T E v Q 2 h h b m d l Z C B U e X B l L n s y M D A 3 I F R v d G F s I E V h c m 5 p b m d z L D Q 3 f S Z x d W 9 0 O y w m c X V v d D t T Z W N 0 a W 9 u M S 9 E Y X R h M S 9 D a G F u Z 2 V k I F R 5 c G U u e z I w M D g g V G 9 0 Y W w g R W F y b m l u Z 3 M s N D h 9 J n F 1 b 3 Q 7 L C Z x d W 9 0 O 1 N l Y 3 R p b 2 4 x L 0 R h d G E x L 0 N o Y W 5 n Z W Q g V H l w Z S 5 7 M j A w O S B U b 3 R h b C B F Y X J u a W 5 n c y w 0 O X 0 m c X V v d D s s J n F 1 b 3 Q 7 U 2 V j d G l v b j E v R G F 0 Y T E v Q 2 h h b m d l Z C B U e X B l L n s y M D E w I F R v d G F s I E V h c m 5 p b m d z L D U w f S Z x d W 9 0 O y w m c X V v d D t T Z W N 0 a W 9 u M S 9 E Y X R h M S 9 D a G F u Z 2 V k I F R 5 c G U u e z I w M T E g V G 9 0 Y W w g R W F y b m l u Z 3 M s N T F 9 J n F 1 b 3 Q 7 L C Z x d W 9 0 O 1 N l Y 3 R p b 2 4 x L 0 R h d G E x L 0 N o Y W 5 n Z W Q g V H l w Z S 5 7 M j A x M i B U b 3 R h b C B F Y X J u a W 5 n c y w 1 M n 0 m c X V v d D s s J n F 1 b 3 Q 7 U 2 V j d G l v b j E v R G F 0 Y T E v Q 2 h h b m d l Z C B U e X B l L n s y M D E z I F R v d G F s I E V h c m 5 p b m d z L D U z f S Z x d W 9 0 O y w m c X V v d D t T Z W N 0 a W 9 u M S 9 E Y X R h M S 9 D a G F u Z 2 V k I F R 5 c G U u e z I w M T Q g V G 9 0 Y W w g R W F y b m l u Z 3 M s N T R 9 J n F 1 b 3 Q 7 L C Z x d W 9 0 O 1 N l Y 3 R p b 2 4 x L 0 R h d G E x L 0 N o Y W 5 n Z W Q g V H l w Z S 5 7 M j A x N S B U b 3 R h b C B F Y X J u a W 5 n c y w 1 N X 0 m c X V v d D s s J n F 1 b 3 Q 7 U 2 V j d G l v b j E v R G F 0 Y T E v Q 2 h h b m d l Z C B U e X B l L n s y M D E 2 I F R v d G F s I E V h c m 5 p b m d z L D U 2 f S Z x d W 9 0 O y w m c X V v d D t T Z W N 0 a W 9 u M S 9 E Y X R h M S 9 D a G F u Z 2 V k I F R 5 c G U u e z I w M D E g L S A y M D E 2 I E N o Y W 5 n Z V 8 1 L D U 3 f S Z x d W 9 0 O y w m c X V v d D t T Z W N 0 a W 9 u M S 9 E Y X R h M S 9 D a G F u Z 2 V k I F R 5 c G U u e z I w M D E g L S A y M D E 2 I C U g Q 2 h h b m d l X z Y s N T h 9 J n F 1 b 3 Q 7 L C Z x d W 9 0 O 1 N l Y 3 R p b 2 4 x L 0 R h d G E x L 0 N o Y W 5 n Z W Q g V H l w Z S 5 7 M j A w M S A t I D I w M D c g Q 2 h h b m d l X z c s N T l 9 J n F 1 b 3 Q 7 L C Z x d W 9 0 O 1 N l Y 3 R p b 2 4 x L 0 R h d G E x L 0 N o Y W 5 n Z W Q g V H l w Z S 5 7 M j A w M S A t I D I w M D c g J S B D a G F u Z 2 V f O C w 2 M H 0 m c X V v d D s s J n F 1 b 3 Q 7 U 2 V j d G l v b j E v R G F 0 Y T E v Q 2 h h b m d l Z C B U e X B l L n s y M D A 3 I C 0 g M j A x M C B D a G F u Z 2 V f O S w 2 M X 0 m c X V v d D s s J n F 1 b 3 Q 7 U 2 V j d G l v b j E v R G F 0 Y T E v Q 2 h h b m d l Z C B U e X B l L n s y M D A 3 I C 0 g M j A x M C A l I E N o Y W 5 n Z V 8 x M C w 2 M n 0 m c X V v d D s s J n F 1 b 3 Q 7 U 2 V j d G l v b j E v R G F 0 Y T E v Q 2 h h b m d l Z C B U e X B l L n s y M D A 0 I F B h e X J v b G x l Z C B C d X N p b m V z c y B M b 2 N h d G l v b n M s N j N 9 J n F 1 b 3 Q 7 L C Z x d W 9 0 O 1 N l Y 3 R p b 2 4 x L 0 R h d G E x L 0 N o Y W 5 n Z W Q g V H l w Z S 5 7 M j A w N S B Q Y X l y b 2 x s Z W Q g Q n V z a W 5 l c 3 M g T G 9 j Y X R p b 2 5 z L D Y 0 f S Z x d W 9 0 O y w m c X V v d D t T Z W N 0 a W 9 u M S 9 E Y X R h M S 9 D a G F u Z 2 V k I F R 5 c G U u e z I w M D Y g U G F 5 c m 9 s b G V k I E J 1 c 2 l u Z X N z I E x v Y 2 F 0 a W 9 u c y w 2 N X 0 m c X V v d D s s J n F 1 b 3 Q 7 U 2 V j d G l v b j E v R G F 0 Y T E v Q 2 h h b m d l Z C B U e X B l L n s y M D A 3 I F B h e X J v b G x l Z C B C d X N p b m V z c y B M b 2 N h d G l v b n M s N j Z 9 J n F 1 b 3 Q 7 L C Z x d W 9 0 O 1 N l Y 3 R p b 2 4 x L 0 R h d G E x L 0 N o Y W 5 n Z W Q g V H l w Z S 5 7 M j A w O C B Q Y X l y b 2 x s Z W Q g Q n V z a W 5 l c 3 M g T G 9 j Y X R p b 2 5 z L D Y 3 f S Z x d W 9 0 O y w m c X V v d D t T Z W N 0 a W 9 u M S 9 E Y X R h M S 9 D a G F u Z 2 V k I F R 5 c G U u e z I w M D k g U G F 5 c m 9 s b G V k I E J 1 c 2 l u Z X N z I E x v Y 2 F 0 a W 9 u c y w 2 O H 0 m c X V v d D s s J n F 1 b 3 Q 7 U 2 V j d G l v b j E v R G F 0 Y T E v Q 2 h h b m d l Z C B U e X B l L n s y M D E w I F B h e X J v b G x l Z C B C d X N p b m V z c y B M b 2 N h d G l v b n M s N j l 9 J n F 1 b 3 Q 7 L C Z x d W 9 0 O 1 N l Y 3 R p b 2 4 x L 0 R h d G E x L 0 N o Y W 5 n Z W Q g V H l w Z S 5 7 M j A x M S B Q Y X l y b 2 x s Z W Q g Q n V z a W 5 l c 3 M g T G 9 j Y X R p b 2 5 z L D c w f S Z x d W 9 0 O y w m c X V v d D t T Z W N 0 a W 9 u M S 9 E Y X R h M S 9 D a G F u Z 2 V k I F R 5 c G U u e z I w M T I g U G F 5 c m 9 s b G V k I E J 1 c 2 l u Z X N z I E x v Y 2 F 0 a W 9 u c y w 3 M X 0 m c X V v d D s s J n F 1 b 3 Q 7 U 2 V j d G l v b j E v R G F 0 Y T E v Q 2 h h b m d l Z C B U e X B l L n s y M D E z I F B h e X J v b G x l Z C B C d X N p b m V z c y B M b 2 N h d G l v b n M s N z J 9 J n F 1 b 3 Q 7 L C Z x d W 9 0 O 1 N l Y 3 R p b 2 4 x L 0 R h d G E x L 0 N o Y W 5 n Z W Q g V H l w Z S 5 7 M j A x N C B Q Y X l y b 2 x s Z W Q g Q n V z a W 5 l c 3 M g T G 9 j Y X R p b 2 5 z L D c z f S Z x d W 9 0 O y w m c X V v d D t T Z W N 0 a W 9 u M S 9 E Y X R h M S 9 D a G F u Z 2 V k I F R 5 c G U u e z I w M T U g U G F 5 c m 9 s b G V k I E J 1 c 2 l u Z X N z I E x v Y 2 F 0 a W 9 u c y w 3 N H 0 m c X V v d D s s J n F 1 b 3 Q 7 U 2 V j d G l v b j E v R G F 0 Y T E v Q 2 h h b m d l Z C B U e X B l L n s y M D E 2 I F B h e X J v b G x l Z C B C d X N p b m V z c y B M b 2 N h d G l v b n M s N z V 9 J n F 1 b 3 Q 7 L C Z x d W 9 0 O 1 N l Y 3 R p b 2 4 x L 0 R h d G E x L 0 N o Y W 5 n Z W Q g V H l w Z S 5 7 Q 2 9 t c G V 0 a X R p d m U g R W Z m Z W N 0 L D c 2 f S Z x d W 9 0 O y w m c X V v d D t T Z W N 0 a W 9 u M S 9 E Y X R h M S 9 D a G F u Z 2 V k I F R 5 c G U u e 0 l u Z C 4 g T W l 4 I E V m Z m V j d C w 3 N 3 0 m c X V v d D s s J n F 1 b 3 Q 7 U 2 V j d G l v b j E v R G F 0 Y T E v Q 2 h h b m d l Z C B U e X B l L n t O Y X R c d T A w M j d s I E d y b 3 d 0 a C B F Z m Z l Y 3 Q s N z h 9 J n F 1 b 3 Q 7 L C Z x d W 9 0 O 1 N l Y 3 R p b 2 4 x L 0 R h d G E x L 0 N o Y W 5 n Z W Q g V H l w Z S 5 7 R X h w Z W N 0 Z W Q g Q 2 h h b m d l L D c 5 f S Z x d W 9 0 O y w m c X V v d D t T Z W N 0 a W 9 u M S 9 E Y X R h M S 9 D a G F u Z 2 V k I F R 5 c G U u e 0 1 h b G V z I C U g b 2 Y g U m V n a W 9 u L D g w f S Z x d W 9 0 O y w m c X V v d D t T Z W N 0 a W 9 u M S 9 E Y X R h M S 9 D a G F u Z 2 V k I F R 5 c G U u e 0 Z l b W F s Z X M g J S B v Z i B S Z W d p b 2 4 s O D F 9 J n F 1 b 3 Q 7 L C Z x d W 9 0 O 1 N l Y 3 R p b 2 4 x L 0 R h d G E x L 0 N o Y W 5 n Z W Q g V H l w Z S 5 7 Q W d l I D E 0 L T E 4 L D g y f S Z x d W 9 0 O y w m c X V v d D t T Z W N 0 a W 9 u M S 9 E Y X R h M S 9 D a G F u Z 2 V k I F R 5 c G U u e 0 F n Z S A x O S 0 y M S w 4 M 3 0 m c X V v d D s s J n F 1 b 3 Q 7 U 2 V j d G l v b j E v R G F 0 Y T E v Q 2 h h b m d l Z C B U e X B l L n t B Z 2 U g M j I t M j Q s O D R 9 J n F 1 b 3 Q 7 L C Z x d W 9 0 O 1 N l Y 3 R p b 2 4 x L 0 R h d G E x L 0 N o Y W 5 n Z W Q g V H l w Z S 5 7 Q W d l I D I 1 L T M 0 L D g 1 f S Z x d W 9 0 O y w m c X V v d D t T Z W N 0 a W 9 u M S 9 E Y X R h M S 9 D a G F u Z 2 V k I F R 5 c G U u e 0 F n Z S A z N S 0 0 N C w 4 N n 0 m c X V v d D s s J n F 1 b 3 Q 7 U 2 V j d G l v b j E v R G F 0 Y T E v Q 2 h h b m d l Z C B U e X B l L n t B Z 2 U g N D U t N T Q s O D d 9 J n F 1 b 3 Q 7 L C Z x d W 9 0 O 1 N l Y 3 R p b 2 4 x L 0 R h d G E x L 0 N o Y W 5 n Z W Q g V H l w Z S 5 7 Q W d l I D U 1 L T Y 0 L D g 4 f S Z x d W 9 0 O y w m c X V v d D t T Z W N 0 a W 9 u M S 9 E Y X R h M S 9 D a G F u Z 2 V k I F R 5 c G U u e 0 F n Z S A 2 N S s s O D l 9 J n F 1 b 3 Q 7 L C Z x d W 9 0 O 1 N l Y 3 R p b 2 4 x L 0 R h d G E x L 0 N o Y W 5 n Z W Q g V H l w Z S 5 7 Q W d l I D E 0 L T E 4 I C U g b 2 Y g U m V n a W 9 u L D k w f S Z x d W 9 0 O y w m c X V v d D t T Z W N 0 a W 9 u M S 9 E Y X R h M S 9 D a G F u Z 2 V k I F R 5 c G U u e 0 F n Z S A x O S 0 y M S A l I G 9 m I F J l Z 2 l v b i w 5 M X 0 m c X V v d D s s J n F 1 b 3 Q 7 U 2 V j d G l v b j E v R G F 0 Y T E v Q 2 h h b m d l Z C B U e X B l L n t B Z 2 U g M j I t M j Q g J S B v Z i B S Z W d p b 2 4 s O T J 9 J n F 1 b 3 Q 7 L C Z x d W 9 0 O 1 N l Y 3 R p b 2 4 x L 0 R h d G E x L 0 N o Y W 5 n Z W Q g V H l w Z S 5 7 Q W d l I D I 1 L T M 0 I C U g b 2 Y g U m V n a W 9 u L D k z f S Z x d W 9 0 O y w m c X V v d D t T Z W N 0 a W 9 u M S 9 E Y X R h M S 9 D a G F u Z 2 V k I F R 5 c G U u e 0 F n Z S A z N S 0 0 N C A l I G 9 m I F J l Z 2 l v b i w 5 N H 0 m c X V v d D s s J n F 1 b 3 Q 7 U 2 V j d G l v b j E v R G F 0 Y T E v Q 2 h h b m d l Z C B U e X B l L n t B Z 2 U g N D U t N T Q g J S B v Z i B S Z W d p b 2 4 s O T V 9 J n F 1 b 3 Q 7 L C Z x d W 9 0 O 1 N l Y 3 R p b 2 4 x L 0 R h d G E x L 0 N o Y W 5 n Z W Q g V H l w Z S 5 7 Q W d l I D U 1 L T Y 0 I C U g b 2 Y g U m V n a W 9 u L D k 2 f S Z x d W 9 0 O y w m c X V v d D t T Z W N 0 a W 9 u M S 9 E Y X R h M S 9 D a G F u Z 2 V k I F R 5 c G U u e 0 F n Z S A 2 N S s g J S B v Z i B S Z W d p b 2 4 s O T d 9 J n F 1 b 3 Q 7 L C Z x d W 9 0 O 1 N l Y 3 R p b 2 4 x L 0 R h d G E x L 0 N o Y W 5 n Z W Q g V H l w Z S 5 7 T W F s Z X M s O T h 9 J n F 1 b 3 Q 7 L C Z x d W 9 0 O 1 N l Y 3 R p b 2 4 x L 0 R h d G E x L 0 N o Y W 5 n Z W Q g V H l w Z S 5 7 R m V t Y W x l c y w 5 O X 0 m c X V v d D s s J n F 1 b 3 Q 7 U 2 V j d G l v b j E v R G F 0 Y T E v Q 2 h h b m d l Z C B U e X B l L n t B d m c u I E V h c m 5 p b m d z I F B l c i B K b 2 I s M T A w f S Z x d W 9 0 O y w m c X V v d D t T Z W N 0 a W 9 u M S 9 E Y X R h M S 9 D a G F u Z 2 V k I F R 5 c G U u e z I w M D E g T G 9 j Y X R p b 2 4 g U X V v d G l l b n Q s M T A x f S Z x d W 9 0 O y w m c X V v d D t T Z W N 0 a W 9 u M S 9 E Y X R h M S 9 D a G F u Z 2 V k I F R 5 c G U u e z I w M D I g T G 9 j Y X R p b 2 4 g U X V v d G l l b n Q s M T A y f S Z x d W 9 0 O y w m c X V v d D t T Z W N 0 a W 9 u M S 9 E Y X R h M S 9 D a G F u Z 2 V k I F R 5 c G U u e z I w M D M g T G 9 j Y X R p b 2 4 g U X V v d G l l b n Q s M T A z f S Z x d W 9 0 O y w m c X V v d D t T Z W N 0 a W 9 u M S 9 E Y X R h M S 9 D a G F u Z 2 V k I F R 5 c G U u e z I w M D Q g T G 9 j Y X R p b 2 4 g U X V v d G l l b n Q s M T A 0 f S Z x d W 9 0 O y w m c X V v d D t T Z W N 0 a W 9 u M S 9 E Y X R h M S 9 D a G F u Z 2 V k I F R 5 c G U u e z I w M D U g T G 9 j Y X R p b 2 4 g U X V v d G l l b n Q s M T A 1 f S Z x d W 9 0 O y w m c X V v d D t T Z W N 0 a W 9 u M S 9 E Y X R h M S 9 D a G F u Z 2 V k I F R 5 c G U u e z I w M D Y g T G 9 j Y X R p b 2 4 g U X V v d G l l b n Q s M T A 2 f S Z x d W 9 0 O y w m c X V v d D t T Z W N 0 a W 9 u M S 9 E Y X R h M S 9 D a G F u Z 2 V k I F R 5 c G U u e z I w M D c g T G 9 j Y X R p b 2 4 g U X V v d G l l b n Q s M T A 3 f S Z x d W 9 0 O y w m c X V v d D t T Z W N 0 a W 9 u M S 9 E Y X R h M S 9 D a G F u Z 2 V k I F R 5 c G U u e z I w M D g g T G 9 j Y X R p b 2 4 g U X V v d G l l b n Q s M T A 4 f S Z x d W 9 0 O y w m c X V v d D t T Z W N 0 a W 9 u M S 9 E Y X R h M S 9 D a G F u Z 2 V k I F R 5 c G U u e z I w M D k g T G 9 j Y X R p b 2 4 g U X V v d G l l b n Q s M T A 5 f S Z x d W 9 0 O y w m c X V v d D t T Z W N 0 a W 9 u M S 9 E Y X R h M S 9 D a G F u Z 2 V k I F R 5 c G U u e z I w M T A g T G 9 j Y X R p b 2 4 g U X V v d G l l b n Q s M T E w f S Z x d W 9 0 O y w m c X V v d D t T Z W N 0 a W 9 u M S 9 E Y X R h M S 9 D a G F u Z 2 V k I F R 5 c G U u e z I w M T E g T G 9 j Y X R p b 2 4 g U X V v d G l l b n Q s M T E x f S Z x d W 9 0 O y w m c X V v d D t T Z W N 0 a W 9 u M S 9 E Y X R h M S 9 D a G F u Z 2 V k I F R 5 c G U u e z I w M T I g T G 9 j Y X R p b 2 4 g U X V v d G l l b n Q s M T E y f S Z x d W 9 0 O y w m c X V v d D t T Z W N 0 a W 9 u M S 9 E Y X R h M S 9 D a G F u Z 2 V k I F R 5 c G U u e z I w M T M g T G 9 j Y X R p b 2 4 g U X V v d G l l b n Q s M T E z f S Z x d W 9 0 O y w m c X V v d D t T Z W N 0 a W 9 u M S 9 E Y X R h M S 9 D a G F u Z 2 V k I F R 5 c G U u e z I w M T Q g T G 9 j Y X R p b 2 4 g U X V v d G l l b n Q s M T E 0 f S Z x d W 9 0 O y w m c X V v d D t T Z W N 0 a W 9 u M S 9 E Y X R h M S 9 D a G F u Z 2 V k I F R 5 c G U u e z I w M T U g T G 9 j Y X R p b 2 4 g U X V v d G l l b n Q s M T E 1 f S Z x d W 9 0 O y w m c X V v d D t T Z W N 0 a W 9 u M S 9 E Y X R h M S 9 D a G F u Z 2 V k I F R 5 c G U u e z I w M T Y g T G 9 j Y X R p b 2 4 g U X V v d G l l b n Q s M T E 2 f S Z x d W 9 0 O y w m c X V v d D t T Z W N 0 a W 9 u M S 9 E Y X R h M S 9 D a G F u Z 2 V k I F R 5 c G U u e z I w M T c g T G 9 j Y X R p b 2 4 g U X V v d G l l b n Q s M T E 3 f S Z x d W 9 0 O y w m c X V v d D t T Z W N 0 a W 9 u M S 9 D b 3 V u d H l D b 2 R l c y A o M i k v Q 2 h h b m d l Z C B U e X B l L n t H S V M g S m 9 p b i B N Y X R j a C B D b 2 R l L D B 9 J n F 1 b 3 Q 7 L C Z x d W 9 0 O 1 N l Y 3 R p b 2 4 x L 0 N v d W 5 0 e U N v Z G V z I C g y K S 9 D a G F u Z 2 V k I F R 5 c G U u e 0 N v d W 5 0 e S B O Y W 1 l L D F 9 J n F 1 b 3 Q 7 L C Z x d W 9 0 O 1 N l Y 3 R p b 2 4 x L 0 N v d W 5 0 e U N v Z G V z I C g y K S 9 D a G F u Z 2 V k I F R 5 c G U u e 0 N O V F l G S V B T L D J 9 J n F 1 b 3 Q 7 L C Z x d W 9 0 O 1 N l Y 3 R p b 2 4 x L 0 N v d W 5 0 e U N v Z G V z I C g y K S 9 D a G F u Z 2 V k I F R 5 c G U u e 1 N 0 c m l r Z W Z v c m N l L D N 9 J n F 1 b 3 Q 7 L C Z x d W 9 0 O 1 N l Y 3 R p b 2 4 x L 0 N v d W 5 0 e U N v Z G V z I C g y K S 9 D a G F u Z 2 V k I F R 5 c G U u e 0 N C U 0 F f Q 2 9 k Z S w 0 f S Z x d W 9 0 O y w m c X V v d D t T Z W N 0 a W 9 u M S 9 D b 3 V u d H l D b 2 R l c y A o M i k v Q 2 h h b m d l Z C B U e X B l L n t D U 0 F f Q 2 9 k Z S w 1 f S Z x d W 9 0 O y w m c X V v d D t T Z W N 0 a W 9 u M S 9 D b 3 V u d H l D b 2 R l c y A o M i k v Q 2 h h b m d l Z C B U e X B l L n t D Q l N B X 1 R p d G x l L D Z 9 J n F 1 b 3 Q 7 L C Z x d W 9 0 O 1 N l Y 3 R p b 2 4 x L 0 N v d W 5 0 e U N v Z G V z I C g y K S 9 D a G F u Z 2 V k I F R 5 c G U u e 0 1 l d H J v c G 9 s a X Q s N 3 0 m c X V v d D s s J n F 1 b 3 Q 7 U 2 V j d G l v b j E v Q 2 9 1 b n R 5 Q 2 9 k Z X M g K D I p L 0 N o Y W 5 n Z W Q g V H l w Z S 5 7 Q 2 V u d H J h b F 9 P d S w 4 f S Z x d W 9 0 O y w m c X V v d D t T Z W N 0 a W 9 u M S 9 D b 3 V u d H l D b 2 R l c y A o M i k v Q 2 h h b m d l Z C B U e X B l L n t N a W N y b 0 1 l d H J v L D l 9 J n F 1 b 3 Q 7 L C Z x d W 9 0 O 1 N l Y 3 R p b 2 4 x L 0 N v d W 5 0 e U N v Z G V z I C g y K S 9 D a G F u Z 2 V k I F R 5 c G U u e 0 N T Q V 9 U a X R s Z S w x M H 0 m c X V v d D s s J n F 1 b 3 Q 7 U 2 V j d G l v b j E v Q 2 9 1 b n R 5 Q 2 9 k Z X M g K D I p L 0 N o Y W 5 n Z W Q g V H l w Z S 5 7 R k l Q U 1 9 T d G F 0 Z S w x M X 0 m c X V v d D s s J n F 1 b 3 Q 7 U 2 V j d G l v b j E v Q 2 9 1 b n R 5 Q 2 9 k Z X M g K D I p L 0 N o Y W 5 n Z W Q g V H l w Z S 5 7 R k l Q U 1 9 D b 3 V u d C w x M n 0 m c X V v d D s s J n F 1 b 3 Q 7 U 2 V j d G l v b j E v Q 2 9 1 b n R 5 Q 2 9 k Z X M g K D I p L 0 N o Y W 5 n Z W Q g V H l w Z S 5 7 V U l D X z I w M T M s M T N 9 J n F 1 b 3 Q 7 L C Z x d W 9 0 O 1 N l Y 3 R p b 2 4 x L 0 N v d W 5 0 e U N v Z G V z I C g y K S 9 D a G F u Z 2 V k I F R 5 c G U u e 1 V J Q 1 8 y M D E z R G U s M T R 9 J n F 1 b 3 Q 7 L C Z x d W 9 0 O 1 N l Y 3 R p b 2 4 x L 0 N v d W 5 0 e U N v Z G V z I C g y K S 9 D a G F u Z 2 V k I F R 5 c G U u e 1 J V Q 0 N f M j A x M y w x N X 0 m c X V v d D s s J n F 1 b 3 Q 7 U 2 V j d G l v b j E v Q 2 9 1 b n R 5 Q 2 9 k Z X M g K D I p L 0 N o Y W 5 n Z W Q g V H l w Z S 5 7 U l V D Q 1 8 y M D E z R C w x N n 0 m c X V v d D s s J n F 1 b 3 Q 7 U 2 V j d G l v b j E v Q 2 9 1 b n R 5 Q 2 9 k Z X M g K D I p L 0 N o Y W 5 n Z W Q g V H l w Z S 5 7 Q 2 9 s d W 1 u M T g s M T d 9 J n F 1 b 3 Q 7 L C Z x d W 9 0 O 1 N l Y 3 R p b 2 4 x L 0 N v d W 5 0 e U N v Z G V z I C g y K S 9 D a G F u Z 2 V k I F R 5 c G U u e 0 N v b H V t b j E 5 L D E 4 f S Z x d W 9 0 O 1 0 s J n F 1 b 3 Q 7 U m V s Y X R p b 2 5 z a G l w S W 5 m b y Z x d W 9 0 O z p b e y Z x d W 9 0 O 2 t l e U N v b H V t b k N v d W 5 0 J n F 1 b 3 Q 7 O j E s J n F 1 b 3 Q 7 a 2 V 5 Q 2 9 s d W 1 u J n F 1 b 3 Q 7 O j I s J n F 1 b 3 Q 7 b 3 R o Z X J L Z X l D b 2 x 1 b W 5 J Z G V u d G l 0 e S Z x d W 9 0 O z o m c X V v d D t T Z W N 0 a W 9 u M S 9 D b 3 V u d H l D b 2 R l c y A o M i k v Q 2 h h b m d l Z C B U e X B l L n t D T l R Z R k l Q U y w y f S Z x d W 9 0 O y w m c X V v d D t L Z X l D b 2 x 1 b W 5 D b 3 V u d C Z x d W 9 0 O z o x f V 1 9 I i A v P j w v U 3 R h Y m x l R W 5 0 c m l l c z 4 8 L 0 l 0 Z W 0 + P E l 0 Z W 0 + P E l 0 Z W 1 M b 2 N h d G l v b j 4 8 S X R l b V R 5 c G U + R m 9 y b X V s Y T w v S X R l b V R 5 c G U + P E l 0 Z W 1 Q Y X R o P l N l Y 3 R p b 2 4 x L 0 1 l c m d l M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N Z X J n Z T E v R X h w Y W 5 k Z W Q l M j B O Z X d D b 2 x 1 b W 4 8 L 0 l 0 Z W 1 Q Y X R o P j w v S X R l b U x v Y 2 F 0 a W 9 u P j x T d G F i b G V F b n R y a W V z I C 8 + P C 9 J d G V t P j w v S X R l b X M + P C 9 M b 2 N h b F B h Y 2 t h Z 2 V N Z X R h Z G F 0 Y U Z p b G U + F g A A A F B L B Q Y A A A A A A A A A A A A A A A A A A A A A A A D a A A A A A Q A A A N C M n d 8 B F d E R j H o A w E / C l + s B A A A A Z R k c 4 A e i 7 k W C 9 e z X 1 N u H m Q A A A A A C A A A A A A A D Z g A A w A A A A B A A A A A e 7 n d 0 1 O I H D h / E 3 1 1 J v U e M A A A A A A S A A A C g A A A A E A A A A A r 3 f Q W y K A S F w / s n X J t R G C x Q A A A A X n i L J 0 P E u b 1 o Q N F K x Z E M j K d v d N G A B 0 K r j q 3 b 6 q Z 7 W U H h k x W v J J s p j H C 3 r B o 3 L s 4 y C x N + u O 7 B R b X W E y p w E U i X t T W v 8 b n X g f r B Z i k 3 p l a e o s U U A A A A N 3 N 3 L N Z r g b W K a 0 i S t K u p d o j B p K 4 = < / D a t a M a s h u p > 
</file>

<file path=customXml/itemProps1.xml><?xml version="1.0" encoding="utf-8"?>
<ds:datastoreItem xmlns:ds="http://schemas.openxmlformats.org/officeDocument/2006/customXml" ds:itemID="{AD163E41-970E-4C28-BA2F-86927B1FC58A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Data</vt:lpstr>
      <vt:lpstr>OMB  Map</vt:lpstr>
      <vt:lpstr>MicroMetro</vt:lpstr>
      <vt:lpstr>Dat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urry, Pat</dc:creator>
  <cp:lastModifiedBy>Wholey,Matthew B</cp:lastModifiedBy>
  <dcterms:created xsi:type="dcterms:W3CDTF">2017-06-12T14:45:29Z</dcterms:created>
  <dcterms:modified xsi:type="dcterms:W3CDTF">2018-03-06T22:35:34Z</dcterms:modified>
</cp:coreProperties>
</file>